
<file path=[Content_Types].xml><?xml version="1.0" encoding="utf-8"?>
<Types xmlns="http://schemas.openxmlformats.org/package/2006/content-types">
  <Default Extension="png" ContentType="image/png"/>
  <Default Extension="wmf" ContentType="image/x-wmf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wdp" ContentType="image/vnd.ms-photo"/>
  <Default Extension="tiff" ContentType="image/tiff"/>
  <Default Extension="jpg" ContentType="image/jpeg"/>
  <Default Extension="mp4" ContentType="video/mp4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theme/theme2.xml" ContentType="application/vnd.openxmlformats-officedocument.theme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  <p:sldMasterId id="2147483668" r:id="rId3"/>
  </p:sldMasterIdLst>
  <p:notesMasterIdLst>
    <p:notesMasterId r:id="rId37"/>
  </p:notesMasterIdLst>
  <p:sldIdLst>
    <p:sldId id="298" r:id="rId4"/>
    <p:sldId id="299" r:id="rId5"/>
    <p:sldId id="271" r:id="rId6"/>
    <p:sldId id="272" r:id="rId7"/>
    <p:sldId id="300" r:id="rId8"/>
    <p:sldId id="320" r:id="rId9"/>
    <p:sldId id="297" r:id="rId10"/>
    <p:sldId id="301" r:id="rId11"/>
    <p:sldId id="336" r:id="rId12"/>
    <p:sldId id="257" r:id="rId13"/>
    <p:sldId id="258" r:id="rId14"/>
    <p:sldId id="267" r:id="rId15"/>
    <p:sldId id="266" r:id="rId16"/>
    <p:sldId id="316" r:id="rId17"/>
    <p:sldId id="306" r:id="rId18"/>
    <p:sldId id="264" r:id="rId19"/>
    <p:sldId id="317" r:id="rId20"/>
    <p:sldId id="311" r:id="rId21"/>
    <p:sldId id="337" r:id="rId22"/>
    <p:sldId id="265" r:id="rId23"/>
    <p:sldId id="333" r:id="rId24"/>
    <p:sldId id="268" r:id="rId25"/>
    <p:sldId id="287" r:id="rId26"/>
    <p:sldId id="322" r:id="rId27"/>
    <p:sldId id="318" r:id="rId28"/>
    <p:sldId id="283" r:id="rId29"/>
    <p:sldId id="288" r:id="rId30"/>
    <p:sldId id="328" r:id="rId31"/>
    <p:sldId id="335" r:id="rId32"/>
    <p:sldId id="269" r:id="rId33"/>
    <p:sldId id="256" r:id="rId34"/>
    <p:sldId id="273" r:id="rId35"/>
    <p:sldId id="338" r:id="rId3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7025" autoAdjust="0"/>
    <p:restoredTop sz="70886" autoAdjust="0"/>
  </p:normalViewPr>
  <p:slideViewPr>
    <p:cSldViewPr snapToGrid="0">
      <p:cViewPr varScale="1">
        <p:scale>
          <a:sx n="82" d="100"/>
          <a:sy n="82" d="100"/>
        </p:scale>
        <p:origin x="996" y="78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50" d="100"/>
        <a:sy n="150" d="100"/>
      </p:scale>
      <p:origin x="0" y="-16194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slide" Target="slides/slide23.xml"/><Relationship Id="rId39" Type="http://schemas.openxmlformats.org/officeDocument/2006/relationships/viewProps" Target="viewProps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8.xml"/><Relationship Id="rId34" Type="http://schemas.openxmlformats.org/officeDocument/2006/relationships/slide" Target="slides/slide31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slide" Target="slides/slide22.xml"/><Relationship Id="rId33" Type="http://schemas.openxmlformats.org/officeDocument/2006/relationships/slide" Target="slides/slide30.xml"/><Relationship Id="rId38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29" Type="http://schemas.openxmlformats.org/officeDocument/2006/relationships/slide" Target="slides/slide26.xml"/><Relationship Id="rId41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slide" Target="slides/slide21.xml"/><Relationship Id="rId32" Type="http://schemas.openxmlformats.org/officeDocument/2006/relationships/slide" Target="slides/slide29.xml"/><Relationship Id="rId37" Type="http://schemas.openxmlformats.org/officeDocument/2006/relationships/notesMaster" Target="notesMasters/notesMaster1.xml"/><Relationship Id="rId40" Type="http://schemas.openxmlformats.org/officeDocument/2006/relationships/theme" Target="theme/theme1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slide" Target="slides/slide20.xml"/><Relationship Id="rId28" Type="http://schemas.openxmlformats.org/officeDocument/2006/relationships/slide" Target="slides/slide25.xml"/><Relationship Id="rId36" Type="http://schemas.openxmlformats.org/officeDocument/2006/relationships/slide" Target="slides/slide33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31" Type="http://schemas.openxmlformats.org/officeDocument/2006/relationships/slide" Target="slides/slide28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slide" Target="slides/slide24.xml"/><Relationship Id="rId30" Type="http://schemas.openxmlformats.org/officeDocument/2006/relationships/slide" Target="slides/slide27.xml"/><Relationship Id="rId35" Type="http://schemas.openxmlformats.org/officeDocument/2006/relationships/slide" Target="slides/slide32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FCA391E-19A5-4FA1-B869-CDFAEC943AB0}" type="datetimeFigureOut">
              <a:rPr lang="en-US" smtClean="0"/>
              <a:t>9/10/2018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485E496-AE23-49C7-8A27-88332632DF8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378083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4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406400" y="698500"/>
            <a:ext cx="6197600" cy="3486150"/>
          </a:xfrm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8195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altLang="en-US" dirty="0" smtClean="0"/>
          </a:p>
        </p:txBody>
      </p:sp>
      <p:sp>
        <p:nvSpPr>
          <p:cNvPr id="8196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1pPr>
            <a:lvl2pPr marL="716130" indent="-275434"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2pPr>
            <a:lvl3pPr marL="1101738" indent="-220348"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3pPr>
            <a:lvl4pPr marL="1542433" indent="-220348"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4pPr>
            <a:lvl5pPr marL="1983128" indent="-220348"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5pPr>
            <a:lvl6pPr marL="2423823" indent="-220348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6pPr>
            <a:lvl7pPr marL="2864518" indent="-220348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7pPr>
            <a:lvl8pPr marL="3305213" indent="-220348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8pPr>
            <a:lvl9pPr marL="3745908" indent="-220348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6F084AA2-EDF3-41B6-9BD5-4D1331E35CE7}" type="slidenum">
              <a:rPr lang="en-US" altLang="en-US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1</a:t>
            </a:fld>
            <a:endParaRPr lang="en-US" altLang="en-US" dirty="0"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7581888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000" dirty="0" smtClean="0"/>
              <a:t>Funded</a:t>
            </a:r>
            <a:r>
              <a:rPr lang="en-US" sz="1000" baseline="0" dirty="0" smtClean="0"/>
              <a:t> in 2016/2017:</a:t>
            </a:r>
          </a:p>
          <a:p>
            <a:pPr marL="171450" indent="-171450">
              <a:buFontTx/>
              <a:buChar char="-"/>
            </a:pPr>
            <a:r>
              <a:rPr lang="en-US" sz="1000" baseline="0" dirty="0" smtClean="0"/>
              <a:t>Industry Partners</a:t>
            </a:r>
          </a:p>
          <a:p>
            <a:pPr marL="628650" lvl="1" indent="-171450">
              <a:buFontTx/>
              <a:buChar char="-"/>
            </a:pPr>
            <a:r>
              <a:rPr lang="en-US" sz="1000" baseline="0" dirty="0" smtClean="0"/>
              <a:t>July 2015-Sept. 2017: CDC has curated 14 panels from its 450,000+ isolate collection and shared 55,000 isolates with customers who work in clinical labs and diagnostic/pharma R&amp;D. CDC has processed 630+ orders for 570+ unique customers. </a:t>
            </a:r>
          </a:p>
          <a:p>
            <a:pPr marL="457200" lvl="1" indent="0">
              <a:buFontTx/>
              <a:buNone/>
            </a:pPr>
            <a:endParaRPr lang="en-US" sz="1000" baseline="0" dirty="0" smtClean="0"/>
          </a:p>
          <a:p>
            <a:pPr marL="171450" lvl="0" indent="-171450">
              <a:buFontTx/>
              <a:buChar char="-"/>
            </a:pPr>
            <a:r>
              <a:rPr lang="en-US" sz="1000" baseline="0" dirty="0" smtClean="0"/>
              <a:t>BAA - Leaders in Applied Research ($15M in 2016; $9M in 2017)</a:t>
            </a:r>
          </a:p>
          <a:p>
            <a:pPr marL="628650" lvl="1" indent="-171450">
              <a:buFontTx/>
              <a:buChar char="-"/>
            </a:pPr>
            <a:r>
              <a:rPr lang="en-US" sz="1000" baseline="0" dirty="0" smtClean="0"/>
              <a:t>18 research projects on microbiome assessment and intervention </a:t>
            </a:r>
          </a:p>
          <a:p>
            <a:pPr marL="628650" lvl="1" indent="-171450">
              <a:buFontTx/>
              <a:buChar char="-"/>
            </a:pPr>
            <a:r>
              <a:rPr lang="en-US" sz="1000" baseline="0" dirty="0" smtClean="0"/>
              <a:t>29 research projects on innovative AR/HAI prevention and tracking</a:t>
            </a:r>
          </a:p>
          <a:p>
            <a:pPr marL="628650" lvl="1" indent="-171450">
              <a:buFontTx/>
              <a:buChar char="-"/>
            </a:pPr>
            <a:r>
              <a:rPr lang="en-US" sz="1000" baseline="0" dirty="0" smtClean="0"/>
              <a:t>5 research projects on healthcare, agriculture, and the non-healthcare environment</a:t>
            </a:r>
          </a:p>
          <a:p>
            <a:pPr marL="457200" lvl="1" indent="0">
              <a:buFontTx/>
              <a:buNone/>
            </a:pPr>
            <a:endParaRPr lang="en-US" sz="1000" baseline="0" dirty="0" smtClean="0"/>
          </a:p>
          <a:p>
            <a:pPr marL="171450" lvl="0" indent="-171450">
              <a:buFontTx/>
              <a:buChar char="-"/>
            </a:pPr>
            <a:r>
              <a:rPr lang="en-US" sz="1000" baseline="0" dirty="0" smtClean="0"/>
              <a:t>Prevention Networks ($39M total 2016-2017)</a:t>
            </a:r>
          </a:p>
          <a:p>
            <a:pPr marL="628650" lvl="1" indent="-171450">
              <a:buFontTx/>
              <a:buChar char="-"/>
            </a:pPr>
            <a:r>
              <a:rPr lang="en-US" sz="1000" baseline="0" dirty="0" smtClean="0"/>
              <a:t>5 Prevention Epicenters ($29M, 2016-2017)</a:t>
            </a:r>
          </a:p>
          <a:p>
            <a:pPr marL="628650" lvl="1" indent="-171450">
              <a:buFontTx/>
              <a:buChar char="-"/>
            </a:pPr>
            <a:r>
              <a:rPr lang="en-US" sz="1000" baseline="0" dirty="0" smtClean="0"/>
              <a:t>5 MIND-Healthcare awardees ($10M, 2017)</a:t>
            </a:r>
          </a:p>
          <a:p>
            <a:pPr marL="457200" lvl="1" indent="0">
              <a:buFontTx/>
              <a:buNone/>
            </a:pPr>
            <a:endParaRPr lang="en-US" sz="1000" baseline="0" dirty="0" smtClean="0"/>
          </a:p>
          <a:p>
            <a:pPr marL="171450" lvl="0" indent="-171450">
              <a:buFontTx/>
              <a:buChar char="-"/>
            </a:pPr>
            <a:r>
              <a:rPr lang="en-US" sz="1000" baseline="0" dirty="0" smtClean="0"/>
              <a:t>Academic &amp; Healthcare Investigators ($10M, 2016)</a:t>
            </a:r>
          </a:p>
          <a:p>
            <a:pPr marL="628650" lvl="1" indent="-171450">
              <a:buFontTx/>
              <a:buChar char="-"/>
            </a:pPr>
            <a:r>
              <a:rPr lang="en-US" sz="1000" baseline="0" dirty="0" smtClean="0"/>
              <a:t>8 projects </a:t>
            </a:r>
            <a:r>
              <a:rPr lang="en-US" sz="1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for Safe Healthcare, Epidemiology, and Prevention Research Development (</a:t>
            </a:r>
            <a:r>
              <a:rPr lang="en-US" sz="1000" kern="1200" baseline="0" dirty="0" err="1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SHEPheRD</a:t>
            </a:r>
            <a:r>
              <a:rPr lang="en-US" sz="1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)</a:t>
            </a:r>
            <a:endParaRPr lang="en-US" sz="1000" kern="120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63F7428-A99C-4A08-82D2-1EA67230E55A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5695735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E82054C-5FFB-4925-88B8-34BFE44764D6}" type="slidenum">
              <a:rPr lang="en-US" smtClean="0"/>
              <a:pPr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7779494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B38CAEC-4554-485B-9189-C45C7447A404}" type="slidenum">
              <a:rPr lang="en-US" smtClean="0"/>
              <a:pPr>
                <a:defRPr/>
              </a:pPr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4784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E82054C-5FFB-4925-88B8-34BFE44764D6}" type="slidenum">
              <a:rPr lang="en-US" smtClean="0"/>
              <a:pPr/>
              <a:t>1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56667281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B38CAEC-4554-485B-9189-C45C7447A404}" type="slidenum">
              <a:rPr lang="en-US" smtClean="0"/>
              <a:pPr>
                <a:defRPr/>
              </a:pPr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3141462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B38CAEC-4554-485B-9189-C45C7447A404}" type="slidenum">
              <a:rPr lang="en-US" smtClean="0"/>
              <a:pPr>
                <a:defRPr/>
              </a:pPr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9915953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6492667-D14B-4043-B1CC-E99F2F02AC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56866488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F28EDED-253A-48A1-ABE1-DB606B33C976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82900181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747713" y="1181100"/>
            <a:ext cx="5670550" cy="318928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502CB63-6E21-4B6F-B75E-6894CFAD9933}" type="slidenum">
              <a:rPr lang="en-US" smtClean="0">
                <a:solidFill>
                  <a:prstClr val="black"/>
                </a:solidFill>
              </a:rPr>
              <a:pPr/>
              <a:t>24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65066867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 idx="10"/>
          </p:nvPr>
        </p:nvSpPr>
        <p:spPr/>
        <p:txBody>
          <a:bodyPr/>
          <a:lstStyle/>
          <a:p>
            <a:r>
              <a:rPr lang="en-US" dirty="0" smtClean="0"/>
              <a:t>DRAFT FOR DISCUSSION PURPOSES ONLY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D93A8F3D-4F3E-4705-993C-3682EC034D3D}" type="slidenum">
              <a:rPr lang="en-US" smtClean="0"/>
              <a:t>2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0854496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6400" y="696913"/>
            <a:ext cx="6197600" cy="3487737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 smtClean="0"/>
              <a:t>Landmark Antibiotic</a:t>
            </a:r>
            <a:r>
              <a:rPr lang="en-US" baseline="0" dirty="0" smtClean="0"/>
              <a:t> Resistance report in 2013 spelled out the emerging threat in the United Stat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baseline="0" dirty="0" smtClean="0"/>
              <a:t>To help combat this threat, CDC launched the AR Initiative in FY 2016, which included direct funding to state and local governments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E82054C-5FFB-4925-88B8-34BFE44764D6}" type="slidenum">
              <a:rPr lang="en-US" smtClean="0"/>
              <a:pPr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72982125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F803CC6-1DB5-416A-93D6-EF6DACB18069}" type="slidenum">
              <a:rPr lang="en-US" smtClean="0"/>
              <a:t>2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47426372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B38CAEC-4554-485B-9189-C45C7447A404}" type="slidenum">
              <a:rPr lang="en-US" smtClean="0">
                <a:solidFill>
                  <a:prstClr val="black"/>
                </a:solidFill>
              </a:rPr>
              <a:pPr>
                <a:defRPr/>
              </a:pPr>
              <a:t>27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67490113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7806" indent="-177806">
              <a:buFont typeface="Arial" panose="020B0604020202020204" pitchFamily="34" charset="0"/>
              <a:buChar char="•"/>
            </a:pPr>
            <a:endParaRPr lang="en-US" dirty="0" smtClean="0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 idx="10"/>
          </p:nvPr>
        </p:nvSpPr>
        <p:spPr/>
        <p:txBody>
          <a:bodyPr/>
          <a:lstStyle/>
          <a:p>
            <a:r>
              <a:rPr lang="en-US" dirty="0" smtClean="0"/>
              <a:t>DRAFT FOR DISCUSSION PURPOSES ONLY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D93A8F3D-4F3E-4705-993C-3682EC034D3D}" type="slidenum">
              <a:rPr lang="en-US" smtClean="0"/>
              <a:t>2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53372368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6492667-D14B-4043-B1CC-E99F2F02AC2B}" type="slidenum">
              <a:rPr lang="en-US" smtClean="0"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0089641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6492667-D14B-4043-B1CC-E99F2F02AC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06739862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B38CAEC-4554-485B-9189-C45C7447A404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65125427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7200" y="720725"/>
            <a:ext cx="6400800" cy="3600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B38CAEC-4554-485B-9189-C45C7447A404}" type="slidenum">
              <a:rPr lang="en-US" smtClean="0"/>
              <a:pPr>
                <a:defRPr/>
              </a:pPr>
              <a:t>3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401553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B38CAEC-4554-485B-9189-C45C7447A404}" type="slidenum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4859570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0" indent="0">
              <a:buFont typeface="Arial" panose="020B0604020202020204" pitchFamily="34" charset="0"/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B38CAEC-4554-485B-9189-C45C7447A404}" type="slidenum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2439550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1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B38CAEC-4554-485B-9189-C45C7447A404}" type="slidenum">
              <a:rPr lang="en-US" smtClean="0"/>
              <a:pPr>
                <a:defRPr/>
              </a:pPr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994005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747713" y="1181100"/>
            <a:ext cx="5670550" cy="318928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defTabSz="949478">
              <a:defRPr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5D9AC61-5EBD-4FF8-9EFD-CC4CEDA4E733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3772787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B38CAEC-4554-485B-9189-C45C7447A404}" type="slidenum">
              <a:rPr lang="en-US" smtClean="0"/>
              <a:pPr>
                <a:defRPr/>
              </a:pPr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326940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B38CAEC-4554-485B-9189-C45C7447A404}" type="slidenum">
              <a:rPr lang="en-US" smtClean="0"/>
              <a:pPr>
                <a:defRPr/>
              </a:pPr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605513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6492667-D14B-4043-B1CC-E99F2F02AC2B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19432132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3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BEFF-F174-4A4D-9C67-4C6DA37B99D3}" type="datetimeFigureOut">
              <a:rPr lang="en-US" smtClean="0"/>
              <a:t>9/1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62A584-F111-459D-B559-18CDE1ADDF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1185357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BEFF-F174-4A4D-9C67-4C6DA37B99D3}" type="datetimeFigureOut">
              <a:rPr lang="en-US" smtClean="0"/>
              <a:t>9/1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62A584-F111-459D-B559-18CDE1ADDF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992331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BEFF-F174-4A4D-9C67-4C6DA37B99D3}" type="datetimeFigureOut">
              <a:rPr lang="en-US" smtClean="0"/>
              <a:t>9/1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62A584-F111-459D-B559-18CDE1ADDF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0476188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_O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1" b="12824"/>
          <a:stretch/>
        </p:blipFill>
        <p:spPr>
          <a:xfrm>
            <a:off x="2" y="0"/>
            <a:ext cx="12210197" cy="1254035"/>
          </a:xfrm>
          <a:prstGeom prst="rect">
            <a:avLst/>
          </a:prstGeom>
        </p:spPr>
      </p:pic>
      <p:sp>
        <p:nvSpPr>
          <p:cNvPr id="11" name="Title 1"/>
          <p:cNvSpPr>
            <a:spLocks noGrp="1"/>
          </p:cNvSpPr>
          <p:nvPr>
            <p:ph type="title"/>
          </p:nvPr>
        </p:nvSpPr>
        <p:spPr>
          <a:xfrm>
            <a:off x="609600" y="1275655"/>
            <a:ext cx="10972800" cy="1155779"/>
          </a:xfrm>
          <a:prstGeom prst="rect">
            <a:avLst/>
          </a:prstGeom>
        </p:spPr>
        <p:txBody>
          <a:bodyPr/>
          <a:lstStyle>
            <a:lvl1pPr algn="l">
              <a:lnSpc>
                <a:spcPts val="4000"/>
              </a:lnSpc>
              <a:defRPr sz="3733" b="1" baseline="0">
                <a:solidFill>
                  <a:srgbClr val="0039A6"/>
                </a:solidFill>
                <a:effectLst/>
                <a:latin typeface="Calibri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/>
          </p:nvPr>
        </p:nvSpPr>
        <p:spPr>
          <a:xfrm>
            <a:off x="609600" y="2748933"/>
            <a:ext cx="853440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2667" b="1" baseline="0">
                <a:solidFill>
                  <a:srgbClr val="0039A6"/>
                </a:solidFill>
                <a:effectLst/>
                <a:latin typeface="Calibri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 smtClean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609600" y="3835603"/>
            <a:ext cx="8534400" cy="12954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2667"/>
              </a:lnSpc>
              <a:buNone/>
              <a:defRPr sz="2400" baseline="0">
                <a:solidFill>
                  <a:srgbClr val="0039A6"/>
                </a:solidFill>
                <a:latin typeface="Calibri" pitchFamily="34" charset="0"/>
              </a:defRPr>
            </a:lvl1pPr>
            <a:lvl2pPr algn="ctr">
              <a:defRPr>
                <a:solidFill>
                  <a:schemeClr val="tx2"/>
                </a:solidFill>
              </a:defRPr>
            </a:lvl2pPr>
            <a:lvl3pPr algn="ctr">
              <a:defRPr>
                <a:solidFill>
                  <a:schemeClr val="tx2"/>
                </a:solidFill>
              </a:defRPr>
            </a:lvl3pPr>
            <a:lvl4pPr algn="ctr">
              <a:defRPr>
                <a:solidFill>
                  <a:schemeClr val="tx2"/>
                </a:solidFill>
              </a:defRPr>
            </a:lvl4pPr>
            <a:lvl5pPr algn="ctr"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0" name="TextBox 9"/>
          <p:cNvSpPr txBox="1"/>
          <p:nvPr userDrawn="1"/>
        </p:nvSpPr>
        <p:spPr>
          <a:xfrm>
            <a:off x="609600" y="120204"/>
            <a:ext cx="920410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 smtClean="0">
                <a:solidFill>
                  <a:schemeClr val="tx2">
                    <a:lumMod val="95000"/>
                  </a:schemeClr>
                </a:solidFill>
                <a:latin typeface="Calibri" panose="020F0502020204030204" pitchFamily="34" charset="0"/>
              </a:rPr>
              <a:t>Centers for Disease Control and Prevention</a:t>
            </a:r>
          </a:p>
        </p:txBody>
      </p:sp>
    </p:spTree>
    <p:extLst>
      <p:ext uri="{BB962C8B-B14F-4D97-AF65-F5344CB8AC3E}">
        <p14:creationId xmlns:p14="http://schemas.microsoft.com/office/powerpoint/2010/main" val="326587439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ATA SLIDE_O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9"/>
            <a:ext cx="10972800" cy="1143000"/>
          </a:xfrm>
          <a:prstGeom prst="rect">
            <a:avLst/>
          </a:prstGeom>
        </p:spPr>
        <p:txBody>
          <a:bodyPr anchor="b" anchorCtr="0"/>
          <a:lstStyle>
            <a:lvl1pPr algn="l">
              <a:lnSpc>
                <a:spcPts val="4000"/>
              </a:lnSpc>
              <a:defRPr sz="3733" b="1" baseline="0">
                <a:solidFill>
                  <a:srgbClr val="0039A6"/>
                </a:solidFill>
                <a:effectLst/>
                <a:latin typeface="Calibri" pitchFamily="34" charset="0"/>
              </a:defRPr>
            </a:lvl1pPr>
          </a:lstStyle>
          <a:p>
            <a:r>
              <a:rPr lang="en-US" dirty="0" smtClean="0"/>
              <a:t>Bottom band: OD</a:t>
            </a:r>
            <a:endParaRPr lang="en-US" dirty="0"/>
          </a:p>
        </p:txBody>
      </p:sp>
      <p:pic>
        <p:nvPicPr>
          <p:cNvPr id="18" name="Picture 17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7742" b="-5052"/>
          <a:stretch/>
        </p:blipFill>
        <p:spPr>
          <a:xfrm>
            <a:off x="8585" y="6690957"/>
            <a:ext cx="12192001" cy="248992"/>
          </a:xfrm>
          <a:prstGeom prst="rect">
            <a:avLst/>
          </a:prstGeom>
        </p:spPr>
      </p:pic>
      <p:sp>
        <p:nvSpPr>
          <p:cNvPr id="5" name="Text Placeholder 7"/>
          <p:cNvSpPr>
            <a:spLocks noGrp="1"/>
          </p:cNvSpPr>
          <p:nvPr>
            <p:ph type="body" sz="quarter" idx="10"/>
          </p:nvPr>
        </p:nvSpPr>
        <p:spPr>
          <a:xfrm>
            <a:off x="609600" y="1545167"/>
            <a:ext cx="10972800" cy="4455584"/>
          </a:xfrm>
        </p:spPr>
        <p:txBody>
          <a:bodyPr/>
          <a:lstStyle>
            <a:lvl1pPr marL="457189" indent="-457189">
              <a:buClr>
                <a:srgbClr val="005DAA"/>
              </a:buClr>
              <a:buFont typeface="Wingdings" panose="05000000000000000000" pitchFamily="2" charset="2"/>
              <a:buChar char="§"/>
              <a:defRPr sz="2667">
                <a:solidFill>
                  <a:schemeClr val="accent4">
                    <a:lumMod val="75000"/>
                  </a:schemeClr>
                </a:solidFill>
              </a:defRPr>
            </a:lvl1pPr>
            <a:lvl2pPr>
              <a:buClr>
                <a:srgbClr val="532E63"/>
              </a:buClr>
              <a:defRPr sz="2667">
                <a:solidFill>
                  <a:schemeClr val="accent4">
                    <a:lumMod val="75000"/>
                  </a:schemeClr>
                </a:solidFill>
              </a:defRPr>
            </a:lvl2pPr>
            <a:lvl3pPr>
              <a:buClr>
                <a:srgbClr val="9A3B26"/>
              </a:buClr>
              <a:defRPr sz="2667">
                <a:solidFill>
                  <a:schemeClr val="accent4">
                    <a:lumMod val="75000"/>
                  </a:schemeClr>
                </a:solidFill>
              </a:defRPr>
            </a:lvl3pPr>
            <a:lvl4pPr>
              <a:defRPr sz="2667">
                <a:solidFill>
                  <a:schemeClr val="accent4">
                    <a:lumMod val="75000"/>
                  </a:schemeClr>
                </a:solidFill>
              </a:defRPr>
            </a:lvl4pPr>
            <a:lvl5pPr>
              <a:defRPr sz="2667">
                <a:solidFill>
                  <a:schemeClr val="accent4">
                    <a:lumMod val="75000"/>
                  </a:schemeClr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333907238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ATA SLIDE 2 column_O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1143000"/>
          </a:xfrm>
          <a:prstGeom prst="rect">
            <a:avLst/>
          </a:prstGeom>
        </p:spPr>
        <p:txBody>
          <a:bodyPr anchor="b" anchorCtr="0"/>
          <a:lstStyle>
            <a:lvl1pPr algn="l">
              <a:lnSpc>
                <a:spcPts val="4000"/>
              </a:lnSpc>
              <a:defRPr sz="3733" b="1" baseline="0">
                <a:solidFill>
                  <a:srgbClr val="0039A6"/>
                </a:solidFill>
                <a:effectLst/>
                <a:latin typeface="Calibri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1" y="1600201"/>
            <a:ext cx="5172892" cy="4191000"/>
          </a:xfrm>
          <a:prstGeom prst="rect">
            <a:avLst/>
          </a:prstGeom>
        </p:spPr>
        <p:txBody>
          <a:bodyPr/>
          <a:lstStyle>
            <a:lvl1pPr marL="457189" indent="-457189">
              <a:buClr>
                <a:srgbClr val="541900"/>
              </a:buClr>
              <a:buSzPct val="70000"/>
              <a:buFont typeface="Wingdings" panose="05000000000000000000" pitchFamily="2" charset="2"/>
              <a:buChar char="§"/>
              <a:defRPr sz="3200" b="1" baseline="0">
                <a:solidFill>
                  <a:srgbClr val="000000"/>
                </a:solidFill>
                <a:latin typeface="Calibri" pitchFamily="34" charset="0"/>
              </a:defRPr>
            </a:lvl1pPr>
            <a:lvl2pPr marL="990575" indent="-380990">
              <a:buClr>
                <a:srgbClr val="005984"/>
              </a:buClr>
              <a:buSzPct val="100000"/>
              <a:buFont typeface="Arial" panose="020B0604020202020204" pitchFamily="34" charset="0"/>
              <a:buChar char="•"/>
              <a:defRPr sz="2667">
                <a:solidFill>
                  <a:schemeClr val="accent4">
                    <a:lumMod val="75000"/>
                  </a:schemeClr>
                </a:solidFill>
              </a:defRPr>
            </a:lvl2pPr>
            <a:lvl3pPr>
              <a:buClrTx/>
              <a:buSzPct val="100000"/>
              <a:buFont typeface="Arial" pitchFamily="34" charset="0"/>
              <a:buChar char="•"/>
              <a:defRPr sz="2400">
                <a:solidFill>
                  <a:schemeClr val="accent4">
                    <a:lumMod val="75000"/>
                  </a:schemeClr>
                </a:solidFill>
              </a:defRPr>
            </a:lvl3pPr>
            <a:lvl4pPr>
              <a:buClr>
                <a:schemeClr val="bg1"/>
              </a:buClr>
              <a:buSzPct val="70000"/>
              <a:buFont typeface="Courier New" pitchFamily="49" charset="0"/>
              <a:buChar char="o"/>
              <a:defRPr sz="2400" baseline="0">
                <a:solidFill>
                  <a:schemeClr val="bg2"/>
                </a:solidFill>
              </a:defRPr>
            </a:lvl4pPr>
            <a:lvl5pPr>
              <a:buClr>
                <a:schemeClr val="bg1"/>
              </a:buClr>
              <a:buSzPct val="70000"/>
              <a:buFont typeface="Arial" pitchFamily="34" charset="0"/>
              <a:buChar char="•"/>
              <a:defRPr sz="24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3" name="Content Placeholder 2"/>
          <p:cNvSpPr>
            <a:spLocks noGrp="1"/>
          </p:cNvSpPr>
          <p:nvPr userDrawn="1">
            <p:ph idx="10"/>
          </p:nvPr>
        </p:nvSpPr>
        <p:spPr>
          <a:xfrm>
            <a:off x="6409509" y="1600201"/>
            <a:ext cx="5172892" cy="4191000"/>
          </a:xfrm>
          <a:prstGeom prst="rect">
            <a:avLst/>
          </a:prstGeom>
        </p:spPr>
        <p:txBody>
          <a:bodyPr/>
          <a:lstStyle>
            <a:lvl1pPr marL="457189" indent="-457189">
              <a:buClr>
                <a:srgbClr val="541900"/>
              </a:buClr>
              <a:buSzPct val="70000"/>
              <a:buFont typeface="Wingdings" panose="05000000000000000000" pitchFamily="2" charset="2"/>
              <a:buChar char="§"/>
              <a:defRPr sz="3200" b="1" baseline="0">
                <a:solidFill>
                  <a:srgbClr val="000000"/>
                </a:solidFill>
                <a:latin typeface="Calibri" pitchFamily="34" charset="0"/>
              </a:defRPr>
            </a:lvl1pPr>
            <a:lvl2pPr marL="990575" indent="-380990">
              <a:buClr>
                <a:srgbClr val="005984"/>
              </a:buClr>
              <a:buSzPct val="100000"/>
              <a:buFont typeface="Arial" panose="020B0604020202020204" pitchFamily="34" charset="0"/>
              <a:buChar char="•"/>
              <a:defRPr sz="2667">
                <a:solidFill>
                  <a:schemeClr val="accent4">
                    <a:lumMod val="75000"/>
                  </a:schemeClr>
                </a:solidFill>
              </a:defRPr>
            </a:lvl2pPr>
            <a:lvl3pPr>
              <a:buClrTx/>
              <a:buSzPct val="100000"/>
              <a:buFont typeface="Arial" pitchFamily="34" charset="0"/>
              <a:buChar char="•"/>
              <a:defRPr sz="2400">
                <a:solidFill>
                  <a:schemeClr val="accent4">
                    <a:lumMod val="75000"/>
                  </a:schemeClr>
                </a:solidFill>
              </a:defRPr>
            </a:lvl3pPr>
            <a:lvl4pPr>
              <a:buClr>
                <a:schemeClr val="bg1"/>
              </a:buClr>
              <a:buSzPct val="70000"/>
              <a:buFont typeface="Courier New" pitchFamily="49" charset="0"/>
              <a:buChar char="o"/>
              <a:defRPr sz="2400" baseline="0">
                <a:solidFill>
                  <a:schemeClr val="bg2"/>
                </a:solidFill>
              </a:defRPr>
            </a:lvl4pPr>
            <a:lvl5pPr>
              <a:buClr>
                <a:schemeClr val="bg1"/>
              </a:buClr>
              <a:buSzPct val="70000"/>
              <a:buFont typeface="Arial" pitchFamily="34" charset="0"/>
              <a:buChar char="•"/>
              <a:defRPr sz="24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9544"/>
          <a:stretch/>
        </p:blipFill>
        <p:spPr>
          <a:xfrm>
            <a:off x="0" y="6719804"/>
            <a:ext cx="12192000" cy="1504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5336235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lor_background">
    <p:bg>
      <p:bgPr>
        <a:solidFill>
          <a:srgbClr val="0E66AF">
            <a:alpha val="75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2" y="4467097"/>
            <a:ext cx="11059884" cy="1162051"/>
          </a:xfrm>
          <a:prstGeom prst="rect">
            <a:avLst/>
          </a:prstGeom>
        </p:spPr>
        <p:txBody>
          <a:bodyPr anchor="b"/>
          <a:lstStyle>
            <a:lvl1pPr algn="l">
              <a:defRPr sz="4800" b="1" baseline="0">
                <a:solidFill>
                  <a:schemeClr val="bg2"/>
                </a:solidFill>
                <a:effectLst/>
                <a:latin typeface="Calibri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Text Placeholder 2"/>
          <p:cNvSpPr>
            <a:spLocks noGrp="1"/>
          </p:cNvSpPr>
          <p:nvPr>
            <p:ph type="body" idx="1"/>
          </p:nvPr>
        </p:nvSpPr>
        <p:spPr>
          <a:xfrm>
            <a:off x="609601" y="5900928"/>
            <a:ext cx="10363200" cy="568325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ts val="2933"/>
              </a:lnSpc>
              <a:buNone/>
              <a:defRPr sz="2667" baseline="0">
                <a:solidFill>
                  <a:schemeClr val="bg2"/>
                </a:solidFill>
                <a:latin typeface="Calibri" pitchFamily="34" charset="0"/>
              </a:defRPr>
            </a:lvl1pPr>
            <a:lvl2pPr marL="609585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97625594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ING_O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8140"/>
          <a:stretch/>
        </p:blipFill>
        <p:spPr>
          <a:xfrm>
            <a:off x="2608" y="5668739"/>
            <a:ext cx="12192000" cy="1177559"/>
          </a:xfrm>
          <a:prstGeom prst="rect">
            <a:avLst/>
          </a:prstGeom>
        </p:spPr>
      </p:pic>
      <p:sp>
        <p:nvSpPr>
          <p:cNvPr id="3" name="TextBox 2"/>
          <p:cNvSpPr txBox="1"/>
          <p:nvPr userDrawn="1"/>
        </p:nvSpPr>
        <p:spPr>
          <a:xfrm>
            <a:off x="169625" y="3662433"/>
            <a:ext cx="8852455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>
                <a:solidFill>
                  <a:srgbClr val="695E4A"/>
                </a:solidFill>
                <a:latin typeface="Calibri" panose="020F0502020204030204" pitchFamily="34" charset="0"/>
              </a:rPr>
              <a:t>For more information, contact CDC</a:t>
            </a:r>
            <a:br>
              <a:rPr lang="en-US" sz="1600" dirty="0" smtClean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 smtClean="0">
                <a:solidFill>
                  <a:srgbClr val="695E4A"/>
                </a:solidFill>
                <a:latin typeface="Calibri" panose="020F0502020204030204" pitchFamily="34" charset="0"/>
              </a:rPr>
              <a:t>1-800-CDC-INFO (232-4636)</a:t>
            </a:r>
            <a:br>
              <a:rPr lang="en-US" sz="1600" dirty="0" smtClean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 smtClean="0">
                <a:solidFill>
                  <a:srgbClr val="695E4A"/>
                </a:solidFill>
                <a:latin typeface="Calibri" panose="020F0502020204030204" pitchFamily="34" charset="0"/>
              </a:rPr>
              <a:t>TTY:  1-888-232-6348    www.cdc.gov</a:t>
            </a:r>
            <a:br>
              <a:rPr lang="en-US" sz="1600" dirty="0" smtClean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 smtClean="0">
                <a:solidFill>
                  <a:srgbClr val="695E4A"/>
                </a:solidFill>
                <a:latin typeface="Calibri" panose="020F0502020204030204" pitchFamily="34" charset="0"/>
              </a:rPr>
              <a:t/>
            </a:r>
            <a:br>
              <a:rPr lang="en-US" sz="1600" dirty="0" smtClean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 smtClean="0">
                <a:solidFill>
                  <a:srgbClr val="695E4A"/>
                </a:solidFill>
                <a:latin typeface="Calibri" panose="020F0502020204030204" pitchFamily="34" charset="0"/>
              </a:rPr>
              <a:t/>
            </a:r>
            <a:br>
              <a:rPr lang="en-US" sz="1600" dirty="0" smtClean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 smtClean="0">
                <a:solidFill>
                  <a:srgbClr val="695E4A"/>
                </a:solidFill>
                <a:latin typeface="Calibri" panose="020F0502020204030204" pitchFamily="34" charset="0"/>
              </a:rPr>
              <a:t>The findings and conclusions in this report are those of the authors and do not necessarily represent the official position of the Centers for Disease Control and Prevention.</a:t>
            </a:r>
          </a:p>
        </p:txBody>
      </p:sp>
    </p:spTree>
    <p:extLst>
      <p:ext uri="{BB962C8B-B14F-4D97-AF65-F5344CB8AC3E}">
        <p14:creationId xmlns:p14="http://schemas.microsoft.com/office/powerpoint/2010/main" val="65883589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BULLETS/DATA_2sid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1143000"/>
          </a:xfrm>
          <a:prstGeom prst="rect">
            <a:avLst/>
          </a:prstGeom>
        </p:spPr>
        <p:txBody>
          <a:bodyPr anchor="b" anchorCtr="0"/>
          <a:lstStyle>
            <a:lvl1pPr algn="l">
              <a:lnSpc>
                <a:spcPts val="4000"/>
              </a:lnSpc>
              <a:defRPr sz="3733" b="1" baseline="0">
                <a:solidFill>
                  <a:srgbClr val="E25423"/>
                </a:solidFill>
                <a:effectLst/>
                <a:latin typeface="Calibri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1" y="1600201"/>
            <a:ext cx="5172892" cy="4191000"/>
          </a:xfrm>
          <a:prstGeom prst="rect">
            <a:avLst/>
          </a:prstGeom>
        </p:spPr>
        <p:txBody>
          <a:bodyPr/>
          <a:lstStyle>
            <a:lvl1pPr marL="457189" indent="-457189">
              <a:buClr>
                <a:srgbClr val="541900"/>
              </a:buClr>
              <a:buSzPct val="70000"/>
              <a:buFont typeface="Wingdings" panose="05000000000000000000" pitchFamily="2" charset="2"/>
              <a:buChar char="§"/>
              <a:defRPr sz="3200" b="1" baseline="0">
                <a:solidFill>
                  <a:srgbClr val="000000"/>
                </a:solidFill>
                <a:latin typeface="Calibri" pitchFamily="34" charset="0"/>
              </a:defRPr>
            </a:lvl1pPr>
            <a:lvl2pPr marL="990575" indent="-380990">
              <a:buClr>
                <a:srgbClr val="005984"/>
              </a:buClr>
              <a:buSzPct val="100000"/>
              <a:buFont typeface="Arial" panose="020B0604020202020204" pitchFamily="34" charset="0"/>
              <a:buChar char="•"/>
              <a:defRPr sz="2667">
                <a:solidFill>
                  <a:schemeClr val="accent4">
                    <a:lumMod val="75000"/>
                  </a:schemeClr>
                </a:solidFill>
              </a:defRPr>
            </a:lvl2pPr>
            <a:lvl3pPr>
              <a:buClrTx/>
              <a:buSzPct val="100000"/>
              <a:buFont typeface="Arial" pitchFamily="34" charset="0"/>
              <a:buChar char="•"/>
              <a:defRPr sz="2400">
                <a:solidFill>
                  <a:schemeClr val="accent4">
                    <a:lumMod val="75000"/>
                  </a:schemeClr>
                </a:solidFill>
              </a:defRPr>
            </a:lvl3pPr>
            <a:lvl4pPr>
              <a:buClr>
                <a:schemeClr val="bg1"/>
              </a:buClr>
              <a:buSzPct val="70000"/>
              <a:buFont typeface="Courier New" pitchFamily="49" charset="0"/>
              <a:buChar char="o"/>
              <a:defRPr sz="2400" baseline="0">
                <a:solidFill>
                  <a:schemeClr val="bg2"/>
                </a:solidFill>
              </a:defRPr>
            </a:lvl4pPr>
            <a:lvl5pPr>
              <a:buClr>
                <a:schemeClr val="bg1"/>
              </a:buClr>
              <a:buSzPct val="70000"/>
              <a:buFont typeface="Arial" pitchFamily="34" charset="0"/>
              <a:buChar char="•"/>
              <a:defRPr sz="2400">
                <a:solidFill>
                  <a:schemeClr val="bg2"/>
                </a:solidFill>
              </a:defRPr>
            </a:lvl5pPr>
          </a:lstStyle>
          <a:p>
            <a:pPr lvl="2"/>
            <a:endParaRPr lang="en-US" dirty="0" smtClean="0"/>
          </a:p>
          <a:p>
            <a:pPr lvl="0"/>
            <a:endParaRPr lang="en-US" dirty="0" smtClean="0"/>
          </a:p>
          <a:p>
            <a:pPr lvl="2"/>
            <a:endParaRPr lang="en-US" dirty="0" smtClean="0"/>
          </a:p>
          <a:p>
            <a:pPr lvl="1"/>
            <a:endParaRPr lang="en-US" dirty="0" smtClean="0"/>
          </a:p>
          <a:p>
            <a:pPr lvl="1"/>
            <a:endParaRPr lang="en-US" dirty="0" smtClean="0"/>
          </a:p>
          <a:p>
            <a:pPr lvl="1"/>
            <a:endParaRPr lang="en-US" dirty="0"/>
          </a:p>
        </p:txBody>
      </p:sp>
      <p:sp>
        <p:nvSpPr>
          <p:cNvPr id="13" name="Content Placeholder 2"/>
          <p:cNvSpPr>
            <a:spLocks noGrp="1"/>
          </p:cNvSpPr>
          <p:nvPr userDrawn="1">
            <p:ph idx="10"/>
          </p:nvPr>
        </p:nvSpPr>
        <p:spPr>
          <a:xfrm>
            <a:off x="6409509" y="1600201"/>
            <a:ext cx="5172892" cy="4191000"/>
          </a:xfrm>
          <a:prstGeom prst="rect">
            <a:avLst/>
          </a:prstGeom>
        </p:spPr>
        <p:txBody>
          <a:bodyPr/>
          <a:lstStyle>
            <a:lvl1pPr marL="457189" indent="-457189">
              <a:buClr>
                <a:srgbClr val="541900"/>
              </a:buClr>
              <a:buSzPct val="70000"/>
              <a:buFont typeface="Wingdings" panose="05000000000000000000" pitchFamily="2" charset="2"/>
              <a:buChar char="§"/>
              <a:defRPr sz="3200" b="1" baseline="0">
                <a:solidFill>
                  <a:srgbClr val="000000"/>
                </a:solidFill>
                <a:latin typeface="Calibri" pitchFamily="34" charset="0"/>
              </a:defRPr>
            </a:lvl1pPr>
            <a:lvl2pPr marL="990575" indent="-380990">
              <a:buClr>
                <a:srgbClr val="005984"/>
              </a:buClr>
              <a:buSzPct val="100000"/>
              <a:buFont typeface="Arial" panose="020B0604020202020204" pitchFamily="34" charset="0"/>
              <a:buChar char="•"/>
              <a:defRPr sz="2667">
                <a:solidFill>
                  <a:schemeClr val="accent4">
                    <a:lumMod val="75000"/>
                  </a:schemeClr>
                </a:solidFill>
              </a:defRPr>
            </a:lvl2pPr>
            <a:lvl3pPr>
              <a:buClrTx/>
              <a:buSzPct val="100000"/>
              <a:buFont typeface="Arial" pitchFamily="34" charset="0"/>
              <a:buChar char="•"/>
              <a:defRPr sz="2400">
                <a:solidFill>
                  <a:schemeClr val="accent4">
                    <a:lumMod val="75000"/>
                  </a:schemeClr>
                </a:solidFill>
              </a:defRPr>
            </a:lvl3pPr>
            <a:lvl4pPr>
              <a:buClr>
                <a:schemeClr val="bg1"/>
              </a:buClr>
              <a:buSzPct val="70000"/>
              <a:buFont typeface="Courier New" pitchFamily="49" charset="0"/>
              <a:buChar char="o"/>
              <a:defRPr sz="2400" baseline="0">
                <a:solidFill>
                  <a:schemeClr val="bg2"/>
                </a:solidFill>
              </a:defRPr>
            </a:lvl4pPr>
            <a:lvl5pPr>
              <a:buClr>
                <a:schemeClr val="bg1"/>
              </a:buClr>
              <a:buSzPct val="70000"/>
              <a:buFont typeface="Arial" pitchFamily="34" charset="0"/>
              <a:buChar char="•"/>
              <a:defRPr sz="2400">
                <a:solidFill>
                  <a:schemeClr val="bg2"/>
                </a:solidFill>
              </a:defRPr>
            </a:lvl5pPr>
          </a:lstStyle>
          <a:p>
            <a:pPr lvl="2"/>
            <a:endParaRPr lang="en-US" dirty="0" smtClean="0"/>
          </a:p>
          <a:p>
            <a:pPr lvl="0"/>
            <a:endParaRPr lang="en-US" dirty="0" smtClean="0"/>
          </a:p>
          <a:p>
            <a:pPr lvl="2"/>
            <a:endParaRPr lang="en-US" dirty="0" smtClean="0"/>
          </a:p>
          <a:p>
            <a:pPr lvl="1"/>
            <a:endParaRPr lang="en-US" dirty="0" smtClean="0"/>
          </a:p>
          <a:p>
            <a:pPr lvl="1"/>
            <a:endParaRPr lang="en-US" dirty="0" smtClean="0"/>
          </a:p>
          <a:p>
            <a:pPr lvl="1"/>
            <a:endParaRPr lang="en-US" dirty="0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6991" b="-4866"/>
          <a:stretch/>
        </p:blipFill>
        <p:spPr>
          <a:xfrm>
            <a:off x="-1" y="6669114"/>
            <a:ext cx="12192001" cy="2575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4872180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asic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9"/>
            <a:ext cx="10972800" cy="1143000"/>
          </a:xfrm>
          <a:prstGeom prst="rect">
            <a:avLst/>
          </a:prstGeom>
        </p:spPr>
        <p:txBody>
          <a:bodyPr anchor="b" anchorCtr="0"/>
          <a:lstStyle>
            <a:lvl1pPr>
              <a:lnSpc>
                <a:spcPts val="4000"/>
              </a:lnSpc>
              <a:defRPr sz="3733" b="1" baseline="0">
                <a:solidFill>
                  <a:schemeClr val="tx1"/>
                </a:solidFill>
                <a:effectLst/>
              </a:defRPr>
            </a:lvl1pPr>
          </a:lstStyle>
          <a:p>
            <a:r>
              <a:rPr lang="en-US" dirty="0" smtClean="0"/>
              <a:t>Headline – Myriad Pro, Bold, Shadow, 28p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09600" y="1600201"/>
            <a:ext cx="10972800" cy="4191000"/>
          </a:xfrm>
          <a:prstGeom prst="rect">
            <a:avLst/>
          </a:prstGeom>
        </p:spPr>
        <p:txBody>
          <a:bodyPr/>
          <a:lstStyle>
            <a:lvl1pPr>
              <a:buClr>
                <a:schemeClr val="tx1"/>
              </a:buClr>
              <a:buSzPct val="70000"/>
              <a:buFont typeface="Wingdings" pitchFamily="2" charset="2"/>
              <a:buChar char="q"/>
              <a:defRPr sz="3200" b="1" baseline="0">
                <a:solidFill>
                  <a:schemeClr val="bg2"/>
                </a:solidFill>
              </a:defRPr>
            </a:lvl1pPr>
            <a:lvl2pPr>
              <a:buClr>
                <a:schemeClr val="tx1"/>
              </a:buClr>
              <a:buSzPct val="100000"/>
              <a:buFont typeface="Wingdings" pitchFamily="2" charset="2"/>
              <a:buChar char="§"/>
              <a:defRPr sz="2667">
                <a:solidFill>
                  <a:schemeClr val="bg2"/>
                </a:solidFill>
              </a:defRPr>
            </a:lvl2pPr>
            <a:lvl3pPr>
              <a:buClr>
                <a:schemeClr val="tx1"/>
              </a:buClr>
              <a:buSzPct val="100000"/>
              <a:buFont typeface="Arial" pitchFamily="34" charset="0"/>
              <a:buChar char="•"/>
              <a:defRPr sz="2400">
                <a:solidFill>
                  <a:schemeClr val="bg2"/>
                </a:solidFill>
              </a:defRPr>
            </a:lvl3pPr>
            <a:lvl4pPr>
              <a:buClr>
                <a:schemeClr val="tx1"/>
              </a:buClr>
              <a:buSzPct val="70000"/>
              <a:buFont typeface="Courier New" pitchFamily="49" charset="0"/>
              <a:buChar char="o"/>
              <a:defRPr sz="2400" baseline="0">
                <a:solidFill>
                  <a:schemeClr val="bg2"/>
                </a:solidFill>
              </a:defRPr>
            </a:lvl4pPr>
            <a:lvl5pPr>
              <a:buClr>
                <a:schemeClr val="tx1"/>
              </a:buClr>
              <a:buSzPct val="70000"/>
              <a:buFont typeface="Arial" pitchFamily="34" charset="0"/>
              <a:buChar char="•"/>
              <a:defRPr sz="24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dirty="0" smtClean="0"/>
              <a:t>First level – Myriad Pro, Bold, 24pt</a:t>
            </a:r>
          </a:p>
          <a:p>
            <a:pPr lvl="1"/>
            <a:r>
              <a:rPr lang="en-US" dirty="0" smtClean="0"/>
              <a:t>Second level – Myriad Pro, 20pt</a:t>
            </a:r>
          </a:p>
          <a:p>
            <a:pPr lvl="2"/>
            <a:r>
              <a:rPr lang="en-US" dirty="0" smtClean="0"/>
              <a:t>Third level – Myriad Pro, 18pt	</a:t>
            </a:r>
          </a:p>
          <a:p>
            <a:pPr lvl="3"/>
            <a:r>
              <a:rPr lang="en-US" dirty="0" smtClean="0"/>
              <a:t>Fourth level – Myriad Pro, 18pt</a:t>
            </a:r>
          </a:p>
          <a:p>
            <a:pPr lvl="4"/>
            <a:r>
              <a:rPr lang="en-US" dirty="0" smtClean="0"/>
              <a:t>Fifth level – Myriad Pro, 18pt</a:t>
            </a:r>
            <a:endParaRPr lang="en-US" dirty="0"/>
          </a:p>
        </p:txBody>
      </p:sp>
      <p:sp>
        <p:nvSpPr>
          <p:cNvPr id="7" name="Text Placeholder 8"/>
          <p:cNvSpPr>
            <a:spLocks noGrp="1"/>
          </p:cNvSpPr>
          <p:nvPr>
            <p:ph type="body" sz="quarter" idx="10" hasCustomPrompt="1"/>
          </p:nvPr>
        </p:nvSpPr>
        <p:spPr>
          <a:xfrm>
            <a:off x="609600" y="5791200"/>
            <a:ext cx="10972800" cy="609600"/>
          </a:xfrm>
          <a:prstGeom prst="rect">
            <a:avLst/>
          </a:prstGeom>
        </p:spPr>
        <p:txBody>
          <a:bodyPr anchor="b" anchorCtr="0"/>
          <a:lstStyle>
            <a:lvl1pPr algn="l">
              <a:lnSpc>
                <a:spcPts val="1467"/>
              </a:lnSpc>
              <a:buNone/>
              <a:defRPr sz="1467" baseline="0">
                <a:solidFill>
                  <a:schemeClr val="tx2"/>
                </a:solidFill>
              </a:defRPr>
            </a:lvl1pPr>
            <a:lvl2pPr algn="ctr">
              <a:defRPr>
                <a:solidFill>
                  <a:schemeClr val="tx2"/>
                </a:solidFill>
              </a:defRPr>
            </a:lvl2pPr>
            <a:lvl3pPr algn="ctr">
              <a:defRPr>
                <a:solidFill>
                  <a:schemeClr val="tx2"/>
                </a:solidFill>
              </a:defRPr>
            </a:lvl3pPr>
            <a:lvl4pPr algn="ctr">
              <a:defRPr>
                <a:solidFill>
                  <a:schemeClr val="tx2"/>
                </a:solidFill>
              </a:defRPr>
            </a:lvl4pPr>
            <a:lvl5pPr algn="ctr"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 dirty="0" smtClean="0"/>
              <a:t>*Citations and references – Myriad Pro, 11p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01376206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_O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1" b="12824"/>
          <a:stretch/>
        </p:blipFill>
        <p:spPr>
          <a:xfrm>
            <a:off x="2" y="0"/>
            <a:ext cx="12210197" cy="1254035"/>
          </a:xfrm>
          <a:prstGeom prst="rect">
            <a:avLst/>
          </a:prstGeom>
        </p:spPr>
      </p:pic>
      <p:sp>
        <p:nvSpPr>
          <p:cNvPr id="11" name="Title 1"/>
          <p:cNvSpPr>
            <a:spLocks noGrp="1"/>
          </p:cNvSpPr>
          <p:nvPr>
            <p:ph type="title"/>
          </p:nvPr>
        </p:nvSpPr>
        <p:spPr>
          <a:xfrm>
            <a:off x="609600" y="1275655"/>
            <a:ext cx="10972800" cy="1155779"/>
          </a:xfrm>
          <a:prstGeom prst="rect">
            <a:avLst/>
          </a:prstGeom>
        </p:spPr>
        <p:txBody>
          <a:bodyPr/>
          <a:lstStyle>
            <a:lvl1pPr algn="l">
              <a:lnSpc>
                <a:spcPts val="4000"/>
              </a:lnSpc>
              <a:defRPr sz="3733" b="1" baseline="0">
                <a:solidFill>
                  <a:srgbClr val="0039A6"/>
                </a:solidFill>
                <a:effectLst/>
                <a:latin typeface="Calibri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Subtitle 2"/>
          <p:cNvSpPr>
            <a:spLocks noGrp="1"/>
          </p:cNvSpPr>
          <p:nvPr>
            <p:ph type="subTitle" idx="1"/>
          </p:nvPr>
        </p:nvSpPr>
        <p:spPr>
          <a:xfrm>
            <a:off x="609600" y="2748933"/>
            <a:ext cx="853440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2667" b="1" baseline="0">
                <a:solidFill>
                  <a:srgbClr val="0039A6"/>
                </a:solidFill>
                <a:effectLst/>
                <a:latin typeface="Calibri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 smtClean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609600" y="3835603"/>
            <a:ext cx="8534400" cy="12954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2667"/>
              </a:lnSpc>
              <a:buNone/>
              <a:defRPr sz="2400" baseline="0">
                <a:solidFill>
                  <a:srgbClr val="0039A6"/>
                </a:solidFill>
                <a:latin typeface="Calibri" pitchFamily="34" charset="0"/>
              </a:defRPr>
            </a:lvl1pPr>
            <a:lvl2pPr algn="ctr">
              <a:defRPr>
                <a:solidFill>
                  <a:schemeClr val="tx2"/>
                </a:solidFill>
              </a:defRPr>
            </a:lvl2pPr>
            <a:lvl3pPr algn="ctr">
              <a:defRPr>
                <a:solidFill>
                  <a:schemeClr val="tx2"/>
                </a:solidFill>
              </a:defRPr>
            </a:lvl3pPr>
            <a:lvl4pPr algn="ctr">
              <a:defRPr>
                <a:solidFill>
                  <a:schemeClr val="tx2"/>
                </a:solidFill>
              </a:defRPr>
            </a:lvl4pPr>
            <a:lvl5pPr algn="ctr"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0" name="TextBox 9"/>
          <p:cNvSpPr txBox="1"/>
          <p:nvPr userDrawn="1"/>
        </p:nvSpPr>
        <p:spPr>
          <a:xfrm>
            <a:off x="609600" y="120204"/>
            <a:ext cx="920410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sz="2400" b="1" dirty="0">
                <a:solidFill>
                  <a:srgbClr val="FFFFFF">
                    <a:lumMod val="95000"/>
                  </a:srgbClr>
                </a:solidFill>
                <a:latin typeface="Calibri" panose="020F0502020204030204" pitchFamily="34" charset="0"/>
              </a:rPr>
              <a:t>Centers for Disease Control and Prevention</a:t>
            </a:r>
          </a:p>
        </p:txBody>
      </p:sp>
    </p:spTree>
    <p:extLst>
      <p:ext uri="{BB962C8B-B14F-4D97-AF65-F5344CB8AC3E}">
        <p14:creationId xmlns:p14="http://schemas.microsoft.com/office/powerpoint/2010/main" val="308907707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BEFF-F174-4A4D-9C67-4C6DA37B99D3}" type="datetimeFigureOut">
              <a:rPr lang="en-US" smtClean="0"/>
              <a:t>9/1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62A584-F111-459D-B559-18CDE1ADDF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891089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ATA SLIDE_O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9"/>
            <a:ext cx="10972800" cy="1143000"/>
          </a:xfrm>
          <a:prstGeom prst="rect">
            <a:avLst/>
          </a:prstGeom>
        </p:spPr>
        <p:txBody>
          <a:bodyPr anchor="b" anchorCtr="0"/>
          <a:lstStyle>
            <a:lvl1pPr algn="l">
              <a:lnSpc>
                <a:spcPts val="4000"/>
              </a:lnSpc>
              <a:defRPr sz="3733" b="1" baseline="0">
                <a:solidFill>
                  <a:srgbClr val="0039A6"/>
                </a:solidFill>
                <a:effectLst/>
                <a:latin typeface="Calibri" pitchFamily="34" charset="0"/>
              </a:defRPr>
            </a:lvl1pPr>
          </a:lstStyle>
          <a:p>
            <a:r>
              <a:rPr lang="en-US" dirty="0" smtClean="0"/>
              <a:t>Bottom band: OD</a:t>
            </a:r>
            <a:endParaRPr lang="en-US" dirty="0"/>
          </a:p>
        </p:txBody>
      </p:sp>
      <p:pic>
        <p:nvPicPr>
          <p:cNvPr id="18" name="Picture 17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7742" b="-5052"/>
          <a:stretch/>
        </p:blipFill>
        <p:spPr>
          <a:xfrm>
            <a:off x="8585" y="6690957"/>
            <a:ext cx="12192001" cy="248992"/>
          </a:xfrm>
          <a:prstGeom prst="rect">
            <a:avLst/>
          </a:prstGeom>
        </p:spPr>
      </p:pic>
      <p:sp>
        <p:nvSpPr>
          <p:cNvPr id="5" name="Text Placeholder 7"/>
          <p:cNvSpPr>
            <a:spLocks noGrp="1"/>
          </p:cNvSpPr>
          <p:nvPr>
            <p:ph type="body" sz="quarter" idx="10"/>
          </p:nvPr>
        </p:nvSpPr>
        <p:spPr>
          <a:xfrm>
            <a:off x="609600" y="1545167"/>
            <a:ext cx="10972800" cy="4455584"/>
          </a:xfrm>
        </p:spPr>
        <p:txBody>
          <a:bodyPr/>
          <a:lstStyle>
            <a:lvl1pPr marL="457189" indent="-457189">
              <a:buClr>
                <a:srgbClr val="005DAA"/>
              </a:buClr>
              <a:buFont typeface="Wingdings" panose="05000000000000000000" pitchFamily="2" charset="2"/>
              <a:buChar char="§"/>
              <a:defRPr sz="2667">
                <a:solidFill>
                  <a:schemeClr val="accent4">
                    <a:lumMod val="75000"/>
                  </a:schemeClr>
                </a:solidFill>
              </a:defRPr>
            </a:lvl1pPr>
            <a:lvl2pPr>
              <a:buClr>
                <a:srgbClr val="532E63"/>
              </a:buClr>
              <a:defRPr sz="2667">
                <a:solidFill>
                  <a:schemeClr val="accent4">
                    <a:lumMod val="75000"/>
                  </a:schemeClr>
                </a:solidFill>
              </a:defRPr>
            </a:lvl2pPr>
            <a:lvl3pPr>
              <a:buClr>
                <a:srgbClr val="9A3B26"/>
              </a:buClr>
              <a:defRPr sz="2667">
                <a:solidFill>
                  <a:schemeClr val="accent4">
                    <a:lumMod val="75000"/>
                  </a:schemeClr>
                </a:solidFill>
              </a:defRPr>
            </a:lvl3pPr>
            <a:lvl4pPr>
              <a:defRPr sz="2667">
                <a:solidFill>
                  <a:schemeClr val="accent4">
                    <a:lumMod val="75000"/>
                  </a:schemeClr>
                </a:solidFill>
              </a:defRPr>
            </a:lvl4pPr>
            <a:lvl5pPr>
              <a:defRPr sz="2667">
                <a:solidFill>
                  <a:schemeClr val="accent4">
                    <a:lumMod val="75000"/>
                  </a:schemeClr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362576263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ATA SLIDE 2 column_O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1143000"/>
          </a:xfrm>
          <a:prstGeom prst="rect">
            <a:avLst/>
          </a:prstGeom>
        </p:spPr>
        <p:txBody>
          <a:bodyPr anchor="b" anchorCtr="0"/>
          <a:lstStyle>
            <a:lvl1pPr algn="l">
              <a:lnSpc>
                <a:spcPts val="4000"/>
              </a:lnSpc>
              <a:defRPr sz="3733" b="1" baseline="0">
                <a:solidFill>
                  <a:srgbClr val="0039A6"/>
                </a:solidFill>
                <a:effectLst/>
                <a:latin typeface="Calibri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1" y="1600201"/>
            <a:ext cx="5172892" cy="4191000"/>
          </a:xfrm>
          <a:prstGeom prst="rect">
            <a:avLst/>
          </a:prstGeom>
        </p:spPr>
        <p:txBody>
          <a:bodyPr/>
          <a:lstStyle>
            <a:lvl1pPr marL="457189" indent="-457189">
              <a:buClr>
                <a:srgbClr val="541900"/>
              </a:buClr>
              <a:buSzPct val="70000"/>
              <a:buFont typeface="Wingdings" panose="05000000000000000000" pitchFamily="2" charset="2"/>
              <a:buChar char="§"/>
              <a:defRPr sz="3200" b="1" baseline="0">
                <a:solidFill>
                  <a:srgbClr val="000000"/>
                </a:solidFill>
                <a:latin typeface="Calibri" pitchFamily="34" charset="0"/>
              </a:defRPr>
            </a:lvl1pPr>
            <a:lvl2pPr marL="990575" indent="-380990">
              <a:buClr>
                <a:srgbClr val="005984"/>
              </a:buClr>
              <a:buSzPct val="100000"/>
              <a:buFont typeface="Arial" panose="020B0604020202020204" pitchFamily="34" charset="0"/>
              <a:buChar char="•"/>
              <a:defRPr sz="2667">
                <a:solidFill>
                  <a:schemeClr val="accent4">
                    <a:lumMod val="75000"/>
                  </a:schemeClr>
                </a:solidFill>
              </a:defRPr>
            </a:lvl2pPr>
            <a:lvl3pPr>
              <a:buClrTx/>
              <a:buSzPct val="100000"/>
              <a:buFont typeface="Arial" pitchFamily="34" charset="0"/>
              <a:buChar char="•"/>
              <a:defRPr sz="2400">
                <a:solidFill>
                  <a:schemeClr val="accent4">
                    <a:lumMod val="75000"/>
                  </a:schemeClr>
                </a:solidFill>
              </a:defRPr>
            </a:lvl3pPr>
            <a:lvl4pPr>
              <a:buClr>
                <a:schemeClr val="bg1"/>
              </a:buClr>
              <a:buSzPct val="70000"/>
              <a:buFont typeface="Courier New" pitchFamily="49" charset="0"/>
              <a:buChar char="o"/>
              <a:defRPr sz="2400" baseline="0">
                <a:solidFill>
                  <a:schemeClr val="bg2"/>
                </a:solidFill>
              </a:defRPr>
            </a:lvl4pPr>
            <a:lvl5pPr>
              <a:buClr>
                <a:schemeClr val="bg1"/>
              </a:buClr>
              <a:buSzPct val="70000"/>
              <a:buFont typeface="Arial" pitchFamily="34" charset="0"/>
              <a:buChar char="•"/>
              <a:defRPr sz="24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3" name="Content Placeholder 2"/>
          <p:cNvSpPr>
            <a:spLocks noGrp="1"/>
          </p:cNvSpPr>
          <p:nvPr userDrawn="1">
            <p:ph idx="10"/>
          </p:nvPr>
        </p:nvSpPr>
        <p:spPr>
          <a:xfrm>
            <a:off x="6409509" y="1600201"/>
            <a:ext cx="5172892" cy="4191000"/>
          </a:xfrm>
          <a:prstGeom prst="rect">
            <a:avLst/>
          </a:prstGeom>
        </p:spPr>
        <p:txBody>
          <a:bodyPr/>
          <a:lstStyle>
            <a:lvl1pPr marL="457189" indent="-457189">
              <a:buClr>
                <a:srgbClr val="541900"/>
              </a:buClr>
              <a:buSzPct val="70000"/>
              <a:buFont typeface="Wingdings" panose="05000000000000000000" pitchFamily="2" charset="2"/>
              <a:buChar char="§"/>
              <a:defRPr sz="3200" b="1" baseline="0">
                <a:solidFill>
                  <a:srgbClr val="000000"/>
                </a:solidFill>
                <a:latin typeface="Calibri" pitchFamily="34" charset="0"/>
              </a:defRPr>
            </a:lvl1pPr>
            <a:lvl2pPr marL="990575" indent="-380990">
              <a:buClr>
                <a:srgbClr val="005984"/>
              </a:buClr>
              <a:buSzPct val="100000"/>
              <a:buFont typeface="Arial" panose="020B0604020202020204" pitchFamily="34" charset="0"/>
              <a:buChar char="•"/>
              <a:defRPr sz="2667">
                <a:solidFill>
                  <a:schemeClr val="accent4">
                    <a:lumMod val="75000"/>
                  </a:schemeClr>
                </a:solidFill>
              </a:defRPr>
            </a:lvl2pPr>
            <a:lvl3pPr>
              <a:buClrTx/>
              <a:buSzPct val="100000"/>
              <a:buFont typeface="Arial" pitchFamily="34" charset="0"/>
              <a:buChar char="•"/>
              <a:defRPr sz="2400">
                <a:solidFill>
                  <a:schemeClr val="accent4">
                    <a:lumMod val="75000"/>
                  </a:schemeClr>
                </a:solidFill>
              </a:defRPr>
            </a:lvl3pPr>
            <a:lvl4pPr>
              <a:buClr>
                <a:schemeClr val="bg1"/>
              </a:buClr>
              <a:buSzPct val="70000"/>
              <a:buFont typeface="Courier New" pitchFamily="49" charset="0"/>
              <a:buChar char="o"/>
              <a:defRPr sz="2400" baseline="0">
                <a:solidFill>
                  <a:schemeClr val="bg2"/>
                </a:solidFill>
              </a:defRPr>
            </a:lvl4pPr>
            <a:lvl5pPr>
              <a:buClr>
                <a:schemeClr val="bg1"/>
              </a:buClr>
              <a:buSzPct val="70000"/>
              <a:buFont typeface="Arial" pitchFamily="34" charset="0"/>
              <a:buChar char="•"/>
              <a:defRPr sz="24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9544"/>
          <a:stretch/>
        </p:blipFill>
        <p:spPr>
          <a:xfrm>
            <a:off x="0" y="6719804"/>
            <a:ext cx="12192000" cy="1504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2937555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lor_background">
    <p:bg>
      <p:bgPr>
        <a:solidFill>
          <a:srgbClr val="0E66AF">
            <a:alpha val="75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2" y="4467097"/>
            <a:ext cx="11059884" cy="1162051"/>
          </a:xfrm>
          <a:prstGeom prst="rect">
            <a:avLst/>
          </a:prstGeom>
        </p:spPr>
        <p:txBody>
          <a:bodyPr anchor="b"/>
          <a:lstStyle>
            <a:lvl1pPr algn="l">
              <a:defRPr sz="4800" b="1" baseline="0">
                <a:solidFill>
                  <a:schemeClr val="bg2"/>
                </a:solidFill>
                <a:effectLst/>
                <a:latin typeface="Calibri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5" name="Text Placeholder 2"/>
          <p:cNvSpPr>
            <a:spLocks noGrp="1"/>
          </p:cNvSpPr>
          <p:nvPr>
            <p:ph type="body" idx="1"/>
          </p:nvPr>
        </p:nvSpPr>
        <p:spPr>
          <a:xfrm>
            <a:off x="609601" y="5900928"/>
            <a:ext cx="10363200" cy="568325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ts val="2933"/>
              </a:lnSpc>
              <a:buNone/>
              <a:defRPr sz="2667" baseline="0">
                <a:solidFill>
                  <a:schemeClr val="bg2"/>
                </a:solidFill>
                <a:latin typeface="Calibri" pitchFamily="34" charset="0"/>
              </a:defRPr>
            </a:lvl1pPr>
            <a:lvl2pPr marL="609585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99296242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ING_O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8140"/>
          <a:stretch/>
        </p:blipFill>
        <p:spPr>
          <a:xfrm>
            <a:off x="2608" y="5668739"/>
            <a:ext cx="12192000" cy="1177559"/>
          </a:xfrm>
          <a:prstGeom prst="rect">
            <a:avLst/>
          </a:prstGeom>
        </p:spPr>
      </p:pic>
      <p:sp>
        <p:nvSpPr>
          <p:cNvPr id="3" name="TextBox 2"/>
          <p:cNvSpPr txBox="1"/>
          <p:nvPr userDrawn="1"/>
        </p:nvSpPr>
        <p:spPr>
          <a:xfrm>
            <a:off x="169625" y="3662433"/>
            <a:ext cx="8852455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For more information, contact CDC</a:t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1-800-CDC-INFO (232-4636)</a:t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TTY:  1-888-232-6348    www.cdc.gov</a:t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/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/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The findings and conclusions in this report are those of the authors and do not necessarily represent the official position of the Centers for Disease Control and Prevention.</a:t>
            </a:r>
          </a:p>
        </p:txBody>
      </p:sp>
    </p:spTree>
    <p:extLst>
      <p:ext uri="{BB962C8B-B14F-4D97-AF65-F5344CB8AC3E}">
        <p14:creationId xmlns:p14="http://schemas.microsoft.com/office/powerpoint/2010/main" val="234503861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501686-6DD7-4950-B902-68D2D6290423}" type="datetimeFigureOut">
              <a:rPr lang="en-US" smtClean="0"/>
              <a:t>9/10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5F81AD-0A25-4B1A-B740-3C7984BD2BE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6795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 advClick="0" advTm="2000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BEFF-F174-4A4D-9C67-4C6DA37B99D3}" type="datetimeFigureOut">
              <a:rPr lang="en-US" smtClean="0"/>
              <a:t>9/1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62A584-F111-459D-B559-18CDE1ADDF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7186774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BEFF-F174-4A4D-9C67-4C6DA37B99D3}" type="datetimeFigureOut">
              <a:rPr lang="en-US" smtClean="0"/>
              <a:t>9/10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62A584-F111-459D-B559-18CDE1ADDF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32127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BEFF-F174-4A4D-9C67-4C6DA37B99D3}" type="datetimeFigureOut">
              <a:rPr lang="en-US" smtClean="0"/>
              <a:t>9/10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62A584-F111-459D-B559-18CDE1ADDF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452830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BEFF-F174-4A4D-9C67-4C6DA37B99D3}" type="datetimeFigureOut">
              <a:rPr lang="en-US" smtClean="0"/>
              <a:t>9/10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62A584-F111-459D-B559-18CDE1ADDF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510070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BEFF-F174-4A4D-9C67-4C6DA37B99D3}" type="datetimeFigureOut">
              <a:rPr lang="en-US" smtClean="0"/>
              <a:t>9/10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62A584-F111-459D-B559-18CDE1ADDF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40322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BEFF-F174-4A4D-9C67-4C6DA37B99D3}" type="datetimeFigureOut">
              <a:rPr lang="en-US" smtClean="0"/>
              <a:t>9/10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62A584-F111-459D-B559-18CDE1ADDF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360313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7BEFF-F174-4A4D-9C67-4C6DA37B99D3}" type="datetimeFigureOut">
              <a:rPr lang="en-US" smtClean="0"/>
              <a:t>9/10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62A584-F111-459D-B559-18CDE1ADDF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094667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theme" Target="../theme/theme2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5" Type="http://schemas.openxmlformats.org/officeDocument/2006/relationships/slideLayout" Target="../slideLayouts/slideLayout16.xml"/><Relationship Id="rId4" Type="http://schemas.openxmlformats.org/officeDocument/2006/relationships/slideLayout" Target="../slideLayouts/slideLayout15.xml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1.xml"/><Relationship Id="rId7" Type="http://schemas.openxmlformats.org/officeDocument/2006/relationships/theme" Target="../theme/theme3.xml"/><Relationship Id="rId2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9.xml"/><Relationship Id="rId6" Type="http://schemas.openxmlformats.org/officeDocument/2006/relationships/slideLayout" Target="../slideLayouts/slideLayout24.xml"/><Relationship Id="rId5" Type="http://schemas.openxmlformats.org/officeDocument/2006/relationships/slideLayout" Target="../slideLayouts/slideLayout23.xml"/><Relationship Id="rId4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0E7BEFF-F174-4A4D-9C67-4C6DA37B99D3}" type="datetimeFigureOut">
              <a:rPr lang="en-US" smtClean="0"/>
              <a:t>9/1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F62A584-F111-459D-B559-18CDE1ADDF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05888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838200" y="1826684"/>
            <a:ext cx="10515600" cy="4349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ext styles</a:t>
            </a:r>
          </a:p>
          <a:p>
            <a:pPr lvl="1"/>
            <a:r>
              <a:rPr lang="en-US" altLang="en-US" smtClean="0"/>
              <a:t>Second level</a:t>
            </a:r>
          </a:p>
          <a:p>
            <a:pPr lvl="2"/>
            <a:r>
              <a:rPr lang="en-US" altLang="en-US" smtClean="0"/>
              <a:t>Third level</a:t>
            </a:r>
          </a:p>
          <a:p>
            <a:pPr lvl="3"/>
            <a:r>
              <a:rPr lang="en-US" altLang="en-US" smtClean="0"/>
              <a:t>Fourth level</a:t>
            </a:r>
          </a:p>
          <a:p>
            <a:pPr lvl="4"/>
            <a:r>
              <a:rPr lang="en-US" altLang="en-US" smtClean="0"/>
              <a:t>Fifth level</a:t>
            </a:r>
            <a:endParaRPr lang="en-US" altLang="en-US" dirty="0" smtClean="0"/>
          </a:p>
        </p:txBody>
      </p:sp>
    </p:spTree>
    <p:extLst>
      <p:ext uri="{BB962C8B-B14F-4D97-AF65-F5344CB8AC3E}">
        <p14:creationId xmlns:p14="http://schemas.microsoft.com/office/powerpoint/2010/main" val="22708358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76" r:id="rId7"/>
  </p:sldLayoutIdLst>
  <p:transition>
    <p:fade/>
  </p:transition>
  <p:timing>
    <p:tnLst>
      <p:par>
        <p:cTn id="1" dur="indefinite" restart="never" nodeType="tmRoot"/>
      </p:par>
    </p:tnLst>
  </p:timing>
  <p:txStyles>
    <p:titleStyle>
      <a:lvl1pPr algn="ctr" rtl="0" eaLnBrk="1" fontAlgn="base" hangingPunct="1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2pPr>
      <a:lvl3pPr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3pPr>
      <a:lvl4pPr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4pPr>
      <a:lvl5pPr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5pPr>
      <a:lvl6pPr marL="609585"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6pPr>
      <a:lvl7pPr marL="1219170"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7pPr>
      <a:lvl8pPr marL="1828754"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8pPr>
      <a:lvl9pPr marL="2438339"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9pPr>
    </p:titleStyle>
    <p:bodyStyle>
      <a:lvl1pPr marL="457189" indent="-457189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1pPr>
      <a:lvl2pPr marL="990575" indent="-38099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2pPr>
      <a:lvl3pPr marL="1523962" indent="-304792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3pPr>
      <a:lvl4pPr marL="2133547" indent="-304792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4pPr>
      <a:lvl5pPr marL="2743131" indent="-304792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 bwMode="blackWhite"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838200" y="1826684"/>
            <a:ext cx="10515600" cy="4349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ext styles</a:t>
            </a:r>
          </a:p>
          <a:p>
            <a:pPr lvl="1"/>
            <a:r>
              <a:rPr lang="en-US" altLang="en-US" smtClean="0"/>
              <a:t>Second level</a:t>
            </a:r>
          </a:p>
          <a:p>
            <a:pPr lvl="2"/>
            <a:r>
              <a:rPr lang="en-US" altLang="en-US" smtClean="0"/>
              <a:t>Third level</a:t>
            </a:r>
          </a:p>
          <a:p>
            <a:pPr lvl="3"/>
            <a:r>
              <a:rPr lang="en-US" altLang="en-US" smtClean="0"/>
              <a:t>Fourth level</a:t>
            </a:r>
          </a:p>
          <a:p>
            <a:pPr lvl="4"/>
            <a:r>
              <a:rPr lang="en-US" altLang="en-US" smtClean="0"/>
              <a:t>Fifth level</a:t>
            </a:r>
            <a:endParaRPr lang="en-US" altLang="en-US" dirty="0" smtClean="0"/>
          </a:p>
        </p:txBody>
      </p:sp>
    </p:spTree>
    <p:extLst>
      <p:ext uri="{BB962C8B-B14F-4D97-AF65-F5344CB8AC3E}">
        <p14:creationId xmlns:p14="http://schemas.microsoft.com/office/powerpoint/2010/main" val="42232476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9" r:id="rId1"/>
    <p:sldLayoutId id="2147483670" r:id="rId2"/>
    <p:sldLayoutId id="2147483671" r:id="rId3"/>
    <p:sldLayoutId id="2147483672" r:id="rId4"/>
    <p:sldLayoutId id="2147483673" r:id="rId5"/>
    <p:sldLayoutId id="2147483675" r:id="rId6"/>
  </p:sldLayoutIdLst>
  <p:transition>
    <p:fade/>
  </p:transition>
  <p:timing>
    <p:tnLst>
      <p:par>
        <p:cTn id="1" dur="indefinite" restart="never" nodeType="tmRoot"/>
      </p:par>
    </p:tnLst>
  </p:timing>
  <p:hf hdr="0" ftr="0" dt="0"/>
  <p:txStyles>
    <p:titleStyle>
      <a:lvl1pPr algn="ctr" rtl="0" eaLnBrk="1" fontAlgn="base" hangingPunct="1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2pPr>
      <a:lvl3pPr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3pPr>
      <a:lvl4pPr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4pPr>
      <a:lvl5pPr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5pPr>
      <a:lvl6pPr marL="609585"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6pPr>
      <a:lvl7pPr marL="1219170"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7pPr>
      <a:lvl8pPr marL="1828754"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8pPr>
      <a:lvl9pPr marL="2438339" algn="ctr" rtl="0" eaLnBrk="1" fontAlgn="base" hangingPunct="1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9pPr>
    </p:titleStyle>
    <p:bodyStyle>
      <a:lvl1pPr marL="457189" indent="-457189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1pPr>
      <a:lvl2pPr marL="990575" indent="-380990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2pPr>
      <a:lvl3pPr marL="1523962" indent="-304792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3pPr>
      <a:lvl4pPr marL="2133547" indent="-304792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4pPr>
      <a:lvl5pPr marL="2743131" indent="-304792" algn="l" rtl="0" eaLnBrk="1" fontAlgn="base" hangingPunct="1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2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png"/><Relationship Id="rId13" Type="http://schemas.openxmlformats.org/officeDocument/2006/relationships/image" Target="../media/image36.png"/><Relationship Id="rId18" Type="http://schemas.openxmlformats.org/officeDocument/2006/relationships/image" Target="../media/image41.jpeg"/><Relationship Id="rId3" Type="http://schemas.openxmlformats.org/officeDocument/2006/relationships/image" Target="../media/image27.png"/><Relationship Id="rId7" Type="http://schemas.openxmlformats.org/officeDocument/2006/relationships/image" Target="../media/image30.png"/><Relationship Id="rId12" Type="http://schemas.openxmlformats.org/officeDocument/2006/relationships/image" Target="../media/image35.jpeg"/><Relationship Id="rId17" Type="http://schemas.openxmlformats.org/officeDocument/2006/relationships/image" Target="../media/image40.jpg"/><Relationship Id="rId2" Type="http://schemas.openxmlformats.org/officeDocument/2006/relationships/notesSlide" Target="../notesSlides/notesSlide9.xml"/><Relationship Id="rId16" Type="http://schemas.openxmlformats.org/officeDocument/2006/relationships/image" Target="../media/image39.png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29.png"/><Relationship Id="rId11" Type="http://schemas.openxmlformats.org/officeDocument/2006/relationships/image" Target="../media/image34.jpeg"/><Relationship Id="rId5" Type="http://schemas.openxmlformats.org/officeDocument/2006/relationships/image" Target="../media/image28.png"/><Relationship Id="rId15" Type="http://schemas.openxmlformats.org/officeDocument/2006/relationships/image" Target="../media/image38.png"/><Relationship Id="rId10" Type="http://schemas.openxmlformats.org/officeDocument/2006/relationships/image" Target="../media/image33.emf"/><Relationship Id="rId4" Type="http://schemas.microsoft.com/office/2007/relationships/hdphoto" Target="../media/hdphoto3.wdp"/><Relationship Id="rId9" Type="http://schemas.openxmlformats.org/officeDocument/2006/relationships/image" Target="../media/image32.png"/><Relationship Id="rId14" Type="http://schemas.openxmlformats.org/officeDocument/2006/relationships/image" Target="../media/image37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45.png"/><Relationship Id="rId5" Type="http://schemas.openxmlformats.org/officeDocument/2006/relationships/image" Target="../media/image44.png"/><Relationship Id="rId4" Type="http://schemas.openxmlformats.org/officeDocument/2006/relationships/image" Target="../media/image43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emf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3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png"/><Relationship Id="rId1" Type="http://schemas.openxmlformats.org/officeDocument/2006/relationships/slideLayout" Target="../slideLayouts/slideLayout20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jp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3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8.png"/><Relationship Id="rId1" Type="http://schemas.openxmlformats.org/officeDocument/2006/relationships/slideLayout" Target="../slideLayouts/slideLayout13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0.xml"/><Relationship Id="rId4" Type="http://schemas.openxmlformats.org/officeDocument/2006/relationships/image" Target="../media/image50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1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3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7" Type="http://schemas.openxmlformats.org/officeDocument/2006/relationships/image" Target="../media/image55.jpe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54.emf"/><Relationship Id="rId5" Type="http://schemas.openxmlformats.org/officeDocument/2006/relationships/image" Target="../media/image53.emf"/><Relationship Id="rId4" Type="http://schemas.openxmlformats.org/officeDocument/2006/relationships/image" Target="../media/image52.emf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3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6.jpeg"/><Relationship Id="rId1" Type="http://schemas.openxmlformats.org/officeDocument/2006/relationships/slideLayout" Target="../slideLayouts/slideLayout13.xml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62.png"/><Relationship Id="rId3" Type="http://schemas.openxmlformats.org/officeDocument/2006/relationships/image" Target="../media/image57.jpeg"/><Relationship Id="rId7" Type="http://schemas.openxmlformats.org/officeDocument/2006/relationships/image" Target="../media/image61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0.xml"/><Relationship Id="rId6" Type="http://schemas.openxmlformats.org/officeDocument/2006/relationships/image" Target="../media/image60.png"/><Relationship Id="rId5" Type="http://schemas.openxmlformats.org/officeDocument/2006/relationships/image" Target="../media/image59.png"/><Relationship Id="rId4" Type="http://schemas.openxmlformats.org/officeDocument/2006/relationships/image" Target="../media/image58.png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3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4.png"/><Relationship Id="rId2" Type="http://schemas.openxmlformats.org/officeDocument/2006/relationships/image" Target="../media/image63.emf"/><Relationship Id="rId1" Type="http://schemas.openxmlformats.org/officeDocument/2006/relationships/slideLayout" Target="../slideLayouts/slideLayout20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0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0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0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6" Type="http://schemas.openxmlformats.org/officeDocument/2006/relationships/image" Target="../media/image66.png"/><Relationship Id="rId5" Type="http://schemas.openxmlformats.org/officeDocument/2006/relationships/image" Target="../media/image65.png"/><Relationship Id="rId4" Type="http://schemas.openxmlformats.org/officeDocument/2006/relationships/notesSlide" Target="../notesSlides/notesSlide20.xml"/></Relationships>
</file>

<file path=ppt/slides/_rels/slide27.xml.rels><?xml version="1.0" encoding="UTF-8" standalone="yes"?>
<Relationships xmlns="http://schemas.openxmlformats.org/package/2006/relationships"><Relationship Id="rId8" Type="http://schemas.openxmlformats.org/officeDocument/2006/relationships/image" Target="../media/image69.png"/><Relationship Id="rId3" Type="http://schemas.openxmlformats.org/officeDocument/2006/relationships/image" Target="../media/image67.png"/><Relationship Id="rId7" Type="http://schemas.openxmlformats.org/officeDocument/2006/relationships/hyperlink" Target="https://www.cdc.gov/getsmart/community/improving-prescribing/core-elements/core-outpatient-stewardship.html" TargetMode="External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0.xml"/><Relationship Id="rId6" Type="http://schemas.openxmlformats.org/officeDocument/2006/relationships/hyperlink" Target="https://www.cdc.gov/longtermcare/prevention/antibiotic-stewardship.html" TargetMode="External"/><Relationship Id="rId5" Type="http://schemas.openxmlformats.org/officeDocument/2006/relationships/hyperlink" Target="https://www.cdc.gov/getsmart/healthcare/implementation/core-elements.html" TargetMode="External"/><Relationship Id="rId4" Type="http://schemas.openxmlformats.org/officeDocument/2006/relationships/image" Target="../media/image68.png"/><Relationship Id="rId9" Type="http://schemas.openxmlformats.org/officeDocument/2006/relationships/image" Target="../media/image70.emf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2.jpeg"/><Relationship Id="rId2" Type="http://schemas.openxmlformats.org/officeDocument/2006/relationships/image" Target="../media/image71.png"/><Relationship Id="rId1" Type="http://schemas.openxmlformats.org/officeDocument/2006/relationships/slideLayout" Target="../slideLayouts/slideLayout20.xml"/><Relationship Id="rId4" Type="http://schemas.openxmlformats.org/officeDocument/2006/relationships/image" Target="../media/image73.jpeg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20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4.png"/><Relationship Id="rId7" Type="http://schemas.microsoft.com/office/2007/relationships/hdphoto" Target="../media/hdphoto4.wdp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20.xml"/><Relationship Id="rId6" Type="http://schemas.openxmlformats.org/officeDocument/2006/relationships/image" Target="../media/image77.png"/><Relationship Id="rId5" Type="http://schemas.openxmlformats.org/officeDocument/2006/relationships/image" Target="../media/image76.png"/><Relationship Id="rId4" Type="http://schemas.openxmlformats.org/officeDocument/2006/relationships/image" Target="../media/image75.png"/></Relationships>
</file>

<file path=ppt/slides/_rels/slide31.xml.rels><?xml version="1.0" encoding="UTF-8" standalone="yes"?>
<Relationships xmlns="http://schemas.openxmlformats.org/package/2006/relationships"><Relationship Id="rId8" Type="http://schemas.microsoft.com/office/2007/relationships/hdphoto" Target="../media/hdphoto6.wdp"/><Relationship Id="rId3" Type="http://schemas.openxmlformats.org/officeDocument/2006/relationships/image" Target="../media/image78.png"/><Relationship Id="rId7" Type="http://schemas.openxmlformats.org/officeDocument/2006/relationships/image" Target="../media/image81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80.png"/><Relationship Id="rId11" Type="http://schemas.microsoft.com/office/2007/relationships/hdphoto" Target="../media/hdphoto7.wdp"/><Relationship Id="rId5" Type="http://schemas.openxmlformats.org/officeDocument/2006/relationships/image" Target="../media/image79.jpeg"/><Relationship Id="rId10" Type="http://schemas.openxmlformats.org/officeDocument/2006/relationships/image" Target="../media/image83.png"/><Relationship Id="rId4" Type="http://schemas.microsoft.com/office/2007/relationships/hdphoto" Target="../media/hdphoto5.wdp"/><Relationship Id="rId9" Type="http://schemas.openxmlformats.org/officeDocument/2006/relationships/image" Target="../media/image82.jpeg"/></Relationships>
</file>

<file path=ppt/slides/_rels/slide32.xml.rels><?xml version="1.0" encoding="UTF-8" standalone="yes"?>
<Relationships xmlns="http://schemas.openxmlformats.org/package/2006/relationships"><Relationship Id="rId8" Type="http://schemas.openxmlformats.org/officeDocument/2006/relationships/image" Target="../media/image89.jpeg"/><Relationship Id="rId3" Type="http://schemas.openxmlformats.org/officeDocument/2006/relationships/image" Target="../media/image84.jpg"/><Relationship Id="rId7" Type="http://schemas.openxmlformats.org/officeDocument/2006/relationships/image" Target="../media/image88.jpe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24.xml"/><Relationship Id="rId6" Type="http://schemas.openxmlformats.org/officeDocument/2006/relationships/image" Target="../media/image87.jpg"/><Relationship Id="rId5" Type="http://schemas.openxmlformats.org/officeDocument/2006/relationships/image" Target="../media/image86.jpg"/><Relationship Id="rId4" Type="http://schemas.openxmlformats.org/officeDocument/2006/relationships/image" Target="../media/image85.jpg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0.tiff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2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14.png"/><Relationship Id="rId5" Type="http://schemas.openxmlformats.org/officeDocument/2006/relationships/image" Target="../media/image13.png"/><Relationship Id="rId4" Type="http://schemas.openxmlformats.org/officeDocument/2006/relationships/image" Target="../media/image6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hyperlink" Target="http://www.cdc.gov/drugresistance/about.html" TargetMode="External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0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notesSlide" Target="../notesSlides/notesSlide7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slideLayout" Target="../slideLayouts/slideLayout20.xml"/><Relationship Id="rId38" Type="http://schemas.openxmlformats.org/officeDocument/2006/relationships/image" Target="../media/image19.png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image" Target="../media/image18.pn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image" Target="../media/image17.pn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image" Target="../media/image16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18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3" Type="http://schemas.openxmlformats.org/officeDocument/2006/relationships/image" Target="../media/image21.png"/><Relationship Id="rId7" Type="http://schemas.microsoft.com/office/2007/relationships/hdphoto" Target="../media/hdphoto1.wdp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24.png"/><Relationship Id="rId5" Type="http://schemas.openxmlformats.org/officeDocument/2006/relationships/image" Target="../media/image23.png"/><Relationship Id="rId10" Type="http://schemas.openxmlformats.org/officeDocument/2006/relationships/image" Target="../media/image26.jpg"/><Relationship Id="rId4" Type="http://schemas.openxmlformats.org/officeDocument/2006/relationships/image" Target="../media/image22.png"/><Relationship Id="rId9" Type="http://schemas.microsoft.com/office/2007/relationships/hdphoto" Target="../media/hdphoto2.wdp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70" name="Title 3"/>
          <p:cNvSpPr>
            <a:spLocks noGrp="1"/>
          </p:cNvSpPr>
          <p:nvPr>
            <p:ph type="title"/>
          </p:nvPr>
        </p:nvSpPr>
        <p:spPr>
          <a:xfrm>
            <a:off x="571500" y="1593153"/>
            <a:ext cx="11430001" cy="1155779"/>
          </a:xfrm>
        </p:spPr>
        <p:txBody>
          <a:bodyPr/>
          <a:lstStyle/>
          <a:p>
            <a:r>
              <a:rPr lang="en-US" altLang="en-US" sz="4000" b="0" dirty="0" smtClean="0"/>
              <a:t>Antimicrobial Resistance Detection and Containment; </a:t>
            </a:r>
            <a:r>
              <a:rPr lang="en-US" altLang="en-US" sz="3600" b="0" dirty="0" smtClean="0"/>
              <a:t>a current US approach</a:t>
            </a:r>
            <a:endParaRPr lang="en-US" altLang="en-US" sz="4000" b="0" dirty="0"/>
          </a:p>
        </p:txBody>
      </p:sp>
      <p:sp>
        <p:nvSpPr>
          <p:cNvPr id="2" name="Subtitle 1"/>
          <p:cNvSpPr>
            <a:spLocks noGrp="1"/>
          </p:cNvSpPr>
          <p:nvPr>
            <p:ph type="subTitle" idx="1"/>
          </p:nvPr>
        </p:nvSpPr>
        <p:spPr>
          <a:xfrm>
            <a:off x="266700" y="5241617"/>
            <a:ext cx="8534400" cy="1289667"/>
          </a:xfrm>
        </p:spPr>
        <p:txBody>
          <a:bodyPr>
            <a:noAutofit/>
          </a:bodyPr>
          <a:lstStyle/>
          <a:p>
            <a:r>
              <a:rPr lang="en-US" sz="2400" b="0" dirty="0" smtClean="0"/>
              <a:t>Michael Bell, MD</a:t>
            </a:r>
          </a:p>
          <a:p>
            <a:r>
              <a:rPr lang="en-US" sz="2400" b="0" dirty="0" smtClean="0"/>
              <a:t>Division of Healthcare Quality Promotion</a:t>
            </a:r>
          </a:p>
          <a:p>
            <a:r>
              <a:rPr lang="en-US" sz="2400" b="0" dirty="0" smtClean="0"/>
              <a:t>National Center for Emerging and Zoonotic Infectious Diseases</a:t>
            </a:r>
          </a:p>
          <a:p>
            <a:r>
              <a:rPr lang="en-US" altLang="en-US" sz="1600" b="0" i="1" dirty="0"/>
              <a:t>No conflicts of interest to </a:t>
            </a:r>
            <a:r>
              <a:rPr lang="en-US" altLang="en-US" sz="1600" b="0" i="1" dirty="0" smtClean="0"/>
              <a:t>declare</a:t>
            </a:r>
            <a:endParaRPr lang="en-US" altLang="en-US" sz="1600" b="0" i="1" dirty="0"/>
          </a:p>
          <a:p>
            <a:endParaRPr lang="en-US" sz="2400" b="0" dirty="0"/>
          </a:p>
          <a:p>
            <a:endParaRPr lang="en-US" b="0" dirty="0" smtClean="0"/>
          </a:p>
          <a:p>
            <a:endParaRPr lang="en-US" b="0" dirty="0"/>
          </a:p>
          <a:p>
            <a:endParaRPr lang="en-US" b="0" dirty="0"/>
          </a:p>
        </p:txBody>
      </p:sp>
      <p:pic>
        <p:nvPicPr>
          <p:cNvPr id="7172" name="Picture 6" descr="Logos of the United States Department of Health and Human Services and Centers for Disease Control and Prevention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76402" y="5743576"/>
            <a:ext cx="190500" cy="1428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3228975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Title 1"/>
          <p:cNvSpPr>
            <a:spLocks noGrp="1"/>
          </p:cNvSpPr>
          <p:nvPr>
            <p:ph type="title"/>
          </p:nvPr>
        </p:nvSpPr>
        <p:spPr>
          <a:xfrm>
            <a:off x="737766" y="17224"/>
            <a:ext cx="10972800" cy="1143000"/>
          </a:xfrm>
        </p:spPr>
        <p:txBody>
          <a:bodyPr/>
          <a:lstStyle/>
          <a:p>
            <a:r>
              <a:rPr lang="en-US" dirty="0" smtClean="0"/>
              <a:t>CDC’s Work in Antimicrobial Resistance</a:t>
            </a:r>
            <a:endParaRPr lang="en-US" dirty="0"/>
          </a:p>
        </p:txBody>
      </p:sp>
      <p:grpSp>
        <p:nvGrpSpPr>
          <p:cNvPr id="36" name="Group 35"/>
          <p:cNvGrpSpPr/>
          <p:nvPr/>
        </p:nvGrpSpPr>
        <p:grpSpPr>
          <a:xfrm>
            <a:off x="4402840" y="4260013"/>
            <a:ext cx="2979542" cy="2290026"/>
            <a:chOff x="4402839" y="3841330"/>
            <a:chExt cx="3200401" cy="2459776"/>
          </a:xfrm>
        </p:grpSpPr>
        <p:grpSp>
          <p:nvGrpSpPr>
            <p:cNvPr id="22" name="Group 21"/>
            <p:cNvGrpSpPr/>
            <p:nvPr/>
          </p:nvGrpSpPr>
          <p:grpSpPr>
            <a:xfrm>
              <a:off x="4402840" y="3841330"/>
              <a:ext cx="3200400" cy="2332511"/>
              <a:chOff x="4402840" y="3841330"/>
              <a:chExt cx="3200400" cy="2332511"/>
            </a:xfrm>
          </p:grpSpPr>
          <p:sp>
            <p:nvSpPr>
              <p:cNvPr id="20" name="Rectangle 19"/>
              <p:cNvSpPr/>
              <p:nvPr/>
            </p:nvSpPr>
            <p:spPr>
              <a:xfrm>
                <a:off x="4402840" y="4025133"/>
                <a:ext cx="3200400" cy="1950244"/>
              </a:xfrm>
              <a:prstGeom prst="rect">
                <a:avLst/>
              </a:prstGeom>
              <a:solidFill>
                <a:srgbClr val="002060"/>
              </a:solidFill>
              <a:ln>
                <a:noFill/>
              </a:ln>
            </p:spPr>
            <p:style>
              <a:lnRef idx="2">
                <a:schemeClr val="dk1">
                  <a:shade val="50000"/>
                </a:schemeClr>
              </a:lnRef>
              <a:fillRef idx="1">
                <a:schemeClr val="dk1"/>
              </a:fillRef>
              <a:effectRef idx="0">
                <a:schemeClr val="dk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>
                  <a:ln>
                    <a:noFill/>
                  </a:ln>
                  <a:solidFill>
                    <a:srgbClr val="FFC000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pic>
            <p:nvPicPr>
              <p:cNvPr id="21" name="Picture 20"/>
              <p:cNvPicPr>
                <a:picLocks noChangeAspect="1"/>
              </p:cNvPicPr>
              <p:nvPr/>
            </p:nvPicPr>
            <p:blipFill>
              <a:blip r:embed="rId3">
                <a:extLst>
                  <a:ext uri="{BEBA8EAE-BF5A-486C-A8C5-ECC9F3942E4B}">
                    <a14:imgProps xmlns:a14="http://schemas.microsoft.com/office/drawing/2010/main">
                      <a14:imgLayer r:embed="rId4">
                        <a14:imgEffect>
                          <a14:backgroundRemoval t="12291" b="81564" l="9901" r="76238">
                            <a14:backgroundMark x1="21782" y1="43017" x2="21782" y2="43017"/>
                            <a14:backgroundMark x1="20792" y1="55307" x2="20792" y2="55307"/>
                          </a14:backgroundRemoval>
                        </a14:imgEffect>
                      </a14:imgLayer>
                    </a14:imgProps>
                  </a:ex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4686930" y="3841330"/>
                <a:ext cx="2632219" cy="2332511"/>
              </a:xfrm>
              <a:prstGeom prst="rect">
                <a:avLst/>
              </a:prstGeom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p:spPr>
          </p:pic>
        </p:grpSp>
        <p:sp>
          <p:nvSpPr>
            <p:cNvPr id="27" name="TextBox 26"/>
            <p:cNvSpPr txBox="1"/>
            <p:nvPr/>
          </p:nvSpPr>
          <p:spPr>
            <a:xfrm>
              <a:off x="4402839" y="5898770"/>
              <a:ext cx="3200400" cy="402336"/>
            </a:xfrm>
            <a:prstGeom prst="roundRect">
              <a:avLst/>
            </a:prstGeom>
            <a:solidFill>
              <a:srgbClr val="002060"/>
            </a:solidFill>
          </p:spPr>
          <p:txBody>
            <a:bodyPr wrap="square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0" i="0" u="none" strike="noStrike" kern="120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 Semibold" panose="020B0702040204020203" pitchFamily="34" charset="0"/>
                  <a:ea typeface="+mn-ea"/>
                  <a:cs typeface="Adobe Devanagari" panose="02040503050201020203" pitchFamily="18" charset="0"/>
                </a:rPr>
                <a:t>Improved Antibiotic Use</a:t>
              </a:r>
            </a:p>
          </p:txBody>
        </p:sp>
      </p:grpSp>
      <p:grpSp>
        <p:nvGrpSpPr>
          <p:cNvPr id="30" name="Group 29"/>
          <p:cNvGrpSpPr/>
          <p:nvPr/>
        </p:nvGrpSpPr>
        <p:grpSpPr>
          <a:xfrm>
            <a:off x="4402840" y="1521126"/>
            <a:ext cx="2979541" cy="2128153"/>
            <a:chOff x="4402840" y="1383966"/>
            <a:chExt cx="3200400" cy="2285903"/>
          </a:xfrm>
        </p:grpSpPr>
        <p:pic>
          <p:nvPicPr>
            <p:cNvPr id="5" name="Picture 4"/>
            <p:cNvPicPr>
              <a:picLocks noChangeAspect="1"/>
            </p:cNvPicPr>
            <p:nvPr/>
          </p:nvPicPr>
          <p:blipFill rotWithShape="1"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875" r="66125" b="65333"/>
            <a:stretch/>
          </p:blipFill>
          <p:spPr>
            <a:xfrm>
              <a:off x="4402840" y="1719625"/>
              <a:ext cx="3200400" cy="1950244"/>
            </a:xfrm>
            <a:prstGeom prst="rect">
              <a:avLst/>
            </a:prstGeom>
          </p:spPr>
        </p:pic>
        <p:sp>
          <p:nvSpPr>
            <p:cNvPr id="24" name="TextBox 23"/>
            <p:cNvSpPr txBox="1"/>
            <p:nvPr/>
          </p:nvSpPr>
          <p:spPr>
            <a:xfrm>
              <a:off x="4402840" y="1383966"/>
              <a:ext cx="3200400" cy="381234"/>
            </a:xfrm>
            <a:prstGeom prst="round2SameRect">
              <a:avLst/>
            </a:prstGeom>
            <a:solidFill>
              <a:srgbClr val="FF7059"/>
            </a:solidFill>
          </p:spPr>
          <p:txBody>
            <a:bodyPr wrap="square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0" i="0" u="none" strike="noStrike" kern="120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 Semibold" panose="020B0702040204020203" pitchFamily="34" charset="0"/>
                  <a:ea typeface="+mn-ea"/>
                  <a:cs typeface="Adobe Devanagari" panose="02040503050201020203" pitchFamily="18" charset="0"/>
                </a:rPr>
                <a:t>Communications &amp; Guidance</a:t>
              </a:r>
            </a:p>
          </p:txBody>
        </p:sp>
      </p:grpSp>
      <p:sp>
        <p:nvSpPr>
          <p:cNvPr id="38" name="TextBox 37"/>
          <p:cNvSpPr txBox="1"/>
          <p:nvPr/>
        </p:nvSpPr>
        <p:spPr>
          <a:xfrm>
            <a:off x="4013301" y="3805759"/>
            <a:ext cx="393702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VENT &amp; CONTAIN</a:t>
            </a:r>
          </a:p>
        </p:txBody>
      </p:sp>
      <p:grpSp>
        <p:nvGrpSpPr>
          <p:cNvPr id="57" name="Group 56"/>
          <p:cNvGrpSpPr/>
          <p:nvPr/>
        </p:nvGrpSpPr>
        <p:grpSpPr>
          <a:xfrm>
            <a:off x="4402839" y="1824581"/>
            <a:ext cx="2979542" cy="1824698"/>
            <a:chOff x="4402839" y="1976981"/>
            <a:chExt cx="2979542" cy="1824698"/>
          </a:xfrm>
        </p:grpSpPr>
        <p:sp>
          <p:nvSpPr>
            <p:cNvPr id="54" name="Rectangle 53"/>
            <p:cNvSpPr/>
            <p:nvPr/>
          </p:nvSpPr>
          <p:spPr>
            <a:xfrm>
              <a:off x="4402839" y="1976981"/>
              <a:ext cx="2979542" cy="1824698"/>
            </a:xfrm>
            <a:prstGeom prst="rect">
              <a:avLst/>
            </a:prstGeom>
            <a:solidFill>
              <a:srgbClr val="FF705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Myriad Web Pro"/>
                <a:ea typeface="+mn-ea"/>
                <a:cs typeface="+mn-cs"/>
              </a:endParaRPr>
            </a:p>
          </p:txBody>
        </p:sp>
        <p:grpSp>
          <p:nvGrpSpPr>
            <p:cNvPr id="52" name="Group 51"/>
            <p:cNvGrpSpPr/>
            <p:nvPr/>
          </p:nvGrpSpPr>
          <p:grpSpPr>
            <a:xfrm>
              <a:off x="4518423" y="2043616"/>
              <a:ext cx="2310072" cy="1510118"/>
              <a:chOff x="3563863" y="2302063"/>
              <a:chExt cx="2310072" cy="1510118"/>
            </a:xfrm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grpSpPr>
          <p:pic>
            <p:nvPicPr>
              <p:cNvPr id="50" name="Picture 49"/>
              <p:cNvPicPr>
                <a:picLocks noChangeAspect="1"/>
              </p:cNvPicPr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3563863" y="2311886"/>
                <a:ext cx="1156063" cy="1500295"/>
              </a:xfrm>
              <a:prstGeom prst="rect">
                <a:avLst/>
              </a:prstGeom>
            </p:spPr>
          </p:pic>
          <p:pic>
            <p:nvPicPr>
              <p:cNvPr id="51" name="Picture 50"/>
              <p:cNvPicPr>
                <a:picLocks noChangeAspect="1"/>
              </p:cNvPicPr>
              <p:nvPr/>
            </p:nvPicPr>
            <p:blipFill>
              <a:blip r:embed="rId7"/>
              <a:stretch>
                <a:fillRect/>
              </a:stretch>
            </p:blipFill>
            <p:spPr>
              <a:xfrm>
                <a:off x="4719926" y="2302063"/>
                <a:ext cx="1154009" cy="1499616"/>
              </a:xfrm>
              <a:prstGeom prst="rect">
                <a:avLst/>
              </a:prstGeom>
            </p:spPr>
          </p:pic>
        </p:grpSp>
        <p:grpSp>
          <p:nvGrpSpPr>
            <p:cNvPr id="49" name="Group 48"/>
            <p:cNvGrpSpPr/>
            <p:nvPr/>
          </p:nvGrpSpPr>
          <p:grpSpPr>
            <a:xfrm rot="788177">
              <a:off x="6087239" y="2184917"/>
              <a:ext cx="1069765" cy="1468142"/>
              <a:chOff x="5963957" y="2956075"/>
              <a:chExt cx="1754890" cy="2408405"/>
            </a:xfrm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grpSpPr>
          <p:pic>
            <p:nvPicPr>
              <p:cNvPr id="47" name="Picture 46"/>
              <p:cNvPicPr>
                <a:picLocks noChangeAspect="1"/>
              </p:cNvPicPr>
              <p:nvPr/>
            </p:nvPicPr>
            <p:blipFill>
              <a:blip r:embed="rId8"/>
              <a:stretch>
                <a:fillRect/>
              </a:stretch>
            </p:blipFill>
            <p:spPr>
              <a:xfrm>
                <a:off x="5963957" y="3271520"/>
                <a:ext cx="1754890" cy="2092960"/>
              </a:xfrm>
              <a:prstGeom prst="rect">
                <a:avLst/>
              </a:prstGeom>
            </p:spPr>
          </p:pic>
          <p:pic>
            <p:nvPicPr>
              <p:cNvPr id="48" name="Picture 47"/>
              <p:cNvPicPr>
                <a:picLocks noChangeAspect="1"/>
              </p:cNvPicPr>
              <p:nvPr/>
            </p:nvPicPr>
            <p:blipFill rotWithShape="1">
              <a:blip r:embed="rId9"/>
              <a:srcRect t="1305"/>
              <a:stretch/>
            </p:blipFill>
            <p:spPr>
              <a:xfrm>
                <a:off x="5963957" y="2956075"/>
                <a:ext cx="1754890" cy="316877"/>
              </a:xfrm>
              <a:prstGeom prst="rect">
                <a:avLst/>
              </a:prstGeom>
            </p:spPr>
          </p:pic>
        </p:grpSp>
        <p:pic>
          <p:nvPicPr>
            <p:cNvPr id="56" name="Picture 55"/>
            <p:cNvPicPr>
              <a:picLocks noChangeAspect="1"/>
            </p:cNvPicPr>
            <p:nvPr/>
          </p:nvPicPr>
          <p:blipFill rotWithShape="1">
            <a:blip r:embed="rId10"/>
            <a:srcRect l="3079" t="94" r="2412" b="20110"/>
            <a:stretch/>
          </p:blipFill>
          <p:spPr>
            <a:xfrm>
              <a:off x="5255417" y="2462853"/>
              <a:ext cx="1234440" cy="1331907"/>
            </a:xfrm>
            <a:prstGeom prst="rect">
              <a:avLst/>
            </a:prstGeom>
            <a:ln w="31750">
              <a:noFill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</p:pic>
      </p:grpSp>
      <p:grpSp>
        <p:nvGrpSpPr>
          <p:cNvPr id="4" name="Group 3"/>
          <p:cNvGrpSpPr/>
          <p:nvPr/>
        </p:nvGrpSpPr>
        <p:grpSpPr>
          <a:xfrm>
            <a:off x="7467455" y="1514927"/>
            <a:ext cx="3937020" cy="5043329"/>
            <a:chOff x="7105505" y="1514927"/>
            <a:chExt cx="3937020" cy="5043329"/>
          </a:xfrm>
        </p:grpSpPr>
        <p:grpSp>
          <p:nvGrpSpPr>
            <p:cNvPr id="31" name="Group 30"/>
            <p:cNvGrpSpPr/>
            <p:nvPr/>
          </p:nvGrpSpPr>
          <p:grpSpPr>
            <a:xfrm>
              <a:off x="7584245" y="1514927"/>
              <a:ext cx="2979541" cy="2129571"/>
              <a:chOff x="8265326" y="1218747"/>
              <a:chExt cx="3200400" cy="2287426"/>
            </a:xfrm>
          </p:grpSpPr>
          <p:pic>
            <p:nvPicPr>
              <p:cNvPr id="15" name="Picture 14"/>
              <p:cNvPicPr>
                <a:picLocks noChangeAspect="1"/>
              </p:cNvPicPr>
              <p:nvPr/>
            </p:nvPicPr>
            <p:blipFill rotWithShape="1"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65875" t="65112" r="2125" b="221"/>
              <a:stretch/>
            </p:blipFill>
            <p:spPr>
              <a:xfrm>
                <a:off x="8265326" y="1555929"/>
                <a:ext cx="3200400" cy="1950244"/>
              </a:xfrm>
              <a:prstGeom prst="rect">
                <a:avLst/>
              </a:prstGeom>
            </p:spPr>
          </p:pic>
          <p:sp>
            <p:nvSpPr>
              <p:cNvPr id="25" name="TextBox 24"/>
              <p:cNvSpPr txBox="1"/>
              <p:nvPr/>
            </p:nvSpPr>
            <p:spPr>
              <a:xfrm>
                <a:off x="8265326" y="1218747"/>
                <a:ext cx="3200400" cy="381234"/>
              </a:xfrm>
              <a:prstGeom prst="round2SameRect">
                <a:avLst/>
              </a:prstGeom>
              <a:solidFill>
                <a:srgbClr val="4AADA7"/>
              </a:solidFill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0" i="0" u="none" strike="noStrike" kern="120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Adobe Devanagari" panose="02040503050201020203" pitchFamily="18" charset="0"/>
                  </a:rPr>
                  <a:t>Insights for Practice</a:t>
                </a:r>
              </a:p>
            </p:txBody>
          </p:sp>
        </p:grpSp>
        <p:grpSp>
          <p:nvGrpSpPr>
            <p:cNvPr id="32" name="Group 31"/>
            <p:cNvGrpSpPr/>
            <p:nvPr/>
          </p:nvGrpSpPr>
          <p:grpSpPr>
            <a:xfrm>
              <a:off x="7610496" y="4455850"/>
              <a:ext cx="2980926" cy="2102406"/>
              <a:chOff x="8263839" y="4212968"/>
              <a:chExt cx="3201887" cy="2258251"/>
            </a:xfrm>
          </p:grpSpPr>
          <p:sp>
            <p:nvSpPr>
              <p:cNvPr id="28" name="TextBox 27"/>
              <p:cNvSpPr txBox="1"/>
              <p:nvPr/>
            </p:nvSpPr>
            <p:spPr>
              <a:xfrm>
                <a:off x="8263839" y="6068883"/>
                <a:ext cx="3201884" cy="402336"/>
              </a:xfrm>
              <a:prstGeom prst="roundRect">
                <a:avLst/>
              </a:prstGeom>
              <a:solidFill>
                <a:srgbClr val="FFD160"/>
              </a:solidFill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0" i="0" u="none" strike="noStrike" kern="120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Adobe Devanagari" panose="02040503050201020203" pitchFamily="18" charset="0"/>
                  </a:rPr>
                  <a:t>Research &amp; Development</a:t>
                </a:r>
              </a:p>
            </p:txBody>
          </p:sp>
          <p:pic>
            <p:nvPicPr>
              <p:cNvPr id="13" name="Picture 12"/>
              <p:cNvPicPr>
                <a:picLocks noChangeAspect="1"/>
              </p:cNvPicPr>
              <p:nvPr/>
            </p:nvPicPr>
            <p:blipFill rotWithShape="1"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2109" t="65722" r="65891" b="-389"/>
              <a:stretch/>
            </p:blipFill>
            <p:spPr>
              <a:xfrm>
                <a:off x="8265326" y="4212968"/>
                <a:ext cx="3200400" cy="1950244"/>
              </a:xfrm>
              <a:prstGeom prst="rect">
                <a:avLst/>
              </a:prstGeom>
            </p:spPr>
          </p:pic>
        </p:grpSp>
        <p:sp>
          <p:nvSpPr>
            <p:cNvPr id="39" name="TextBox 38"/>
            <p:cNvSpPr txBox="1"/>
            <p:nvPr/>
          </p:nvSpPr>
          <p:spPr>
            <a:xfrm>
              <a:off x="7105505" y="3855460"/>
              <a:ext cx="3937020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1" i="0" u="none" strike="noStrike" kern="1200" cap="none" spc="0" normalizeH="0" baseline="0" noProof="0" dirty="0">
                  <a:ln>
                    <a:noFill/>
                  </a:ln>
                  <a:solidFill>
                    <a:srgbClr val="7F7F7F">
                      <a:lumMod val="75000"/>
                    </a:srgbClr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INNOVATE</a:t>
              </a:r>
            </a:p>
          </p:txBody>
        </p:sp>
      </p:grpSp>
      <p:grpSp>
        <p:nvGrpSpPr>
          <p:cNvPr id="17" name="Group 16"/>
          <p:cNvGrpSpPr/>
          <p:nvPr/>
        </p:nvGrpSpPr>
        <p:grpSpPr>
          <a:xfrm>
            <a:off x="873821" y="1519839"/>
            <a:ext cx="2984857" cy="2363758"/>
            <a:chOff x="873821" y="1519839"/>
            <a:chExt cx="2984857" cy="2363758"/>
          </a:xfrm>
        </p:grpSpPr>
        <p:sp>
          <p:nvSpPr>
            <p:cNvPr id="9" name="Trapezoid 8"/>
            <p:cNvSpPr/>
            <p:nvPr/>
          </p:nvSpPr>
          <p:spPr>
            <a:xfrm rot="10800000">
              <a:off x="873821" y="3639926"/>
              <a:ext cx="2984857" cy="243671"/>
            </a:xfrm>
            <a:prstGeom prst="trapezoid">
              <a:avLst>
                <a:gd name="adj" fmla="val 64853"/>
              </a:avLst>
            </a:prstGeom>
            <a:gradFill flip="none" rotWithShape="1">
              <a:gsLst>
                <a:gs pos="0">
                  <a:schemeClr val="accent5">
                    <a:lumMod val="5000"/>
                    <a:lumOff val="95000"/>
                  </a:schemeClr>
                </a:gs>
                <a:gs pos="74000">
                  <a:srgbClr val="55797F"/>
                </a:gs>
                <a:gs pos="83000">
                  <a:srgbClr val="55797F"/>
                </a:gs>
                <a:gs pos="100000">
                  <a:srgbClr val="55797F"/>
                </a:gs>
              </a:gsLst>
              <a:lin ang="5400000" scaled="1"/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Myriad Web Pro"/>
                <a:ea typeface="+mn-ea"/>
                <a:cs typeface="+mn-cs"/>
              </a:endParaRPr>
            </a:p>
          </p:txBody>
        </p:sp>
        <p:grpSp>
          <p:nvGrpSpPr>
            <p:cNvPr id="29" name="Group 28"/>
            <p:cNvGrpSpPr/>
            <p:nvPr/>
          </p:nvGrpSpPr>
          <p:grpSpPr>
            <a:xfrm>
              <a:off x="877633" y="1519839"/>
              <a:ext cx="2979542" cy="2128153"/>
              <a:chOff x="609600" y="1220270"/>
              <a:chExt cx="3200401" cy="2285903"/>
            </a:xfrm>
          </p:grpSpPr>
          <p:pic>
            <p:nvPicPr>
              <p:cNvPr id="14" name="Picture 13"/>
              <p:cNvPicPr>
                <a:picLocks noChangeAspect="1"/>
              </p:cNvPicPr>
              <p:nvPr/>
            </p:nvPicPr>
            <p:blipFill rotWithShape="1"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34125" t="65334" r="33875" b="-1"/>
              <a:stretch/>
            </p:blipFill>
            <p:spPr>
              <a:xfrm>
                <a:off x="609600" y="1555929"/>
                <a:ext cx="3200401" cy="1950244"/>
              </a:xfrm>
              <a:prstGeom prst="rect">
                <a:avLst/>
              </a:prstGeom>
            </p:spPr>
          </p:pic>
          <p:sp>
            <p:nvSpPr>
              <p:cNvPr id="23" name="TextBox 22"/>
              <p:cNvSpPr txBox="1"/>
              <p:nvPr/>
            </p:nvSpPr>
            <p:spPr>
              <a:xfrm>
                <a:off x="609600" y="1220270"/>
                <a:ext cx="3200400" cy="381234"/>
              </a:xfrm>
              <a:prstGeom prst="round2SameRect">
                <a:avLst/>
              </a:prstGeom>
              <a:solidFill>
                <a:srgbClr val="55797F"/>
              </a:solidFill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0" i="0" u="none" strike="noStrike" kern="1200" cap="none" spc="0" normalizeH="0" baseline="0" noProof="0" dirty="0" smtClean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Adobe Devanagari" panose="02040503050201020203" pitchFamily="18" charset="0"/>
                  </a:rPr>
                  <a:t>Laboratory &amp; Diagnostics</a:t>
                </a:r>
              </a:p>
            </p:txBody>
          </p:sp>
        </p:grpSp>
      </p:grpSp>
      <p:grpSp>
        <p:nvGrpSpPr>
          <p:cNvPr id="34" name="Group 33"/>
          <p:cNvGrpSpPr/>
          <p:nvPr/>
        </p:nvGrpSpPr>
        <p:grpSpPr>
          <a:xfrm>
            <a:off x="877377" y="4440270"/>
            <a:ext cx="2979796" cy="2143365"/>
            <a:chOff x="609325" y="4518672"/>
            <a:chExt cx="3200675" cy="2302251"/>
          </a:xfrm>
        </p:grpSpPr>
        <p:sp>
          <p:nvSpPr>
            <p:cNvPr id="26" name="TextBox 25"/>
            <p:cNvSpPr txBox="1"/>
            <p:nvPr/>
          </p:nvSpPr>
          <p:spPr>
            <a:xfrm>
              <a:off x="609325" y="6418585"/>
              <a:ext cx="3198870" cy="402338"/>
            </a:xfrm>
            <a:prstGeom prst="roundRect">
              <a:avLst/>
            </a:prstGeom>
            <a:solidFill>
              <a:srgbClr val="594F4F"/>
            </a:solidFill>
          </p:spPr>
          <p:txBody>
            <a:bodyPr wrap="square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0" i="0" u="none" strike="noStrike" kern="1200" cap="none" spc="0" normalizeH="0" baseline="0" noProof="0" dirty="0" smtClean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Segoe UI Semibold" panose="020B0702040204020203" pitchFamily="34" charset="0"/>
                  <a:ea typeface="+mn-ea"/>
                  <a:cs typeface="Adobe Devanagari" panose="02040503050201020203" pitchFamily="18" charset="0"/>
                </a:rPr>
                <a:t>Epidemiology &amp; Surveillance</a:t>
              </a:r>
            </a:p>
          </p:txBody>
        </p:sp>
        <p:pic>
          <p:nvPicPr>
            <p:cNvPr id="12" name="Picture 11"/>
            <p:cNvPicPr>
              <a:picLocks noChangeAspect="1"/>
            </p:cNvPicPr>
            <p:nvPr/>
          </p:nvPicPr>
          <p:blipFill rotWithShape="1"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3927" r="34073" b="65333"/>
            <a:stretch/>
          </p:blipFill>
          <p:spPr>
            <a:xfrm>
              <a:off x="609600" y="4518672"/>
              <a:ext cx="3200400" cy="1950244"/>
            </a:xfrm>
            <a:prstGeom prst="rect">
              <a:avLst/>
            </a:prstGeom>
          </p:spPr>
        </p:pic>
      </p:grpSp>
      <p:sp>
        <p:nvSpPr>
          <p:cNvPr id="37" name="TextBox 36"/>
          <p:cNvSpPr txBox="1"/>
          <p:nvPr/>
        </p:nvSpPr>
        <p:spPr>
          <a:xfrm>
            <a:off x="474794" y="3805759"/>
            <a:ext cx="384873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CT &amp; RESPOND</a:t>
            </a:r>
          </a:p>
        </p:txBody>
      </p:sp>
      <p:sp>
        <p:nvSpPr>
          <p:cNvPr id="74" name="Trapezoid 73"/>
          <p:cNvSpPr/>
          <p:nvPr/>
        </p:nvSpPr>
        <p:spPr>
          <a:xfrm rot="10800000" flipV="1">
            <a:off x="877633" y="4196590"/>
            <a:ext cx="2979541" cy="243671"/>
          </a:xfrm>
          <a:prstGeom prst="trapezoid">
            <a:avLst>
              <a:gd name="adj" fmla="val 64853"/>
            </a:avLst>
          </a:prstGeom>
          <a:gradFill flip="none" rotWithShape="1">
            <a:gsLst>
              <a:gs pos="0">
                <a:schemeClr val="accent5">
                  <a:lumMod val="5000"/>
                  <a:lumOff val="95000"/>
                </a:schemeClr>
              </a:gs>
              <a:gs pos="74000">
                <a:srgbClr val="594F4F"/>
              </a:gs>
              <a:gs pos="83000">
                <a:srgbClr val="594F4F"/>
              </a:gs>
              <a:gs pos="100000">
                <a:srgbClr val="594F4F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Myriad Web Pro"/>
              <a:ea typeface="+mn-ea"/>
              <a:cs typeface="+mn-cs"/>
            </a:endParaRPr>
          </a:p>
        </p:txBody>
      </p:sp>
      <p:sp>
        <p:nvSpPr>
          <p:cNvPr id="75" name="Trapezoid 74"/>
          <p:cNvSpPr/>
          <p:nvPr/>
        </p:nvSpPr>
        <p:spPr>
          <a:xfrm rot="10800000">
            <a:off x="4403427" y="3649083"/>
            <a:ext cx="2984857" cy="243671"/>
          </a:xfrm>
          <a:prstGeom prst="trapezoid">
            <a:avLst>
              <a:gd name="adj" fmla="val 64853"/>
            </a:avLst>
          </a:prstGeom>
          <a:gradFill flip="none" rotWithShape="1">
            <a:gsLst>
              <a:gs pos="0">
                <a:schemeClr val="accent5">
                  <a:lumMod val="5000"/>
                  <a:lumOff val="95000"/>
                </a:schemeClr>
              </a:gs>
              <a:gs pos="74000">
                <a:srgbClr val="FF7059"/>
              </a:gs>
              <a:gs pos="83000">
                <a:srgbClr val="FF7059"/>
              </a:gs>
              <a:gs pos="100000">
                <a:srgbClr val="FF7059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Myriad Web Pro"/>
              <a:ea typeface="+mn-ea"/>
              <a:cs typeface="+mn-cs"/>
            </a:endParaRPr>
          </a:p>
        </p:txBody>
      </p:sp>
      <p:sp>
        <p:nvSpPr>
          <p:cNvPr id="76" name="Trapezoid 75"/>
          <p:cNvSpPr/>
          <p:nvPr/>
        </p:nvSpPr>
        <p:spPr>
          <a:xfrm rot="10800000">
            <a:off x="7941309" y="3643983"/>
            <a:ext cx="2980530" cy="243671"/>
          </a:xfrm>
          <a:prstGeom prst="trapezoid">
            <a:avLst>
              <a:gd name="adj" fmla="val 64853"/>
            </a:avLst>
          </a:prstGeom>
          <a:gradFill flip="none" rotWithShape="1">
            <a:gsLst>
              <a:gs pos="0">
                <a:schemeClr val="accent5">
                  <a:lumMod val="5000"/>
                  <a:lumOff val="95000"/>
                </a:schemeClr>
              </a:gs>
              <a:gs pos="74000">
                <a:srgbClr val="4AADA7"/>
              </a:gs>
              <a:gs pos="83000">
                <a:srgbClr val="4AADA7"/>
              </a:gs>
              <a:gs pos="100000">
                <a:srgbClr val="4AADA7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Myriad Web Pro"/>
              <a:ea typeface="+mn-ea"/>
              <a:cs typeface="+mn-cs"/>
            </a:endParaRPr>
          </a:p>
        </p:txBody>
      </p:sp>
      <p:sp>
        <p:nvSpPr>
          <p:cNvPr id="77" name="Trapezoid 76"/>
          <p:cNvSpPr/>
          <p:nvPr/>
        </p:nvSpPr>
        <p:spPr>
          <a:xfrm rot="10800000" flipV="1">
            <a:off x="4403026" y="4190132"/>
            <a:ext cx="2979541" cy="243671"/>
          </a:xfrm>
          <a:prstGeom prst="trapezoid">
            <a:avLst>
              <a:gd name="adj" fmla="val 64853"/>
            </a:avLst>
          </a:prstGeom>
          <a:gradFill flip="none" rotWithShape="1">
            <a:gsLst>
              <a:gs pos="0">
                <a:schemeClr val="accent5">
                  <a:lumMod val="5000"/>
                  <a:lumOff val="95000"/>
                </a:schemeClr>
              </a:gs>
              <a:gs pos="74000">
                <a:srgbClr val="002060"/>
              </a:gs>
              <a:gs pos="83000">
                <a:srgbClr val="002060"/>
              </a:gs>
              <a:gs pos="100000">
                <a:srgbClr val="002060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Myriad Web Pro"/>
              <a:ea typeface="+mn-ea"/>
              <a:cs typeface="+mn-cs"/>
            </a:endParaRPr>
          </a:p>
        </p:txBody>
      </p:sp>
      <p:sp>
        <p:nvSpPr>
          <p:cNvPr id="78" name="Trapezoid 77"/>
          <p:cNvSpPr/>
          <p:nvPr/>
        </p:nvSpPr>
        <p:spPr>
          <a:xfrm rot="10800000" flipV="1">
            <a:off x="7973829" y="4216191"/>
            <a:ext cx="2979541" cy="243671"/>
          </a:xfrm>
          <a:prstGeom prst="trapezoid">
            <a:avLst>
              <a:gd name="adj" fmla="val 64853"/>
            </a:avLst>
          </a:prstGeom>
          <a:gradFill flip="none" rotWithShape="1">
            <a:gsLst>
              <a:gs pos="0">
                <a:schemeClr val="accent5">
                  <a:lumMod val="5000"/>
                  <a:lumOff val="95000"/>
                </a:schemeClr>
              </a:gs>
              <a:gs pos="74000">
                <a:srgbClr val="FFD160"/>
              </a:gs>
              <a:gs pos="83000">
                <a:srgbClr val="FFD160"/>
              </a:gs>
              <a:gs pos="100000">
                <a:srgbClr val="FFD160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Myriad Web Pro"/>
              <a:ea typeface="+mn-ea"/>
              <a:cs typeface="+mn-cs"/>
            </a:endParaRPr>
          </a:p>
        </p:txBody>
      </p:sp>
      <p:grpSp>
        <p:nvGrpSpPr>
          <p:cNvPr id="53" name="Group 52"/>
          <p:cNvGrpSpPr/>
          <p:nvPr/>
        </p:nvGrpSpPr>
        <p:grpSpPr>
          <a:xfrm>
            <a:off x="876478" y="1869851"/>
            <a:ext cx="2979542" cy="1768327"/>
            <a:chOff x="876478" y="1869851"/>
            <a:chExt cx="2979542" cy="1768327"/>
          </a:xfrm>
        </p:grpSpPr>
        <p:sp>
          <p:nvSpPr>
            <p:cNvPr id="79" name="Rectangle 78"/>
            <p:cNvSpPr/>
            <p:nvPr/>
          </p:nvSpPr>
          <p:spPr>
            <a:xfrm>
              <a:off x="876478" y="1869851"/>
              <a:ext cx="2979542" cy="1768327"/>
            </a:xfrm>
            <a:prstGeom prst="rect">
              <a:avLst/>
            </a:prstGeom>
            <a:solidFill>
              <a:schemeClr val="tx2"/>
            </a:solidFill>
            <a:ln w="3175">
              <a:solidFill>
                <a:schemeClr val="accent4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Myriad Web Pro"/>
                <a:ea typeface="+mn-ea"/>
                <a:cs typeface="+mn-cs"/>
              </a:endParaRPr>
            </a:p>
          </p:txBody>
        </p:sp>
        <p:pic>
          <p:nvPicPr>
            <p:cNvPr id="35" name="Picture 34"/>
            <p:cNvPicPr>
              <a:picLocks noChangeAspect="1"/>
            </p:cNvPicPr>
            <p:nvPr/>
          </p:nvPicPr>
          <p:blipFill rotWithShape="1">
            <a:blip r:embed="rId11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6540" r="3655" b="21075"/>
            <a:stretch/>
          </p:blipFill>
          <p:spPr>
            <a:xfrm>
              <a:off x="981286" y="2129145"/>
              <a:ext cx="2785730" cy="1278299"/>
            </a:xfrm>
            <a:prstGeom prst="rect">
              <a:avLst/>
            </a:prstGeom>
          </p:spPr>
        </p:pic>
      </p:grpSp>
      <p:pic>
        <p:nvPicPr>
          <p:cNvPr id="83" name="Picture 82"/>
          <p:cNvPicPr>
            <a:picLocks noChangeAspect="1"/>
          </p:cNvPicPr>
          <p:nvPr/>
        </p:nvPicPr>
        <p:blipFill rotWithShape="1"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3" t="3338" r="-273" b="5984"/>
          <a:stretch/>
        </p:blipFill>
        <p:spPr>
          <a:xfrm>
            <a:off x="879534" y="4465924"/>
            <a:ext cx="2975960" cy="1796654"/>
          </a:xfrm>
          <a:prstGeom prst="rect">
            <a:avLst/>
          </a:prstGeom>
        </p:spPr>
      </p:pic>
      <p:grpSp>
        <p:nvGrpSpPr>
          <p:cNvPr id="91" name="Group 90"/>
          <p:cNvGrpSpPr/>
          <p:nvPr/>
        </p:nvGrpSpPr>
        <p:grpSpPr>
          <a:xfrm>
            <a:off x="4399483" y="4432866"/>
            <a:ext cx="2985126" cy="1829154"/>
            <a:chOff x="1364610" y="4759848"/>
            <a:chExt cx="2985126" cy="1829154"/>
          </a:xfrm>
        </p:grpSpPr>
        <p:sp>
          <p:nvSpPr>
            <p:cNvPr id="92" name="Rectangle 91"/>
            <p:cNvSpPr/>
            <p:nvPr/>
          </p:nvSpPr>
          <p:spPr>
            <a:xfrm>
              <a:off x="1364610" y="4764304"/>
              <a:ext cx="2985126" cy="1824698"/>
            </a:xfrm>
            <a:prstGeom prst="rect">
              <a:avLst/>
            </a:prstGeom>
            <a:solidFill>
              <a:srgbClr val="00206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Myriad Web Pro"/>
                <a:ea typeface="+mn-ea"/>
                <a:cs typeface="+mn-cs"/>
              </a:endParaRPr>
            </a:p>
          </p:txBody>
        </p:sp>
        <p:grpSp>
          <p:nvGrpSpPr>
            <p:cNvPr id="93" name="Group 92"/>
            <p:cNvGrpSpPr/>
            <p:nvPr/>
          </p:nvGrpSpPr>
          <p:grpSpPr>
            <a:xfrm>
              <a:off x="1366700" y="4759848"/>
              <a:ext cx="2980945" cy="1773070"/>
              <a:chOff x="4395215" y="4571682"/>
              <a:chExt cx="2980945" cy="1773070"/>
            </a:xfrm>
          </p:grpSpPr>
          <p:pic>
            <p:nvPicPr>
              <p:cNvPr id="94" name="Picture 93"/>
              <p:cNvPicPr>
                <a:picLocks noChangeAspect="1"/>
              </p:cNvPicPr>
              <p:nvPr/>
            </p:nvPicPr>
            <p:blipFill>
              <a:blip r:embed="rId13"/>
              <a:stretch>
                <a:fillRect/>
              </a:stretch>
            </p:blipFill>
            <p:spPr>
              <a:xfrm>
                <a:off x="5377367" y="4571682"/>
                <a:ext cx="1162053" cy="1499616"/>
              </a:xfrm>
              <a:prstGeom prst="rect">
                <a:avLst/>
              </a:prstGeom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p:spPr>
          </p:pic>
          <p:pic>
            <p:nvPicPr>
              <p:cNvPr id="95" name="Picture 94"/>
              <p:cNvPicPr>
                <a:picLocks noChangeAspect="1"/>
              </p:cNvPicPr>
              <p:nvPr/>
            </p:nvPicPr>
            <p:blipFill rotWithShape="1">
              <a:blip r:embed="rId14"/>
              <a:srcRect t="-1" b="3327"/>
              <a:stretch/>
            </p:blipFill>
            <p:spPr>
              <a:xfrm>
                <a:off x="4806383" y="4895030"/>
                <a:ext cx="1156078" cy="1449722"/>
              </a:xfrm>
              <a:prstGeom prst="rect">
                <a:avLst/>
              </a:prstGeom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p:spPr>
          </p:pic>
          <p:pic>
            <p:nvPicPr>
              <p:cNvPr id="96" name="Picture 95"/>
              <p:cNvPicPr>
                <a:picLocks noChangeAspect="1"/>
              </p:cNvPicPr>
              <p:nvPr/>
            </p:nvPicPr>
            <p:blipFill rotWithShape="1">
              <a:blip r:embed="rId15"/>
              <a:srcRect l="15657" b="18914"/>
              <a:stretch/>
            </p:blipFill>
            <p:spPr>
              <a:xfrm>
                <a:off x="4395215" y="5128767"/>
                <a:ext cx="975071" cy="1215985"/>
              </a:xfrm>
              <a:prstGeom prst="rect">
                <a:avLst/>
              </a:prstGeom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p:spPr>
          </p:pic>
          <p:pic>
            <p:nvPicPr>
              <p:cNvPr id="97" name="Picture 96"/>
              <p:cNvPicPr>
                <a:picLocks noChangeAspect="1"/>
              </p:cNvPicPr>
              <p:nvPr/>
            </p:nvPicPr>
            <p:blipFill rotWithShape="1">
              <a:blip r:embed="rId16"/>
              <a:srcRect r="16346" b="7432"/>
              <a:stretch/>
            </p:blipFill>
            <p:spPr>
              <a:xfrm>
                <a:off x="6403936" y="4950494"/>
                <a:ext cx="972224" cy="1388162"/>
              </a:xfrm>
              <a:prstGeom prst="rect">
                <a:avLst/>
              </a:prstGeom>
              <a:effectLst/>
            </p:spPr>
          </p:pic>
        </p:grpSp>
      </p:grpSp>
      <p:pic>
        <p:nvPicPr>
          <p:cNvPr id="99" name="Picture 98"/>
          <p:cNvPicPr>
            <a:picLocks noChangeAspect="1"/>
          </p:cNvPicPr>
          <p:nvPr/>
        </p:nvPicPr>
        <p:blipFill rotWithShape="1"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532" t="758" r="9805" b="1101"/>
          <a:stretch/>
        </p:blipFill>
        <p:spPr>
          <a:xfrm>
            <a:off x="7941309" y="1865671"/>
            <a:ext cx="2987246" cy="1810212"/>
          </a:xfrm>
          <a:prstGeom prst="rect">
            <a:avLst/>
          </a:prstGeom>
        </p:spPr>
      </p:pic>
      <p:pic>
        <p:nvPicPr>
          <p:cNvPr id="100" name="Picture 99"/>
          <p:cNvPicPr>
            <a:picLocks noChangeAspect="1"/>
          </p:cNvPicPr>
          <p:nvPr/>
        </p:nvPicPr>
        <p:blipFill rotWithShape="1">
          <a:blip r:embed="rId1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7795"/>
          <a:stretch/>
        </p:blipFill>
        <p:spPr>
          <a:xfrm>
            <a:off x="7972426" y="4471737"/>
            <a:ext cx="2980944" cy="17668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167731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7" dur="500"/>
                                        <p:tgtEl>
                                          <p:spTgt spid="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2" dur="500"/>
                                        <p:tgtEl>
                                          <p:spTgt spid="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2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7" dur="5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2" dur="500"/>
                                        <p:tgtEl>
                                          <p:spTgt spid="9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22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7" dur="500"/>
                                        <p:tgtEl>
                                          <p:spTgt spid="9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2" dur="500"/>
                                        <p:tgtEl>
                                          <p:spTgt spid="10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Box 14"/>
          <p:cNvSpPr txBox="1"/>
          <p:nvPr/>
        </p:nvSpPr>
        <p:spPr>
          <a:xfrm>
            <a:off x="9102294" y="1428062"/>
            <a:ext cx="2743200" cy="4940975"/>
          </a:xfrm>
          <a:prstGeom prst="roundRect">
            <a:avLst>
              <a:gd name="adj" fmla="val 5556"/>
            </a:avLst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cademic &amp; Healthcare Investigator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 dirty="0" smtClean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1" i="0" u="none" strike="noStrike" kern="1200" cap="none" spc="0" normalizeH="0" baseline="0" noProof="0" dirty="0" smtClean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1" i="0" u="none" strike="noStrike" kern="1200" cap="none" spc="0" normalizeH="0" baseline="0" noProof="0" dirty="0" smtClean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scovering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nd scaling up new ways to protect people: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omestic and international HAI prevention research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search on environmental AMR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Healthcare information technology development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eterinary healthcare quality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mprovement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 smtClean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599" y="274639"/>
            <a:ext cx="11458354" cy="1143000"/>
          </a:xfrm>
        </p:spPr>
        <p:txBody>
          <a:bodyPr/>
          <a:lstStyle/>
          <a:p>
            <a:r>
              <a:rPr lang="en-US" dirty="0" smtClean="0"/>
              <a:t>Accelerating &amp; Implementing Innovations to Combat AR</a:t>
            </a:r>
            <a:endParaRPr lang="en-US" dirty="0"/>
          </a:p>
        </p:txBody>
      </p:sp>
      <p:sp>
        <p:nvSpPr>
          <p:cNvPr id="11" name="TextBox 10"/>
          <p:cNvSpPr txBox="1"/>
          <p:nvPr/>
        </p:nvSpPr>
        <p:spPr>
          <a:xfrm>
            <a:off x="3493307" y="1428062"/>
            <a:ext cx="2743200" cy="4909899"/>
          </a:xfrm>
          <a:prstGeom prst="roundRect">
            <a:avLst>
              <a:gd name="adj" fmla="val 5556"/>
            </a:avLst>
          </a:prstGeom>
          <a:noFill/>
          <a:ln>
            <a:noFill/>
          </a:ln>
        </p:spPr>
        <p:txBody>
          <a:bodyPr wrap="square" rtlCol="0">
            <a:spAutoFit/>
          </a:bodyPr>
          <a:lstStyle>
            <a:defPPr>
              <a:defRPr lang="en-US"/>
            </a:defPPr>
            <a:lvl1pPr marR="0" lvl="0" indent="0" algn="ctr"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b="1" i="0" u="none" strike="noStrike" cap="none" spc="0" normalizeH="0" baseline="0">
                <a:ln>
                  <a:noFill/>
                </a:ln>
                <a:solidFill>
                  <a:schemeClr val="accent4">
                    <a:lumMod val="50000"/>
                  </a:schemeClr>
                </a:solidFill>
                <a:effectLst/>
                <a:uLnTx/>
                <a:uFillTx/>
                <a:latin typeface="Calibri" panose="020F0502020204030204" pitchFamily="34" charset="0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eaders in Applied Research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1" i="0" u="none" strike="noStrike" kern="1200" cap="none" spc="0" normalizeH="0" baseline="0" noProof="0" dirty="0" smtClean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search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n </a:t>
            </a:r>
            <a:r>
              <a:rPr kumimoji="0" lang="en-US" sz="1600" b="1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M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 healthcare, food, and community, </a:t>
            </a:r>
            <a:r>
              <a:rPr kumimoji="0" lang="en-US" sz="1600" b="1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.g.:</a:t>
            </a: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ew ways to detect AR and improve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bx use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omestic and international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MR transmission</a:t>
            </a:r>
            <a:r>
              <a:rPr lang="en-US" sz="1600" b="0" dirty="0">
                <a:solidFill>
                  <a:srgbClr val="7F7F7F">
                    <a:lumMod val="50000"/>
                  </a:srgbClr>
                </a:solidFill>
              </a:rPr>
              <a:t> </a:t>
            </a:r>
            <a:r>
              <a:rPr lang="en-US" sz="1600" b="0" dirty="0" smtClean="0">
                <a:solidFill>
                  <a:srgbClr val="7F7F7F">
                    <a:lumMod val="50000"/>
                  </a:srgbClr>
                </a:solidFill>
              </a:rPr>
              <a:t>and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lonization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icrobiome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MR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 water systems, environment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MR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ta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ources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pic>
        <p:nvPicPr>
          <p:cNvPr id="2052" name="Picture 1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-84" b="-420"/>
          <a:stretch>
            <a:fillRect/>
          </a:stretch>
        </p:blipFill>
        <p:spPr bwMode="auto">
          <a:xfrm>
            <a:off x="4548868" y="2122593"/>
            <a:ext cx="632079" cy="6400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TextBox 12"/>
          <p:cNvSpPr txBox="1"/>
          <p:nvPr/>
        </p:nvSpPr>
        <p:spPr>
          <a:xfrm>
            <a:off x="6298569" y="1428062"/>
            <a:ext cx="2743200" cy="4700141"/>
          </a:xfrm>
          <a:prstGeom prst="roundRect">
            <a:avLst>
              <a:gd name="adj" fmla="val 5556"/>
            </a:avLst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vention             Network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 dirty="0" smtClean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1" i="0" u="none" strike="noStrike" kern="1200" cap="none" spc="0" normalizeH="0" baseline="0" noProof="0" dirty="0" smtClean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1" i="0" u="none" strike="noStrike" kern="1200" cap="none" spc="0" normalizeH="0" baseline="0" noProof="0" dirty="0" smtClean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iloting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nd evaluating evidence-based prevention strategies in </a:t>
            </a:r>
            <a:r>
              <a:rPr kumimoji="0" lang="en-US" sz="1600" b="1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healthcare e.g.:</a:t>
            </a: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ing ways to model AR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nd HAI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nsmission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mproving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fection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trol interventions 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ssessing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ntibiotic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ewardship and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se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50" b="1" i="0" u="none" strike="noStrike" kern="1200" cap="none" spc="0" normalizeH="0" baseline="0" noProof="0" dirty="0" smtClean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1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pic>
        <p:nvPicPr>
          <p:cNvPr id="2053" name="Picture 1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45711" y="2122593"/>
            <a:ext cx="648917" cy="64008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</a:extLst>
        </p:spPr>
      </p:pic>
      <p:pic>
        <p:nvPicPr>
          <p:cNvPr id="2054" name="Picture 9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49998" y="2122593"/>
            <a:ext cx="647792" cy="6400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TextBox 3"/>
          <p:cNvSpPr txBox="1"/>
          <p:nvPr/>
        </p:nvSpPr>
        <p:spPr>
          <a:xfrm>
            <a:off x="688045" y="1436001"/>
            <a:ext cx="2743200" cy="4692372"/>
          </a:xfrm>
          <a:prstGeom prst="roundRect">
            <a:avLst>
              <a:gd name="adj" fmla="val 5556"/>
            </a:avLst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dustry                   Partner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 dirty="0" smtClean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 dirty="0" smtClean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1" i="0" u="none" strike="noStrike" kern="1200" cap="none" spc="0" normalizeH="0" baseline="0" noProof="0" dirty="0" smtClean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1" i="0" u="none" strike="noStrike" kern="1200" cap="none" spc="0" normalizeH="0" baseline="0" noProof="0" dirty="0" smtClean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ynergies with Industry, e.g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DC’s Isolate Bank: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1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. </a:t>
            </a:r>
            <a:r>
              <a:rPr kumimoji="0" lang="en-US" sz="1600" b="0" i="1" u="none" strike="noStrike" kern="1200" cap="none" spc="0" normalizeH="0" baseline="0" noProof="0" dirty="0" err="1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ris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diversity panel used by EPA to test disinfectants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50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solates for development of new rapid diagnostics</a:t>
            </a:r>
            <a:endParaRPr lang="en-US" sz="1600" dirty="0">
              <a:solidFill>
                <a:srgbClr val="7F7F7F">
                  <a:lumMod val="50000"/>
                </a:srgbClr>
              </a:solidFill>
              <a:latin typeface="Calibri" panose="020F0502020204030204" pitchFamily="34" charset="0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600" dirty="0" smtClean="0">
                <a:solidFill>
                  <a:srgbClr val="7F7F7F">
                    <a:lumMod val="50000"/>
                  </a:srgbClr>
                </a:solidFill>
                <a:latin typeface="Calibri" panose="020F0502020204030204" pitchFamily="34" charset="0"/>
              </a:rPr>
              <a:t>Environmental testing of antibiotics </a:t>
            </a:r>
            <a:r>
              <a:rPr lang="en-US" sz="1600" dirty="0">
                <a:solidFill>
                  <a:srgbClr val="7F7F7F">
                    <a:lumMod val="50000"/>
                  </a:srgbClr>
                </a:solidFill>
                <a:latin typeface="Calibri" panose="020F0502020204030204" pitchFamily="34" charset="0"/>
              </a:rPr>
              <a:t>in pesticide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 smtClean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 smtClean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 smtClean="0">
              <a:ln>
                <a:noFill/>
              </a:ln>
              <a:solidFill>
                <a:srgbClr val="7F7F7F">
                  <a:lumMod val="50000"/>
                </a:srgbClr>
              </a:solidFill>
              <a:effectLst/>
              <a:uLnTx/>
              <a:uFillTx/>
              <a:latin typeface="Myriad Web Pro"/>
              <a:ea typeface="+mn-ea"/>
              <a:cs typeface="+mn-cs"/>
            </a:endParaRPr>
          </a:p>
        </p:txBody>
      </p:sp>
      <p:pic>
        <p:nvPicPr>
          <p:cNvPr id="2051" name="Picture 3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36411" y="2122593"/>
            <a:ext cx="646468" cy="64008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5B9BD5"/>
                </a:solidFill>
              </a14:hiddenFill>
            </a:ext>
            <a:ext uri="{91240B29-F687-4F45-9708-019B960494DF}">
              <a14:hiddenLine xmlns:a14="http://schemas.microsoft.com/office/drawing/2010/main" w="254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000000"/>
                  </a:outerShdw>
                </a:effectLst>
              </a14:hiddenEffects>
            </a:ext>
          </a:extLst>
        </p:spPr>
      </p:pic>
      <p:cxnSp>
        <p:nvCxnSpPr>
          <p:cNvPr id="5" name="Straight Connector 4"/>
          <p:cNvCxnSpPr/>
          <p:nvPr/>
        </p:nvCxnSpPr>
        <p:spPr>
          <a:xfrm>
            <a:off x="3431245" y="1594770"/>
            <a:ext cx="0" cy="4861931"/>
          </a:xfrm>
          <a:prstGeom prst="line">
            <a:avLst/>
          </a:prstGeom>
          <a:ln>
            <a:solidFill>
              <a:schemeClr val="tx2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/>
          <p:cNvCxnSpPr/>
          <p:nvPr/>
        </p:nvCxnSpPr>
        <p:spPr>
          <a:xfrm>
            <a:off x="6229459" y="1594770"/>
            <a:ext cx="0" cy="4861931"/>
          </a:xfrm>
          <a:prstGeom prst="line">
            <a:avLst/>
          </a:prstGeom>
          <a:ln>
            <a:solidFill>
              <a:schemeClr val="tx2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/>
          <p:cNvCxnSpPr/>
          <p:nvPr/>
        </p:nvCxnSpPr>
        <p:spPr>
          <a:xfrm>
            <a:off x="9022828" y="1594770"/>
            <a:ext cx="0" cy="4861931"/>
          </a:xfrm>
          <a:prstGeom prst="line">
            <a:avLst/>
          </a:prstGeom>
          <a:ln>
            <a:solidFill>
              <a:schemeClr val="tx2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785926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5"/>
          <p:cNvSpPr>
            <a:spLocks noGrp="1"/>
          </p:cNvSpPr>
          <p:nvPr>
            <p:ph type="title"/>
          </p:nvPr>
        </p:nvSpPr>
        <p:spPr/>
        <p:txBody>
          <a:bodyPr anchor="ctr"/>
          <a:lstStyle/>
          <a:p>
            <a:r>
              <a:rPr lang="en-US" dirty="0" smtClean="0"/>
              <a:t>CDC’s Containment Strategy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type="body" sz="quarter" idx="10"/>
          </p:nvPr>
        </p:nvSpPr>
        <p:spPr>
          <a:xfrm>
            <a:off x="609600" y="2159600"/>
            <a:ext cx="7348151" cy="4455584"/>
          </a:xfrm>
        </p:spPr>
        <p:txBody>
          <a:bodyPr/>
          <a:lstStyle/>
          <a:p>
            <a:r>
              <a:rPr lang="en-US" b="1" dirty="0" smtClean="0"/>
              <a:t>Targeted threats: </a:t>
            </a:r>
            <a:r>
              <a:rPr lang="en-US" i="1" dirty="0" err="1"/>
              <a:t>mcr</a:t>
            </a:r>
            <a:r>
              <a:rPr lang="en-US" dirty="0"/>
              <a:t>, </a:t>
            </a:r>
            <a:r>
              <a:rPr lang="en-US" dirty="0" err="1" smtClean="0"/>
              <a:t>carbapenemase</a:t>
            </a:r>
            <a:r>
              <a:rPr lang="en-US" dirty="0" smtClean="0"/>
              <a:t>-producing </a:t>
            </a:r>
            <a:r>
              <a:rPr lang="en-US" dirty="0"/>
              <a:t>organisms</a:t>
            </a:r>
            <a:r>
              <a:rPr lang="en-US" dirty="0" smtClean="0"/>
              <a:t>, pan-resistant </a:t>
            </a:r>
            <a:r>
              <a:rPr lang="en-US" dirty="0"/>
              <a:t>organisms, </a:t>
            </a:r>
            <a:r>
              <a:rPr lang="en-US" i="1" dirty="0"/>
              <a:t>Candida </a:t>
            </a:r>
            <a:r>
              <a:rPr lang="en-US" i="1" dirty="0" err="1" smtClean="0"/>
              <a:t>auris</a:t>
            </a:r>
            <a:endParaRPr lang="en-US" i="1" dirty="0"/>
          </a:p>
          <a:p>
            <a:r>
              <a:rPr lang="en-US" b="1" dirty="0" smtClean="0"/>
              <a:t>Emphasis on </a:t>
            </a:r>
            <a:r>
              <a:rPr lang="en-US" b="1" dirty="0"/>
              <a:t>settings </a:t>
            </a:r>
            <a:r>
              <a:rPr lang="en-US" dirty="0" smtClean="0"/>
              <a:t>historically </a:t>
            </a:r>
            <a:r>
              <a:rPr lang="en-US" dirty="0"/>
              <a:t>linked to </a:t>
            </a:r>
            <a:r>
              <a:rPr lang="en-US" dirty="0" smtClean="0"/>
              <a:t>amplification (e.g</a:t>
            </a:r>
            <a:r>
              <a:rPr lang="en-US" dirty="0"/>
              <a:t>., LTC, LTAC, </a:t>
            </a:r>
            <a:r>
              <a:rPr lang="en-US" dirty="0" err="1" smtClean="0"/>
              <a:t>vSNF</a:t>
            </a:r>
            <a:r>
              <a:rPr lang="en-US" dirty="0" smtClean="0"/>
              <a:t>)</a:t>
            </a:r>
            <a:endParaRPr lang="en-US" dirty="0"/>
          </a:p>
          <a:p>
            <a:r>
              <a:rPr lang="en-US" b="1" dirty="0"/>
              <a:t>Main components: </a:t>
            </a:r>
            <a:r>
              <a:rPr lang="en-US" dirty="0"/>
              <a:t>Detection, infection control assessments, colonization </a:t>
            </a:r>
            <a:r>
              <a:rPr lang="en-US" dirty="0" smtClean="0"/>
              <a:t>screenings</a:t>
            </a:r>
          </a:p>
          <a:p>
            <a:r>
              <a:rPr lang="en-US" b="1" dirty="0" smtClean="0"/>
              <a:t>Response tiers </a:t>
            </a:r>
            <a:r>
              <a:rPr lang="en-US" dirty="0" smtClean="0"/>
              <a:t>based on threat </a:t>
            </a:r>
            <a:endParaRPr lang="en-US" dirty="0"/>
          </a:p>
          <a:p>
            <a:endParaRPr lang="en-US" dirty="0" smtClean="0">
              <a:solidFill>
                <a:srgbClr val="000000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/>
          <a:srcRect l="3079" t="94" r="2412" b="2107"/>
          <a:stretch/>
        </p:blipFill>
        <p:spPr>
          <a:xfrm>
            <a:off x="8362982" y="2159600"/>
            <a:ext cx="3219418" cy="4257321"/>
          </a:xfrm>
          <a:prstGeom prst="rect">
            <a:avLst/>
          </a:prstGeom>
          <a:ln w="31750">
            <a:solidFill>
              <a:srgbClr val="E25423"/>
            </a:solidFill>
          </a:ln>
        </p:spPr>
      </p:pic>
      <p:sp>
        <p:nvSpPr>
          <p:cNvPr id="7" name="TextBox 6"/>
          <p:cNvSpPr txBox="1"/>
          <p:nvPr/>
        </p:nvSpPr>
        <p:spPr>
          <a:xfrm>
            <a:off x="4846213" y="5987327"/>
            <a:ext cx="331415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783635"/>
            <a:r>
              <a:rPr lang="en-US" sz="1400" dirty="0" smtClean="0">
                <a:solidFill>
                  <a:srgbClr val="2E74B5"/>
                </a:solidFill>
                <a:latin typeface="Calibri" panose="020F0502020204030204" pitchFamily="34" charset="0"/>
              </a:rPr>
              <a:t>Guidance available on CDC’s </a:t>
            </a:r>
            <a:r>
              <a:rPr lang="en-US" sz="1400" dirty="0">
                <a:solidFill>
                  <a:srgbClr val="2E74B5"/>
                </a:solidFill>
                <a:latin typeface="Calibri" panose="020F0502020204030204" pitchFamily="34" charset="0"/>
              </a:rPr>
              <a:t>website: </a:t>
            </a:r>
          </a:p>
          <a:p>
            <a:pPr algn="r" defTabSz="783635"/>
            <a:r>
              <a:rPr lang="en-US" sz="1400" dirty="0" smtClean="0">
                <a:solidFill>
                  <a:srgbClr val="2E74B5"/>
                </a:solidFill>
                <a:latin typeface="Calibri" panose="020F0502020204030204" pitchFamily="34" charset="0"/>
              </a:rPr>
              <a:t>www.cdc.gov/hai/outbreaks/mdro</a:t>
            </a:r>
            <a:endParaRPr lang="en-US" sz="1400" dirty="0">
              <a:solidFill>
                <a:srgbClr val="2E74B5"/>
              </a:solidFill>
              <a:latin typeface="Calibri" panose="020F0502020204030204" pitchFamily="34" charset="0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591127" y="1213251"/>
            <a:ext cx="11259003" cy="831125"/>
          </a:xfrm>
          <a:prstGeom prst="rect">
            <a:avLst/>
          </a:prstGeom>
          <a:noFill/>
          <a:ln w="57150">
            <a:noFill/>
          </a:ln>
        </p:spPr>
        <p:txBody>
          <a:bodyPr wrap="square" rtlCol="0">
            <a:spAutoFit/>
          </a:bodyPr>
          <a:lstStyle/>
          <a:p>
            <a:pPr defTabSz="457200" fontAlgn="base">
              <a:lnSpc>
                <a:spcPct val="90000"/>
              </a:lnSpc>
              <a:spcAft>
                <a:spcPct val="0"/>
              </a:spcAft>
              <a:defRPr/>
            </a:pPr>
            <a:r>
              <a:rPr lang="en-US" sz="2667" b="1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Systematic </a:t>
            </a:r>
            <a:r>
              <a:rPr lang="en-US" sz="2667" b="1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approach to slow </a:t>
            </a:r>
            <a:r>
              <a:rPr lang="en-US" sz="2667" b="1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spread of novel </a:t>
            </a:r>
            <a:r>
              <a:rPr lang="en-US" sz="2667" b="1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or rare multidrug-resistant organisms or </a:t>
            </a:r>
            <a:r>
              <a:rPr lang="en-US" sz="2667" b="1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mechanisms</a:t>
            </a:r>
            <a:r>
              <a:rPr lang="en-US" sz="2667" b="1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—at a single </a:t>
            </a:r>
            <a:r>
              <a:rPr lang="en-US" sz="2667" b="1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case—</a:t>
            </a:r>
            <a:r>
              <a:rPr lang="en-US" sz="2667" b="1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t</a:t>
            </a:r>
            <a:r>
              <a:rPr lang="en-US" sz="2667" b="1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hrough </a:t>
            </a:r>
            <a:r>
              <a:rPr lang="en-US" sz="2667" b="1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an aggressive </a:t>
            </a:r>
            <a:r>
              <a:rPr lang="en-US" sz="2667" b="1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response.</a:t>
            </a:r>
            <a:endParaRPr lang="en-US" sz="2667" b="1" dirty="0">
              <a:solidFill>
                <a:schemeClr val="accent4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401888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hy We Need a Containment Strategy</a:t>
            </a:r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609600" y="1427980"/>
            <a:ext cx="11154032" cy="831125"/>
          </a:xfrm>
          <a:prstGeom prst="rect">
            <a:avLst/>
          </a:prstGeom>
          <a:noFill/>
          <a:ln w="57150">
            <a:noFill/>
          </a:ln>
        </p:spPr>
        <p:txBody>
          <a:bodyPr wrap="square" rtlCol="0">
            <a:spAutoFit/>
          </a:bodyPr>
          <a:lstStyle/>
          <a:p>
            <a:pPr defTabSz="457200" fontAlgn="base">
              <a:lnSpc>
                <a:spcPct val="90000"/>
              </a:lnSpc>
              <a:spcAft>
                <a:spcPct val="0"/>
              </a:spcAft>
              <a:defRPr/>
            </a:pPr>
            <a:r>
              <a:rPr lang="en-US" sz="2667" b="1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KPC, the first type of CRE found in the U.S., spread from 2 states in 2001 to 45 states, DC, and Puerto Rico in 13 years. </a:t>
            </a:r>
          </a:p>
        </p:txBody>
      </p:sp>
      <p:grpSp>
        <p:nvGrpSpPr>
          <p:cNvPr id="7" name="Group 5" descr="Map of the US showing the three Public Reporting States in 2004. "/>
          <p:cNvGrpSpPr>
            <a:grpSpLocks noChangeAspect="1"/>
          </p:cNvGrpSpPr>
          <p:nvPr/>
        </p:nvGrpSpPr>
        <p:grpSpPr bwMode="auto">
          <a:xfrm>
            <a:off x="1687145" y="2619265"/>
            <a:ext cx="2171700" cy="1461681"/>
            <a:chOff x="192" y="850"/>
            <a:chExt cx="4988" cy="3134"/>
          </a:xfrm>
        </p:grpSpPr>
        <p:sp>
          <p:nvSpPr>
            <p:cNvPr id="8" name="Freeform 9"/>
            <p:cNvSpPr>
              <a:spLocks/>
            </p:cNvSpPr>
            <p:nvPr/>
          </p:nvSpPr>
          <p:spPr bwMode="auto">
            <a:xfrm>
              <a:off x="4479" y="2181"/>
              <a:ext cx="22" cy="24"/>
            </a:xfrm>
            <a:custGeom>
              <a:avLst/>
              <a:gdLst>
                <a:gd name="T0" fmla="*/ 0 w 22"/>
                <a:gd name="T1" fmla="*/ 7 h 25"/>
                <a:gd name="T2" fmla="*/ 9 w 22"/>
                <a:gd name="T3" fmla="*/ 0 h 25"/>
                <a:gd name="T4" fmla="*/ 22 w 22"/>
                <a:gd name="T5" fmla="*/ 10 h 25"/>
                <a:gd name="T6" fmla="*/ 12 w 22"/>
                <a:gd name="T7" fmla="*/ 12 h 25"/>
                <a:gd name="T8" fmla="*/ 12 w 22"/>
                <a:gd name="T9" fmla="*/ 12 h 25"/>
                <a:gd name="T10" fmla="*/ 12 w 22"/>
                <a:gd name="T11" fmla="*/ 12 h 25"/>
                <a:gd name="T12" fmla="*/ 12 w 22"/>
                <a:gd name="T13" fmla="*/ 12 h 25"/>
                <a:gd name="T14" fmla="*/ 12 w 22"/>
                <a:gd name="T15" fmla="*/ 12 h 25"/>
                <a:gd name="T16" fmla="*/ 11 w 22"/>
                <a:gd name="T17" fmla="*/ 12 h 25"/>
                <a:gd name="T18" fmla="*/ 9 w 22"/>
                <a:gd name="T19" fmla="*/ 12 h 25"/>
                <a:gd name="T20" fmla="*/ 7 w 22"/>
                <a:gd name="T21" fmla="*/ 12 h 25"/>
                <a:gd name="T22" fmla="*/ 2 w 22"/>
                <a:gd name="T23" fmla="*/ 8 h 25"/>
                <a:gd name="T24" fmla="*/ 2 w 22"/>
                <a:gd name="T25" fmla="*/ 8 h 25"/>
                <a:gd name="T26" fmla="*/ 0 w 22"/>
                <a:gd name="T27" fmla="*/ 8 h 25"/>
                <a:gd name="T28" fmla="*/ 0 w 22"/>
                <a:gd name="T29" fmla="*/ 7 h 25"/>
                <a:gd name="T30" fmla="*/ 0 w 22"/>
                <a:gd name="T31" fmla="*/ 7 h 25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w 22"/>
                <a:gd name="T49" fmla="*/ 0 h 25"/>
                <a:gd name="T50" fmla="*/ 22 w 22"/>
                <a:gd name="T51" fmla="*/ 25 h 25"/>
              </a:gdLst>
              <a:ahLst/>
              <a:cxnLst>
                <a:cxn ang="T32">
                  <a:pos x="T0" y="T1"/>
                </a:cxn>
                <a:cxn ang="T33">
                  <a:pos x="T2" y="T3"/>
                </a:cxn>
                <a:cxn ang="T34">
                  <a:pos x="T4" y="T5"/>
                </a:cxn>
                <a:cxn ang="T35">
                  <a:pos x="T6" y="T7"/>
                </a:cxn>
                <a:cxn ang="T36">
                  <a:pos x="T8" y="T9"/>
                </a:cxn>
                <a:cxn ang="T37">
                  <a:pos x="T10" y="T11"/>
                </a:cxn>
                <a:cxn ang="T38">
                  <a:pos x="T12" y="T13"/>
                </a:cxn>
                <a:cxn ang="T39">
                  <a:pos x="T14" y="T15"/>
                </a:cxn>
                <a:cxn ang="T40">
                  <a:pos x="T16" y="T17"/>
                </a:cxn>
                <a:cxn ang="T41">
                  <a:pos x="T18" y="T19"/>
                </a:cxn>
                <a:cxn ang="T42">
                  <a:pos x="T20" y="T21"/>
                </a:cxn>
                <a:cxn ang="T43">
                  <a:pos x="T22" y="T23"/>
                </a:cxn>
                <a:cxn ang="T44">
                  <a:pos x="T24" y="T25"/>
                </a:cxn>
                <a:cxn ang="T45">
                  <a:pos x="T26" y="T27"/>
                </a:cxn>
                <a:cxn ang="T46">
                  <a:pos x="T28" y="T29"/>
                </a:cxn>
                <a:cxn ang="T47">
                  <a:pos x="T30" y="T31"/>
                </a:cxn>
              </a:cxnLst>
              <a:rect l="T48" t="T49" r="T50" b="T51"/>
              <a:pathLst>
                <a:path w="22" h="25">
                  <a:moveTo>
                    <a:pt x="0" y="7"/>
                  </a:moveTo>
                  <a:lnTo>
                    <a:pt x="9" y="0"/>
                  </a:lnTo>
                  <a:lnTo>
                    <a:pt x="22" y="10"/>
                  </a:lnTo>
                  <a:lnTo>
                    <a:pt x="12" y="25"/>
                  </a:lnTo>
                  <a:lnTo>
                    <a:pt x="12" y="23"/>
                  </a:lnTo>
                  <a:lnTo>
                    <a:pt x="12" y="22"/>
                  </a:lnTo>
                  <a:lnTo>
                    <a:pt x="12" y="20"/>
                  </a:lnTo>
                  <a:lnTo>
                    <a:pt x="12" y="18"/>
                  </a:lnTo>
                  <a:lnTo>
                    <a:pt x="11" y="17"/>
                  </a:lnTo>
                  <a:lnTo>
                    <a:pt x="9" y="13"/>
                  </a:lnTo>
                  <a:lnTo>
                    <a:pt x="7" y="12"/>
                  </a:lnTo>
                  <a:lnTo>
                    <a:pt x="2" y="8"/>
                  </a:lnTo>
                  <a:lnTo>
                    <a:pt x="0" y="8"/>
                  </a:lnTo>
                  <a:lnTo>
                    <a:pt x="0" y="7"/>
                  </a:lnTo>
                  <a:close/>
                </a:path>
              </a:pathLst>
            </a:custGeom>
            <a:solidFill>
              <a:sysClr val="windowText" lastClr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10" name="Group 10"/>
            <p:cNvGrpSpPr>
              <a:grpSpLocks/>
            </p:cNvGrpSpPr>
            <p:nvPr/>
          </p:nvGrpSpPr>
          <p:grpSpPr bwMode="auto">
            <a:xfrm>
              <a:off x="4431" y="2166"/>
              <a:ext cx="169" cy="106"/>
              <a:chOff x="4655" y="1801"/>
              <a:chExt cx="172" cy="109"/>
            </a:xfrm>
          </p:grpSpPr>
          <p:sp>
            <p:nvSpPr>
              <p:cNvPr id="188" name="Freeform 11"/>
              <p:cNvSpPr>
                <a:spLocks/>
              </p:cNvSpPr>
              <p:nvPr/>
            </p:nvSpPr>
            <p:spPr bwMode="auto">
              <a:xfrm>
                <a:off x="4725" y="1801"/>
                <a:ext cx="22" cy="25"/>
              </a:xfrm>
              <a:custGeom>
                <a:avLst/>
                <a:gdLst>
                  <a:gd name="T0" fmla="*/ 0 w 22"/>
                  <a:gd name="T1" fmla="*/ 7 h 25"/>
                  <a:gd name="T2" fmla="*/ 9 w 22"/>
                  <a:gd name="T3" fmla="*/ 0 h 25"/>
                  <a:gd name="T4" fmla="*/ 22 w 22"/>
                  <a:gd name="T5" fmla="*/ 10 h 25"/>
                  <a:gd name="T6" fmla="*/ 12 w 22"/>
                  <a:gd name="T7" fmla="*/ 25 h 25"/>
                  <a:gd name="T8" fmla="*/ 12 w 22"/>
                  <a:gd name="T9" fmla="*/ 25 h 25"/>
                  <a:gd name="T10" fmla="*/ 12 w 22"/>
                  <a:gd name="T11" fmla="*/ 23 h 25"/>
                  <a:gd name="T12" fmla="*/ 12 w 22"/>
                  <a:gd name="T13" fmla="*/ 22 h 25"/>
                  <a:gd name="T14" fmla="*/ 12 w 22"/>
                  <a:gd name="T15" fmla="*/ 20 h 25"/>
                  <a:gd name="T16" fmla="*/ 12 w 22"/>
                  <a:gd name="T17" fmla="*/ 18 h 25"/>
                  <a:gd name="T18" fmla="*/ 11 w 22"/>
                  <a:gd name="T19" fmla="*/ 17 h 25"/>
                  <a:gd name="T20" fmla="*/ 9 w 22"/>
                  <a:gd name="T21" fmla="*/ 13 h 25"/>
                  <a:gd name="T22" fmla="*/ 7 w 22"/>
                  <a:gd name="T23" fmla="*/ 12 h 25"/>
                  <a:gd name="T24" fmla="*/ 2 w 22"/>
                  <a:gd name="T25" fmla="*/ 8 h 25"/>
                  <a:gd name="T26" fmla="*/ 2 w 22"/>
                  <a:gd name="T27" fmla="*/ 8 h 25"/>
                  <a:gd name="T28" fmla="*/ 2 w 22"/>
                  <a:gd name="T29" fmla="*/ 8 h 25"/>
                  <a:gd name="T30" fmla="*/ 0 w 22"/>
                  <a:gd name="T31" fmla="*/ 8 h 25"/>
                  <a:gd name="T32" fmla="*/ 0 w 22"/>
                  <a:gd name="T33" fmla="*/ 7 h 25"/>
                  <a:gd name="T34" fmla="*/ 0 w 22"/>
                  <a:gd name="T35" fmla="*/ 7 h 25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w 22"/>
                  <a:gd name="T55" fmla="*/ 0 h 25"/>
                  <a:gd name="T56" fmla="*/ 22 w 22"/>
                  <a:gd name="T57" fmla="*/ 25 h 25"/>
                </a:gdLst>
                <a:ahLst/>
                <a:cxnLst>
                  <a:cxn ang="T36">
                    <a:pos x="T0" y="T1"/>
                  </a:cxn>
                  <a:cxn ang="T37">
                    <a:pos x="T2" y="T3"/>
                  </a:cxn>
                  <a:cxn ang="T38">
                    <a:pos x="T4" y="T5"/>
                  </a:cxn>
                  <a:cxn ang="T39">
                    <a:pos x="T6" y="T7"/>
                  </a:cxn>
                  <a:cxn ang="T40">
                    <a:pos x="T8" y="T9"/>
                  </a:cxn>
                  <a:cxn ang="T41">
                    <a:pos x="T10" y="T11"/>
                  </a:cxn>
                  <a:cxn ang="T42">
                    <a:pos x="T12" y="T13"/>
                  </a:cxn>
                  <a:cxn ang="T43">
                    <a:pos x="T14" y="T15"/>
                  </a:cxn>
                  <a:cxn ang="T44">
                    <a:pos x="T16" y="T17"/>
                  </a:cxn>
                  <a:cxn ang="T45">
                    <a:pos x="T18" y="T19"/>
                  </a:cxn>
                  <a:cxn ang="T46">
                    <a:pos x="T20" y="T21"/>
                  </a:cxn>
                  <a:cxn ang="T47">
                    <a:pos x="T22" y="T23"/>
                  </a:cxn>
                  <a:cxn ang="T48">
                    <a:pos x="T24" y="T25"/>
                  </a:cxn>
                  <a:cxn ang="T49">
                    <a:pos x="T26" y="T27"/>
                  </a:cxn>
                  <a:cxn ang="T50">
                    <a:pos x="T28" y="T29"/>
                  </a:cxn>
                  <a:cxn ang="T51">
                    <a:pos x="T30" y="T31"/>
                  </a:cxn>
                  <a:cxn ang="T52">
                    <a:pos x="T32" y="T33"/>
                  </a:cxn>
                  <a:cxn ang="T53">
                    <a:pos x="T34" y="T35"/>
                  </a:cxn>
                </a:cxnLst>
                <a:rect l="T54" t="T55" r="T56" b="T57"/>
                <a:pathLst>
                  <a:path w="22" h="25">
                    <a:moveTo>
                      <a:pt x="0" y="7"/>
                    </a:moveTo>
                    <a:lnTo>
                      <a:pt x="9" y="0"/>
                    </a:lnTo>
                    <a:lnTo>
                      <a:pt x="22" y="10"/>
                    </a:lnTo>
                    <a:lnTo>
                      <a:pt x="12" y="25"/>
                    </a:lnTo>
                    <a:lnTo>
                      <a:pt x="12" y="23"/>
                    </a:lnTo>
                    <a:lnTo>
                      <a:pt x="12" y="22"/>
                    </a:lnTo>
                    <a:lnTo>
                      <a:pt x="12" y="20"/>
                    </a:lnTo>
                    <a:lnTo>
                      <a:pt x="12" y="18"/>
                    </a:lnTo>
                    <a:lnTo>
                      <a:pt x="11" y="17"/>
                    </a:lnTo>
                    <a:lnTo>
                      <a:pt x="9" y="13"/>
                    </a:lnTo>
                    <a:lnTo>
                      <a:pt x="7" y="12"/>
                    </a:lnTo>
                    <a:lnTo>
                      <a:pt x="2" y="8"/>
                    </a:lnTo>
                    <a:lnTo>
                      <a:pt x="0" y="8"/>
                    </a:lnTo>
                    <a:lnTo>
                      <a:pt x="0" y="7"/>
                    </a:lnTo>
                  </a:path>
                </a:pathLst>
              </a:custGeom>
              <a:solidFill>
                <a:sysClr val="windowText" lastClr="000000"/>
              </a:solidFill>
              <a:ln w="3175">
                <a:solidFill>
                  <a:srgbClr val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89" name="Rectangle 12"/>
              <p:cNvSpPr>
                <a:spLocks noChangeArrowheads="1"/>
              </p:cNvSpPr>
              <p:nvPr/>
            </p:nvSpPr>
            <p:spPr bwMode="auto">
              <a:xfrm>
                <a:off x="4655" y="1804"/>
                <a:ext cx="172" cy="106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wrap="none" lIns="0" tIns="0" rIns="0" bIns="0">
                <a:spAutoFit/>
              </a:bodyPr>
              <a:lstStyle/>
              <a:p>
                <a:pPr defTabSz="571486">
                  <a:defRPr/>
                </a:pPr>
                <a:r>
                  <a:rPr lang="en-US" sz="313" b="1" kern="0" dirty="0">
                    <a:solidFill>
                      <a:srgbClr val="FFFFFF"/>
                    </a:solidFill>
                    <a:latin typeface="Helvetica" pitchFamily="34" charset="0"/>
                  </a:rPr>
                  <a:t>DC*</a:t>
                </a:r>
                <a:endParaRPr lang="en-US" sz="313" b="1" kern="0" dirty="0">
                  <a:solidFill>
                    <a:srgbClr val="FFFFFF"/>
                  </a:solidFill>
                  <a:latin typeface="Times New Roman" pitchFamily="18" charset="0"/>
                </a:endParaRPr>
              </a:p>
            </p:txBody>
          </p:sp>
        </p:grpSp>
        <p:sp>
          <p:nvSpPr>
            <p:cNvPr id="11" name="Freeform 13"/>
            <p:cNvSpPr>
              <a:spLocks/>
            </p:cNvSpPr>
            <p:nvPr/>
          </p:nvSpPr>
          <p:spPr bwMode="auto">
            <a:xfrm>
              <a:off x="3980" y="2710"/>
              <a:ext cx="478" cy="363"/>
            </a:xfrm>
            <a:custGeom>
              <a:avLst/>
              <a:gdLst>
                <a:gd name="T0" fmla="*/ 178 w 492"/>
                <a:gd name="T1" fmla="*/ 243 h 374"/>
                <a:gd name="T2" fmla="*/ 178 w 492"/>
                <a:gd name="T3" fmla="*/ 240 h 374"/>
                <a:gd name="T4" fmla="*/ 178 w 492"/>
                <a:gd name="T5" fmla="*/ 239 h 374"/>
                <a:gd name="T6" fmla="*/ 171 w 492"/>
                <a:gd name="T7" fmla="*/ 217 h 374"/>
                <a:gd name="T8" fmla="*/ 157 w 492"/>
                <a:gd name="T9" fmla="*/ 207 h 374"/>
                <a:gd name="T10" fmla="*/ 153 w 492"/>
                <a:gd name="T11" fmla="*/ 192 h 374"/>
                <a:gd name="T12" fmla="*/ 142 w 492"/>
                <a:gd name="T13" fmla="*/ 177 h 374"/>
                <a:gd name="T14" fmla="*/ 130 w 492"/>
                <a:gd name="T15" fmla="*/ 173 h 374"/>
                <a:gd name="T16" fmla="*/ 126 w 492"/>
                <a:gd name="T17" fmla="*/ 171 h 374"/>
                <a:gd name="T18" fmla="*/ 116 w 492"/>
                <a:gd name="T19" fmla="*/ 162 h 374"/>
                <a:gd name="T20" fmla="*/ 111 w 492"/>
                <a:gd name="T21" fmla="*/ 153 h 374"/>
                <a:gd name="T22" fmla="*/ 104 w 492"/>
                <a:gd name="T23" fmla="*/ 141 h 374"/>
                <a:gd name="T24" fmla="*/ 95 w 492"/>
                <a:gd name="T25" fmla="*/ 139 h 374"/>
                <a:gd name="T26" fmla="*/ 91 w 492"/>
                <a:gd name="T27" fmla="*/ 137 h 374"/>
                <a:gd name="T28" fmla="*/ 86 w 492"/>
                <a:gd name="T29" fmla="*/ 132 h 374"/>
                <a:gd name="T30" fmla="*/ 81 w 492"/>
                <a:gd name="T31" fmla="*/ 121 h 374"/>
                <a:gd name="T32" fmla="*/ 75 w 492"/>
                <a:gd name="T33" fmla="*/ 120 h 374"/>
                <a:gd name="T34" fmla="*/ 68 w 492"/>
                <a:gd name="T35" fmla="*/ 119 h 374"/>
                <a:gd name="T36" fmla="*/ 61 w 492"/>
                <a:gd name="T37" fmla="*/ 111 h 374"/>
                <a:gd name="T38" fmla="*/ 55 w 492"/>
                <a:gd name="T39" fmla="*/ 104 h 374"/>
                <a:gd name="T40" fmla="*/ 47 w 492"/>
                <a:gd name="T41" fmla="*/ 96 h 374"/>
                <a:gd name="T42" fmla="*/ 40 w 492"/>
                <a:gd name="T43" fmla="*/ 82 h 374"/>
                <a:gd name="T44" fmla="*/ 38 w 492"/>
                <a:gd name="T45" fmla="*/ 75 h 374"/>
                <a:gd name="T46" fmla="*/ 33 w 492"/>
                <a:gd name="T47" fmla="*/ 74 h 374"/>
                <a:gd name="T48" fmla="*/ 18 w 492"/>
                <a:gd name="T49" fmla="*/ 72 h 374"/>
                <a:gd name="T50" fmla="*/ 17 w 492"/>
                <a:gd name="T51" fmla="*/ 69 h 374"/>
                <a:gd name="T52" fmla="*/ 17 w 492"/>
                <a:gd name="T53" fmla="*/ 67 h 374"/>
                <a:gd name="T54" fmla="*/ 0 w 492"/>
                <a:gd name="T55" fmla="*/ 56 h 374"/>
                <a:gd name="T56" fmla="*/ 13 w 492"/>
                <a:gd name="T57" fmla="*/ 39 h 374"/>
                <a:gd name="T58" fmla="*/ 17 w 492"/>
                <a:gd name="T59" fmla="*/ 37 h 374"/>
                <a:gd name="T60" fmla="*/ 17 w 492"/>
                <a:gd name="T61" fmla="*/ 35 h 374"/>
                <a:gd name="T62" fmla="*/ 21 w 492"/>
                <a:gd name="T63" fmla="*/ 25 h 374"/>
                <a:gd name="T64" fmla="*/ 38 w 492"/>
                <a:gd name="T65" fmla="*/ 17 h 374"/>
                <a:gd name="T66" fmla="*/ 50 w 492"/>
                <a:gd name="T67" fmla="*/ 17 h 374"/>
                <a:gd name="T68" fmla="*/ 71 w 492"/>
                <a:gd name="T69" fmla="*/ 10 h 374"/>
                <a:gd name="T70" fmla="*/ 139 w 492"/>
                <a:gd name="T71" fmla="*/ 1 h 374"/>
                <a:gd name="T72" fmla="*/ 149 w 492"/>
                <a:gd name="T73" fmla="*/ 0 h 374"/>
                <a:gd name="T74" fmla="*/ 162 w 492"/>
                <a:gd name="T75" fmla="*/ 12 h 374"/>
                <a:gd name="T76" fmla="*/ 242 w 492"/>
                <a:gd name="T77" fmla="*/ 17 h 374"/>
                <a:gd name="T78" fmla="*/ 328 w 492"/>
                <a:gd name="T79" fmla="*/ 77 h 374"/>
                <a:gd name="T80" fmla="*/ 323 w 492"/>
                <a:gd name="T81" fmla="*/ 81 h 374"/>
                <a:gd name="T82" fmla="*/ 315 w 492"/>
                <a:gd name="T83" fmla="*/ 87 h 374"/>
                <a:gd name="T84" fmla="*/ 306 w 492"/>
                <a:gd name="T85" fmla="*/ 100 h 374"/>
                <a:gd name="T86" fmla="*/ 298 w 492"/>
                <a:gd name="T87" fmla="*/ 114 h 374"/>
                <a:gd name="T88" fmla="*/ 293 w 492"/>
                <a:gd name="T89" fmla="*/ 126 h 374"/>
                <a:gd name="T90" fmla="*/ 290 w 492"/>
                <a:gd name="T91" fmla="*/ 123 h 374"/>
                <a:gd name="T92" fmla="*/ 288 w 492"/>
                <a:gd name="T93" fmla="*/ 126 h 374"/>
                <a:gd name="T94" fmla="*/ 289 w 492"/>
                <a:gd name="T95" fmla="*/ 132 h 374"/>
                <a:gd name="T96" fmla="*/ 294 w 492"/>
                <a:gd name="T97" fmla="*/ 134 h 374"/>
                <a:gd name="T98" fmla="*/ 295 w 492"/>
                <a:gd name="T99" fmla="*/ 139 h 374"/>
                <a:gd name="T100" fmla="*/ 292 w 492"/>
                <a:gd name="T101" fmla="*/ 145 h 374"/>
                <a:gd name="T102" fmla="*/ 286 w 492"/>
                <a:gd name="T103" fmla="*/ 148 h 374"/>
                <a:gd name="T104" fmla="*/ 276 w 492"/>
                <a:gd name="T105" fmla="*/ 154 h 374"/>
                <a:gd name="T106" fmla="*/ 266 w 492"/>
                <a:gd name="T107" fmla="*/ 171 h 374"/>
                <a:gd name="T108" fmla="*/ 263 w 492"/>
                <a:gd name="T109" fmla="*/ 173 h 374"/>
                <a:gd name="T110" fmla="*/ 259 w 492"/>
                <a:gd name="T111" fmla="*/ 177 h 374"/>
                <a:gd name="T112" fmla="*/ 251 w 492"/>
                <a:gd name="T113" fmla="*/ 179 h 374"/>
                <a:gd name="T114" fmla="*/ 240 w 492"/>
                <a:gd name="T115" fmla="*/ 196 h 374"/>
                <a:gd name="T116" fmla="*/ 236 w 492"/>
                <a:gd name="T117" fmla="*/ 201 h 374"/>
                <a:gd name="T118" fmla="*/ 214 w 492"/>
                <a:gd name="T119" fmla="*/ 207 h 374"/>
                <a:gd name="T120" fmla="*/ 194 w 492"/>
                <a:gd name="T121" fmla="*/ 221 h 374"/>
                <a:gd name="T122" fmla="*/ 187 w 492"/>
                <a:gd name="T123" fmla="*/ 245 h 374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w 492"/>
                <a:gd name="T187" fmla="*/ 0 h 374"/>
                <a:gd name="T188" fmla="*/ 492 w 492"/>
                <a:gd name="T189" fmla="*/ 374 h 374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T186" t="T187" r="T188" b="T189"/>
              <a:pathLst>
                <a:path w="492" h="374">
                  <a:moveTo>
                    <a:pt x="269" y="374"/>
                  </a:moveTo>
                  <a:lnTo>
                    <a:pt x="269" y="372"/>
                  </a:lnTo>
                  <a:lnTo>
                    <a:pt x="267" y="370"/>
                  </a:lnTo>
                  <a:lnTo>
                    <a:pt x="267" y="369"/>
                  </a:lnTo>
                  <a:lnTo>
                    <a:pt x="267" y="367"/>
                  </a:lnTo>
                  <a:lnTo>
                    <a:pt x="267" y="365"/>
                  </a:lnTo>
                  <a:lnTo>
                    <a:pt x="267" y="364"/>
                  </a:lnTo>
                  <a:lnTo>
                    <a:pt x="267" y="362"/>
                  </a:lnTo>
                  <a:lnTo>
                    <a:pt x="266" y="348"/>
                  </a:lnTo>
                  <a:lnTo>
                    <a:pt x="261" y="338"/>
                  </a:lnTo>
                  <a:lnTo>
                    <a:pt x="255" y="330"/>
                  </a:lnTo>
                  <a:lnTo>
                    <a:pt x="249" y="321"/>
                  </a:lnTo>
                  <a:lnTo>
                    <a:pt x="242" y="316"/>
                  </a:lnTo>
                  <a:lnTo>
                    <a:pt x="235" y="313"/>
                  </a:lnTo>
                  <a:lnTo>
                    <a:pt x="232" y="309"/>
                  </a:lnTo>
                  <a:lnTo>
                    <a:pt x="230" y="308"/>
                  </a:lnTo>
                  <a:lnTo>
                    <a:pt x="228" y="292"/>
                  </a:lnTo>
                  <a:lnTo>
                    <a:pt x="225" y="282"/>
                  </a:lnTo>
                  <a:lnTo>
                    <a:pt x="218" y="274"/>
                  </a:lnTo>
                  <a:lnTo>
                    <a:pt x="211" y="269"/>
                  </a:lnTo>
                  <a:lnTo>
                    <a:pt x="205" y="265"/>
                  </a:lnTo>
                  <a:lnTo>
                    <a:pt x="200" y="264"/>
                  </a:lnTo>
                  <a:lnTo>
                    <a:pt x="195" y="262"/>
                  </a:lnTo>
                  <a:lnTo>
                    <a:pt x="193" y="262"/>
                  </a:lnTo>
                  <a:lnTo>
                    <a:pt x="193" y="260"/>
                  </a:lnTo>
                  <a:lnTo>
                    <a:pt x="189" y="259"/>
                  </a:lnTo>
                  <a:lnTo>
                    <a:pt x="184" y="254"/>
                  </a:lnTo>
                  <a:lnTo>
                    <a:pt x="179" y="250"/>
                  </a:lnTo>
                  <a:lnTo>
                    <a:pt x="174" y="245"/>
                  </a:lnTo>
                  <a:lnTo>
                    <a:pt x="171" y="240"/>
                  </a:lnTo>
                  <a:lnTo>
                    <a:pt x="167" y="237"/>
                  </a:lnTo>
                  <a:lnTo>
                    <a:pt x="166" y="233"/>
                  </a:lnTo>
                  <a:lnTo>
                    <a:pt x="162" y="225"/>
                  </a:lnTo>
                  <a:lnTo>
                    <a:pt x="157" y="218"/>
                  </a:lnTo>
                  <a:lnTo>
                    <a:pt x="154" y="213"/>
                  </a:lnTo>
                  <a:lnTo>
                    <a:pt x="149" y="211"/>
                  </a:lnTo>
                  <a:lnTo>
                    <a:pt x="145" y="210"/>
                  </a:lnTo>
                  <a:lnTo>
                    <a:pt x="142" y="210"/>
                  </a:lnTo>
                  <a:lnTo>
                    <a:pt x="139" y="210"/>
                  </a:lnTo>
                  <a:lnTo>
                    <a:pt x="137" y="208"/>
                  </a:lnTo>
                  <a:lnTo>
                    <a:pt x="135" y="204"/>
                  </a:lnTo>
                  <a:lnTo>
                    <a:pt x="132" y="203"/>
                  </a:lnTo>
                  <a:lnTo>
                    <a:pt x="130" y="199"/>
                  </a:lnTo>
                  <a:lnTo>
                    <a:pt x="127" y="193"/>
                  </a:lnTo>
                  <a:lnTo>
                    <a:pt x="123" y="188"/>
                  </a:lnTo>
                  <a:lnTo>
                    <a:pt x="120" y="184"/>
                  </a:lnTo>
                  <a:lnTo>
                    <a:pt x="117" y="182"/>
                  </a:lnTo>
                  <a:lnTo>
                    <a:pt x="113" y="181"/>
                  </a:lnTo>
                  <a:lnTo>
                    <a:pt x="112" y="182"/>
                  </a:lnTo>
                  <a:lnTo>
                    <a:pt x="108" y="182"/>
                  </a:lnTo>
                  <a:lnTo>
                    <a:pt x="101" y="181"/>
                  </a:lnTo>
                  <a:lnTo>
                    <a:pt x="96" y="179"/>
                  </a:lnTo>
                  <a:lnTo>
                    <a:pt x="93" y="174"/>
                  </a:lnTo>
                  <a:lnTo>
                    <a:pt x="90" y="169"/>
                  </a:lnTo>
                  <a:lnTo>
                    <a:pt x="86" y="164"/>
                  </a:lnTo>
                  <a:lnTo>
                    <a:pt x="85" y="160"/>
                  </a:lnTo>
                  <a:lnTo>
                    <a:pt x="83" y="157"/>
                  </a:lnTo>
                  <a:lnTo>
                    <a:pt x="83" y="155"/>
                  </a:lnTo>
                  <a:lnTo>
                    <a:pt x="78" y="152"/>
                  </a:lnTo>
                  <a:lnTo>
                    <a:pt x="71" y="145"/>
                  </a:lnTo>
                  <a:lnTo>
                    <a:pt x="66" y="138"/>
                  </a:lnTo>
                  <a:lnTo>
                    <a:pt x="61" y="132"/>
                  </a:lnTo>
                  <a:lnTo>
                    <a:pt x="57" y="125"/>
                  </a:lnTo>
                  <a:lnTo>
                    <a:pt x="56" y="118"/>
                  </a:lnTo>
                  <a:lnTo>
                    <a:pt x="52" y="115"/>
                  </a:lnTo>
                  <a:lnTo>
                    <a:pt x="52" y="113"/>
                  </a:lnTo>
                  <a:lnTo>
                    <a:pt x="52" y="111"/>
                  </a:lnTo>
                  <a:lnTo>
                    <a:pt x="49" y="111"/>
                  </a:lnTo>
                  <a:lnTo>
                    <a:pt x="47" y="111"/>
                  </a:lnTo>
                  <a:lnTo>
                    <a:pt x="46" y="110"/>
                  </a:lnTo>
                  <a:lnTo>
                    <a:pt x="39" y="110"/>
                  </a:lnTo>
                  <a:lnTo>
                    <a:pt x="32" y="108"/>
                  </a:lnTo>
                  <a:lnTo>
                    <a:pt x="27" y="106"/>
                  </a:lnTo>
                  <a:lnTo>
                    <a:pt x="24" y="105"/>
                  </a:lnTo>
                  <a:lnTo>
                    <a:pt x="20" y="103"/>
                  </a:lnTo>
                  <a:lnTo>
                    <a:pt x="19" y="101"/>
                  </a:lnTo>
                  <a:lnTo>
                    <a:pt x="17" y="100"/>
                  </a:lnTo>
                  <a:lnTo>
                    <a:pt x="5" y="98"/>
                  </a:lnTo>
                  <a:lnTo>
                    <a:pt x="0" y="93"/>
                  </a:lnTo>
                  <a:lnTo>
                    <a:pt x="0" y="84"/>
                  </a:lnTo>
                  <a:lnTo>
                    <a:pt x="2" y="74"/>
                  </a:lnTo>
                  <a:lnTo>
                    <a:pt x="7" y="66"/>
                  </a:lnTo>
                  <a:lnTo>
                    <a:pt x="13" y="57"/>
                  </a:lnTo>
                  <a:lnTo>
                    <a:pt x="17" y="52"/>
                  </a:lnTo>
                  <a:lnTo>
                    <a:pt x="19" y="50"/>
                  </a:lnTo>
                  <a:lnTo>
                    <a:pt x="20" y="52"/>
                  </a:lnTo>
                  <a:lnTo>
                    <a:pt x="22" y="50"/>
                  </a:lnTo>
                  <a:lnTo>
                    <a:pt x="24" y="49"/>
                  </a:lnTo>
                  <a:lnTo>
                    <a:pt x="27" y="45"/>
                  </a:lnTo>
                  <a:lnTo>
                    <a:pt x="30" y="42"/>
                  </a:lnTo>
                  <a:lnTo>
                    <a:pt x="35" y="39"/>
                  </a:lnTo>
                  <a:lnTo>
                    <a:pt x="41" y="35"/>
                  </a:lnTo>
                  <a:lnTo>
                    <a:pt x="47" y="32"/>
                  </a:lnTo>
                  <a:lnTo>
                    <a:pt x="52" y="28"/>
                  </a:lnTo>
                  <a:lnTo>
                    <a:pt x="61" y="23"/>
                  </a:lnTo>
                  <a:lnTo>
                    <a:pt x="68" y="20"/>
                  </a:lnTo>
                  <a:lnTo>
                    <a:pt x="76" y="17"/>
                  </a:lnTo>
                  <a:lnTo>
                    <a:pt x="85" y="15"/>
                  </a:lnTo>
                  <a:lnTo>
                    <a:pt x="95" y="13"/>
                  </a:lnTo>
                  <a:lnTo>
                    <a:pt x="105" y="10"/>
                  </a:lnTo>
                  <a:lnTo>
                    <a:pt x="113" y="10"/>
                  </a:lnTo>
                  <a:lnTo>
                    <a:pt x="206" y="1"/>
                  </a:lnTo>
                  <a:lnTo>
                    <a:pt x="208" y="1"/>
                  </a:lnTo>
                  <a:lnTo>
                    <a:pt x="210" y="0"/>
                  </a:lnTo>
                  <a:lnTo>
                    <a:pt x="215" y="0"/>
                  </a:lnTo>
                  <a:lnTo>
                    <a:pt x="222" y="0"/>
                  </a:lnTo>
                  <a:lnTo>
                    <a:pt x="228" y="1"/>
                  </a:lnTo>
                  <a:lnTo>
                    <a:pt x="235" y="5"/>
                  </a:lnTo>
                  <a:lnTo>
                    <a:pt x="242" y="12"/>
                  </a:lnTo>
                  <a:lnTo>
                    <a:pt x="250" y="23"/>
                  </a:lnTo>
                  <a:lnTo>
                    <a:pt x="254" y="37"/>
                  </a:lnTo>
                  <a:lnTo>
                    <a:pt x="362" y="20"/>
                  </a:lnTo>
                  <a:lnTo>
                    <a:pt x="492" y="115"/>
                  </a:lnTo>
                  <a:lnTo>
                    <a:pt x="491" y="115"/>
                  </a:lnTo>
                  <a:lnTo>
                    <a:pt x="489" y="118"/>
                  </a:lnTo>
                  <a:lnTo>
                    <a:pt x="486" y="120"/>
                  </a:lnTo>
                  <a:lnTo>
                    <a:pt x="484" y="122"/>
                  </a:lnTo>
                  <a:lnTo>
                    <a:pt x="481" y="125"/>
                  </a:lnTo>
                  <a:lnTo>
                    <a:pt x="475" y="130"/>
                  </a:lnTo>
                  <a:lnTo>
                    <a:pt x="472" y="133"/>
                  </a:lnTo>
                  <a:lnTo>
                    <a:pt x="467" y="140"/>
                  </a:lnTo>
                  <a:lnTo>
                    <a:pt x="464" y="145"/>
                  </a:lnTo>
                  <a:lnTo>
                    <a:pt x="459" y="150"/>
                  </a:lnTo>
                  <a:lnTo>
                    <a:pt x="455" y="159"/>
                  </a:lnTo>
                  <a:lnTo>
                    <a:pt x="450" y="166"/>
                  </a:lnTo>
                  <a:lnTo>
                    <a:pt x="447" y="174"/>
                  </a:lnTo>
                  <a:lnTo>
                    <a:pt x="443" y="182"/>
                  </a:lnTo>
                  <a:lnTo>
                    <a:pt x="440" y="191"/>
                  </a:lnTo>
                  <a:lnTo>
                    <a:pt x="437" y="189"/>
                  </a:lnTo>
                  <a:lnTo>
                    <a:pt x="435" y="188"/>
                  </a:lnTo>
                  <a:lnTo>
                    <a:pt x="435" y="186"/>
                  </a:lnTo>
                  <a:lnTo>
                    <a:pt x="433" y="186"/>
                  </a:lnTo>
                  <a:lnTo>
                    <a:pt x="433" y="188"/>
                  </a:lnTo>
                  <a:lnTo>
                    <a:pt x="431" y="191"/>
                  </a:lnTo>
                  <a:lnTo>
                    <a:pt x="431" y="194"/>
                  </a:lnTo>
                  <a:lnTo>
                    <a:pt x="431" y="198"/>
                  </a:lnTo>
                  <a:lnTo>
                    <a:pt x="433" y="199"/>
                  </a:lnTo>
                  <a:lnTo>
                    <a:pt x="435" y="201"/>
                  </a:lnTo>
                  <a:lnTo>
                    <a:pt x="440" y="203"/>
                  </a:lnTo>
                  <a:lnTo>
                    <a:pt x="442" y="203"/>
                  </a:lnTo>
                  <a:lnTo>
                    <a:pt x="442" y="204"/>
                  </a:lnTo>
                  <a:lnTo>
                    <a:pt x="443" y="206"/>
                  </a:lnTo>
                  <a:lnTo>
                    <a:pt x="443" y="210"/>
                  </a:lnTo>
                  <a:lnTo>
                    <a:pt x="443" y="213"/>
                  </a:lnTo>
                  <a:lnTo>
                    <a:pt x="440" y="216"/>
                  </a:lnTo>
                  <a:lnTo>
                    <a:pt x="437" y="221"/>
                  </a:lnTo>
                  <a:lnTo>
                    <a:pt x="431" y="225"/>
                  </a:lnTo>
                  <a:lnTo>
                    <a:pt x="430" y="225"/>
                  </a:lnTo>
                  <a:lnTo>
                    <a:pt x="428" y="225"/>
                  </a:lnTo>
                  <a:lnTo>
                    <a:pt x="423" y="228"/>
                  </a:lnTo>
                  <a:lnTo>
                    <a:pt x="418" y="230"/>
                  </a:lnTo>
                  <a:lnTo>
                    <a:pt x="413" y="235"/>
                  </a:lnTo>
                  <a:lnTo>
                    <a:pt x="408" y="240"/>
                  </a:lnTo>
                  <a:lnTo>
                    <a:pt x="403" y="248"/>
                  </a:lnTo>
                  <a:lnTo>
                    <a:pt x="398" y="259"/>
                  </a:lnTo>
                  <a:lnTo>
                    <a:pt x="396" y="260"/>
                  </a:lnTo>
                  <a:lnTo>
                    <a:pt x="394" y="262"/>
                  </a:lnTo>
                  <a:lnTo>
                    <a:pt x="393" y="265"/>
                  </a:lnTo>
                  <a:lnTo>
                    <a:pt x="391" y="267"/>
                  </a:lnTo>
                  <a:lnTo>
                    <a:pt x="389" y="269"/>
                  </a:lnTo>
                  <a:lnTo>
                    <a:pt x="387" y="270"/>
                  </a:lnTo>
                  <a:lnTo>
                    <a:pt x="376" y="272"/>
                  </a:lnTo>
                  <a:lnTo>
                    <a:pt x="376" y="277"/>
                  </a:lnTo>
                  <a:lnTo>
                    <a:pt x="384" y="279"/>
                  </a:lnTo>
                  <a:lnTo>
                    <a:pt x="359" y="299"/>
                  </a:lnTo>
                  <a:lnTo>
                    <a:pt x="354" y="291"/>
                  </a:lnTo>
                  <a:lnTo>
                    <a:pt x="349" y="299"/>
                  </a:lnTo>
                  <a:lnTo>
                    <a:pt x="354" y="304"/>
                  </a:lnTo>
                  <a:lnTo>
                    <a:pt x="343" y="316"/>
                  </a:lnTo>
                  <a:lnTo>
                    <a:pt x="335" y="314"/>
                  </a:lnTo>
                  <a:lnTo>
                    <a:pt x="320" y="314"/>
                  </a:lnTo>
                  <a:lnTo>
                    <a:pt x="305" y="316"/>
                  </a:lnTo>
                  <a:lnTo>
                    <a:pt x="296" y="320"/>
                  </a:lnTo>
                  <a:lnTo>
                    <a:pt x="291" y="336"/>
                  </a:lnTo>
                  <a:lnTo>
                    <a:pt x="303" y="348"/>
                  </a:lnTo>
                  <a:lnTo>
                    <a:pt x="289" y="374"/>
                  </a:lnTo>
                  <a:lnTo>
                    <a:pt x="281" y="372"/>
                  </a:lnTo>
                  <a:lnTo>
                    <a:pt x="269" y="374"/>
                  </a:lnTo>
                  <a:close/>
                </a:path>
              </a:pathLst>
            </a:custGeom>
            <a:solidFill>
              <a:srgbClr val="0033CC"/>
            </a:solidFill>
            <a:ln w="9525">
              <a:solidFill>
                <a:sysClr val="window" lastClr="FFFFFF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2" name="Freeform 14"/>
            <p:cNvSpPr>
              <a:spLocks/>
            </p:cNvSpPr>
            <p:nvPr/>
          </p:nvSpPr>
          <p:spPr bwMode="auto">
            <a:xfrm>
              <a:off x="4869" y="1704"/>
              <a:ext cx="76" cy="93"/>
            </a:xfrm>
            <a:custGeom>
              <a:avLst/>
              <a:gdLst>
                <a:gd name="T0" fmla="*/ 19 w 78"/>
                <a:gd name="T1" fmla="*/ 61 h 95"/>
                <a:gd name="T2" fmla="*/ 16 w 78"/>
                <a:gd name="T3" fmla="*/ 63 h 95"/>
                <a:gd name="T4" fmla="*/ 16 w 78"/>
                <a:gd name="T5" fmla="*/ 63 h 95"/>
                <a:gd name="T6" fmla="*/ 16 w 78"/>
                <a:gd name="T7" fmla="*/ 64 h 95"/>
                <a:gd name="T8" fmla="*/ 16 w 78"/>
                <a:gd name="T9" fmla="*/ 64 h 95"/>
                <a:gd name="T10" fmla="*/ 16 w 78"/>
                <a:gd name="T11" fmla="*/ 65 h 95"/>
                <a:gd name="T12" fmla="*/ 16 w 78"/>
                <a:gd name="T13" fmla="*/ 66 h 95"/>
                <a:gd name="T14" fmla="*/ 16 w 78"/>
                <a:gd name="T15" fmla="*/ 68 h 95"/>
                <a:gd name="T16" fmla="*/ 16 w 78"/>
                <a:gd name="T17" fmla="*/ 68 h 95"/>
                <a:gd name="T18" fmla="*/ 17 w 78"/>
                <a:gd name="T19" fmla="*/ 69 h 95"/>
                <a:gd name="T20" fmla="*/ 19 w 78"/>
                <a:gd name="T21" fmla="*/ 69 h 95"/>
                <a:gd name="T22" fmla="*/ 19 w 78"/>
                <a:gd name="T23" fmla="*/ 68 h 95"/>
                <a:gd name="T24" fmla="*/ 19 w 78"/>
                <a:gd name="T25" fmla="*/ 66 h 95"/>
                <a:gd name="T26" fmla="*/ 22 w 78"/>
                <a:gd name="T27" fmla="*/ 64 h 95"/>
                <a:gd name="T28" fmla="*/ 25 w 78"/>
                <a:gd name="T29" fmla="*/ 63 h 95"/>
                <a:gd name="T30" fmla="*/ 27 w 78"/>
                <a:gd name="T31" fmla="*/ 61 h 95"/>
                <a:gd name="T32" fmla="*/ 29 w 78"/>
                <a:gd name="T33" fmla="*/ 60 h 95"/>
                <a:gd name="T34" fmla="*/ 30 w 78"/>
                <a:gd name="T35" fmla="*/ 59 h 95"/>
                <a:gd name="T36" fmla="*/ 36 w 78"/>
                <a:gd name="T37" fmla="*/ 59 h 95"/>
                <a:gd name="T38" fmla="*/ 36 w 78"/>
                <a:gd name="T39" fmla="*/ 50 h 95"/>
                <a:gd name="T40" fmla="*/ 25 w 78"/>
                <a:gd name="T41" fmla="*/ 23 h 95"/>
                <a:gd name="T42" fmla="*/ 34 w 78"/>
                <a:gd name="T43" fmla="*/ 23 h 95"/>
                <a:gd name="T44" fmla="*/ 41 w 78"/>
                <a:gd name="T45" fmla="*/ 23 h 95"/>
                <a:gd name="T46" fmla="*/ 44 w 78"/>
                <a:gd name="T47" fmla="*/ 23 h 95"/>
                <a:gd name="T48" fmla="*/ 45 w 78"/>
                <a:gd name="T49" fmla="*/ 23 h 95"/>
                <a:gd name="T50" fmla="*/ 45 w 78"/>
                <a:gd name="T51" fmla="*/ 23 h 95"/>
                <a:gd name="T52" fmla="*/ 47 w 78"/>
                <a:gd name="T53" fmla="*/ 25 h 95"/>
                <a:gd name="T54" fmla="*/ 48 w 78"/>
                <a:gd name="T55" fmla="*/ 28 h 95"/>
                <a:gd name="T56" fmla="*/ 49 w 78"/>
                <a:gd name="T57" fmla="*/ 38 h 95"/>
                <a:gd name="T58" fmla="*/ 51 w 78"/>
                <a:gd name="T59" fmla="*/ 44 h 95"/>
                <a:gd name="T60" fmla="*/ 51 w 78"/>
                <a:gd name="T61" fmla="*/ 47 h 95"/>
                <a:gd name="T62" fmla="*/ 52 w 78"/>
                <a:gd name="T63" fmla="*/ 45 h 95"/>
                <a:gd name="T64" fmla="*/ 53 w 78"/>
                <a:gd name="T65" fmla="*/ 44 h 95"/>
                <a:gd name="T66" fmla="*/ 53 w 78"/>
                <a:gd name="T67" fmla="*/ 40 h 95"/>
                <a:gd name="T68" fmla="*/ 54 w 78"/>
                <a:gd name="T69" fmla="*/ 38 h 95"/>
                <a:gd name="T70" fmla="*/ 54 w 78"/>
                <a:gd name="T71" fmla="*/ 37 h 95"/>
                <a:gd name="T72" fmla="*/ 54 w 78"/>
                <a:gd name="T73" fmla="*/ 38 h 95"/>
                <a:gd name="T74" fmla="*/ 53 w 78"/>
                <a:gd name="T75" fmla="*/ 38 h 95"/>
                <a:gd name="T76" fmla="*/ 53 w 78"/>
                <a:gd name="T77" fmla="*/ 37 h 95"/>
                <a:gd name="T78" fmla="*/ 53 w 78"/>
                <a:gd name="T79" fmla="*/ 35 h 95"/>
                <a:gd name="T80" fmla="*/ 52 w 78"/>
                <a:gd name="T81" fmla="*/ 32 h 95"/>
                <a:gd name="T82" fmla="*/ 51 w 78"/>
                <a:gd name="T83" fmla="*/ 30 h 95"/>
                <a:gd name="T84" fmla="*/ 51 w 78"/>
                <a:gd name="T85" fmla="*/ 28 h 95"/>
                <a:gd name="T86" fmla="*/ 51 w 78"/>
                <a:gd name="T87" fmla="*/ 27 h 95"/>
                <a:gd name="T88" fmla="*/ 51 w 78"/>
                <a:gd name="T89" fmla="*/ 27 h 95"/>
                <a:gd name="T90" fmla="*/ 48 w 78"/>
                <a:gd name="T91" fmla="*/ 23 h 95"/>
                <a:gd name="T92" fmla="*/ 44 w 78"/>
                <a:gd name="T93" fmla="*/ 23 h 95"/>
                <a:gd name="T94" fmla="*/ 37 w 78"/>
                <a:gd name="T95" fmla="*/ 23 h 95"/>
                <a:gd name="T96" fmla="*/ 32 w 78"/>
                <a:gd name="T97" fmla="*/ 14 h 95"/>
                <a:gd name="T98" fmla="*/ 25 w 78"/>
                <a:gd name="T99" fmla="*/ 14 h 95"/>
                <a:gd name="T100" fmla="*/ 20 w 78"/>
                <a:gd name="T101" fmla="*/ 0 h 95"/>
                <a:gd name="T102" fmla="*/ 0 w 78"/>
                <a:gd name="T103" fmla="*/ 8 h 95"/>
                <a:gd name="T104" fmla="*/ 19 w 78"/>
                <a:gd name="T105" fmla="*/ 61 h 95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w 78"/>
                <a:gd name="T160" fmla="*/ 0 h 95"/>
                <a:gd name="T161" fmla="*/ 78 w 78"/>
                <a:gd name="T162" fmla="*/ 95 h 95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T159" t="T160" r="T161" b="T162"/>
              <a:pathLst>
                <a:path w="78" h="95">
                  <a:moveTo>
                    <a:pt x="21" y="80"/>
                  </a:moveTo>
                  <a:lnTo>
                    <a:pt x="16" y="83"/>
                  </a:lnTo>
                  <a:lnTo>
                    <a:pt x="16" y="85"/>
                  </a:lnTo>
                  <a:lnTo>
                    <a:pt x="16" y="86"/>
                  </a:lnTo>
                  <a:lnTo>
                    <a:pt x="16" y="88"/>
                  </a:lnTo>
                  <a:lnTo>
                    <a:pt x="16" y="90"/>
                  </a:lnTo>
                  <a:lnTo>
                    <a:pt x="16" y="93"/>
                  </a:lnTo>
                  <a:lnTo>
                    <a:pt x="17" y="95"/>
                  </a:lnTo>
                  <a:lnTo>
                    <a:pt x="22" y="95"/>
                  </a:lnTo>
                  <a:lnTo>
                    <a:pt x="28" y="93"/>
                  </a:lnTo>
                  <a:lnTo>
                    <a:pt x="31" y="90"/>
                  </a:lnTo>
                  <a:lnTo>
                    <a:pt x="36" y="86"/>
                  </a:lnTo>
                  <a:lnTo>
                    <a:pt x="39" y="83"/>
                  </a:lnTo>
                  <a:lnTo>
                    <a:pt x="41" y="80"/>
                  </a:lnTo>
                  <a:lnTo>
                    <a:pt x="43" y="78"/>
                  </a:lnTo>
                  <a:lnTo>
                    <a:pt x="44" y="76"/>
                  </a:lnTo>
                  <a:lnTo>
                    <a:pt x="50" y="76"/>
                  </a:lnTo>
                  <a:lnTo>
                    <a:pt x="50" y="64"/>
                  </a:lnTo>
                  <a:lnTo>
                    <a:pt x="39" y="30"/>
                  </a:lnTo>
                  <a:lnTo>
                    <a:pt x="48" y="29"/>
                  </a:lnTo>
                  <a:lnTo>
                    <a:pt x="55" y="36"/>
                  </a:lnTo>
                  <a:lnTo>
                    <a:pt x="58" y="36"/>
                  </a:lnTo>
                  <a:lnTo>
                    <a:pt x="60" y="36"/>
                  </a:lnTo>
                  <a:lnTo>
                    <a:pt x="61" y="37"/>
                  </a:lnTo>
                  <a:lnTo>
                    <a:pt x="65" y="39"/>
                  </a:lnTo>
                  <a:lnTo>
                    <a:pt x="66" y="42"/>
                  </a:lnTo>
                  <a:lnTo>
                    <a:pt x="68" y="52"/>
                  </a:lnTo>
                  <a:lnTo>
                    <a:pt x="72" y="58"/>
                  </a:lnTo>
                  <a:lnTo>
                    <a:pt x="73" y="61"/>
                  </a:lnTo>
                  <a:lnTo>
                    <a:pt x="75" y="59"/>
                  </a:lnTo>
                  <a:lnTo>
                    <a:pt x="77" y="58"/>
                  </a:lnTo>
                  <a:lnTo>
                    <a:pt x="77" y="54"/>
                  </a:lnTo>
                  <a:lnTo>
                    <a:pt x="78" y="52"/>
                  </a:lnTo>
                  <a:lnTo>
                    <a:pt x="78" y="51"/>
                  </a:lnTo>
                  <a:lnTo>
                    <a:pt x="78" y="52"/>
                  </a:lnTo>
                  <a:lnTo>
                    <a:pt x="77" y="52"/>
                  </a:lnTo>
                  <a:lnTo>
                    <a:pt x="77" y="51"/>
                  </a:lnTo>
                  <a:lnTo>
                    <a:pt x="77" y="49"/>
                  </a:lnTo>
                  <a:lnTo>
                    <a:pt x="75" y="46"/>
                  </a:lnTo>
                  <a:lnTo>
                    <a:pt x="73" y="44"/>
                  </a:lnTo>
                  <a:lnTo>
                    <a:pt x="73" y="42"/>
                  </a:lnTo>
                  <a:lnTo>
                    <a:pt x="73" y="41"/>
                  </a:lnTo>
                  <a:lnTo>
                    <a:pt x="66" y="36"/>
                  </a:lnTo>
                  <a:lnTo>
                    <a:pt x="58" y="30"/>
                  </a:lnTo>
                  <a:lnTo>
                    <a:pt x="51" y="29"/>
                  </a:lnTo>
                  <a:lnTo>
                    <a:pt x="46" y="14"/>
                  </a:lnTo>
                  <a:lnTo>
                    <a:pt x="39" y="14"/>
                  </a:lnTo>
                  <a:lnTo>
                    <a:pt x="34" y="0"/>
                  </a:lnTo>
                  <a:lnTo>
                    <a:pt x="0" y="8"/>
                  </a:lnTo>
                  <a:lnTo>
                    <a:pt x="21" y="80"/>
                  </a:lnTo>
                  <a:close/>
                </a:path>
              </a:pathLst>
            </a:custGeom>
            <a:solidFill>
              <a:srgbClr val="00FF00"/>
            </a:solidFill>
            <a:ln w="9525">
              <a:solidFill>
                <a:sysClr val="window" lastClr="FFFFFF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13" name="Group 15"/>
            <p:cNvGrpSpPr>
              <a:grpSpLocks/>
            </p:cNvGrpSpPr>
            <p:nvPr/>
          </p:nvGrpSpPr>
          <p:grpSpPr bwMode="auto">
            <a:xfrm>
              <a:off x="2752" y="1791"/>
              <a:ext cx="1909" cy="2193"/>
              <a:chOff x="2691" y="1840"/>
              <a:chExt cx="1909" cy="2193"/>
            </a:xfrm>
          </p:grpSpPr>
          <p:grpSp>
            <p:nvGrpSpPr>
              <p:cNvPr id="154" name="Group 16"/>
              <p:cNvGrpSpPr>
                <a:grpSpLocks/>
              </p:cNvGrpSpPr>
              <p:nvPr/>
            </p:nvGrpSpPr>
            <p:grpSpPr bwMode="auto">
              <a:xfrm>
                <a:off x="3537" y="3290"/>
                <a:ext cx="873" cy="743"/>
                <a:chOff x="3822" y="2894"/>
                <a:chExt cx="897" cy="765"/>
              </a:xfrm>
            </p:grpSpPr>
            <p:sp>
              <p:nvSpPr>
                <p:cNvPr id="160" name="Freeform 17"/>
                <p:cNvSpPr>
                  <a:spLocks/>
                </p:cNvSpPr>
                <p:nvPr/>
              </p:nvSpPr>
              <p:spPr bwMode="auto">
                <a:xfrm>
                  <a:off x="3822" y="2894"/>
                  <a:ext cx="890" cy="684"/>
                </a:xfrm>
                <a:custGeom>
                  <a:avLst/>
                  <a:gdLst>
                    <a:gd name="T0" fmla="*/ 641 w 890"/>
                    <a:gd name="T1" fmla="*/ 49 h 684"/>
                    <a:gd name="T2" fmla="*/ 641 w 890"/>
                    <a:gd name="T3" fmla="*/ 69 h 684"/>
                    <a:gd name="T4" fmla="*/ 682 w 890"/>
                    <a:gd name="T5" fmla="*/ 112 h 684"/>
                    <a:gd name="T6" fmla="*/ 717 w 890"/>
                    <a:gd name="T7" fmla="*/ 161 h 684"/>
                    <a:gd name="T8" fmla="*/ 732 w 890"/>
                    <a:gd name="T9" fmla="*/ 190 h 684"/>
                    <a:gd name="T10" fmla="*/ 721 w 890"/>
                    <a:gd name="T11" fmla="*/ 183 h 684"/>
                    <a:gd name="T12" fmla="*/ 758 w 890"/>
                    <a:gd name="T13" fmla="*/ 235 h 684"/>
                    <a:gd name="T14" fmla="*/ 773 w 890"/>
                    <a:gd name="T15" fmla="*/ 279 h 684"/>
                    <a:gd name="T16" fmla="*/ 832 w 890"/>
                    <a:gd name="T17" fmla="*/ 381 h 684"/>
                    <a:gd name="T18" fmla="*/ 856 w 890"/>
                    <a:gd name="T19" fmla="*/ 420 h 684"/>
                    <a:gd name="T20" fmla="*/ 875 w 890"/>
                    <a:gd name="T21" fmla="*/ 450 h 684"/>
                    <a:gd name="T22" fmla="*/ 888 w 890"/>
                    <a:gd name="T23" fmla="*/ 479 h 684"/>
                    <a:gd name="T24" fmla="*/ 890 w 890"/>
                    <a:gd name="T25" fmla="*/ 564 h 684"/>
                    <a:gd name="T26" fmla="*/ 876 w 890"/>
                    <a:gd name="T27" fmla="*/ 609 h 684"/>
                    <a:gd name="T28" fmla="*/ 878 w 890"/>
                    <a:gd name="T29" fmla="*/ 641 h 684"/>
                    <a:gd name="T30" fmla="*/ 842 w 890"/>
                    <a:gd name="T31" fmla="*/ 674 h 684"/>
                    <a:gd name="T32" fmla="*/ 800 w 890"/>
                    <a:gd name="T33" fmla="*/ 684 h 684"/>
                    <a:gd name="T34" fmla="*/ 798 w 890"/>
                    <a:gd name="T35" fmla="*/ 668 h 684"/>
                    <a:gd name="T36" fmla="*/ 807 w 890"/>
                    <a:gd name="T37" fmla="*/ 635 h 684"/>
                    <a:gd name="T38" fmla="*/ 797 w 890"/>
                    <a:gd name="T39" fmla="*/ 653 h 684"/>
                    <a:gd name="T40" fmla="*/ 749 w 890"/>
                    <a:gd name="T41" fmla="*/ 606 h 684"/>
                    <a:gd name="T42" fmla="*/ 714 w 890"/>
                    <a:gd name="T43" fmla="*/ 597 h 684"/>
                    <a:gd name="T44" fmla="*/ 697 w 890"/>
                    <a:gd name="T45" fmla="*/ 564 h 684"/>
                    <a:gd name="T46" fmla="*/ 661 w 890"/>
                    <a:gd name="T47" fmla="*/ 498 h 684"/>
                    <a:gd name="T48" fmla="*/ 633 w 890"/>
                    <a:gd name="T49" fmla="*/ 472 h 684"/>
                    <a:gd name="T50" fmla="*/ 631 w 890"/>
                    <a:gd name="T51" fmla="*/ 491 h 684"/>
                    <a:gd name="T52" fmla="*/ 584 w 890"/>
                    <a:gd name="T53" fmla="*/ 425 h 684"/>
                    <a:gd name="T54" fmla="*/ 587 w 890"/>
                    <a:gd name="T55" fmla="*/ 408 h 684"/>
                    <a:gd name="T56" fmla="*/ 578 w 890"/>
                    <a:gd name="T57" fmla="*/ 359 h 684"/>
                    <a:gd name="T58" fmla="*/ 575 w 890"/>
                    <a:gd name="T59" fmla="*/ 399 h 684"/>
                    <a:gd name="T60" fmla="*/ 556 w 890"/>
                    <a:gd name="T61" fmla="*/ 374 h 684"/>
                    <a:gd name="T62" fmla="*/ 562 w 890"/>
                    <a:gd name="T63" fmla="*/ 316 h 684"/>
                    <a:gd name="T64" fmla="*/ 560 w 890"/>
                    <a:gd name="T65" fmla="*/ 267 h 684"/>
                    <a:gd name="T66" fmla="*/ 555 w 890"/>
                    <a:gd name="T67" fmla="*/ 247 h 684"/>
                    <a:gd name="T68" fmla="*/ 521 w 890"/>
                    <a:gd name="T69" fmla="*/ 222 h 684"/>
                    <a:gd name="T70" fmla="*/ 467 w 890"/>
                    <a:gd name="T71" fmla="*/ 179 h 684"/>
                    <a:gd name="T72" fmla="*/ 424 w 890"/>
                    <a:gd name="T73" fmla="*/ 139 h 684"/>
                    <a:gd name="T74" fmla="*/ 355 w 890"/>
                    <a:gd name="T75" fmla="*/ 132 h 684"/>
                    <a:gd name="T76" fmla="*/ 320 w 890"/>
                    <a:gd name="T77" fmla="*/ 164 h 684"/>
                    <a:gd name="T78" fmla="*/ 308 w 890"/>
                    <a:gd name="T79" fmla="*/ 168 h 684"/>
                    <a:gd name="T80" fmla="*/ 277 w 890"/>
                    <a:gd name="T81" fmla="*/ 181 h 684"/>
                    <a:gd name="T82" fmla="*/ 245 w 890"/>
                    <a:gd name="T83" fmla="*/ 179 h 684"/>
                    <a:gd name="T84" fmla="*/ 238 w 890"/>
                    <a:gd name="T85" fmla="*/ 142 h 684"/>
                    <a:gd name="T86" fmla="*/ 206 w 890"/>
                    <a:gd name="T87" fmla="*/ 125 h 684"/>
                    <a:gd name="T88" fmla="*/ 172 w 890"/>
                    <a:gd name="T89" fmla="*/ 118 h 684"/>
                    <a:gd name="T90" fmla="*/ 127 w 890"/>
                    <a:gd name="T91" fmla="*/ 113 h 684"/>
                    <a:gd name="T92" fmla="*/ 157 w 890"/>
                    <a:gd name="T93" fmla="*/ 110 h 684"/>
                    <a:gd name="T94" fmla="*/ 101 w 890"/>
                    <a:gd name="T95" fmla="*/ 113 h 684"/>
                    <a:gd name="T96" fmla="*/ 52 w 890"/>
                    <a:gd name="T97" fmla="*/ 125 h 684"/>
                    <a:gd name="T98" fmla="*/ 67 w 890"/>
                    <a:gd name="T99" fmla="*/ 105 h 684"/>
                    <a:gd name="T100" fmla="*/ 51 w 890"/>
                    <a:gd name="T101" fmla="*/ 113 h 684"/>
                    <a:gd name="T102" fmla="*/ 22 w 890"/>
                    <a:gd name="T103" fmla="*/ 137 h 684"/>
                    <a:gd name="T104" fmla="*/ 23 w 890"/>
                    <a:gd name="T105" fmla="*/ 117 h 684"/>
                    <a:gd name="T106" fmla="*/ 25 w 890"/>
                    <a:gd name="T107" fmla="*/ 93 h 684"/>
                    <a:gd name="T108" fmla="*/ 572 w 890"/>
                    <a:gd name="T109" fmla="*/ 37 h 684"/>
                    <a:gd name="T110" fmla="*/ 594 w 890"/>
                    <a:gd name="T111" fmla="*/ 30 h 684"/>
                    <a:gd name="T112" fmla="*/ 616 w 890"/>
                    <a:gd name="T113" fmla="*/ 5 h 684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w 890"/>
                    <a:gd name="T172" fmla="*/ 0 h 684"/>
                    <a:gd name="T173" fmla="*/ 890 w 890"/>
                    <a:gd name="T174" fmla="*/ 684 h 684"/>
                  </a:gdLst>
                  <a:ahLst/>
                  <a:cxnLst>
                    <a:cxn ang="T114">
                      <a:pos x="T0" y="T1"/>
                    </a:cxn>
                    <a:cxn ang="T115">
                      <a:pos x="T2" y="T3"/>
                    </a:cxn>
                    <a:cxn ang="T116">
                      <a:pos x="T4" y="T5"/>
                    </a:cxn>
                    <a:cxn ang="T117">
                      <a:pos x="T6" y="T7"/>
                    </a:cxn>
                    <a:cxn ang="T118">
                      <a:pos x="T8" y="T9"/>
                    </a:cxn>
                    <a:cxn ang="T119">
                      <a:pos x="T10" y="T11"/>
                    </a:cxn>
                    <a:cxn ang="T120">
                      <a:pos x="T12" y="T13"/>
                    </a:cxn>
                    <a:cxn ang="T121">
                      <a:pos x="T14" y="T15"/>
                    </a:cxn>
                    <a:cxn ang="T122">
                      <a:pos x="T16" y="T17"/>
                    </a:cxn>
                    <a:cxn ang="T123">
                      <a:pos x="T18" y="T19"/>
                    </a:cxn>
                    <a:cxn ang="T124">
                      <a:pos x="T20" y="T21"/>
                    </a:cxn>
                    <a:cxn ang="T125">
                      <a:pos x="T22" y="T23"/>
                    </a:cxn>
                    <a:cxn ang="T126">
                      <a:pos x="T24" y="T25"/>
                    </a:cxn>
                    <a:cxn ang="T127">
                      <a:pos x="T26" y="T27"/>
                    </a:cxn>
                    <a:cxn ang="T128">
                      <a:pos x="T28" y="T29"/>
                    </a:cxn>
                    <a:cxn ang="T129">
                      <a:pos x="T30" y="T31"/>
                    </a:cxn>
                    <a:cxn ang="T130">
                      <a:pos x="T32" y="T33"/>
                    </a:cxn>
                    <a:cxn ang="T131">
                      <a:pos x="T34" y="T35"/>
                    </a:cxn>
                    <a:cxn ang="T132">
                      <a:pos x="T36" y="T37"/>
                    </a:cxn>
                    <a:cxn ang="T133">
                      <a:pos x="T38" y="T39"/>
                    </a:cxn>
                    <a:cxn ang="T134">
                      <a:pos x="T40" y="T41"/>
                    </a:cxn>
                    <a:cxn ang="T135">
                      <a:pos x="T42" y="T43"/>
                    </a:cxn>
                    <a:cxn ang="T136">
                      <a:pos x="T44" y="T45"/>
                    </a:cxn>
                    <a:cxn ang="T137">
                      <a:pos x="T46" y="T47"/>
                    </a:cxn>
                    <a:cxn ang="T138">
                      <a:pos x="T48" y="T49"/>
                    </a:cxn>
                    <a:cxn ang="T139">
                      <a:pos x="T50" y="T51"/>
                    </a:cxn>
                    <a:cxn ang="T140">
                      <a:pos x="T52" y="T53"/>
                    </a:cxn>
                    <a:cxn ang="T141">
                      <a:pos x="T54" y="T55"/>
                    </a:cxn>
                    <a:cxn ang="T142">
                      <a:pos x="T56" y="T57"/>
                    </a:cxn>
                    <a:cxn ang="T143">
                      <a:pos x="T58" y="T59"/>
                    </a:cxn>
                    <a:cxn ang="T144">
                      <a:pos x="T60" y="T61"/>
                    </a:cxn>
                    <a:cxn ang="T145">
                      <a:pos x="T62" y="T63"/>
                    </a:cxn>
                    <a:cxn ang="T146">
                      <a:pos x="T64" y="T65"/>
                    </a:cxn>
                    <a:cxn ang="T147">
                      <a:pos x="T66" y="T67"/>
                    </a:cxn>
                    <a:cxn ang="T148">
                      <a:pos x="T68" y="T69"/>
                    </a:cxn>
                    <a:cxn ang="T149">
                      <a:pos x="T70" y="T71"/>
                    </a:cxn>
                    <a:cxn ang="T150">
                      <a:pos x="T72" y="T73"/>
                    </a:cxn>
                    <a:cxn ang="T151">
                      <a:pos x="T74" y="T75"/>
                    </a:cxn>
                    <a:cxn ang="T152">
                      <a:pos x="T76" y="T77"/>
                    </a:cxn>
                    <a:cxn ang="T153">
                      <a:pos x="T78" y="T79"/>
                    </a:cxn>
                    <a:cxn ang="T154">
                      <a:pos x="T80" y="T81"/>
                    </a:cxn>
                    <a:cxn ang="T155">
                      <a:pos x="T82" y="T83"/>
                    </a:cxn>
                    <a:cxn ang="T156">
                      <a:pos x="T84" y="T85"/>
                    </a:cxn>
                    <a:cxn ang="T157">
                      <a:pos x="T86" y="T87"/>
                    </a:cxn>
                    <a:cxn ang="T158">
                      <a:pos x="T88" y="T89"/>
                    </a:cxn>
                    <a:cxn ang="T159">
                      <a:pos x="T90" y="T91"/>
                    </a:cxn>
                    <a:cxn ang="T160">
                      <a:pos x="T92" y="T93"/>
                    </a:cxn>
                    <a:cxn ang="T161">
                      <a:pos x="T94" y="T95"/>
                    </a:cxn>
                    <a:cxn ang="T162">
                      <a:pos x="T96" y="T97"/>
                    </a:cxn>
                    <a:cxn ang="T163">
                      <a:pos x="T98" y="T99"/>
                    </a:cxn>
                    <a:cxn ang="T164">
                      <a:pos x="T100" y="T101"/>
                    </a:cxn>
                    <a:cxn ang="T165">
                      <a:pos x="T102" y="T103"/>
                    </a:cxn>
                    <a:cxn ang="T166">
                      <a:pos x="T104" y="T105"/>
                    </a:cxn>
                    <a:cxn ang="T167">
                      <a:pos x="T106" y="T107"/>
                    </a:cxn>
                    <a:cxn ang="T168">
                      <a:pos x="T108" y="T109"/>
                    </a:cxn>
                    <a:cxn ang="T169">
                      <a:pos x="T110" y="T111"/>
                    </a:cxn>
                    <a:cxn ang="T170">
                      <a:pos x="T112" y="T113"/>
                    </a:cxn>
                  </a:cxnLst>
                  <a:rect l="T171" t="T172" r="T173" b="T174"/>
                  <a:pathLst>
                    <a:path w="890" h="684">
                      <a:moveTo>
                        <a:pt x="650" y="14"/>
                      </a:moveTo>
                      <a:lnTo>
                        <a:pt x="650" y="32"/>
                      </a:lnTo>
                      <a:lnTo>
                        <a:pt x="655" y="32"/>
                      </a:lnTo>
                      <a:lnTo>
                        <a:pt x="656" y="42"/>
                      </a:lnTo>
                      <a:lnTo>
                        <a:pt x="655" y="42"/>
                      </a:lnTo>
                      <a:lnTo>
                        <a:pt x="653" y="44"/>
                      </a:lnTo>
                      <a:lnTo>
                        <a:pt x="651" y="44"/>
                      </a:lnTo>
                      <a:lnTo>
                        <a:pt x="648" y="46"/>
                      </a:lnTo>
                      <a:lnTo>
                        <a:pt x="643" y="46"/>
                      </a:lnTo>
                      <a:lnTo>
                        <a:pt x="641" y="49"/>
                      </a:lnTo>
                      <a:lnTo>
                        <a:pt x="638" y="52"/>
                      </a:lnTo>
                      <a:lnTo>
                        <a:pt x="636" y="58"/>
                      </a:lnTo>
                      <a:lnTo>
                        <a:pt x="636" y="63"/>
                      </a:lnTo>
                      <a:lnTo>
                        <a:pt x="636" y="68"/>
                      </a:lnTo>
                      <a:lnTo>
                        <a:pt x="636" y="69"/>
                      </a:lnTo>
                      <a:lnTo>
                        <a:pt x="636" y="71"/>
                      </a:lnTo>
                      <a:lnTo>
                        <a:pt x="638" y="71"/>
                      </a:lnTo>
                      <a:lnTo>
                        <a:pt x="641" y="71"/>
                      </a:lnTo>
                      <a:lnTo>
                        <a:pt x="641" y="69"/>
                      </a:lnTo>
                      <a:lnTo>
                        <a:pt x="643" y="61"/>
                      </a:lnTo>
                      <a:lnTo>
                        <a:pt x="644" y="54"/>
                      </a:lnTo>
                      <a:lnTo>
                        <a:pt x="648" y="51"/>
                      </a:lnTo>
                      <a:lnTo>
                        <a:pt x="651" y="47"/>
                      </a:lnTo>
                      <a:lnTo>
                        <a:pt x="656" y="47"/>
                      </a:lnTo>
                      <a:lnTo>
                        <a:pt x="660" y="47"/>
                      </a:lnTo>
                      <a:lnTo>
                        <a:pt x="661" y="47"/>
                      </a:lnTo>
                      <a:lnTo>
                        <a:pt x="663" y="49"/>
                      </a:lnTo>
                      <a:lnTo>
                        <a:pt x="683" y="95"/>
                      </a:lnTo>
                      <a:lnTo>
                        <a:pt x="682" y="112"/>
                      </a:lnTo>
                      <a:lnTo>
                        <a:pt x="692" y="132"/>
                      </a:lnTo>
                      <a:lnTo>
                        <a:pt x="697" y="127"/>
                      </a:lnTo>
                      <a:lnTo>
                        <a:pt x="699" y="129"/>
                      </a:lnTo>
                      <a:lnTo>
                        <a:pt x="700" y="132"/>
                      </a:lnTo>
                      <a:lnTo>
                        <a:pt x="704" y="137"/>
                      </a:lnTo>
                      <a:lnTo>
                        <a:pt x="707" y="144"/>
                      </a:lnTo>
                      <a:lnTo>
                        <a:pt x="710" y="149"/>
                      </a:lnTo>
                      <a:lnTo>
                        <a:pt x="714" y="154"/>
                      </a:lnTo>
                      <a:lnTo>
                        <a:pt x="716" y="159"/>
                      </a:lnTo>
                      <a:lnTo>
                        <a:pt x="717" y="161"/>
                      </a:lnTo>
                      <a:lnTo>
                        <a:pt x="726" y="174"/>
                      </a:lnTo>
                      <a:lnTo>
                        <a:pt x="732" y="184"/>
                      </a:lnTo>
                      <a:lnTo>
                        <a:pt x="738" y="191"/>
                      </a:lnTo>
                      <a:lnTo>
                        <a:pt x="741" y="196"/>
                      </a:lnTo>
                      <a:lnTo>
                        <a:pt x="741" y="200"/>
                      </a:lnTo>
                      <a:lnTo>
                        <a:pt x="738" y="196"/>
                      </a:lnTo>
                      <a:lnTo>
                        <a:pt x="736" y="193"/>
                      </a:lnTo>
                      <a:lnTo>
                        <a:pt x="732" y="190"/>
                      </a:lnTo>
                      <a:lnTo>
                        <a:pt x="729" y="186"/>
                      </a:lnTo>
                      <a:lnTo>
                        <a:pt x="726" y="181"/>
                      </a:lnTo>
                      <a:lnTo>
                        <a:pt x="722" y="178"/>
                      </a:lnTo>
                      <a:lnTo>
                        <a:pt x="721" y="174"/>
                      </a:lnTo>
                      <a:lnTo>
                        <a:pt x="719" y="173"/>
                      </a:lnTo>
                      <a:lnTo>
                        <a:pt x="714" y="174"/>
                      </a:lnTo>
                      <a:lnTo>
                        <a:pt x="716" y="174"/>
                      </a:lnTo>
                      <a:lnTo>
                        <a:pt x="717" y="178"/>
                      </a:lnTo>
                      <a:lnTo>
                        <a:pt x="721" y="183"/>
                      </a:lnTo>
                      <a:lnTo>
                        <a:pt x="724" y="188"/>
                      </a:lnTo>
                      <a:lnTo>
                        <a:pt x="729" y="195"/>
                      </a:lnTo>
                      <a:lnTo>
                        <a:pt x="732" y="200"/>
                      </a:lnTo>
                      <a:lnTo>
                        <a:pt x="734" y="203"/>
                      </a:lnTo>
                      <a:lnTo>
                        <a:pt x="736" y="205"/>
                      </a:lnTo>
                      <a:lnTo>
                        <a:pt x="748" y="217"/>
                      </a:lnTo>
                      <a:lnTo>
                        <a:pt x="754" y="225"/>
                      </a:lnTo>
                      <a:lnTo>
                        <a:pt x="760" y="232"/>
                      </a:lnTo>
                      <a:lnTo>
                        <a:pt x="760" y="235"/>
                      </a:lnTo>
                      <a:lnTo>
                        <a:pt x="758" y="235"/>
                      </a:lnTo>
                      <a:lnTo>
                        <a:pt x="756" y="235"/>
                      </a:lnTo>
                      <a:lnTo>
                        <a:pt x="754" y="235"/>
                      </a:lnTo>
                      <a:lnTo>
                        <a:pt x="753" y="235"/>
                      </a:lnTo>
                      <a:lnTo>
                        <a:pt x="754" y="235"/>
                      </a:lnTo>
                      <a:lnTo>
                        <a:pt x="760" y="250"/>
                      </a:lnTo>
                      <a:lnTo>
                        <a:pt x="766" y="266"/>
                      </a:lnTo>
                      <a:lnTo>
                        <a:pt x="773" y="279"/>
                      </a:lnTo>
                      <a:lnTo>
                        <a:pt x="780" y="293"/>
                      </a:lnTo>
                      <a:lnTo>
                        <a:pt x="787" y="305"/>
                      </a:lnTo>
                      <a:lnTo>
                        <a:pt x="793" y="318"/>
                      </a:lnTo>
                      <a:lnTo>
                        <a:pt x="800" y="328"/>
                      </a:lnTo>
                      <a:lnTo>
                        <a:pt x="805" y="338"/>
                      </a:lnTo>
                      <a:lnTo>
                        <a:pt x="812" y="349"/>
                      </a:lnTo>
                      <a:lnTo>
                        <a:pt x="817" y="357"/>
                      </a:lnTo>
                      <a:lnTo>
                        <a:pt x="822" y="366"/>
                      </a:lnTo>
                      <a:lnTo>
                        <a:pt x="827" y="374"/>
                      </a:lnTo>
                      <a:lnTo>
                        <a:pt x="832" y="381"/>
                      </a:lnTo>
                      <a:lnTo>
                        <a:pt x="836" y="386"/>
                      </a:lnTo>
                      <a:lnTo>
                        <a:pt x="837" y="391"/>
                      </a:lnTo>
                      <a:lnTo>
                        <a:pt x="839" y="394"/>
                      </a:lnTo>
                      <a:lnTo>
                        <a:pt x="842" y="398"/>
                      </a:lnTo>
                      <a:lnTo>
                        <a:pt x="846" y="403"/>
                      </a:lnTo>
                      <a:lnTo>
                        <a:pt x="849" y="406"/>
                      </a:lnTo>
                      <a:lnTo>
                        <a:pt x="851" y="411"/>
                      </a:lnTo>
                      <a:lnTo>
                        <a:pt x="853" y="415"/>
                      </a:lnTo>
                      <a:lnTo>
                        <a:pt x="854" y="418"/>
                      </a:lnTo>
                      <a:lnTo>
                        <a:pt x="856" y="420"/>
                      </a:lnTo>
                      <a:lnTo>
                        <a:pt x="858" y="420"/>
                      </a:lnTo>
                      <a:lnTo>
                        <a:pt x="863" y="425"/>
                      </a:lnTo>
                      <a:lnTo>
                        <a:pt x="868" y="428"/>
                      </a:lnTo>
                      <a:lnTo>
                        <a:pt x="870" y="432"/>
                      </a:lnTo>
                      <a:lnTo>
                        <a:pt x="871" y="435"/>
                      </a:lnTo>
                      <a:lnTo>
                        <a:pt x="871" y="438"/>
                      </a:lnTo>
                      <a:lnTo>
                        <a:pt x="870" y="442"/>
                      </a:lnTo>
                      <a:lnTo>
                        <a:pt x="870" y="443"/>
                      </a:lnTo>
                      <a:lnTo>
                        <a:pt x="870" y="445"/>
                      </a:lnTo>
                      <a:lnTo>
                        <a:pt x="875" y="450"/>
                      </a:lnTo>
                      <a:lnTo>
                        <a:pt x="878" y="454"/>
                      </a:lnTo>
                      <a:lnTo>
                        <a:pt x="880" y="457"/>
                      </a:lnTo>
                      <a:lnTo>
                        <a:pt x="880" y="460"/>
                      </a:lnTo>
                      <a:lnTo>
                        <a:pt x="880" y="462"/>
                      </a:lnTo>
                      <a:lnTo>
                        <a:pt x="880" y="464"/>
                      </a:lnTo>
                      <a:lnTo>
                        <a:pt x="878" y="464"/>
                      </a:lnTo>
                      <a:lnTo>
                        <a:pt x="888" y="474"/>
                      </a:lnTo>
                      <a:lnTo>
                        <a:pt x="888" y="476"/>
                      </a:lnTo>
                      <a:lnTo>
                        <a:pt x="888" y="479"/>
                      </a:lnTo>
                      <a:lnTo>
                        <a:pt x="890" y="484"/>
                      </a:lnTo>
                      <a:lnTo>
                        <a:pt x="890" y="491"/>
                      </a:lnTo>
                      <a:lnTo>
                        <a:pt x="890" y="498"/>
                      </a:lnTo>
                      <a:lnTo>
                        <a:pt x="890" y="508"/>
                      </a:lnTo>
                      <a:lnTo>
                        <a:pt x="890" y="518"/>
                      </a:lnTo>
                      <a:lnTo>
                        <a:pt x="890" y="526"/>
                      </a:lnTo>
                      <a:lnTo>
                        <a:pt x="890" y="536"/>
                      </a:lnTo>
                      <a:lnTo>
                        <a:pt x="890" y="547"/>
                      </a:lnTo>
                      <a:lnTo>
                        <a:pt x="890" y="555"/>
                      </a:lnTo>
                      <a:lnTo>
                        <a:pt x="890" y="564"/>
                      </a:lnTo>
                      <a:lnTo>
                        <a:pt x="890" y="570"/>
                      </a:lnTo>
                      <a:lnTo>
                        <a:pt x="890" y="575"/>
                      </a:lnTo>
                      <a:lnTo>
                        <a:pt x="890" y="580"/>
                      </a:lnTo>
                      <a:lnTo>
                        <a:pt x="886" y="586"/>
                      </a:lnTo>
                      <a:lnTo>
                        <a:pt x="883" y="589"/>
                      </a:lnTo>
                      <a:lnTo>
                        <a:pt x="881" y="594"/>
                      </a:lnTo>
                      <a:lnTo>
                        <a:pt x="880" y="599"/>
                      </a:lnTo>
                      <a:lnTo>
                        <a:pt x="878" y="604"/>
                      </a:lnTo>
                      <a:lnTo>
                        <a:pt x="876" y="609"/>
                      </a:lnTo>
                      <a:lnTo>
                        <a:pt x="876" y="614"/>
                      </a:lnTo>
                      <a:lnTo>
                        <a:pt x="876" y="619"/>
                      </a:lnTo>
                      <a:lnTo>
                        <a:pt x="876" y="623"/>
                      </a:lnTo>
                      <a:lnTo>
                        <a:pt x="876" y="628"/>
                      </a:lnTo>
                      <a:lnTo>
                        <a:pt x="876" y="631"/>
                      </a:lnTo>
                      <a:lnTo>
                        <a:pt x="876" y="635"/>
                      </a:lnTo>
                      <a:lnTo>
                        <a:pt x="876" y="638"/>
                      </a:lnTo>
                      <a:lnTo>
                        <a:pt x="876" y="640"/>
                      </a:lnTo>
                      <a:lnTo>
                        <a:pt x="878" y="641"/>
                      </a:lnTo>
                      <a:lnTo>
                        <a:pt x="876" y="650"/>
                      </a:lnTo>
                      <a:lnTo>
                        <a:pt x="875" y="657"/>
                      </a:lnTo>
                      <a:lnTo>
                        <a:pt x="871" y="660"/>
                      </a:lnTo>
                      <a:lnTo>
                        <a:pt x="868" y="662"/>
                      </a:lnTo>
                      <a:lnTo>
                        <a:pt x="864" y="663"/>
                      </a:lnTo>
                      <a:lnTo>
                        <a:pt x="861" y="663"/>
                      </a:lnTo>
                      <a:lnTo>
                        <a:pt x="858" y="663"/>
                      </a:lnTo>
                      <a:lnTo>
                        <a:pt x="856" y="663"/>
                      </a:lnTo>
                      <a:lnTo>
                        <a:pt x="849" y="668"/>
                      </a:lnTo>
                      <a:lnTo>
                        <a:pt x="842" y="674"/>
                      </a:lnTo>
                      <a:lnTo>
                        <a:pt x="837" y="675"/>
                      </a:lnTo>
                      <a:lnTo>
                        <a:pt x="834" y="675"/>
                      </a:lnTo>
                      <a:lnTo>
                        <a:pt x="831" y="675"/>
                      </a:lnTo>
                      <a:lnTo>
                        <a:pt x="827" y="674"/>
                      </a:lnTo>
                      <a:lnTo>
                        <a:pt x="826" y="674"/>
                      </a:lnTo>
                      <a:lnTo>
                        <a:pt x="817" y="680"/>
                      </a:lnTo>
                      <a:lnTo>
                        <a:pt x="810" y="684"/>
                      </a:lnTo>
                      <a:lnTo>
                        <a:pt x="805" y="684"/>
                      </a:lnTo>
                      <a:lnTo>
                        <a:pt x="800" y="684"/>
                      </a:lnTo>
                      <a:lnTo>
                        <a:pt x="797" y="684"/>
                      </a:lnTo>
                      <a:lnTo>
                        <a:pt x="793" y="680"/>
                      </a:lnTo>
                      <a:lnTo>
                        <a:pt x="792" y="680"/>
                      </a:lnTo>
                      <a:lnTo>
                        <a:pt x="792" y="679"/>
                      </a:lnTo>
                      <a:lnTo>
                        <a:pt x="787" y="670"/>
                      </a:lnTo>
                      <a:lnTo>
                        <a:pt x="787" y="667"/>
                      </a:lnTo>
                      <a:lnTo>
                        <a:pt x="788" y="663"/>
                      </a:lnTo>
                      <a:lnTo>
                        <a:pt x="790" y="665"/>
                      </a:lnTo>
                      <a:lnTo>
                        <a:pt x="795" y="667"/>
                      </a:lnTo>
                      <a:lnTo>
                        <a:pt x="798" y="668"/>
                      </a:lnTo>
                      <a:lnTo>
                        <a:pt x="802" y="670"/>
                      </a:lnTo>
                      <a:lnTo>
                        <a:pt x="802" y="672"/>
                      </a:lnTo>
                      <a:lnTo>
                        <a:pt x="820" y="665"/>
                      </a:lnTo>
                      <a:lnTo>
                        <a:pt x="810" y="653"/>
                      </a:lnTo>
                      <a:lnTo>
                        <a:pt x="812" y="652"/>
                      </a:lnTo>
                      <a:lnTo>
                        <a:pt x="814" y="650"/>
                      </a:lnTo>
                      <a:lnTo>
                        <a:pt x="815" y="648"/>
                      </a:lnTo>
                      <a:lnTo>
                        <a:pt x="810" y="640"/>
                      </a:lnTo>
                      <a:lnTo>
                        <a:pt x="807" y="635"/>
                      </a:lnTo>
                      <a:lnTo>
                        <a:pt x="804" y="633"/>
                      </a:lnTo>
                      <a:lnTo>
                        <a:pt x="802" y="631"/>
                      </a:lnTo>
                      <a:lnTo>
                        <a:pt x="800" y="633"/>
                      </a:lnTo>
                      <a:lnTo>
                        <a:pt x="798" y="635"/>
                      </a:lnTo>
                      <a:lnTo>
                        <a:pt x="798" y="636"/>
                      </a:lnTo>
                      <a:lnTo>
                        <a:pt x="798" y="638"/>
                      </a:lnTo>
                      <a:lnTo>
                        <a:pt x="802" y="645"/>
                      </a:lnTo>
                      <a:lnTo>
                        <a:pt x="802" y="650"/>
                      </a:lnTo>
                      <a:lnTo>
                        <a:pt x="800" y="652"/>
                      </a:lnTo>
                      <a:lnTo>
                        <a:pt x="797" y="653"/>
                      </a:lnTo>
                      <a:lnTo>
                        <a:pt x="793" y="653"/>
                      </a:lnTo>
                      <a:lnTo>
                        <a:pt x="790" y="653"/>
                      </a:lnTo>
                      <a:lnTo>
                        <a:pt x="788" y="652"/>
                      </a:lnTo>
                      <a:lnTo>
                        <a:pt x="787" y="652"/>
                      </a:lnTo>
                      <a:lnTo>
                        <a:pt x="780" y="640"/>
                      </a:lnTo>
                      <a:lnTo>
                        <a:pt x="775" y="630"/>
                      </a:lnTo>
                      <a:lnTo>
                        <a:pt x="768" y="621"/>
                      </a:lnTo>
                      <a:lnTo>
                        <a:pt x="763" y="614"/>
                      </a:lnTo>
                      <a:lnTo>
                        <a:pt x="756" y="609"/>
                      </a:lnTo>
                      <a:lnTo>
                        <a:pt x="749" y="606"/>
                      </a:lnTo>
                      <a:lnTo>
                        <a:pt x="744" y="602"/>
                      </a:lnTo>
                      <a:lnTo>
                        <a:pt x="739" y="599"/>
                      </a:lnTo>
                      <a:lnTo>
                        <a:pt x="734" y="597"/>
                      </a:lnTo>
                      <a:lnTo>
                        <a:pt x="729" y="597"/>
                      </a:lnTo>
                      <a:lnTo>
                        <a:pt x="724" y="597"/>
                      </a:lnTo>
                      <a:lnTo>
                        <a:pt x="721" y="597"/>
                      </a:lnTo>
                      <a:lnTo>
                        <a:pt x="719" y="597"/>
                      </a:lnTo>
                      <a:lnTo>
                        <a:pt x="716" y="597"/>
                      </a:lnTo>
                      <a:lnTo>
                        <a:pt x="714" y="597"/>
                      </a:lnTo>
                      <a:lnTo>
                        <a:pt x="714" y="599"/>
                      </a:lnTo>
                      <a:lnTo>
                        <a:pt x="712" y="597"/>
                      </a:lnTo>
                      <a:lnTo>
                        <a:pt x="710" y="594"/>
                      </a:lnTo>
                      <a:lnTo>
                        <a:pt x="707" y="592"/>
                      </a:lnTo>
                      <a:lnTo>
                        <a:pt x="705" y="589"/>
                      </a:lnTo>
                      <a:lnTo>
                        <a:pt x="704" y="586"/>
                      </a:lnTo>
                      <a:lnTo>
                        <a:pt x="702" y="584"/>
                      </a:lnTo>
                      <a:lnTo>
                        <a:pt x="700" y="580"/>
                      </a:lnTo>
                      <a:lnTo>
                        <a:pt x="697" y="564"/>
                      </a:lnTo>
                      <a:lnTo>
                        <a:pt x="692" y="550"/>
                      </a:lnTo>
                      <a:lnTo>
                        <a:pt x="687" y="542"/>
                      </a:lnTo>
                      <a:lnTo>
                        <a:pt x="683" y="536"/>
                      </a:lnTo>
                      <a:lnTo>
                        <a:pt x="680" y="535"/>
                      </a:lnTo>
                      <a:lnTo>
                        <a:pt x="677" y="535"/>
                      </a:lnTo>
                      <a:lnTo>
                        <a:pt x="675" y="535"/>
                      </a:lnTo>
                      <a:lnTo>
                        <a:pt x="666" y="526"/>
                      </a:lnTo>
                      <a:lnTo>
                        <a:pt x="661" y="514"/>
                      </a:lnTo>
                      <a:lnTo>
                        <a:pt x="661" y="498"/>
                      </a:lnTo>
                      <a:lnTo>
                        <a:pt x="653" y="486"/>
                      </a:lnTo>
                      <a:lnTo>
                        <a:pt x="661" y="472"/>
                      </a:lnTo>
                      <a:lnTo>
                        <a:pt x="646" y="481"/>
                      </a:lnTo>
                      <a:lnTo>
                        <a:pt x="646" y="479"/>
                      </a:lnTo>
                      <a:lnTo>
                        <a:pt x="644" y="479"/>
                      </a:lnTo>
                      <a:lnTo>
                        <a:pt x="641" y="477"/>
                      </a:lnTo>
                      <a:lnTo>
                        <a:pt x="639" y="476"/>
                      </a:lnTo>
                      <a:lnTo>
                        <a:pt x="636" y="474"/>
                      </a:lnTo>
                      <a:lnTo>
                        <a:pt x="634" y="474"/>
                      </a:lnTo>
                      <a:lnTo>
                        <a:pt x="633" y="472"/>
                      </a:lnTo>
                      <a:lnTo>
                        <a:pt x="633" y="474"/>
                      </a:lnTo>
                      <a:lnTo>
                        <a:pt x="638" y="482"/>
                      </a:lnTo>
                      <a:lnTo>
                        <a:pt x="643" y="489"/>
                      </a:lnTo>
                      <a:lnTo>
                        <a:pt x="644" y="494"/>
                      </a:lnTo>
                      <a:lnTo>
                        <a:pt x="644" y="498"/>
                      </a:lnTo>
                      <a:lnTo>
                        <a:pt x="643" y="498"/>
                      </a:lnTo>
                      <a:lnTo>
                        <a:pt x="641" y="498"/>
                      </a:lnTo>
                      <a:lnTo>
                        <a:pt x="638" y="496"/>
                      </a:lnTo>
                      <a:lnTo>
                        <a:pt x="636" y="494"/>
                      </a:lnTo>
                      <a:lnTo>
                        <a:pt x="631" y="491"/>
                      </a:lnTo>
                      <a:lnTo>
                        <a:pt x="628" y="487"/>
                      </a:lnTo>
                      <a:lnTo>
                        <a:pt x="622" y="484"/>
                      </a:lnTo>
                      <a:lnTo>
                        <a:pt x="619" y="481"/>
                      </a:lnTo>
                      <a:lnTo>
                        <a:pt x="616" y="477"/>
                      </a:lnTo>
                      <a:lnTo>
                        <a:pt x="612" y="474"/>
                      </a:lnTo>
                      <a:lnTo>
                        <a:pt x="611" y="472"/>
                      </a:lnTo>
                      <a:lnTo>
                        <a:pt x="607" y="457"/>
                      </a:lnTo>
                      <a:lnTo>
                        <a:pt x="582" y="425"/>
                      </a:lnTo>
                      <a:lnTo>
                        <a:pt x="584" y="425"/>
                      </a:lnTo>
                      <a:lnTo>
                        <a:pt x="585" y="423"/>
                      </a:lnTo>
                      <a:lnTo>
                        <a:pt x="587" y="423"/>
                      </a:lnTo>
                      <a:lnTo>
                        <a:pt x="589" y="421"/>
                      </a:lnTo>
                      <a:lnTo>
                        <a:pt x="590" y="421"/>
                      </a:lnTo>
                      <a:lnTo>
                        <a:pt x="592" y="420"/>
                      </a:lnTo>
                      <a:lnTo>
                        <a:pt x="594" y="420"/>
                      </a:lnTo>
                      <a:lnTo>
                        <a:pt x="589" y="418"/>
                      </a:lnTo>
                      <a:lnTo>
                        <a:pt x="587" y="413"/>
                      </a:lnTo>
                      <a:lnTo>
                        <a:pt x="587" y="408"/>
                      </a:lnTo>
                      <a:lnTo>
                        <a:pt x="587" y="401"/>
                      </a:lnTo>
                      <a:lnTo>
                        <a:pt x="589" y="394"/>
                      </a:lnTo>
                      <a:lnTo>
                        <a:pt x="590" y="388"/>
                      </a:lnTo>
                      <a:lnTo>
                        <a:pt x="590" y="382"/>
                      </a:lnTo>
                      <a:lnTo>
                        <a:pt x="590" y="379"/>
                      </a:lnTo>
                      <a:lnTo>
                        <a:pt x="587" y="371"/>
                      </a:lnTo>
                      <a:lnTo>
                        <a:pt x="585" y="364"/>
                      </a:lnTo>
                      <a:lnTo>
                        <a:pt x="582" y="360"/>
                      </a:lnTo>
                      <a:lnTo>
                        <a:pt x="580" y="359"/>
                      </a:lnTo>
                      <a:lnTo>
                        <a:pt x="578" y="359"/>
                      </a:lnTo>
                      <a:lnTo>
                        <a:pt x="577" y="360"/>
                      </a:lnTo>
                      <a:lnTo>
                        <a:pt x="577" y="364"/>
                      </a:lnTo>
                      <a:lnTo>
                        <a:pt x="575" y="367"/>
                      </a:lnTo>
                      <a:lnTo>
                        <a:pt x="575" y="372"/>
                      </a:lnTo>
                      <a:lnTo>
                        <a:pt x="575" y="377"/>
                      </a:lnTo>
                      <a:lnTo>
                        <a:pt x="575" y="382"/>
                      </a:lnTo>
                      <a:lnTo>
                        <a:pt x="575" y="388"/>
                      </a:lnTo>
                      <a:lnTo>
                        <a:pt x="575" y="393"/>
                      </a:lnTo>
                      <a:lnTo>
                        <a:pt x="575" y="396"/>
                      </a:lnTo>
                      <a:lnTo>
                        <a:pt x="575" y="399"/>
                      </a:lnTo>
                      <a:lnTo>
                        <a:pt x="572" y="398"/>
                      </a:lnTo>
                      <a:lnTo>
                        <a:pt x="568" y="394"/>
                      </a:lnTo>
                      <a:lnTo>
                        <a:pt x="565" y="391"/>
                      </a:lnTo>
                      <a:lnTo>
                        <a:pt x="560" y="388"/>
                      </a:lnTo>
                      <a:lnTo>
                        <a:pt x="558" y="384"/>
                      </a:lnTo>
                      <a:lnTo>
                        <a:pt x="555" y="382"/>
                      </a:lnTo>
                      <a:lnTo>
                        <a:pt x="555" y="381"/>
                      </a:lnTo>
                      <a:lnTo>
                        <a:pt x="556" y="374"/>
                      </a:lnTo>
                      <a:lnTo>
                        <a:pt x="558" y="366"/>
                      </a:lnTo>
                      <a:lnTo>
                        <a:pt x="558" y="359"/>
                      </a:lnTo>
                      <a:lnTo>
                        <a:pt x="558" y="352"/>
                      </a:lnTo>
                      <a:lnTo>
                        <a:pt x="556" y="345"/>
                      </a:lnTo>
                      <a:lnTo>
                        <a:pt x="556" y="340"/>
                      </a:lnTo>
                      <a:lnTo>
                        <a:pt x="555" y="337"/>
                      </a:lnTo>
                      <a:lnTo>
                        <a:pt x="555" y="335"/>
                      </a:lnTo>
                      <a:lnTo>
                        <a:pt x="558" y="328"/>
                      </a:lnTo>
                      <a:lnTo>
                        <a:pt x="560" y="323"/>
                      </a:lnTo>
                      <a:lnTo>
                        <a:pt x="562" y="316"/>
                      </a:lnTo>
                      <a:lnTo>
                        <a:pt x="562" y="311"/>
                      </a:lnTo>
                      <a:lnTo>
                        <a:pt x="563" y="305"/>
                      </a:lnTo>
                      <a:lnTo>
                        <a:pt x="563" y="300"/>
                      </a:lnTo>
                      <a:lnTo>
                        <a:pt x="563" y="293"/>
                      </a:lnTo>
                      <a:lnTo>
                        <a:pt x="563" y="288"/>
                      </a:lnTo>
                      <a:lnTo>
                        <a:pt x="562" y="283"/>
                      </a:lnTo>
                      <a:lnTo>
                        <a:pt x="562" y="278"/>
                      </a:lnTo>
                      <a:lnTo>
                        <a:pt x="560" y="274"/>
                      </a:lnTo>
                      <a:lnTo>
                        <a:pt x="560" y="269"/>
                      </a:lnTo>
                      <a:lnTo>
                        <a:pt x="560" y="267"/>
                      </a:lnTo>
                      <a:lnTo>
                        <a:pt x="558" y="264"/>
                      </a:lnTo>
                      <a:lnTo>
                        <a:pt x="558" y="262"/>
                      </a:lnTo>
                      <a:lnTo>
                        <a:pt x="558" y="261"/>
                      </a:lnTo>
                      <a:lnTo>
                        <a:pt x="558" y="257"/>
                      </a:lnTo>
                      <a:lnTo>
                        <a:pt x="558" y="256"/>
                      </a:lnTo>
                      <a:lnTo>
                        <a:pt x="556" y="252"/>
                      </a:lnTo>
                      <a:lnTo>
                        <a:pt x="556" y="249"/>
                      </a:lnTo>
                      <a:lnTo>
                        <a:pt x="555" y="247"/>
                      </a:lnTo>
                      <a:lnTo>
                        <a:pt x="551" y="245"/>
                      </a:lnTo>
                      <a:lnTo>
                        <a:pt x="548" y="242"/>
                      </a:lnTo>
                      <a:lnTo>
                        <a:pt x="545" y="239"/>
                      </a:lnTo>
                      <a:lnTo>
                        <a:pt x="541" y="232"/>
                      </a:lnTo>
                      <a:lnTo>
                        <a:pt x="538" y="227"/>
                      </a:lnTo>
                      <a:lnTo>
                        <a:pt x="534" y="223"/>
                      </a:lnTo>
                      <a:lnTo>
                        <a:pt x="533" y="220"/>
                      </a:lnTo>
                      <a:lnTo>
                        <a:pt x="533" y="218"/>
                      </a:lnTo>
                      <a:lnTo>
                        <a:pt x="521" y="222"/>
                      </a:lnTo>
                      <a:lnTo>
                        <a:pt x="514" y="222"/>
                      </a:lnTo>
                      <a:lnTo>
                        <a:pt x="509" y="222"/>
                      </a:lnTo>
                      <a:lnTo>
                        <a:pt x="507" y="220"/>
                      </a:lnTo>
                      <a:lnTo>
                        <a:pt x="506" y="217"/>
                      </a:lnTo>
                      <a:lnTo>
                        <a:pt x="506" y="215"/>
                      </a:lnTo>
                      <a:lnTo>
                        <a:pt x="507" y="215"/>
                      </a:lnTo>
                      <a:lnTo>
                        <a:pt x="507" y="213"/>
                      </a:lnTo>
                      <a:lnTo>
                        <a:pt x="497" y="206"/>
                      </a:lnTo>
                      <a:lnTo>
                        <a:pt x="484" y="191"/>
                      </a:lnTo>
                      <a:lnTo>
                        <a:pt x="467" y="179"/>
                      </a:lnTo>
                      <a:lnTo>
                        <a:pt x="465" y="179"/>
                      </a:lnTo>
                      <a:lnTo>
                        <a:pt x="463" y="176"/>
                      </a:lnTo>
                      <a:lnTo>
                        <a:pt x="458" y="173"/>
                      </a:lnTo>
                      <a:lnTo>
                        <a:pt x="455" y="168"/>
                      </a:lnTo>
                      <a:lnTo>
                        <a:pt x="450" y="162"/>
                      </a:lnTo>
                      <a:lnTo>
                        <a:pt x="446" y="157"/>
                      </a:lnTo>
                      <a:lnTo>
                        <a:pt x="445" y="154"/>
                      </a:lnTo>
                      <a:lnTo>
                        <a:pt x="443" y="152"/>
                      </a:lnTo>
                      <a:lnTo>
                        <a:pt x="433" y="144"/>
                      </a:lnTo>
                      <a:lnTo>
                        <a:pt x="424" y="139"/>
                      </a:lnTo>
                      <a:lnTo>
                        <a:pt x="418" y="132"/>
                      </a:lnTo>
                      <a:lnTo>
                        <a:pt x="411" y="129"/>
                      </a:lnTo>
                      <a:lnTo>
                        <a:pt x="404" y="125"/>
                      </a:lnTo>
                      <a:lnTo>
                        <a:pt x="399" y="124"/>
                      </a:lnTo>
                      <a:lnTo>
                        <a:pt x="396" y="124"/>
                      </a:lnTo>
                      <a:lnTo>
                        <a:pt x="394" y="122"/>
                      </a:lnTo>
                      <a:lnTo>
                        <a:pt x="377" y="122"/>
                      </a:lnTo>
                      <a:lnTo>
                        <a:pt x="367" y="122"/>
                      </a:lnTo>
                      <a:lnTo>
                        <a:pt x="360" y="127"/>
                      </a:lnTo>
                      <a:lnTo>
                        <a:pt x="355" y="132"/>
                      </a:lnTo>
                      <a:lnTo>
                        <a:pt x="355" y="139"/>
                      </a:lnTo>
                      <a:lnTo>
                        <a:pt x="355" y="144"/>
                      </a:lnTo>
                      <a:lnTo>
                        <a:pt x="357" y="147"/>
                      </a:lnTo>
                      <a:lnTo>
                        <a:pt x="357" y="149"/>
                      </a:lnTo>
                      <a:lnTo>
                        <a:pt x="350" y="147"/>
                      </a:lnTo>
                      <a:lnTo>
                        <a:pt x="342" y="149"/>
                      </a:lnTo>
                      <a:lnTo>
                        <a:pt x="335" y="152"/>
                      </a:lnTo>
                      <a:lnTo>
                        <a:pt x="330" y="156"/>
                      </a:lnTo>
                      <a:lnTo>
                        <a:pt x="325" y="161"/>
                      </a:lnTo>
                      <a:lnTo>
                        <a:pt x="320" y="164"/>
                      </a:lnTo>
                      <a:lnTo>
                        <a:pt x="316" y="168"/>
                      </a:lnTo>
                      <a:lnTo>
                        <a:pt x="316" y="169"/>
                      </a:lnTo>
                      <a:lnTo>
                        <a:pt x="309" y="176"/>
                      </a:lnTo>
                      <a:lnTo>
                        <a:pt x="306" y="178"/>
                      </a:lnTo>
                      <a:lnTo>
                        <a:pt x="304" y="178"/>
                      </a:lnTo>
                      <a:lnTo>
                        <a:pt x="304" y="176"/>
                      </a:lnTo>
                      <a:lnTo>
                        <a:pt x="304" y="174"/>
                      </a:lnTo>
                      <a:lnTo>
                        <a:pt x="306" y="171"/>
                      </a:lnTo>
                      <a:lnTo>
                        <a:pt x="308" y="169"/>
                      </a:lnTo>
                      <a:lnTo>
                        <a:pt x="308" y="168"/>
                      </a:lnTo>
                      <a:lnTo>
                        <a:pt x="306" y="168"/>
                      </a:lnTo>
                      <a:lnTo>
                        <a:pt x="306" y="169"/>
                      </a:lnTo>
                      <a:lnTo>
                        <a:pt x="303" y="173"/>
                      </a:lnTo>
                      <a:lnTo>
                        <a:pt x="299" y="174"/>
                      </a:lnTo>
                      <a:lnTo>
                        <a:pt x="298" y="178"/>
                      </a:lnTo>
                      <a:lnTo>
                        <a:pt x="294" y="179"/>
                      </a:lnTo>
                      <a:lnTo>
                        <a:pt x="293" y="181"/>
                      </a:lnTo>
                      <a:lnTo>
                        <a:pt x="291" y="183"/>
                      </a:lnTo>
                      <a:lnTo>
                        <a:pt x="284" y="181"/>
                      </a:lnTo>
                      <a:lnTo>
                        <a:pt x="277" y="181"/>
                      </a:lnTo>
                      <a:lnTo>
                        <a:pt x="271" y="183"/>
                      </a:lnTo>
                      <a:lnTo>
                        <a:pt x="265" y="186"/>
                      </a:lnTo>
                      <a:lnTo>
                        <a:pt x="260" y="188"/>
                      </a:lnTo>
                      <a:lnTo>
                        <a:pt x="257" y="190"/>
                      </a:lnTo>
                      <a:lnTo>
                        <a:pt x="254" y="191"/>
                      </a:lnTo>
                      <a:lnTo>
                        <a:pt x="247" y="184"/>
                      </a:lnTo>
                      <a:lnTo>
                        <a:pt x="243" y="179"/>
                      </a:lnTo>
                      <a:lnTo>
                        <a:pt x="245" y="179"/>
                      </a:lnTo>
                      <a:lnTo>
                        <a:pt x="249" y="181"/>
                      </a:lnTo>
                      <a:lnTo>
                        <a:pt x="252" y="184"/>
                      </a:lnTo>
                      <a:lnTo>
                        <a:pt x="255" y="186"/>
                      </a:lnTo>
                      <a:lnTo>
                        <a:pt x="257" y="186"/>
                      </a:lnTo>
                      <a:lnTo>
                        <a:pt x="257" y="176"/>
                      </a:lnTo>
                      <a:lnTo>
                        <a:pt x="247" y="162"/>
                      </a:lnTo>
                      <a:lnTo>
                        <a:pt x="218" y="140"/>
                      </a:lnTo>
                      <a:lnTo>
                        <a:pt x="232" y="142"/>
                      </a:lnTo>
                      <a:lnTo>
                        <a:pt x="238" y="144"/>
                      </a:lnTo>
                      <a:lnTo>
                        <a:pt x="238" y="142"/>
                      </a:lnTo>
                      <a:lnTo>
                        <a:pt x="235" y="140"/>
                      </a:lnTo>
                      <a:lnTo>
                        <a:pt x="230" y="137"/>
                      </a:lnTo>
                      <a:lnTo>
                        <a:pt x="223" y="135"/>
                      </a:lnTo>
                      <a:lnTo>
                        <a:pt x="218" y="132"/>
                      </a:lnTo>
                      <a:lnTo>
                        <a:pt x="216" y="132"/>
                      </a:lnTo>
                      <a:lnTo>
                        <a:pt x="223" y="117"/>
                      </a:lnTo>
                      <a:lnTo>
                        <a:pt x="205" y="120"/>
                      </a:lnTo>
                      <a:lnTo>
                        <a:pt x="205" y="122"/>
                      </a:lnTo>
                      <a:lnTo>
                        <a:pt x="206" y="125"/>
                      </a:lnTo>
                      <a:lnTo>
                        <a:pt x="206" y="127"/>
                      </a:lnTo>
                      <a:lnTo>
                        <a:pt x="206" y="130"/>
                      </a:lnTo>
                      <a:lnTo>
                        <a:pt x="208" y="134"/>
                      </a:lnTo>
                      <a:lnTo>
                        <a:pt x="208" y="135"/>
                      </a:lnTo>
                      <a:lnTo>
                        <a:pt x="201" y="130"/>
                      </a:lnTo>
                      <a:lnTo>
                        <a:pt x="193" y="127"/>
                      </a:lnTo>
                      <a:lnTo>
                        <a:pt x="186" y="124"/>
                      </a:lnTo>
                      <a:lnTo>
                        <a:pt x="179" y="122"/>
                      </a:lnTo>
                      <a:lnTo>
                        <a:pt x="172" y="118"/>
                      </a:lnTo>
                      <a:lnTo>
                        <a:pt x="164" y="117"/>
                      </a:lnTo>
                      <a:lnTo>
                        <a:pt x="159" y="115"/>
                      </a:lnTo>
                      <a:lnTo>
                        <a:pt x="152" y="115"/>
                      </a:lnTo>
                      <a:lnTo>
                        <a:pt x="147" y="113"/>
                      </a:lnTo>
                      <a:lnTo>
                        <a:pt x="142" y="113"/>
                      </a:lnTo>
                      <a:lnTo>
                        <a:pt x="137" y="113"/>
                      </a:lnTo>
                      <a:lnTo>
                        <a:pt x="133" y="113"/>
                      </a:lnTo>
                      <a:lnTo>
                        <a:pt x="130" y="113"/>
                      </a:lnTo>
                      <a:lnTo>
                        <a:pt x="128" y="113"/>
                      </a:lnTo>
                      <a:lnTo>
                        <a:pt x="127" y="113"/>
                      </a:lnTo>
                      <a:lnTo>
                        <a:pt x="128" y="113"/>
                      </a:lnTo>
                      <a:lnTo>
                        <a:pt x="130" y="112"/>
                      </a:lnTo>
                      <a:lnTo>
                        <a:pt x="133" y="112"/>
                      </a:lnTo>
                      <a:lnTo>
                        <a:pt x="137" y="112"/>
                      </a:lnTo>
                      <a:lnTo>
                        <a:pt x="140" y="110"/>
                      </a:lnTo>
                      <a:lnTo>
                        <a:pt x="142" y="110"/>
                      </a:lnTo>
                      <a:lnTo>
                        <a:pt x="144" y="110"/>
                      </a:lnTo>
                      <a:lnTo>
                        <a:pt x="157" y="110"/>
                      </a:lnTo>
                      <a:lnTo>
                        <a:pt x="164" y="108"/>
                      </a:lnTo>
                      <a:lnTo>
                        <a:pt x="162" y="105"/>
                      </a:lnTo>
                      <a:lnTo>
                        <a:pt x="155" y="105"/>
                      </a:lnTo>
                      <a:lnTo>
                        <a:pt x="149" y="103"/>
                      </a:lnTo>
                      <a:lnTo>
                        <a:pt x="145" y="102"/>
                      </a:lnTo>
                      <a:lnTo>
                        <a:pt x="142" y="102"/>
                      </a:lnTo>
                      <a:lnTo>
                        <a:pt x="111" y="108"/>
                      </a:lnTo>
                      <a:lnTo>
                        <a:pt x="101" y="113"/>
                      </a:lnTo>
                      <a:lnTo>
                        <a:pt x="98" y="115"/>
                      </a:lnTo>
                      <a:lnTo>
                        <a:pt x="95" y="115"/>
                      </a:lnTo>
                      <a:lnTo>
                        <a:pt x="89" y="115"/>
                      </a:lnTo>
                      <a:lnTo>
                        <a:pt x="86" y="115"/>
                      </a:lnTo>
                      <a:lnTo>
                        <a:pt x="81" y="115"/>
                      </a:lnTo>
                      <a:lnTo>
                        <a:pt x="79" y="117"/>
                      </a:lnTo>
                      <a:lnTo>
                        <a:pt x="78" y="117"/>
                      </a:lnTo>
                      <a:lnTo>
                        <a:pt x="64" y="122"/>
                      </a:lnTo>
                      <a:lnTo>
                        <a:pt x="56" y="125"/>
                      </a:lnTo>
                      <a:lnTo>
                        <a:pt x="52" y="125"/>
                      </a:lnTo>
                      <a:lnTo>
                        <a:pt x="54" y="124"/>
                      </a:lnTo>
                      <a:lnTo>
                        <a:pt x="57" y="122"/>
                      </a:lnTo>
                      <a:lnTo>
                        <a:pt x="62" y="118"/>
                      </a:lnTo>
                      <a:lnTo>
                        <a:pt x="66" y="117"/>
                      </a:lnTo>
                      <a:lnTo>
                        <a:pt x="67" y="115"/>
                      </a:lnTo>
                      <a:lnTo>
                        <a:pt x="73" y="110"/>
                      </a:lnTo>
                      <a:lnTo>
                        <a:pt x="74" y="107"/>
                      </a:lnTo>
                      <a:lnTo>
                        <a:pt x="74" y="105"/>
                      </a:lnTo>
                      <a:lnTo>
                        <a:pt x="71" y="105"/>
                      </a:lnTo>
                      <a:lnTo>
                        <a:pt x="67" y="105"/>
                      </a:lnTo>
                      <a:lnTo>
                        <a:pt x="64" y="107"/>
                      </a:lnTo>
                      <a:lnTo>
                        <a:pt x="61" y="107"/>
                      </a:lnTo>
                      <a:lnTo>
                        <a:pt x="59" y="107"/>
                      </a:lnTo>
                      <a:lnTo>
                        <a:pt x="51" y="100"/>
                      </a:lnTo>
                      <a:lnTo>
                        <a:pt x="45" y="96"/>
                      </a:lnTo>
                      <a:lnTo>
                        <a:pt x="44" y="98"/>
                      </a:lnTo>
                      <a:lnTo>
                        <a:pt x="44" y="102"/>
                      </a:lnTo>
                      <a:lnTo>
                        <a:pt x="45" y="105"/>
                      </a:lnTo>
                      <a:lnTo>
                        <a:pt x="49" y="110"/>
                      </a:lnTo>
                      <a:lnTo>
                        <a:pt x="51" y="113"/>
                      </a:lnTo>
                      <a:lnTo>
                        <a:pt x="51" y="115"/>
                      </a:lnTo>
                      <a:lnTo>
                        <a:pt x="44" y="122"/>
                      </a:lnTo>
                      <a:lnTo>
                        <a:pt x="37" y="130"/>
                      </a:lnTo>
                      <a:lnTo>
                        <a:pt x="35" y="132"/>
                      </a:lnTo>
                      <a:lnTo>
                        <a:pt x="32" y="132"/>
                      </a:lnTo>
                      <a:lnTo>
                        <a:pt x="29" y="134"/>
                      </a:lnTo>
                      <a:lnTo>
                        <a:pt x="27" y="135"/>
                      </a:lnTo>
                      <a:lnTo>
                        <a:pt x="23" y="137"/>
                      </a:lnTo>
                      <a:lnTo>
                        <a:pt x="22" y="137"/>
                      </a:lnTo>
                      <a:lnTo>
                        <a:pt x="27" y="130"/>
                      </a:lnTo>
                      <a:lnTo>
                        <a:pt x="29" y="127"/>
                      </a:lnTo>
                      <a:lnTo>
                        <a:pt x="30" y="122"/>
                      </a:lnTo>
                      <a:lnTo>
                        <a:pt x="29" y="120"/>
                      </a:lnTo>
                      <a:lnTo>
                        <a:pt x="27" y="117"/>
                      </a:lnTo>
                      <a:lnTo>
                        <a:pt x="25" y="117"/>
                      </a:lnTo>
                      <a:lnTo>
                        <a:pt x="23" y="115"/>
                      </a:lnTo>
                      <a:lnTo>
                        <a:pt x="23" y="117"/>
                      </a:lnTo>
                      <a:lnTo>
                        <a:pt x="23" y="115"/>
                      </a:lnTo>
                      <a:lnTo>
                        <a:pt x="23" y="113"/>
                      </a:lnTo>
                      <a:lnTo>
                        <a:pt x="23" y="112"/>
                      </a:lnTo>
                      <a:lnTo>
                        <a:pt x="22" y="108"/>
                      </a:lnTo>
                      <a:lnTo>
                        <a:pt x="22" y="107"/>
                      </a:lnTo>
                      <a:lnTo>
                        <a:pt x="22" y="105"/>
                      </a:lnTo>
                      <a:lnTo>
                        <a:pt x="25" y="100"/>
                      </a:lnTo>
                      <a:lnTo>
                        <a:pt x="25" y="93"/>
                      </a:lnTo>
                      <a:lnTo>
                        <a:pt x="22" y="88"/>
                      </a:lnTo>
                      <a:lnTo>
                        <a:pt x="17" y="83"/>
                      </a:lnTo>
                      <a:lnTo>
                        <a:pt x="12" y="80"/>
                      </a:lnTo>
                      <a:lnTo>
                        <a:pt x="7" y="74"/>
                      </a:lnTo>
                      <a:lnTo>
                        <a:pt x="3" y="73"/>
                      </a:lnTo>
                      <a:lnTo>
                        <a:pt x="1" y="73"/>
                      </a:lnTo>
                      <a:lnTo>
                        <a:pt x="0" y="51"/>
                      </a:lnTo>
                      <a:lnTo>
                        <a:pt x="276" y="24"/>
                      </a:lnTo>
                      <a:lnTo>
                        <a:pt x="293" y="56"/>
                      </a:lnTo>
                      <a:lnTo>
                        <a:pt x="572" y="37"/>
                      </a:lnTo>
                      <a:lnTo>
                        <a:pt x="582" y="59"/>
                      </a:lnTo>
                      <a:lnTo>
                        <a:pt x="597" y="59"/>
                      </a:lnTo>
                      <a:lnTo>
                        <a:pt x="597" y="58"/>
                      </a:lnTo>
                      <a:lnTo>
                        <a:pt x="595" y="54"/>
                      </a:lnTo>
                      <a:lnTo>
                        <a:pt x="595" y="51"/>
                      </a:lnTo>
                      <a:lnTo>
                        <a:pt x="595" y="46"/>
                      </a:lnTo>
                      <a:lnTo>
                        <a:pt x="594" y="41"/>
                      </a:lnTo>
                      <a:lnTo>
                        <a:pt x="594" y="36"/>
                      </a:lnTo>
                      <a:lnTo>
                        <a:pt x="594" y="32"/>
                      </a:lnTo>
                      <a:lnTo>
                        <a:pt x="594" y="30"/>
                      </a:lnTo>
                      <a:lnTo>
                        <a:pt x="589" y="22"/>
                      </a:lnTo>
                      <a:lnTo>
                        <a:pt x="589" y="14"/>
                      </a:lnTo>
                      <a:lnTo>
                        <a:pt x="589" y="8"/>
                      </a:lnTo>
                      <a:lnTo>
                        <a:pt x="592" y="5"/>
                      </a:lnTo>
                      <a:lnTo>
                        <a:pt x="595" y="2"/>
                      </a:lnTo>
                      <a:lnTo>
                        <a:pt x="597" y="0"/>
                      </a:lnTo>
                      <a:lnTo>
                        <a:pt x="600" y="0"/>
                      </a:lnTo>
                      <a:lnTo>
                        <a:pt x="602" y="0"/>
                      </a:lnTo>
                      <a:lnTo>
                        <a:pt x="607" y="3"/>
                      </a:lnTo>
                      <a:lnTo>
                        <a:pt x="616" y="5"/>
                      </a:lnTo>
                      <a:lnTo>
                        <a:pt x="622" y="7"/>
                      </a:lnTo>
                      <a:lnTo>
                        <a:pt x="629" y="8"/>
                      </a:lnTo>
                      <a:lnTo>
                        <a:pt x="636" y="8"/>
                      </a:lnTo>
                      <a:lnTo>
                        <a:pt x="639" y="8"/>
                      </a:lnTo>
                      <a:lnTo>
                        <a:pt x="643" y="8"/>
                      </a:lnTo>
                      <a:lnTo>
                        <a:pt x="644" y="8"/>
                      </a:lnTo>
                      <a:lnTo>
                        <a:pt x="650" y="14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61" name="Freeform 18"/>
                <p:cNvSpPr>
                  <a:spLocks/>
                </p:cNvSpPr>
                <p:nvPr/>
              </p:nvSpPr>
              <p:spPr bwMode="auto">
                <a:xfrm>
                  <a:off x="3822" y="2894"/>
                  <a:ext cx="890" cy="684"/>
                </a:xfrm>
                <a:custGeom>
                  <a:avLst/>
                  <a:gdLst>
                    <a:gd name="T0" fmla="*/ 648 w 890"/>
                    <a:gd name="T1" fmla="*/ 46 h 684"/>
                    <a:gd name="T2" fmla="*/ 636 w 890"/>
                    <a:gd name="T3" fmla="*/ 71 h 684"/>
                    <a:gd name="T4" fmla="*/ 660 w 890"/>
                    <a:gd name="T5" fmla="*/ 47 h 684"/>
                    <a:gd name="T6" fmla="*/ 704 w 890"/>
                    <a:gd name="T7" fmla="*/ 137 h 684"/>
                    <a:gd name="T8" fmla="*/ 741 w 890"/>
                    <a:gd name="T9" fmla="*/ 196 h 684"/>
                    <a:gd name="T10" fmla="*/ 721 w 890"/>
                    <a:gd name="T11" fmla="*/ 174 h 684"/>
                    <a:gd name="T12" fmla="*/ 732 w 890"/>
                    <a:gd name="T13" fmla="*/ 200 h 684"/>
                    <a:gd name="T14" fmla="*/ 754 w 890"/>
                    <a:gd name="T15" fmla="*/ 235 h 684"/>
                    <a:gd name="T16" fmla="*/ 773 w 890"/>
                    <a:gd name="T17" fmla="*/ 279 h 684"/>
                    <a:gd name="T18" fmla="*/ 832 w 890"/>
                    <a:gd name="T19" fmla="*/ 381 h 684"/>
                    <a:gd name="T20" fmla="*/ 854 w 890"/>
                    <a:gd name="T21" fmla="*/ 418 h 684"/>
                    <a:gd name="T22" fmla="*/ 870 w 890"/>
                    <a:gd name="T23" fmla="*/ 443 h 684"/>
                    <a:gd name="T24" fmla="*/ 878 w 890"/>
                    <a:gd name="T25" fmla="*/ 464 h 684"/>
                    <a:gd name="T26" fmla="*/ 890 w 890"/>
                    <a:gd name="T27" fmla="*/ 526 h 684"/>
                    <a:gd name="T28" fmla="*/ 886 w 890"/>
                    <a:gd name="T29" fmla="*/ 586 h 684"/>
                    <a:gd name="T30" fmla="*/ 876 w 890"/>
                    <a:gd name="T31" fmla="*/ 631 h 684"/>
                    <a:gd name="T32" fmla="*/ 868 w 890"/>
                    <a:gd name="T33" fmla="*/ 662 h 684"/>
                    <a:gd name="T34" fmla="*/ 831 w 890"/>
                    <a:gd name="T35" fmla="*/ 675 h 684"/>
                    <a:gd name="T36" fmla="*/ 793 w 890"/>
                    <a:gd name="T37" fmla="*/ 680 h 684"/>
                    <a:gd name="T38" fmla="*/ 802 w 890"/>
                    <a:gd name="T39" fmla="*/ 670 h 684"/>
                    <a:gd name="T40" fmla="*/ 810 w 890"/>
                    <a:gd name="T41" fmla="*/ 640 h 684"/>
                    <a:gd name="T42" fmla="*/ 802 w 890"/>
                    <a:gd name="T43" fmla="*/ 650 h 684"/>
                    <a:gd name="T44" fmla="*/ 768 w 890"/>
                    <a:gd name="T45" fmla="*/ 621 h 684"/>
                    <a:gd name="T46" fmla="*/ 719 w 890"/>
                    <a:gd name="T47" fmla="*/ 597 h 684"/>
                    <a:gd name="T48" fmla="*/ 705 w 890"/>
                    <a:gd name="T49" fmla="*/ 589 h 684"/>
                    <a:gd name="T50" fmla="*/ 677 w 890"/>
                    <a:gd name="T51" fmla="*/ 535 h 684"/>
                    <a:gd name="T52" fmla="*/ 646 w 890"/>
                    <a:gd name="T53" fmla="*/ 479 h 684"/>
                    <a:gd name="T54" fmla="*/ 643 w 890"/>
                    <a:gd name="T55" fmla="*/ 489 h 684"/>
                    <a:gd name="T56" fmla="*/ 619 w 890"/>
                    <a:gd name="T57" fmla="*/ 481 h 684"/>
                    <a:gd name="T58" fmla="*/ 587 w 890"/>
                    <a:gd name="T59" fmla="*/ 423 h 684"/>
                    <a:gd name="T60" fmla="*/ 587 w 890"/>
                    <a:gd name="T61" fmla="*/ 401 h 684"/>
                    <a:gd name="T62" fmla="*/ 578 w 890"/>
                    <a:gd name="T63" fmla="*/ 359 h 684"/>
                    <a:gd name="T64" fmla="*/ 575 w 890"/>
                    <a:gd name="T65" fmla="*/ 399 h 684"/>
                    <a:gd name="T66" fmla="*/ 555 w 890"/>
                    <a:gd name="T67" fmla="*/ 381 h 684"/>
                    <a:gd name="T68" fmla="*/ 555 w 890"/>
                    <a:gd name="T69" fmla="*/ 335 h 684"/>
                    <a:gd name="T70" fmla="*/ 562 w 890"/>
                    <a:gd name="T71" fmla="*/ 278 h 684"/>
                    <a:gd name="T72" fmla="*/ 558 w 890"/>
                    <a:gd name="T73" fmla="*/ 257 h 684"/>
                    <a:gd name="T74" fmla="*/ 541 w 890"/>
                    <a:gd name="T75" fmla="*/ 232 h 684"/>
                    <a:gd name="T76" fmla="*/ 506 w 890"/>
                    <a:gd name="T77" fmla="*/ 217 h 684"/>
                    <a:gd name="T78" fmla="*/ 458 w 890"/>
                    <a:gd name="T79" fmla="*/ 173 h 684"/>
                    <a:gd name="T80" fmla="*/ 411 w 890"/>
                    <a:gd name="T81" fmla="*/ 129 h 684"/>
                    <a:gd name="T82" fmla="*/ 355 w 890"/>
                    <a:gd name="T83" fmla="*/ 139 h 684"/>
                    <a:gd name="T84" fmla="*/ 320 w 890"/>
                    <a:gd name="T85" fmla="*/ 164 h 684"/>
                    <a:gd name="T86" fmla="*/ 308 w 890"/>
                    <a:gd name="T87" fmla="*/ 169 h 684"/>
                    <a:gd name="T88" fmla="*/ 291 w 890"/>
                    <a:gd name="T89" fmla="*/ 183 h 684"/>
                    <a:gd name="T90" fmla="*/ 254 w 890"/>
                    <a:gd name="T91" fmla="*/ 191 h 684"/>
                    <a:gd name="T92" fmla="*/ 247 w 890"/>
                    <a:gd name="T93" fmla="*/ 162 h 684"/>
                    <a:gd name="T94" fmla="*/ 216 w 890"/>
                    <a:gd name="T95" fmla="*/ 132 h 684"/>
                    <a:gd name="T96" fmla="*/ 208 w 890"/>
                    <a:gd name="T97" fmla="*/ 135 h 684"/>
                    <a:gd name="T98" fmla="*/ 152 w 890"/>
                    <a:gd name="T99" fmla="*/ 115 h 684"/>
                    <a:gd name="T100" fmla="*/ 127 w 890"/>
                    <a:gd name="T101" fmla="*/ 113 h 684"/>
                    <a:gd name="T102" fmla="*/ 164 w 890"/>
                    <a:gd name="T103" fmla="*/ 108 h 684"/>
                    <a:gd name="T104" fmla="*/ 101 w 890"/>
                    <a:gd name="T105" fmla="*/ 113 h 684"/>
                    <a:gd name="T106" fmla="*/ 56 w 890"/>
                    <a:gd name="T107" fmla="*/ 125 h 684"/>
                    <a:gd name="T108" fmla="*/ 74 w 890"/>
                    <a:gd name="T109" fmla="*/ 105 h 684"/>
                    <a:gd name="T110" fmla="*/ 44 w 890"/>
                    <a:gd name="T111" fmla="*/ 102 h 684"/>
                    <a:gd name="T112" fmla="*/ 32 w 890"/>
                    <a:gd name="T113" fmla="*/ 132 h 684"/>
                    <a:gd name="T114" fmla="*/ 29 w 890"/>
                    <a:gd name="T115" fmla="*/ 120 h 684"/>
                    <a:gd name="T116" fmla="*/ 23 w 890"/>
                    <a:gd name="T117" fmla="*/ 112 h 684"/>
                    <a:gd name="T118" fmla="*/ 12 w 890"/>
                    <a:gd name="T119" fmla="*/ 80 h 684"/>
                    <a:gd name="T120" fmla="*/ 597 w 890"/>
                    <a:gd name="T121" fmla="*/ 59 h 684"/>
                    <a:gd name="T122" fmla="*/ 589 w 890"/>
                    <a:gd name="T123" fmla="*/ 22 h 684"/>
                    <a:gd name="T124" fmla="*/ 616 w 890"/>
                    <a:gd name="T125" fmla="*/ 5 h 684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60000 65536"/>
                    <a:gd name="T187" fmla="*/ 0 60000 65536"/>
                    <a:gd name="T188" fmla="*/ 0 60000 65536"/>
                    <a:gd name="T189" fmla="*/ 0 w 890"/>
                    <a:gd name="T190" fmla="*/ 0 h 684"/>
                    <a:gd name="T191" fmla="*/ 890 w 890"/>
                    <a:gd name="T192" fmla="*/ 684 h 684"/>
                  </a:gdLst>
                  <a:ahLst/>
                  <a:cxnLst>
                    <a:cxn ang="T126">
                      <a:pos x="T0" y="T1"/>
                    </a:cxn>
                    <a:cxn ang="T127">
                      <a:pos x="T2" y="T3"/>
                    </a:cxn>
                    <a:cxn ang="T128">
                      <a:pos x="T4" y="T5"/>
                    </a:cxn>
                    <a:cxn ang="T129">
                      <a:pos x="T6" y="T7"/>
                    </a:cxn>
                    <a:cxn ang="T130">
                      <a:pos x="T8" y="T9"/>
                    </a:cxn>
                    <a:cxn ang="T131">
                      <a:pos x="T10" y="T11"/>
                    </a:cxn>
                    <a:cxn ang="T132">
                      <a:pos x="T12" y="T13"/>
                    </a:cxn>
                    <a:cxn ang="T133">
                      <a:pos x="T14" y="T15"/>
                    </a:cxn>
                    <a:cxn ang="T134">
                      <a:pos x="T16" y="T17"/>
                    </a:cxn>
                    <a:cxn ang="T135">
                      <a:pos x="T18" y="T19"/>
                    </a:cxn>
                    <a:cxn ang="T136">
                      <a:pos x="T20" y="T21"/>
                    </a:cxn>
                    <a:cxn ang="T137">
                      <a:pos x="T22" y="T23"/>
                    </a:cxn>
                    <a:cxn ang="T138">
                      <a:pos x="T24" y="T25"/>
                    </a:cxn>
                    <a:cxn ang="T139">
                      <a:pos x="T26" y="T27"/>
                    </a:cxn>
                    <a:cxn ang="T140">
                      <a:pos x="T28" y="T29"/>
                    </a:cxn>
                    <a:cxn ang="T141">
                      <a:pos x="T30" y="T31"/>
                    </a:cxn>
                    <a:cxn ang="T142">
                      <a:pos x="T32" y="T33"/>
                    </a:cxn>
                    <a:cxn ang="T143">
                      <a:pos x="T34" y="T35"/>
                    </a:cxn>
                    <a:cxn ang="T144">
                      <a:pos x="T36" y="T37"/>
                    </a:cxn>
                    <a:cxn ang="T145">
                      <a:pos x="T38" y="T39"/>
                    </a:cxn>
                    <a:cxn ang="T146">
                      <a:pos x="T40" y="T41"/>
                    </a:cxn>
                    <a:cxn ang="T147">
                      <a:pos x="T42" y="T43"/>
                    </a:cxn>
                    <a:cxn ang="T148">
                      <a:pos x="T44" y="T45"/>
                    </a:cxn>
                    <a:cxn ang="T149">
                      <a:pos x="T46" y="T47"/>
                    </a:cxn>
                    <a:cxn ang="T150">
                      <a:pos x="T48" y="T49"/>
                    </a:cxn>
                    <a:cxn ang="T151">
                      <a:pos x="T50" y="T51"/>
                    </a:cxn>
                    <a:cxn ang="T152">
                      <a:pos x="T52" y="T53"/>
                    </a:cxn>
                    <a:cxn ang="T153">
                      <a:pos x="T54" y="T55"/>
                    </a:cxn>
                    <a:cxn ang="T154">
                      <a:pos x="T56" y="T57"/>
                    </a:cxn>
                    <a:cxn ang="T155">
                      <a:pos x="T58" y="T59"/>
                    </a:cxn>
                    <a:cxn ang="T156">
                      <a:pos x="T60" y="T61"/>
                    </a:cxn>
                    <a:cxn ang="T157">
                      <a:pos x="T62" y="T63"/>
                    </a:cxn>
                    <a:cxn ang="T158">
                      <a:pos x="T64" y="T65"/>
                    </a:cxn>
                    <a:cxn ang="T159">
                      <a:pos x="T66" y="T67"/>
                    </a:cxn>
                    <a:cxn ang="T160">
                      <a:pos x="T68" y="T69"/>
                    </a:cxn>
                    <a:cxn ang="T161">
                      <a:pos x="T70" y="T71"/>
                    </a:cxn>
                    <a:cxn ang="T162">
                      <a:pos x="T72" y="T73"/>
                    </a:cxn>
                    <a:cxn ang="T163">
                      <a:pos x="T74" y="T75"/>
                    </a:cxn>
                    <a:cxn ang="T164">
                      <a:pos x="T76" y="T77"/>
                    </a:cxn>
                    <a:cxn ang="T165">
                      <a:pos x="T78" y="T79"/>
                    </a:cxn>
                    <a:cxn ang="T166">
                      <a:pos x="T80" y="T81"/>
                    </a:cxn>
                    <a:cxn ang="T167">
                      <a:pos x="T82" y="T83"/>
                    </a:cxn>
                    <a:cxn ang="T168">
                      <a:pos x="T84" y="T85"/>
                    </a:cxn>
                    <a:cxn ang="T169">
                      <a:pos x="T86" y="T87"/>
                    </a:cxn>
                    <a:cxn ang="T170">
                      <a:pos x="T88" y="T89"/>
                    </a:cxn>
                    <a:cxn ang="T171">
                      <a:pos x="T90" y="T91"/>
                    </a:cxn>
                    <a:cxn ang="T172">
                      <a:pos x="T92" y="T93"/>
                    </a:cxn>
                    <a:cxn ang="T173">
                      <a:pos x="T94" y="T95"/>
                    </a:cxn>
                    <a:cxn ang="T174">
                      <a:pos x="T96" y="T97"/>
                    </a:cxn>
                    <a:cxn ang="T175">
                      <a:pos x="T98" y="T99"/>
                    </a:cxn>
                    <a:cxn ang="T176">
                      <a:pos x="T100" y="T101"/>
                    </a:cxn>
                    <a:cxn ang="T177">
                      <a:pos x="T102" y="T103"/>
                    </a:cxn>
                    <a:cxn ang="T178">
                      <a:pos x="T104" y="T105"/>
                    </a:cxn>
                    <a:cxn ang="T179">
                      <a:pos x="T106" y="T107"/>
                    </a:cxn>
                    <a:cxn ang="T180">
                      <a:pos x="T108" y="T109"/>
                    </a:cxn>
                    <a:cxn ang="T181">
                      <a:pos x="T110" y="T111"/>
                    </a:cxn>
                    <a:cxn ang="T182">
                      <a:pos x="T112" y="T113"/>
                    </a:cxn>
                    <a:cxn ang="T183">
                      <a:pos x="T114" y="T115"/>
                    </a:cxn>
                    <a:cxn ang="T184">
                      <a:pos x="T116" y="T117"/>
                    </a:cxn>
                    <a:cxn ang="T185">
                      <a:pos x="T118" y="T119"/>
                    </a:cxn>
                    <a:cxn ang="T186">
                      <a:pos x="T120" y="T121"/>
                    </a:cxn>
                    <a:cxn ang="T187">
                      <a:pos x="T122" y="T123"/>
                    </a:cxn>
                    <a:cxn ang="T188">
                      <a:pos x="T124" y="T125"/>
                    </a:cxn>
                  </a:cxnLst>
                  <a:rect l="T189" t="T190" r="T191" b="T192"/>
                  <a:pathLst>
                    <a:path w="890" h="684">
                      <a:moveTo>
                        <a:pt x="650" y="14"/>
                      </a:moveTo>
                      <a:lnTo>
                        <a:pt x="650" y="32"/>
                      </a:lnTo>
                      <a:lnTo>
                        <a:pt x="655" y="32"/>
                      </a:lnTo>
                      <a:lnTo>
                        <a:pt x="656" y="42"/>
                      </a:lnTo>
                      <a:lnTo>
                        <a:pt x="655" y="42"/>
                      </a:lnTo>
                      <a:lnTo>
                        <a:pt x="653" y="44"/>
                      </a:lnTo>
                      <a:lnTo>
                        <a:pt x="651" y="44"/>
                      </a:lnTo>
                      <a:lnTo>
                        <a:pt x="648" y="46"/>
                      </a:lnTo>
                      <a:lnTo>
                        <a:pt x="643" y="46"/>
                      </a:lnTo>
                      <a:lnTo>
                        <a:pt x="641" y="49"/>
                      </a:lnTo>
                      <a:lnTo>
                        <a:pt x="638" y="52"/>
                      </a:lnTo>
                      <a:lnTo>
                        <a:pt x="636" y="58"/>
                      </a:lnTo>
                      <a:lnTo>
                        <a:pt x="636" y="63"/>
                      </a:lnTo>
                      <a:lnTo>
                        <a:pt x="636" y="68"/>
                      </a:lnTo>
                      <a:lnTo>
                        <a:pt x="636" y="69"/>
                      </a:lnTo>
                      <a:lnTo>
                        <a:pt x="636" y="71"/>
                      </a:lnTo>
                      <a:lnTo>
                        <a:pt x="638" y="71"/>
                      </a:lnTo>
                      <a:lnTo>
                        <a:pt x="641" y="71"/>
                      </a:lnTo>
                      <a:lnTo>
                        <a:pt x="641" y="69"/>
                      </a:lnTo>
                      <a:lnTo>
                        <a:pt x="643" y="61"/>
                      </a:lnTo>
                      <a:lnTo>
                        <a:pt x="644" y="54"/>
                      </a:lnTo>
                      <a:lnTo>
                        <a:pt x="648" y="51"/>
                      </a:lnTo>
                      <a:lnTo>
                        <a:pt x="651" y="47"/>
                      </a:lnTo>
                      <a:lnTo>
                        <a:pt x="656" y="47"/>
                      </a:lnTo>
                      <a:lnTo>
                        <a:pt x="660" y="47"/>
                      </a:lnTo>
                      <a:lnTo>
                        <a:pt x="661" y="47"/>
                      </a:lnTo>
                      <a:lnTo>
                        <a:pt x="663" y="49"/>
                      </a:lnTo>
                      <a:lnTo>
                        <a:pt x="683" y="95"/>
                      </a:lnTo>
                      <a:lnTo>
                        <a:pt x="682" y="112"/>
                      </a:lnTo>
                      <a:lnTo>
                        <a:pt x="692" y="132"/>
                      </a:lnTo>
                      <a:lnTo>
                        <a:pt x="697" y="127"/>
                      </a:lnTo>
                      <a:lnTo>
                        <a:pt x="699" y="129"/>
                      </a:lnTo>
                      <a:lnTo>
                        <a:pt x="700" y="132"/>
                      </a:lnTo>
                      <a:lnTo>
                        <a:pt x="704" y="137"/>
                      </a:lnTo>
                      <a:lnTo>
                        <a:pt x="707" y="144"/>
                      </a:lnTo>
                      <a:lnTo>
                        <a:pt x="710" y="149"/>
                      </a:lnTo>
                      <a:lnTo>
                        <a:pt x="714" y="154"/>
                      </a:lnTo>
                      <a:lnTo>
                        <a:pt x="716" y="159"/>
                      </a:lnTo>
                      <a:lnTo>
                        <a:pt x="717" y="161"/>
                      </a:lnTo>
                      <a:lnTo>
                        <a:pt x="726" y="174"/>
                      </a:lnTo>
                      <a:lnTo>
                        <a:pt x="732" y="184"/>
                      </a:lnTo>
                      <a:lnTo>
                        <a:pt x="738" y="191"/>
                      </a:lnTo>
                      <a:lnTo>
                        <a:pt x="741" y="196"/>
                      </a:lnTo>
                      <a:lnTo>
                        <a:pt x="741" y="200"/>
                      </a:lnTo>
                      <a:lnTo>
                        <a:pt x="738" y="196"/>
                      </a:lnTo>
                      <a:lnTo>
                        <a:pt x="736" y="193"/>
                      </a:lnTo>
                      <a:lnTo>
                        <a:pt x="732" y="190"/>
                      </a:lnTo>
                      <a:lnTo>
                        <a:pt x="729" y="186"/>
                      </a:lnTo>
                      <a:lnTo>
                        <a:pt x="726" y="181"/>
                      </a:lnTo>
                      <a:lnTo>
                        <a:pt x="722" y="178"/>
                      </a:lnTo>
                      <a:lnTo>
                        <a:pt x="721" y="174"/>
                      </a:lnTo>
                      <a:lnTo>
                        <a:pt x="719" y="173"/>
                      </a:lnTo>
                      <a:lnTo>
                        <a:pt x="714" y="174"/>
                      </a:lnTo>
                      <a:lnTo>
                        <a:pt x="716" y="174"/>
                      </a:lnTo>
                      <a:lnTo>
                        <a:pt x="717" y="178"/>
                      </a:lnTo>
                      <a:lnTo>
                        <a:pt x="721" y="183"/>
                      </a:lnTo>
                      <a:lnTo>
                        <a:pt x="724" y="188"/>
                      </a:lnTo>
                      <a:lnTo>
                        <a:pt x="729" y="195"/>
                      </a:lnTo>
                      <a:lnTo>
                        <a:pt x="732" y="200"/>
                      </a:lnTo>
                      <a:lnTo>
                        <a:pt x="734" y="203"/>
                      </a:lnTo>
                      <a:lnTo>
                        <a:pt x="736" y="205"/>
                      </a:lnTo>
                      <a:lnTo>
                        <a:pt x="748" y="217"/>
                      </a:lnTo>
                      <a:lnTo>
                        <a:pt x="754" y="225"/>
                      </a:lnTo>
                      <a:lnTo>
                        <a:pt x="760" y="232"/>
                      </a:lnTo>
                      <a:lnTo>
                        <a:pt x="760" y="235"/>
                      </a:lnTo>
                      <a:lnTo>
                        <a:pt x="758" y="235"/>
                      </a:lnTo>
                      <a:lnTo>
                        <a:pt x="756" y="235"/>
                      </a:lnTo>
                      <a:lnTo>
                        <a:pt x="754" y="235"/>
                      </a:lnTo>
                      <a:lnTo>
                        <a:pt x="753" y="235"/>
                      </a:lnTo>
                      <a:lnTo>
                        <a:pt x="754" y="235"/>
                      </a:lnTo>
                      <a:lnTo>
                        <a:pt x="760" y="250"/>
                      </a:lnTo>
                      <a:lnTo>
                        <a:pt x="766" y="266"/>
                      </a:lnTo>
                      <a:lnTo>
                        <a:pt x="773" y="279"/>
                      </a:lnTo>
                      <a:lnTo>
                        <a:pt x="780" y="293"/>
                      </a:lnTo>
                      <a:lnTo>
                        <a:pt x="787" y="305"/>
                      </a:lnTo>
                      <a:lnTo>
                        <a:pt x="793" y="318"/>
                      </a:lnTo>
                      <a:lnTo>
                        <a:pt x="800" y="328"/>
                      </a:lnTo>
                      <a:lnTo>
                        <a:pt x="805" y="338"/>
                      </a:lnTo>
                      <a:lnTo>
                        <a:pt x="812" y="349"/>
                      </a:lnTo>
                      <a:lnTo>
                        <a:pt x="817" y="357"/>
                      </a:lnTo>
                      <a:lnTo>
                        <a:pt x="822" y="366"/>
                      </a:lnTo>
                      <a:lnTo>
                        <a:pt x="827" y="374"/>
                      </a:lnTo>
                      <a:lnTo>
                        <a:pt x="832" y="381"/>
                      </a:lnTo>
                      <a:lnTo>
                        <a:pt x="836" y="386"/>
                      </a:lnTo>
                      <a:lnTo>
                        <a:pt x="837" y="391"/>
                      </a:lnTo>
                      <a:lnTo>
                        <a:pt x="839" y="394"/>
                      </a:lnTo>
                      <a:lnTo>
                        <a:pt x="842" y="398"/>
                      </a:lnTo>
                      <a:lnTo>
                        <a:pt x="846" y="403"/>
                      </a:lnTo>
                      <a:lnTo>
                        <a:pt x="849" y="406"/>
                      </a:lnTo>
                      <a:lnTo>
                        <a:pt x="851" y="411"/>
                      </a:lnTo>
                      <a:lnTo>
                        <a:pt x="853" y="415"/>
                      </a:lnTo>
                      <a:lnTo>
                        <a:pt x="854" y="418"/>
                      </a:lnTo>
                      <a:lnTo>
                        <a:pt x="856" y="420"/>
                      </a:lnTo>
                      <a:lnTo>
                        <a:pt x="858" y="420"/>
                      </a:lnTo>
                      <a:lnTo>
                        <a:pt x="863" y="425"/>
                      </a:lnTo>
                      <a:lnTo>
                        <a:pt x="868" y="428"/>
                      </a:lnTo>
                      <a:lnTo>
                        <a:pt x="870" y="432"/>
                      </a:lnTo>
                      <a:lnTo>
                        <a:pt x="871" y="435"/>
                      </a:lnTo>
                      <a:lnTo>
                        <a:pt x="871" y="438"/>
                      </a:lnTo>
                      <a:lnTo>
                        <a:pt x="870" y="442"/>
                      </a:lnTo>
                      <a:lnTo>
                        <a:pt x="870" y="443"/>
                      </a:lnTo>
                      <a:lnTo>
                        <a:pt x="870" y="445"/>
                      </a:lnTo>
                      <a:lnTo>
                        <a:pt x="875" y="450"/>
                      </a:lnTo>
                      <a:lnTo>
                        <a:pt x="878" y="454"/>
                      </a:lnTo>
                      <a:lnTo>
                        <a:pt x="880" y="457"/>
                      </a:lnTo>
                      <a:lnTo>
                        <a:pt x="880" y="460"/>
                      </a:lnTo>
                      <a:lnTo>
                        <a:pt x="880" y="462"/>
                      </a:lnTo>
                      <a:lnTo>
                        <a:pt x="880" y="464"/>
                      </a:lnTo>
                      <a:lnTo>
                        <a:pt x="878" y="464"/>
                      </a:lnTo>
                      <a:lnTo>
                        <a:pt x="888" y="474"/>
                      </a:lnTo>
                      <a:lnTo>
                        <a:pt x="888" y="476"/>
                      </a:lnTo>
                      <a:lnTo>
                        <a:pt x="888" y="479"/>
                      </a:lnTo>
                      <a:lnTo>
                        <a:pt x="890" y="484"/>
                      </a:lnTo>
                      <a:lnTo>
                        <a:pt x="890" y="491"/>
                      </a:lnTo>
                      <a:lnTo>
                        <a:pt x="890" y="498"/>
                      </a:lnTo>
                      <a:lnTo>
                        <a:pt x="890" y="508"/>
                      </a:lnTo>
                      <a:lnTo>
                        <a:pt x="890" y="518"/>
                      </a:lnTo>
                      <a:lnTo>
                        <a:pt x="890" y="526"/>
                      </a:lnTo>
                      <a:lnTo>
                        <a:pt x="890" y="536"/>
                      </a:lnTo>
                      <a:lnTo>
                        <a:pt x="890" y="547"/>
                      </a:lnTo>
                      <a:lnTo>
                        <a:pt x="890" y="555"/>
                      </a:lnTo>
                      <a:lnTo>
                        <a:pt x="890" y="564"/>
                      </a:lnTo>
                      <a:lnTo>
                        <a:pt x="890" y="570"/>
                      </a:lnTo>
                      <a:lnTo>
                        <a:pt x="890" y="575"/>
                      </a:lnTo>
                      <a:lnTo>
                        <a:pt x="890" y="580"/>
                      </a:lnTo>
                      <a:lnTo>
                        <a:pt x="886" y="586"/>
                      </a:lnTo>
                      <a:lnTo>
                        <a:pt x="883" y="589"/>
                      </a:lnTo>
                      <a:lnTo>
                        <a:pt x="881" y="594"/>
                      </a:lnTo>
                      <a:lnTo>
                        <a:pt x="880" y="599"/>
                      </a:lnTo>
                      <a:lnTo>
                        <a:pt x="878" y="604"/>
                      </a:lnTo>
                      <a:lnTo>
                        <a:pt x="876" y="609"/>
                      </a:lnTo>
                      <a:lnTo>
                        <a:pt x="876" y="614"/>
                      </a:lnTo>
                      <a:lnTo>
                        <a:pt x="876" y="619"/>
                      </a:lnTo>
                      <a:lnTo>
                        <a:pt x="876" y="623"/>
                      </a:lnTo>
                      <a:lnTo>
                        <a:pt x="876" y="628"/>
                      </a:lnTo>
                      <a:lnTo>
                        <a:pt x="876" y="631"/>
                      </a:lnTo>
                      <a:lnTo>
                        <a:pt x="876" y="635"/>
                      </a:lnTo>
                      <a:lnTo>
                        <a:pt x="876" y="638"/>
                      </a:lnTo>
                      <a:lnTo>
                        <a:pt x="876" y="640"/>
                      </a:lnTo>
                      <a:lnTo>
                        <a:pt x="878" y="641"/>
                      </a:lnTo>
                      <a:lnTo>
                        <a:pt x="876" y="650"/>
                      </a:lnTo>
                      <a:lnTo>
                        <a:pt x="875" y="657"/>
                      </a:lnTo>
                      <a:lnTo>
                        <a:pt x="871" y="660"/>
                      </a:lnTo>
                      <a:lnTo>
                        <a:pt x="868" y="662"/>
                      </a:lnTo>
                      <a:lnTo>
                        <a:pt x="864" y="663"/>
                      </a:lnTo>
                      <a:lnTo>
                        <a:pt x="861" y="663"/>
                      </a:lnTo>
                      <a:lnTo>
                        <a:pt x="858" y="663"/>
                      </a:lnTo>
                      <a:lnTo>
                        <a:pt x="856" y="663"/>
                      </a:lnTo>
                      <a:lnTo>
                        <a:pt x="849" y="668"/>
                      </a:lnTo>
                      <a:lnTo>
                        <a:pt x="842" y="674"/>
                      </a:lnTo>
                      <a:lnTo>
                        <a:pt x="837" y="675"/>
                      </a:lnTo>
                      <a:lnTo>
                        <a:pt x="834" y="675"/>
                      </a:lnTo>
                      <a:lnTo>
                        <a:pt x="831" y="675"/>
                      </a:lnTo>
                      <a:lnTo>
                        <a:pt x="827" y="674"/>
                      </a:lnTo>
                      <a:lnTo>
                        <a:pt x="826" y="674"/>
                      </a:lnTo>
                      <a:lnTo>
                        <a:pt x="817" y="680"/>
                      </a:lnTo>
                      <a:lnTo>
                        <a:pt x="810" y="684"/>
                      </a:lnTo>
                      <a:lnTo>
                        <a:pt x="805" y="684"/>
                      </a:lnTo>
                      <a:lnTo>
                        <a:pt x="800" y="684"/>
                      </a:lnTo>
                      <a:lnTo>
                        <a:pt x="797" y="684"/>
                      </a:lnTo>
                      <a:lnTo>
                        <a:pt x="793" y="680"/>
                      </a:lnTo>
                      <a:lnTo>
                        <a:pt x="792" y="680"/>
                      </a:lnTo>
                      <a:lnTo>
                        <a:pt x="792" y="679"/>
                      </a:lnTo>
                      <a:lnTo>
                        <a:pt x="787" y="670"/>
                      </a:lnTo>
                      <a:lnTo>
                        <a:pt x="787" y="667"/>
                      </a:lnTo>
                      <a:lnTo>
                        <a:pt x="788" y="663"/>
                      </a:lnTo>
                      <a:lnTo>
                        <a:pt x="790" y="665"/>
                      </a:lnTo>
                      <a:lnTo>
                        <a:pt x="795" y="667"/>
                      </a:lnTo>
                      <a:lnTo>
                        <a:pt x="798" y="668"/>
                      </a:lnTo>
                      <a:lnTo>
                        <a:pt x="802" y="670"/>
                      </a:lnTo>
                      <a:lnTo>
                        <a:pt x="802" y="672"/>
                      </a:lnTo>
                      <a:lnTo>
                        <a:pt x="820" y="665"/>
                      </a:lnTo>
                      <a:lnTo>
                        <a:pt x="810" y="653"/>
                      </a:lnTo>
                      <a:lnTo>
                        <a:pt x="812" y="652"/>
                      </a:lnTo>
                      <a:lnTo>
                        <a:pt x="814" y="650"/>
                      </a:lnTo>
                      <a:lnTo>
                        <a:pt x="815" y="648"/>
                      </a:lnTo>
                      <a:lnTo>
                        <a:pt x="810" y="640"/>
                      </a:lnTo>
                      <a:lnTo>
                        <a:pt x="807" y="635"/>
                      </a:lnTo>
                      <a:lnTo>
                        <a:pt x="804" y="633"/>
                      </a:lnTo>
                      <a:lnTo>
                        <a:pt x="802" y="631"/>
                      </a:lnTo>
                      <a:lnTo>
                        <a:pt x="800" y="633"/>
                      </a:lnTo>
                      <a:lnTo>
                        <a:pt x="798" y="635"/>
                      </a:lnTo>
                      <a:lnTo>
                        <a:pt x="798" y="636"/>
                      </a:lnTo>
                      <a:lnTo>
                        <a:pt x="798" y="638"/>
                      </a:lnTo>
                      <a:lnTo>
                        <a:pt x="802" y="645"/>
                      </a:lnTo>
                      <a:lnTo>
                        <a:pt x="802" y="650"/>
                      </a:lnTo>
                      <a:lnTo>
                        <a:pt x="800" y="652"/>
                      </a:lnTo>
                      <a:lnTo>
                        <a:pt x="797" y="653"/>
                      </a:lnTo>
                      <a:lnTo>
                        <a:pt x="793" y="653"/>
                      </a:lnTo>
                      <a:lnTo>
                        <a:pt x="790" y="653"/>
                      </a:lnTo>
                      <a:lnTo>
                        <a:pt x="788" y="652"/>
                      </a:lnTo>
                      <a:lnTo>
                        <a:pt x="787" y="652"/>
                      </a:lnTo>
                      <a:lnTo>
                        <a:pt x="780" y="640"/>
                      </a:lnTo>
                      <a:lnTo>
                        <a:pt x="775" y="630"/>
                      </a:lnTo>
                      <a:lnTo>
                        <a:pt x="768" y="621"/>
                      </a:lnTo>
                      <a:lnTo>
                        <a:pt x="763" y="614"/>
                      </a:lnTo>
                      <a:lnTo>
                        <a:pt x="756" y="609"/>
                      </a:lnTo>
                      <a:lnTo>
                        <a:pt x="749" y="606"/>
                      </a:lnTo>
                      <a:lnTo>
                        <a:pt x="744" y="602"/>
                      </a:lnTo>
                      <a:lnTo>
                        <a:pt x="739" y="599"/>
                      </a:lnTo>
                      <a:lnTo>
                        <a:pt x="734" y="597"/>
                      </a:lnTo>
                      <a:lnTo>
                        <a:pt x="729" y="597"/>
                      </a:lnTo>
                      <a:lnTo>
                        <a:pt x="724" y="597"/>
                      </a:lnTo>
                      <a:lnTo>
                        <a:pt x="721" y="597"/>
                      </a:lnTo>
                      <a:lnTo>
                        <a:pt x="719" y="597"/>
                      </a:lnTo>
                      <a:lnTo>
                        <a:pt x="716" y="597"/>
                      </a:lnTo>
                      <a:lnTo>
                        <a:pt x="714" y="597"/>
                      </a:lnTo>
                      <a:lnTo>
                        <a:pt x="714" y="599"/>
                      </a:lnTo>
                      <a:lnTo>
                        <a:pt x="712" y="597"/>
                      </a:lnTo>
                      <a:lnTo>
                        <a:pt x="710" y="594"/>
                      </a:lnTo>
                      <a:lnTo>
                        <a:pt x="707" y="592"/>
                      </a:lnTo>
                      <a:lnTo>
                        <a:pt x="705" y="589"/>
                      </a:lnTo>
                      <a:lnTo>
                        <a:pt x="704" y="586"/>
                      </a:lnTo>
                      <a:lnTo>
                        <a:pt x="702" y="584"/>
                      </a:lnTo>
                      <a:lnTo>
                        <a:pt x="700" y="580"/>
                      </a:lnTo>
                      <a:lnTo>
                        <a:pt x="697" y="564"/>
                      </a:lnTo>
                      <a:lnTo>
                        <a:pt x="692" y="550"/>
                      </a:lnTo>
                      <a:lnTo>
                        <a:pt x="687" y="542"/>
                      </a:lnTo>
                      <a:lnTo>
                        <a:pt x="683" y="536"/>
                      </a:lnTo>
                      <a:lnTo>
                        <a:pt x="680" y="535"/>
                      </a:lnTo>
                      <a:lnTo>
                        <a:pt x="677" y="535"/>
                      </a:lnTo>
                      <a:lnTo>
                        <a:pt x="675" y="535"/>
                      </a:lnTo>
                      <a:lnTo>
                        <a:pt x="666" y="526"/>
                      </a:lnTo>
                      <a:lnTo>
                        <a:pt x="661" y="514"/>
                      </a:lnTo>
                      <a:lnTo>
                        <a:pt x="661" y="498"/>
                      </a:lnTo>
                      <a:lnTo>
                        <a:pt x="653" y="486"/>
                      </a:lnTo>
                      <a:lnTo>
                        <a:pt x="661" y="472"/>
                      </a:lnTo>
                      <a:lnTo>
                        <a:pt x="646" y="481"/>
                      </a:lnTo>
                      <a:lnTo>
                        <a:pt x="646" y="479"/>
                      </a:lnTo>
                      <a:lnTo>
                        <a:pt x="644" y="479"/>
                      </a:lnTo>
                      <a:lnTo>
                        <a:pt x="641" y="477"/>
                      </a:lnTo>
                      <a:lnTo>
                        <a:pt x="639" y="476"/>
                      </a:lnTo>
                      <a:lnTo>
                        <a:pt x="636" y="474"/>
                      </a:lnTo>
                      <a:lnTo>
                        <a:pt x="634" y="474"/>
                      </a:lnTo>
                      <a:lnTo>
                        <a:pt x="633" y="472"/>
                      </a:lnTo>
                      <a:lnTo>
                        <a:pt x="633" y="474"/>
                      </a:lnTo>
                      <a:lnTo>
                        <a:pt x="638" y="482"/>
                      </a:lnTo>
                      <a:lnTo>
                        <a:pt x="643" y="489"/>
                      </a:lnTo>
                      <a:lnTo>
                        <a:pt x="644" y="494"/>
                      </a:lnTo>
                      <a:lnTo>
                        <a:pt x="644" y="498"/>
                      </a:lnTo>
                      <a:lnTo>
                        <a:pt x="643" y="498"/>
                      </a:lnTo>
                      <a:lnTo>
                        <a:pt x="641" y="498"/>
                      </a:lnTo>
                      <a:lnTo>
                        <a:pt x="638" y="496"/>
                      </a:lnTo>
                      <a:lnTo>
                        <a:pt x="636" y="494"/>
                      </a:lnTo>
                      <a:lnTo>
                        <a:pt x="631" y="491"/>
                      </a:lnTo>
                      <a:lnTo>
                        <a:pt x="628" y="487"/>
                      </a:lnTo>
                      <a:lnTo>
                        <a:pt x="622" y="484"/>
                      </a:lnTo>
                      <a:lnTo>
                        <a:pt x="619" y="481"/>
                      </a:lnTo>
                      <a:lnTo>
                        <a:pt x="616" y="477"/>
                      </a:lnTo>
                      <a:lnTo>
                        <a:pt x="612" y="474"/>
                      </a:lnTo>
                      <a:lnTo>
                        <a:pt x="611" y="472"/>
                      </a:lnTo>
                      <a:lnTo>
                        <a:pt x="607" y="457"/>
                      </a:lnTo>
                      <a:lnTo>
                        <a:pt x="582" y="425"/>
                      </a:lnTo>
                      <a:lnTo>
                        <a:pt x="584" y="425"/>
                      </a:lnTo>
                      <a:lnTo>
                        <a:pt x="585" y="423"/>
                      </a:lnTo>
                      <a:lnTo>
                        <a:pt x="587" y="423"/>
                      </a:lnTo>
                      <a:lnTo>
                        <a:pt x="589" y="421"/>
                      </a:lnTo>
                      <a:lnTo>
                        <a:pt x="590" y="421"/>
                      </a:lnTo>
                      <a:lnTo>
                        <a:pt x="592" y="420"/>
                      </a:lnTo>
                      <a:lnTo>
                        <a:pt x="594" y="420"/>
                      </a:lnTo>
                      <a:lnTo>
                        <a:pt x="589" y="418"/>
                      </a:lnTo>
                      <a:lnTo>
                        <a:pt x="587" y="413"/>
                      </a:lnTo>
                      <a:lnTo>
                        <a:pt x="587" y="408"/>
                      </a:lnTo>
                      <a:lnTo>
                        <a:pt x="587" y="401"/>
                      </a:lnTo>
                      <a:lnTo>
                        <a:pt x="589" y="394"/>
                      </a:lnTo>
                      <a:lnTo>
                        <a:pt x="590" y="388"/>
                      </a:lnTo>
                      <a:lnTo>
                        <a:pt x="590" y="382"/>
                      </a:lnTo>
                      <a:lnTo>
                        <a:pt x="590" y="379"/>
                      </a:lnTo>
                      <a:lnTo>
                        <a:pt x="587" y="371"/>
                      </a:lnTo>
                      <a:lnTo>
                        <a:pt x="585" y="364"/>
                      </a:lnTo>
                      <a:lnTo>
                        <a:pt x="582" y="360"/>
                      </a:lnTo>
                      <a:lnTo>
                        <a:pt x="580" y="359"/>
                      </a:lnTo>
                      <a:lnTo>
                        <a:pt x="578" y="359"/>
                      </a:lnTo>
                      <a:lnTo>
                        <a:pt x="577" y="360"/>
                      </a:lnTo>
                      <a:lnTo>
                        <a:pt x="577" y="364"/>
                      </a:lnTo>
                      <a:lnTo>
                        <a:pt x="575" y="367"/>
                      </a:lnTo>
                      <a:lnTo>
                        <a:pt x="575" y="372"/>
                      </a:lnTo>
                      <a:lnTo>
                        <a:pt x="575" y="377"/>
                      </a:lnTo>
                      <a:lnTo>
                        <a:pt x="575" y="382"/>
                      </a:lnTo>
                      <a:lnTo>
                        <a:pt x="575" y="388"/>
                      </a:lnTo>
                      <a:lnTo>
                        <a:pt x="575" y="393"/>
                      </a:lnTo>
                      <a:lnTo>
                        <a:pt x="575" y="396"/>
                      </a:lnTo>
                      <a:lnTo>
                        <a:pt x="575" y="399"/>
                      </a:lnTo>
                      <a:lnTo>
                        <a:pt x="572" y="398"/>
                      </a:lnTo>
                      <a:lnTo>
                        <a:pt x="568" y="394"/>
                      </a:lnTo>
                      <a:lnTo>
                        <a:pt x="565" y="391"/>
                      </a:lnTo>
                      <a:lnTo>
                        <a:pt x="560" y="388"/>
                      </a:lnTo>
                      <a:lnTo>
                        <a:pt x="558" y="384"/>
                      </a:lnTo>
                      <a:lnTo>
                        <a:pt x="555" y="382"/>
                      </a:lnTo>
                      <a:lnTo>
                        <a:pt x="555" y="381"/>
                      </a:lnTo>
                      <a:lnTo>
                        <a:pt x="556" y="374"/>
                      </a:lnTo>
                      <a:lnTo>
                        <a:pt x="558" y="366"/>
                      </a:lnTo>
                      <a:lnTo>
                        <a:pt x="558" y="359"/>
                      </a:lnTo>
                      <a:lnTo>
                        <a:pt x="558" y="352"/>
                      </a:lnTo>
                      <a:lnTo>
                        <a:pt x="556" y="345"/>
                      </a:lnTo>
                      <a:lnTo>
                        <a:pt x="556" y="340"/>
                      </a:lnTo>
                      <a:lnTo>
                        <a:pt x="555" y="337"/>
                      </a:lnTo>
                      <a:lnTo>
                        <a:pt x="555" y="335"/>
                      </a:lnTo>
                      <a:lnTo>
                        <a:pt x="558" y="328"/>
                      </a:lnTo>
                      <a:lnTo>
                        <a:pt x="560" y="323"/>
                      </a:lnTo>
                      <a:lnTo>
                        <a:pt x="562" y="316"/>
                      </a:lnTo>
                      <a:lnTo>
                        <a:pt x="562" y="311"/>
                      </a:lnTo>
                      <a:lnTo>
                        <a:pt x="563" y="305"/>
                      </a:lnTo>
                      <a:lnTo>
                        <a:pt x="563" y="300"/>
                      </a:lnTo>
                      <a:lnTo>
                        <a:pt x="563" y="293"/>
                      </a:lnTo>
                      <a:lnTo>
                        <a:pt x="563" y="288"/>
                      </a:lnTo>
                      <a:lnTo>
                        <a:pt x="562" y="283"/>
                      </a:lnTo>
                      <a:lnTo>
                        <a:pt x="562" y="278"/>
                      </a:lnTo>
                      <a:lnTo>
                        <a:pt x="560" y="274"/>
                      </a:lnTo>
                      <a:lnTo>
                        <a:pt x="560" y="269"/>
                      </a:lnTo>
                      <a:lnTo>
                        <a:pt x="560" y="267"/>
                      </a:lnTo>
                      <a:lnTo>
                        <a:pt x="558" y="264"/>
                      </a:lnTo>
                      <a:lnTo>
                        <a:pt x="558" y="262"/>
                      </a:lnTo>
                      <a:lnTo>
                        <a:pt x="558" y="261"/>
                      </a:lnTo>
                      <a:lnTo>
                        <a:pt x="558" y="257"/>
                      </a:lnTo>
                      <a:lnTo>
                        <a:pt x="558" y="256"/>
                      </a:lnTo>
                      <a:lnTo>
                        <a:pt x="556" y="252"/>
                      </a:lnTo>
                      <a:lnTo>
                        <a:pt x="556" y="249"/>
                      </a:lnTo>
                      <a:lnTo>
                        <a:pt x="555" y="247"/>
                      </a:lnTo>
                      <a:lnTo>
                        <a:pt x="551" y="245"/>
                      </a:lnTo>
                      <a:lnTo>
                        <a:pt x="548" y="242"/>
                      </a:lnTo>
                      <a:lnTo>
                        <a:pt x="545" y="239"/>
                      </a:lnTo>
                      <a:lnTo>
                        <a:pt x="541" y="232"/>
                      </a:lnTo>
                      <a:lnTo>
                        <a:pt x="538" y="227"/>
                      </a:lnTo>
                      <a:lnTo>
                        <a:pt x="534" y="223"/>
                      </a:lnTo>
                      <a:lnTo>
                        <a:pt x="533" y="220"/>
                      </a:lnTo>
                      <a:lnTo>
                        <a:pt x="533" y="218"/>
                      </a:lnTo>
                      <a:lnTo>
                        <a:pt x="521" y="222"/>
                      </a:lnTo>
                      <a:lnTo>
                        <a:pt x="514" y="222"/>
                      </a:lnTo>
                      <a:lnTo>
                        <a:pt x="509" y="222"/>
                      </a:lnTo>
                      <a:lnTo>
                        <a:pt x="507" y="220"/>
                      </a:lnTo>
                      <a:lnTo>
                        <a:pt x="506" y="217"/>
                      </a:lnTo>
                      <a:lnTo>
                        <a:pt x="506" y="215"/>
                      </a:lnTo>
                      <a:lnTo>
                        <a:pt x="507" y="215"/>
                      </a:lnTo>
                      <a:lnTo>
                        <a:pt x="507" y="213"/>
                      </a:lnTo>
                      <a:lnTo>
                        <a:pt x="497" y="206"/>
                      </a:lnTo>
                      <a:lnTo>
                        <a:pt x="484" y="191"/>
                      </a:lnTo>
                      <a:lnTo>
                        <a:pt x="467" y="179"/>
                      </a:lnTo>
                      <a:lnTo>
                        <a:pt x="465" y="179"/>
                      </a:lnTo>
                      <a:lnTo>
                        <a:pt x="463" y="176"/>
                      </a:lnTo>
                      <a:lnTo>
                        <a:pt x="458" y="173"/>
                      </a:lnTo>
                      <a:lnTo>
                        <a:pt x="455" y="168"/>
                      </a:lnTo>
                      <a:lnTo>
                        <a:pt x="450" y="162"/>
                      </a:lnTo>
                      <a:lnTo>
                        <a:pt x="446" y="157"/>
                      </a:lnTo>
                      <a:lnTo>
                        <a:pt x="445" y="154"/>
                      </a:lnTo>
                      <a:lnTo>
                        <a:pt x="443" y="152"/>
                      </a:lnTo>
                      <a:lnTo>
                        <a:pt x="433" y="144"/>
                      </a:lnTo>
                      <a:lnTo>
                        <a:pt x="424" y="139"/>
                      </a:lnTo>
                      <a:lnTo>
                        <a:pt x="418" y="132"/>
                      </a:lnTo>
                      <a:lnTo>
                        <a:pt x="411" y="129"/>
                      </a:lnTo>
                      <a:lnTo>
                        <a:pt x="404" y="125"/>
                      </a:lnTo>
                      <a:lnTo>
                        <a:pt x="399" y="124"/>
                      </a:lnTo>
                      <a:lnTo>
                        <a:pt x="396" y="124"/>
                      </a:lnTo>
                      <a:lnTo>
                        <a:pt x="394" y="122"/>
                      </a:lnTo>
                      <a:lnTo>
                        <a:pt x="377" y="122"/>
                      </a:lnTo>
                      <a:lnTo>
                        <a:pt x="367" y="122"/>
                      </a:lnTo>
                      <a:lnTo>
                        <a:pt x="360" y="127"/>
                      </a:lnTo>
                      <a:lnTo>
                        <a:pt x="355" y="132"/>
                      </a:lnTo>
                      <a:lnTo>
                        <a:pt x="355" y="139"/>
                      </a:lnTo>
                      <a:lnTo>
                        <a:pt x="355" y="144"/>
                      </a:lnTo>
                      <a:lnTo>
                        <a:pt x="357" y="147"/>
                      </a:lnTo>
                      <a:lnTo>
                        <a:pt x="357" y="149"/>
                      </a:lnTo>
                      <a:lnTo>
                        <a:pt x="350" y="147"/>
                      </a:lnTo>
                      <a:lnTo>
                        <a:pt x="342" y="149"/>
                      </a:lnTo>
                      <a:lnTo>
                        <a:pt x="335" y="152"/>
                      </a:lnTo>
                      <a:lnTo>
                        <a:pt x="330" y="156"/>
                      </a:lnTo>
                      <a:lnTo>
                        <a:pt x="325" y="161"/>
                      </a:lnTo>
                      <a:lnTo>
                        <a:pt x="320" y="164"/>
                      </a:lnTo>
                      <a:lnTo>
                        <a:pt x="316" y="168"/>
                      </a:lnTo>
                      <a:lnTo>
                        <a:pt x="316" y="169"/>
                      </a:lnTo>
                      <a:lnTo>
                        <a:pt x="309" y="176"/>
                      </a:lnTo>
                      <a:lnTo>
                        <a:pt x="306" y="178"/>
                      </a:lnTo>
                      <a:lnTo>
                        <a:pt x="304" y="178"/>
                      </a:lnTo>
                      <a:lnTo>
                        <a:pt x="304" y="176"/>
                      </a:lnTo>
                      <a:lnTo>
                        <a:pt x="304" y="174"/>
                      </a:lnTo>
                      <a:lnTo>
                        <a:pt x="306" y="171"/>
                      </a:lnTo>
                      <a:lnTo>
                        <a:pt x="308" y="169"/>
                      </a:lnTo>
                      <a:lnTo>
                        <a:pt x="308" y="168"/>
                      </a:lnTo>
                      <a:lnTo>
                        <a:pt x="306" y="168"/>
                      </a:lnTo>
                      <a:lnTo>
                        <a:pt x="306" y="169"/>
                      </a:lnTo>
                      <a:lnTo>
                        <a:pt x="303" y="173"/>
                      </a:lnTo>
                      <a:lnTo>
                        <a:pt x="299" y="174"/>
                      </a:lnTo>
                      <a:lnTo>
                        <a:pt x="298" y="178"/>
                      </a:lnTo>
                      <a:lnTo>
                        <a:pt x="294" y="179"/>
                      </a:lnTo>
                      <a:lnTo>
                        <a:pt x="293" y="181"/>
                      </a:lnTo>
                      <a:lnTo>
                        <a:pt x="291" y="183"/>
                      </a:lnTo>
                      <a:lnTo>
                        <a:pt x="284" y="181"/>
                      </a:lnTo>
                      <a:lnTo>
                        <a:pt x="277" y="181"/>
                      </a:lnTo>
                      <a:lnTo>
                        <a:pt x="271" y="183"/>
                      </a:lnTo>
                      <a:lnTo>
                        <a:pt x="265" y="186"/>
                      </a:lnTo>
                      <a:lnTo>
                        <a:pt x="260" y="188"/>
                      </a:lnTo>
                      <a:lnTo>
                        <a:pt x="257" y="190"/>
                      </a:lnTo>
                      <a:lnTo>
                        <a:pt x="254" y="191"/>
                      </a:lnTo>
                      <a:lnTo>
                        <a:pt x="247" y="184"/>
                      </a:lnTo>
                      <a:lnTo>
                        <a:pt x="243" y="179"/>
                      </a:lnTo>
                      <a:lnTo>
                        <a:pt x="245" y="179"/>
                      </a:lnTo>
                      <a:lnTo>
                        <a:pt x="249" y="181"/>
                      </a:lnTo>
                      <a:lnTo>
                        <a:pt x="252" y="184"/>
                      </a:lnTo>
                      <a:lnTo>
                        <a:pt x="255" y="186"/>
                      </a:lnTo>
                      <a:lnTo>
                        <a:pt x="257" y="186"/>
                      </a:lnTo>
                      <a:lnTo>
                        <a:pt x="257" y="176"/>
                      </a:lnTo>
                      <a:lnTo>
                        <a:pt x="247" y="162"/>
                      </a:lnTo>
                      <a:lnTo>
                        <a:pt x="218" y="140"/>
                      </a:lnTo>
                      <a:lnTo>
                        <a:pt x="232" y="142"/>
                      </a:lnTo>
                      <a:lnTo>
                        <a:pt x="238" y="144"/>
                      </a:lnTo>
                      <a:lnTo>
                        <a:pt x="238" y="142"/>
                      </a:lnTo>
                      <a:lnTo>
                        <a:pt x="235" y="140"/>
                      </a:lnTo>
                      <a:lnTo>
                        <a:pt x="230" y="137"/>
                      </a:lnTo>
                      <a:lnTo>
                        <a:pt x="223" y="135"/>
                      </a:lnTo>
                      <a:lnTo>
                        <a:pt x="218" y="132"/>
                      </a:lnTo>
                      <a:lnTo>
                        <a:pt x="216" y="132"/>
                      </a:lnTo>
                      <a:lnTo>
                        <a:pt x="223" y="117"/>
                      </a:lnTo>
                      <a:lnTo>
                        <a:pt x="205" y="120"/>
                      </a:lnTo>
                      <a:lnTo>
                        <a:pt x="205" y="122"/>
                      </a:lnTo>
                      <a:lnTo>
                        <a:pt x="206" y="125"/>
                      </a:lnTo>
                      <a:lnTo>
                        <a:pt x="206" y="127"/>
                      </a:lnTo>
                      <a:lnTo>
                        <a:pt x="206" y="130"/>
                      </a:lnTo>
                      <a:lnTo>
                        <a:pt x="208" y="134"/>
                      </a:lnTo>
                      <a:lnTo>
                        <a:pt x="208" y="135"/>
                      </a:lnTo>
                      <a:lnTo>
                        <a:pt x="201" y="130"/>
                      </a:lnTo>
                      <a:lnTo>
                        <a:pt x="193" y="127"/>
                      </a:lnTo>
                      <a:lnTo>
                        <a:pt x="186" y="124"/>
                      </a:lnTo>
                      <a:lnTo>
                        <a:pt x="179" y="122"/>
                      </a:lnTo>
                      <a:lnTo>
                        <a:pt x="172" y="118"/>
                      </a:lnTo>
                      <a:lnTo>
                        <a:pt x="164" y="117"/>
                      </a:lnTo>
                      <a:lnTo>
                        <a:pt x="159" y="115"/>
                      </a:lnTo>
                      <a:lnTo>
                        <a:pt x="152" y="115"/>
                      </a:lnTo>
                      <a:lnTo>
                        <a:pt x="147" y="113"/>
                      </a:lnTo>
                      <a:lnTo>
                        <a:pt x="142" y="113"/>
                      </a:lnTo>
                      <a:lnTo>
                        <a:pt x="137" y="113"/>
                      </a:lnTo>
                      <a:lnTo>
                        <a:pt x="133" y="113"/>
                      </a:lnTo>
                      <a:lnTo>
                        <a:pt x="130" y="113"/>
                      </a:lnTo>
                      <a:lnTo>
                        <a:pt x="128" y="113"/>
                      </a:lnTo>
                      <a:lnTo>
                        <a:pt x="127" y="113"/>
                      </a:lnTo>
                      <a:lnTo>
                        <a:pt x="128" y="113"/>
                      </a:lnTo>
                      <a:lnTo>
                        <a:pt x="130" y="112"/>
                      </a:lnTo>
                      <a:lnTo>
                        <a:pt x="133" y="112"/>
                      </a:lnTo>
                      <a:lnTo>
                        <a:pt x="137" y="112"/>
                      </a:lnTo>
                      <a:lnTo>
                        <a:pt x="140" y="110"/>
                      </a:lnTo>
                      <a:lnTo>
                        <a:pt x="142" y="110"/>
                      </a:lnTo>
                      <a:lnTo>
                        <a:pt x="144" y="110"/>
                      </a:lnTo>
                      <a:lnTo>
                        <a:pt x="157" y="110"/>
                      </a:lnTo>
                      <a:lnTo>
                        <a:pt x="164" y="108"/>
                      </a:lnTo>
                      <a:lnTo>
                        <a:pt x="162" y="105"/>
                      </a:lnTo>
                      <a:lnTo>
                        <a:pt x="155" y="105"/>
                      </a:lnTo>
                      <a:lnTo>
                        <a:pt x="149" y="103"/>
                      </a:lnTo>
                      <a:lnTo>
                        <a:pt x="145" y="102"/>
                      </a:lnTo>
                      <a:lnTo>
                        <a:pt x="142" y="102"/>
                      </a:lnTo>
                      <a:lnTo>
                        <a:pt x="111" y="108"/>
                      </a:lnTo>
                      <a:lnTo>
                        <a:pt x="101" y="113"/>
                      </a:lnTo>
                      <a:lnTo>
                        <a:pt x="98" y="115"/>
                      </a:lnTo>
                      <a:lnTo>
                        <a:pt x="95" y="115"/>
                      </a:lnTo>
                      <a:lnTo>
                        <a:pt x="89" y="115"/>
                      </a:lnTo>
                      <a:lnTo>
                        <a:pt x="86" y="115"/>
                      </a:lnTo>
                      <a:lnTo>
                        <a:pt x="81" y="115"/>
                      </a:lnTo>
                      <a:lnTo>
                        <a:pt x="79" y="117"/>
                      </a:lnTo>
                      <a:lnTo>
                        <a:pt x="78" y="117"/>
                      </a:lnTo>
                      <a:lnTo>
                        <a:pt x="64" y="122"/>
                      </a:lnTo>
                      <a:lnTo>
                        <a:pt x="56" y="125"/>
                      </a:lnTo>
                      <a:lnTo>
                        <a:pt x="52" y="125"/>
                      </a:lnTo>
                      <a:lnTo>
                        <a:pt x="54" y="124"/>
                      </a:lnTo>
                      <a:lnTo>
                        <a:pt x="57" y="122"/>
                      </a:lnTo>
                      <a:lnTo>
                        <a:pt x="62" y="118"/>
                      </a:lnTo>
                      <a:lnTo>
                        <a:pt x="66" y="117"/>
                      </a:lnTo>
                      <a:lnTo>
                        <a:pt x="67" y="115"/>
                      </a:lnTo>
                      <a:lnTo>
                        <a:pt x="73" y="110"/>
                      </a:lnTo>
                      <a:lnTo>
                        <a:pt x="74" y="107"/>
                      </a:lnTo>
                      <a:lnTo>
                        <a:pt x="74" y="105"/>
                      </a:lnTo>
                      <a:lnTo>
                        <a:pt x="71" y="105"/>
                      </a:lnTo>
                      <a:lnTo>
                        <a:pt x="67" y="105"/>
                      </a:lnTo>
                      <a:lnTo>
                        <a:pt x="64" y="107"/>
                      </a:lnTo>
                      <a:lnTo>
                        <a:pt x="61" y="107"/>
                      </a:lnTo>
                      <a:lnTo>
                        <a:pt x="59" y="107"/>
                      </a:lnTo>
                      <a:lnTo>
                        <a:pt x="51" y="100"/>
                      </a:lnTo>
                      <a:lnTo>
                        <a:pt x="45" y="96"/>
                      </a:lnTo>
                      <a:lnTo>
                        <a:pt x="44" y="98"/>
                      </a:lnTo>
                      <a:lnTo>
                        <a:pt x="44" y="102"/>
                      </a:lnTo>
                      <a:lnTo>
                        <a:pt x="45" y="105"/>
                      </a:lnTo>
                      <a:lnTo>
                        <a:pt x="49" y="110"/>
                      </a:lnTo>
                      <a:lnTo>
                        <a:pt x="51" y="113"/>
                      </a:lnTo>
                      <a:lnTo>
                        <a:pt x="51" y="115"/>
                      </a:lnTo>
                      <a:lnTo>
                        <a:pt x="44" y="122"/>
                      </a:lnTo>
                      <a:lnTo>
                        <a:pt x="37" y="130"/>
                      </a:lnTo>
                      <a:lnTo>
                        <a:pt x="35" y="132"/>
                      </a:lnTo>
                      <a:lnTo>
                        <a:pt x="32" y="132"/>
                      </a:lnTo>
                      <a:lnTo>
                        <a:pt x="29" y="134"/>
                      </a:lnTo>
                      <a:lnTo>
                        <a:pt x="27" y="135"/>
                      </a:lnTo>
                      <a:lnTo>
                        <a:pt x="23" y="137"/>
                      </a:lnTo>
                      <a:lnTo>
                        <a:pt x="22" y="137"/>
                      </a:lnTo>
                      <a:lnTo>
                        <a:pt x="27" y="130"/>
                      </a:lnTo>
                      <a:lnTo>
                        <a:pt x="29" y="127"/>
                      </a:lnTo>
                      <a:lnTo>
                        <a:pt x="30" y="122"/>
                      </a:lnTo>
                      <a:lnTo>
                        <a:pt x="29" y="120"/>
                      </a:lnTo>
                      <a:lnTo>
                        <a:pt x="27" y="117"/>
                      </a:lnTo>
                      <a:lnTo>
                        <a:pt x="25" y="117"/>
                      </a:lnTo>
                      <a:lnTo>
                        <a:pt x="23" y="115"/>
                      </a:lnTo>
                      <a:lnTo>
                        <a:pt x="23" y="117"/>
                      </a:lnTo>
                      <a:lnTo>
                        <a:pt x="23" y="115"/>
                      </a:lnTo>
                      <a:lnTo>
                        <a:pt x="23" y="113"/>
                      </a:lnTo>
                      <a:lnTo>
                        <a:pt x="23" y="112"/>
                      </a:lnTo>
                      <a:lnTo>
                        <a:pt x="22" y="108"/>
                      </a:lnTo>
                      <a:lnTo>
                        <a:pt x="22" y="107"/>
                      </a:lnTo>
                      <a:lnTo>
                        <a:pt x="22" y="105"/>
                      </a:lnTo>
                      <a:lnTo>
                        <a:pt x="25" y="100"/>
                      </a:lnTo>
                      <a:lnTo>
                        <a:pt x="25" y="93"/>
                      </a:lnTo>
                      <a:lnTo>
                        <a:pt x="22" y="88"/>
                      </a:lnTo>
                      <a:lnTo>
                        <a:pt x="17" y="83"/>
                      </a:lnTo>
                      <a:lnTo>
                        <a:pt x="12" y="80"/>
                      </a:lnTo>
                      <a:lnTo>
                        <a:pt x="7" y="74"/>
                      </a:lnTo>
                      <a:lnTo>
                        <a:pt x="3" y="73"/>
                      </a:lnTo>
                      <a:lnTo>
                        <a:pt x="1" y="73"/>
                      </a:lnTo>
                      <a:lnTo>
                        <a:pt x="0" y="51"/>
                      </a:lnTo>
                      <a:lnTo>
                        <a:pt x="276" y="24"/>
                      </a:lnTo>
                      <a:lnTo>
                        <a:pt x="293" y="56"/>
                      </a:lnTo>
                      <a:lnTo>
                        <a:pt x="572" y="37"/>
                      </a:lnTo>
                      <a:lnTo>
                        <a:pt x="582" y="59"/>
                      </a:lnTo>
                      <a:lnTo>
                        <a:pt x="597" y="59"/>
                      </a:lnTo>
                      <a:lnTo>
                        <a:pt x="597" y="58"/>
                      </a:lnTo>
                      <a:lnTo>
                        <a:pt x="595" y="54"/>
                      </a:lnTo>
                      <a:lnTo>
                        <a:pt x="595" y="51"/>
                      </a:lnTo>
                      <a:lnTo>
                        <a:pt x="595" y="46"/>
                      </a:lnTo>
                      <a:lnTo>
                        <a:pt x="594" y="41"/>
                      </a:lnTo>
                      <a:lnTo>
                        <a:pt x="594" y="36"/>
                      </a:lnTo>
                      <a:lnTo>
                        <a:pt x="594" y="32"/>
                      </a:lnTo>
                      <a:lnTo>
                        <a:pt x="594" y="30"/>
                      </a:lnTo>
                      <a:lnTo>
                        <a:pt x="589" y="22"/>
                      </a:lnTo>
                      <a:lnTo>
                        <a:pt x="589" y="14"/>
                      </a:lnTo>
                      <a:lnTo>
                        <a:pt x="589" y="8"/>
                      </a:lnTo>
                      <a:lnTo>
                        <a:pt x="592" y="5"/>
                      </a:lnTo>
                      <a:lnTo>
                        <a:pt x="595" y="2"/>
                      </a:lnTo>
                      <a:lnTo>
                        <a:pt x="597" y="0"/>
                      </a:lnTo>
                      <a:lnTo>
                        <a:pt x="600" y="0"/>
                      </a:lnTo>
                      <a:lnTo>
                        <a:pt x="602" y="0"/>
                      </a:lnTo>
                      <a:lnTo>
                        <a:pt x="607" y="3"/>
                      </a:lnTo>
                      <a:lnTo>
                        <a:pt x="616" y="5"/>
                      </a:lnTo>
                      <a:lnTo>
                        <a:pt x="622" y="7"/>
                      </a:lnTo>
                      <a:lnTo>
                        <a:pt x="629" y="8"/>
                      </a:lnTo>
                      <a:lnTo>
                        <a:pt x="636" y="8"/>
                      </a:lnTo>
                      <a:lnTo>
                        <a:pt x="639" y="8"/>
                      </a:lnTo>
                      <a:lnTo>
                        <a:pt x="643" y="8"/>
                      </a:lnTo>
                      <a:lnTo>
                        <a:pt x="644" y="8"/>
                      </a:lnTo>
                      <a:lnTo>
                        <a:pt x="650" y="14"/>
                      </a:lnTo>
                    </a:path>
                  </a:pathLst>
                </a:custGeom>
                <a:solidFill>
                  <a:schemeClr val="bg2">
                    <a:lumMod val="85000"/>
                  </a:schemeClr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62" name="Freeform 19"/>
                <p:cNvSpPr>
                  <a:spLocks/>
                </p:cNvSpPr>
                <p:nvPr/>
              </p:nvSpPr>
              <p:spPr bwMode="auto">
                <a:xfrm>
                  <a:off x="4568" y="3099"/>
                  <a:ext cx="95" cy="174"/>
                </a:xfrm>
                <a:custGeom>
                  <a:avLst/>
                  <a:gdLst>
                    <a:gd name="T0" fmla="*/ 34 w 95"/>
                    <a:gd name="T1" fmla="*/ 32 h 174"/>
                    <a:gd name="T2" fmla="*/ 0 w 95"/>
                    <a:gd name="T3" fmla="*/ 0 h 174"/>
                    <a:gd name="T4" fmla="*/ 2 w 95"/>
                    <a:gd name="T5" fmla="*/ 7 h 174"/>
                    <a:gd name="T6" fmla="*/ 29 w 95"/>
                    <a:gd name="T7" fmla="*/ 37 h 174"/>
                    <a:gd name="T8" fmla="*/ 27 w 95"/>
                    <a:gd name="T9" fmla="*/ 40 h 174"/>
                    <a:gd name="T10" fmla="*/ 25 w 95"/>
                    <a:gd name="T11" fmla="*/ 40 h 174"/>
                    <a:gd name="T12" fmla="*/ 24 w 95"/>
                    <a:gd name="T13" fmla="*/ 39 h 174"/>
                    <a:gd name="T14" fmla="*/ 20 w 95"/>
                    <a:gd name="T15" fmla="*/ 39 h 174"/>
                    <a:gd name="T16" fmla="*/ 17 w 95"/>
                    <a:gd name="T17" fmla="*/ 37 h 174"/>
                    <a:gd name="T18" fmla="*/ 15 w 95"/>
                    <a:gd name="T19" fmla="*/ 37 h 174"/>
                    <a:gd name="T20" fmla="*/ 15 w 95"/>
                    <a:gd name="T21" fmla="*/ 39 h 174"/>
                    <a:gd name="T22" fmla="*/ 17 w 95"/>
                    <a:gd name="T23" fmla="*/ 42 h 174"/>
                    <a:gd name="T24" fmla="*/ 24 w 95"/>
                    <a:gd name="T25" fmla="*/ 49 h 174"/>
                    <a:gd name="T26" fmla="*/ 25 w 95"/>
                    <a:gd name="T27" fmla="*/ 49 h 174"/>
                    <a:gd name="T28" fmla="*/ 29 w 95"/>
                    <a:gd name="T29" fmla="*/ 49 h 174"/>
                    <a:gd name="T30" fmla="*/ 32 w 95"/>
                    <a:gd name="T31" fmla="*/ 47 h 174"/>
                    <a:gd name="T32" fmla="*/ 34 w 95"/>
                    <a:gd name="T33" fmla="*/ 45 h 174"/>
                    <a:gd name="T34" fmla="*/ 34 w 95"/>
                    <a:gd name="T35" fmla="*/ 45 h 174"/>
                    <a:gd name="T36" fmla="*/ 36 w 95"/>
                    <a:gd name="T37" fmla="*/ 45 h 174"/>
                    <a:gd name="T38" fmla="*/ 37 w 95"/>
                    <a:gd name="T39" fmla="*/ 47 h 174"/>
                    <a:gd name="T40" fmla="*/ 39 w 95"/>
                    <a:gd name="T41" fmla="*/ 49 h 174"/>
                    <a:gd name="T42" fmla="*/ 41 w 95"/>
                    <a:gd name="T43" fmla="*/ 54 h 174"/>
                    <a:gd name="T44" fmla="*/ 41 w 95"/>
                    <a:gd name="T45" fmla="*/ 61 h 174"/>
                    <a:gd name="T46" fmla="*/ 42 w 95"/>
                    <a:gd name="T47" fmla="*/ 73 h 174"/>
                    <a:gd name="T48" fmla="*/ 42 w 95"/>
                    <a:gd name="T49" fmla="*/ 89 h 174"/>
                    <a:gd name="T50" fmla="*/ 42 w 95"/>
                    <a:gd name="T51" fmla="*/ 91 h 174"/>
                    <a:gd name="T52" fmla="*/ 44 w 95"/>
                    <a:gd name="T53" fmla="*/ 93 h 174"/>
                    <a:gd name="T54" fmla="*/ 46 w 95"/>
                    <a:gd name="T55" fmla="*/ 96 h 174"/>
                    <a:gd name="T56" fmla="*/ 47 w 95"/>
                    <a:gd name="T57" fmla="*/ 101 h 174"/>
                    <a:gd name="T58" fmla="*/ 47 w 95"/>
                    <a:gd name="T59" fmla="*/ 105 h 174"/>
                    <a:gd name="T60" fmla="*/ 49 w 95"/>
                    <a:gd name="T61" fmla="*/ 108 h 174"/>
                    <a:gd name="T62" fmla="*/ 51 w 95"/>
                    <a:gd name="T63" fmla="*/ 110 h 174"/>
                    <a:gd name="T64" fmla="*/ 51 w 95"/>
                    <a:gd name="T65" fmla="*/ 111 h 174"/>
                    <a:gd name="T66" fmla="*/ 69 w 95"/>
                    <a:gd name="T67" fmla="*/ 135 h 174"/>
                    <a:gd name="T68" fmla="*/ 88 w 95"/>
                    <a:gd name="T69" fmla="*/ 174 h 174"/>
                    <a:gd name="T70" fmla="*/ 95 w 95"/>
                    <a:gd name="T71" fmla="*/ 171 h 174"/>
                    <a:gd name="T72" fmla="*/ 73 w 95"/>
                    <a:gd name="T73" fmla="*/ 133 h 174"/>
                    <a:gd name="T74" fmla="*/ 73 w 95"/>
                    <a:gd name="T75" fmla="*/ 132 h 174"/>
                    <a:gd name="T76" fmla="*/ 71 w 95"/>
                    <a:gd name="T77" fmla="*/ 132 h 174"/>
                    <a:gd name="T78" fmla="*/ 69 w 95"/>
                    <a:gd name="T79" fmla="*/ 130 h 174"/>
                    <a:gd name="T80" fmla="*/ 68 w 95"/>
                    <a:gd name="T81" fmla="*/ 127 h 174"/>
                    <a:gd name="T82" fmla="*/ 66 w 95"/>
                    <a:gd name="T83" fmla="*/ 123 h 174"/>
                    <a:gd name="T84" fmla="*/ 63 w 95"/>
                    <a:gd name="T85" fmla="*/ 120 h 174"/>
                    <a:gd name="T86" fmla="*/ 61 w 95"/>
                    <a:gd name="T87" fmla="*/ 117 h 174"/>
                    <a:gd name="T88" fmla="*/ 58 w 95"/>
                    <a:gd name="T89" fmla="*/ 111 h 174"/>
                    <a:gd name="T90" fmla="*/ 56 w 95"/>
                    <a:gd name="T91" fmla="*/ 106 h 174"/>
                    <a:gd name="T92" fmla="*/ 52 w 95"/>
                    <a:gd name="T93" fmla="*/ 101 h 174"/>
                    <a:gd name="T94" fmla="*/ 51 w 95"/>
                    <a:gd name="T95" fmla="*/ 96 h 174"/>
                    <a:gd name="T96" fmla="*/ 49 w 95"/>
                    <a:gd name="T97" fmla="*/ 89 h 174"/>
                    <a:gd name="T98" fmla="*/ 47 w 95"/>
                    <a:gd name="T99" fmla="*/ 83 h 174"/>
                    <a:gd name="T100" fmla="*/ 47 w 95"/>
                    <a:gd name="T101" fmla="*/ 78 h 174"/>
                    <a:gd name="T102" fmla="*/ 47 w 95"/>
                    <a:gd name="T103" fmla="*/ 71 h 174"/>
                    <a:gd name="T104" fmla="*/ 49 w 95"/>
                    <a:gd name="T105" fmla="*/ 64 h 174"/>
                    <a:gd name="T106" fmla="*/ 49 w 95"/>
                    <a:gd name="T107" fmla="*/ 62 h 174"/>
                    <a:gd name="T108" fmla="*/ 49 w 95"/>
                    <a:gd name="T109" fmla="*/ 61 h 174"/>
                    <a:gd name="T110" fmla="*/ 47 w 95"/>
                    <a:gd name="T111" fmla="*/ 57 h 174"/>
                    <a:gd name="T112" fmla="*/ 47 w 95"/>
                    <a:gd name="T113" fmla="*/ 54 h 174"/>
                    <a:gd name="T114" fmla="*/ 46 w 95"/>
                    <a:gd name="T115" fmla="*/ 52 h 174"/>
                    <a:gd name="T116" fmla="*/ 46 w 95"/>
                    <a:gd name="T117" fmla="*/ 49 h 174"/>
                    <a:gd name="T118" fmla="*/ 44 w 95"/>
                    <a:gd name="T119" fmla="*/ 47 h 174"/>
                    <a:gd name="T120" fmla="*/ 44 w 95"/>
                    <a:gd name="T121" fmla="*/ 47 h 174"/>
                    <a:gd name="T122" fmla="*/ 39 w 95"/>
                    <a:gd name="T123" fmla="*/ 39 h 174"/>
                    <a:gd name="T124" fmla="*/ 34 w 95"/>
                    <a:gd name="T125" fmla="*/ 32 h 174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60000 65536"/>
                    <a:gd name="T187" fmla="*/ 0 60000 65536"/>
                    <a:gd name="T188" fmla="*/ 0 60000 65536"/>
                    <a:gd name="T189" fmla="*/ 0 w 95"/>
                    <a:gd name="T190" fmla="*/ 0 h 174"/>
                    <a:gd name="T191" fmla="*/ 95 w 95"/>
                    <a:gd name="T192" fmla="*/ 174 h 174"/>
                  </a:gdLst>
                  <a:ahLst/>
                  <a:cxnLst>
                    <a:cxn ang="T126">
                      <a:pos x="T0" y="T1"/>
                    </a:cxn>
                    <a:cxn ang="T127">
                      <a:pos x="T2" y="T3"/>
                    </a:cxn>
                    <a:cxn ang="T128">
                      <a:pos x="T4" y="T5"/>
                    </a:cxn>
                    <a:cxn ang="T129">
                      <a:pos x="T6" y="T7"/>
                    </a:cxn>
                    <a:cxn ang="T130">
                      <a:pos x="T8" y="T9"/>
                    </a:cxn>
                    <a:cxn ang="T131">
                      <a:pos x="T10" y="T11"/>
                    </a:cxn>
                    <a:cxn ang="T132">
                      <a:pos x="T12" y="T13"/>
                    </a:cxn>
                    <a:cxn ang="T133">
                      <a:pos x="T14" y="T15"/>
                    </a:cxn>
                    <a:cxn ang="T134">
                      <a:pos x="T16" y="T17"/>
                    </a:cxn>
                    <a:cxn ang="T135">
                      <a:pos x="T18" y="T19"/>
                    </a:cxn>
                    <a:cxn ang="T136">
                      <a:pos x="T20" y="T21"/>
                    </a:cxn>
                    <a:cxn ang="T137">
                      <a:pos x="T22" y="T23"/>
                    </a:cxn>
                    <a:cxn ang="T138">
                      <a:pos x="T24" y="T25"/>
                    </a:cxn>
                    <a:cxn ang="T139">
                      <a:pos x="T26" y="T27"/>
                    </a:cxn>
                    <a:cxn ang="T140">
                      <a:pos x="T28" y="T29"/>
                    </a:cxn>
                    <a:cxn ang="T141">
                      <a:pos x="T30" y="T31"/>
                    </a:cxn>
                    <a:cxn ang="T142">
                      <a:pos x="T32" y="T33"/>
                    </a:cxn>
                    <a:cxn ang="T143">
                      <a:pos x="T34" y="T35"/>
                    </a:cxn>
                    <a:cxn ang="T144">
                      <a:pos x="T36" y="T37"/>
                    </a:cxn>
                    <a:cxn ang="T145">
                      <a:pos x="T38" y="T39"/>
                    </a:cxn>
                    <a:cxn ang="T146">
                      <a:pos x="T40" y="T41"/>
                    </a:cxn>
                    <a:cxn ang="T147">
                      <a:pos x="T42" y="T43"/>
                    </a:cxn>
                    <a:cxn ang="T148">
                      <a:pos x="T44" y="T45"/>
                    </a:cxn>
                    <a:cxn ang="T149">
                      <a:pos x="T46" y="T47"/>
                    </a:cxn>
                    <a:cxn ang="T150">
                      <a:pos x="T48" y="T49"/>
                    </a:cxn>
                    <a:cxn ang="T151">
                      <a:pos x="T50" y="T51"/>
                    </a:cxn>
                    <a:cxn ang="T152">
                      <a:pos x="T52" y="T53"/>
                    </a:cxn>
                    <a:cxn ang="T153">
                      <a:pos x="T54" y="T55"/>
                    </a:cxn>
                    <a:cxn ang="T154">
                      <a:pos x="T56" y="T57"/>
                    </a:cxn>
                    <a:cxn ang="T155">
                      <a:pos x="T58" y="T59"/>
                    </a:cxn>
                    <a:cxn ang="T156">
                      <a:pos x="T60" y="T61"/>
                    </a:cxn>
                    <a:cxn ang="T157">
                      <a:pos x="T62" y="T63"/>
                    </a:cxn>
                    <a:cxn ang="T158">
                      <a:pos x="T64" y="T65"/>
                    </a:cxn>
                    <a:cxn ang="T159">
                      <a:pos x="T66" y="T67"/>
                    </a:cxn>
                    <a:cxn ang="T160">
                      <a:pos x="T68" y="T69"/>
                    </a:cxn>
                    <a:cxn ang="T161">
                      <a:pos x="T70" y="T71"/>
                    </a:cxn>
                    <a:cxn ang="T162">
                      <a:pos x="T72" y="T73"/>
                    </a:cxn>
                    <a:cxn ang="T163">
                      <a:pos x="T74" y="T75"/>
                    </a:cxn>
                    <a:cxn ang="T164">
                      <a:pos x="T76" y="T77"/>
                    </a:cxn>
                    <a:cxn ang="T165">
                      <a:pos x="T78" y="T79"/>
                    </a:cxn>
                    <a:cxn ang="T166">
                      <a:pos x="T80" y="T81"/>
                    </a:cxn>
                    <a:cxn ang="T167">
                      <a:pos x="T82" y="T83"/>
                    </a:cxn>
                    <a:cxn ang="T168">
                      <a:pos x="T84" y="T85"/>
                    </a:cxn>
                    <a:cxn ang="T169">
                      <a:pos x="T86" y="T87"/>
                    </a:cxn>
                    <a:cxn ang="T170">
                      <a:pos x="T88" y="T89"/>
                    </a:cxn>
                    <a:cxn ang="T171">
                      <a:pos x="T90" y="T91"/>
                    </a:cxn>
                    <a:cxn ang="T172">
                      <a:pos x="T92" y="T93"/>
                    </a:cxn>
                    <a:cxn ang="T173">
                      <a:pos x="T94" y="T95"/>
                    </a:cxn>
                    <a:cxn ang="T174">
                      <a:pos x="T96" y="T97"/>
                    </a:cxn>
                    <a:cxn ang="T175">
                      <a:pos x="T98" y="T99"/>
                    </a:cxn>
                    <a:cxn ang="T176">
                      <a:pos x="T100" y="T101"/>
                    </a:cxn>
                    <a:cxn ang="T177">
                      <a:pos x="T102" y="T103"/>
                    </a:cxn>
                    <a:cxn ang="T178">
                      <a:pos x="T104" y="T105"/>
                    </a:cxn>
                    <a:cxn ang="T179">
                      <a:pos x="T106" y="T107"/>
                    </a:cxn>
                    <a:cxn ang="T180">
                      <a:pos x="T108" y="T109"/>
                    </a:cxn>
                    <a:cxn ang="T181">
                      <a:pos x="T110" y="T111"/>
                    </a:cxn>
                    <a:cxn ang="T182">
                      <a:pos x="T112" y="T113"/>
                    </a:cxn>
                    <a:cxn ang="T183">
                      <a:pos x="T114" y="T115"/>
                    </a:cxn>
                    <a:cxn ang="T184">
                      <a:pos x="T116" y="T117"/>
                    </a:cxn>
                    <a:cxn ang="T185">
                      <a:pos x="T118" y="T119"/>
                    </a:cxn>
                    <a:cxn ang="T186">
                      <a:pos x="T120" y="T121"/>
                    </a:cxn>
                    <a:cxn ang="T187">
                      <a:pos x="T122" y="T123"/>
                    </a:cxn>
                    <a:cxn ang="T188">
                      <a:pos x="T124" y="T125"/>
                    </a:cxn>
                  </a:cxnLst>
                  <a:rect l="T189" t="T190" r="T191" b="T192"/>
                  <a:pathLst>
                    <a:path w="95" h="174">
                      <a:moveTo>
                        <a:pt x="34" y="32"/>
                      </a:moveTo>
                      <a:lnTo>
                        <a:pt x="0" y="0"/>
                      </a:lnTo>
                      <a:lnTo>
                        <a:pt x="2" y="7"/>
                      </a:lnTo>
                      <a:lnTo>
                        <a:pt x="29" y="37"/>
                      </a:lnTo>
                      <a:lnTo>
                        <a:pt x="27" y="40"/>
                      </a:lnTo>
                      <a:lnTo>
                        <a:pt x="25" y="40"/>
                      </a:lnTo>
                      <a:lnTo>
                        <a:pt x="24" y="39"/>
                      </a:lnTo>
                      <a:lnTo>
                        <a:pt x="20" y="39"/>
                      </a:lnTo>
                      <a:lnTo>
                        <a:pt x="17" y="37"/>
                      </a:lnTo>
                      <a:lnTo>
                        <a:pt x="15" y="37"/>
                      </a:lnTo>
                      <a:lnTo>
                        <a:pt x="15" y="39"/>
                      </a:lnTo>
                      <a:lnTo>
                        <a:pt x="17" y="42"/>
                      </a:lnTo>
                      <a:lnTo>
                        <a:pt x="24" y="49"/>
                      </a:lnTo>
                      <a:lnTo>
                        <a:pt x="25" y="49"/>
                      </a:lnTo>
                      <a:lnTo>
                        <a:pt x="29" y="49"/>
                      </a:lnTo>
                      <a:lnTo>
                        <a:pt x="32" y="47"/>
                      </a:lnTo>
                      <a:lnTo>
                        <a:pt x="34" y="45"/>
                      </a:lnTo>
                      <a:lnTo>
                        <a:pt x="36" y="45"/>
                      </a:lnTo>
                      <a:lnTo>
                        <a:pt x="37" y="47"/>
                      </a:lnTo>
                      <a:lnTo>
                        <a:pt x="39" y="49"/>
                      </a:lnTo>
                      <a:lnTo>
                        <a:pt x="41" y="54"/>
                      </a:lnTo>
                      <a:lnTo>
                        <a:pt x="41" y="61"/>
                      </a:lnTo>
                      <a:lnTo>
                        <a:pt x="42" y="73"/>
                      </a:lnTo>
                      <a:lnTo>
                        <a:pt x="42" y="89"/>
                      </a:lnTo>
                      <a:lnTo>
                        <a:pt x="42" y="91"/>
                      </a:lnTo>
                      <a:lnTo>
                        <a:pt x="44" y="93"/>
                      </a:lnTo>
                      <a:lnTo>
                        <a:pt x="46" y="96"/>
                      </a:lnTo>
                      <a:lnTo>
                        <a:pt x="47" y="101"/>
                      </a:lnTo>
                      <a:lnTo>
                        <a:pt x="47" y="105"/>
                      </a:lnTo>
                      <a:lnTo>
                        <a:pt x="49" y="108"/>
                      </a:lnTo>
                      <a:lnTo>
                        <a:pt x="51" y="110"/>
                      </a:lnTo>
                      <a:lnTo>
                        <a:pt x="51" y="111"/>
                      </a:lnTo>
                      <a:lnTo>
                        <a:pt x="69" y="135"/>
                      </a:lnTo>
                      <a:lnTo>
                        <a:pt x="88" y="174"/>
                      </a:lnTo>
                      <a:lnTo>
                        <a:pt x="95" y="171"/>
                      </a:lnTo>
                      <a:lnTo>
                        <a:pt x="73" y="133"/>
                      </a:lnTo>
                      <a:lnTo>
                        <a:pt x="73" y="132"/>
                      </a:lnTo>
                      <a:lnTo>
                        <a:pt x="71" y="132"/>
                      </a:lnTo>
                      <a:lnTo>
                        <a:pt x="69" y="130"/>
                      </a:lnTo>
                      <a:lnTo>
                        <a:pt x="68" y="127"/>
                      </a:lnTo>
                      <a:lnTo>
                        <a:pt x="66" y="123"/>
                      </a:lnTo>
                      <a:lnTo>
                        <a:pt x="63" y="120"/>
                      </a:lnTo>
                      <a:lnTo>
                        <a:pt x="61" y="117"/>
                      </a:lnTo>
                      <a:lnTo>
                        <a:pt x="58" y="111"/>
                      </a:lnTo>
                      <a:lnTo>
                        <a:pt x="56" y="106"/>
                      </a:lnTo>
                      <a:lnTo>
                        <a:pt x="52" y="101"/>
                      </a:lnTo>
                      <a:lnTo>
                        <a:pt x="51" y="96"/>
                      </a:lnTo>
                      <a:lnTo>
                        <a:pt x="49" y="89"/>
                      </a:lnTo>
                      <a:lnTo>
                        <a:pt x="47" y="83"/>
                      </a:lnTo>
                      <a:lnTo>
                        <a:pt x="47" y="78"/>
                      </a:lnTo>
                      <a:lnTo>
                        <a:pt x="47" y="71"/>
                      </a:lnTo>
                      <a:lnTo>
                        <a:pt x="49" y="64"/>
                      </a:lnTo>
                      <a:lnTo>
                        <a:pt x="49" y="62"/>
                      </a:lnTo>
                      <a:lnTo>
                        <a:pt x="49" y="61"/>
                      </a:lnTo>
                      <a:lnTo>
                        <a:pt x="47" y="57"/>
                      </a:lnTo>
                      <a:lnTo>
                        <a:pt x="47" y="54"/>
                      </a:lnTo>
                      <a:lnTo>
                        <a:pt x="46" y="52"/>
                      </a:lnTo>
                      <a:lnTo>
                        <a:pt x="46" y="49"/>
                      </a:lnTo>
                      <a:lnTo>
                        <a:pt x="44" y="47"/>
                      </a:lnTo>
                      <a:lnTo>
                        <a:pt x="39" y="39"/>
                      </a:lnTo>
                      <a:lnTo>
                        <a:pt x="34" y="32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63" name="Freeform 20"/>
                <p:cNvSpPr>
                  <a:spLocks/>
                </p:cNvSpPr>
                <p:nvPr/>
              </p:nvSpPr>
              <p:spPr bwMode="auto">
                <a:xfrm>
                  <a:off x="4568" y="3099"/>
                  <a:ext cx="95" cy="174"/>
                </a:xfrm>
                <a:custGeom>
                  <a:avLst/>
                  <a:gdLst>
                    <a:gd name="T0" fmla="*/ 0 w 95"/>
                    <a:gd name="T1" fmla="*/ 0 h 174"/>
                    <a:gd name="T2" fmla="*/ 29 w 95"/>
                    <a:gd name="T3" fmla="*/ 37 h 174"/>
                    <a:gd name="T4" fmla="*/ 27 w 95"/>
                    <a:gd name="T5" fmla="*/ 40 h 174"/>
                    <a:gd name="T6" fmla="*/ 24 w 95"/>
                    <a:gd name="T7" fmla="*/ 39 h 174"/>
                    <a:gd name="T8" fmla="*/ 17 w 95"/>
                    <a:gd name="T9" fmla="*/ 37 h 174"/>
                    <a:gd name="T10" fmla="*/ 15 w 95"/>
                    <a:gd name="T11" fmla="*/ 39 h 174"/>
                    <a:gd name="T12" fmla="*/ 24 w 95"/>
                    <a:gd name="T13" fmla="*/ 49 h 174"/>
                    <a:gd name="T14" fmla="*/ 25 w 95"/>
                    <a:gd name="T15" fmla="*/ 49 h 174"/>
                    <a:gd name="T16" fmla="*/ 32 w 95"/>
                    <a:gd name="T17" fmla="*/ 47 h 174"/>
                    <a:gd name="T18" fmla="*/ 34 w 95"/>
                    <a:gd name="T19" fmla="*/ 45 h 174"/>
                    <a:gd name="T20" fmla="*/ 36 w 95"/>
                    <a:gd name="T21" fmla="*/ 45 h 174"/>
                    <a:gd name="T22" fmla="*/ 39 w 95"/>
                    <a:gd name="T23" fmla="*/ 49 h 174"/>
                    <a:gd name="T24" fmla="*/ 41 w 95"/>
                    <a:gd name="T25" fmla="*/ 61 h 174"/>
                    <a:gd name="T26" fmla="*/ 42 w 95"/>
                    <a:gd name="T27" fmla="*/ 89 h 174"/>
                    <a:gd name="T28" fmla="*/ 42 w 95"/>
                    <a:gd name="T29" fmla="*/ 91 h 174"/>
                    <a:gd name="T30" fmla="*/ 46 w 95"/>
                    <a:gd name="T31" fmla="*/ 96 h 174"/>
                    <a:gd name="T32" fmla="*/ 47 w 95"/>
                    <a:gd name="T33" fmla="*/ 105 h 174"/>
                    <a:gd name="T34" fmla="*/ 51 w 95"/>
                    <a:gd name="T35" fmla="*/ 110 h 174"/>
                    <a:gd name="T36" fmla="*/ 69 w 95"/>
                    <a:gd name="T37" fmla="*/ 135 h 174"/>
                    <a:gd name="T38" fmla="*/ 95 w 95"/>
                    <a:gd name="T39" fmla="*/ 171 h 174"/>
                    <a:gd name="T40" fmla="*/ 73 w 95"/>
                    <a:gd name="T41" fmla="*/ 133 h 174"/>
                    <a:gd name="T42" fmla="*/ 71 w 95"/>
                    <a:gd name="T43" fmla="*/ 132 h 174"/>
                    <a:gd name="T44" fmla="*/ 68 w 95"/>
                    <a:gd name="T45" fmla="*/ 127 h 174"/>
                    <a:gd name="T46" fmla="*/ 63 w 95"/>
                    <a:gd name="T47" fmla="*/ 120 h 174"/>
                    <a:gd name="T48" fmla="*/ 58 w 95"/>
                    <a:gd name="T49" fmla="*/ 111 h 174"/>
                    <a:gd name="T50" fmla="*/ 52 w 95"/>
                    <a:gd name="T51" fmla="*/ 101 h 174"/>
                    <a:gd name="T52" fmla="*/ 49 w 95"/>
                    <a:gd name="T53" fmla="*/ 89 h 174"/>
                    <a:gd name="T54" fmla="*/ 47 w 95"/>
                    <a:gd name="T55" fmla="*/ 78 h 174"/>
                    <a:gd name="T56" fmla="*/ 49 w 95"/>
                    <a:gd name="T57" fmla="*/ 64 h 174"/>
                    <a:gd name="T58" fmla="*/ 49 w 95"/>
                    <a:gd name="T59" fmla="*/ 62 h 174"/>
                    <a:gd name="T60" fmla="*/ 47 w 95"/>
                    <a:gd name="T61" fmla="*/ 57 h 174"/>
                    <a:gd name="T62" fmla="*/ 46 w 95"/>
                    <a:gd name="T63" fmla="*/ 52 h 174"/>
                    <a:gd name="T64" fmla="*/ 44 w 95"/>
                    <a:gd name="T65" fmla="*/ 47 h 174"/>
                    <a:gd name="T66" fmla="*/ 39 w 95"/>
                    <a:gd name="T67" fmla="*/ 39 h 174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w 95"/>
                    <a:gd name="T103" fmla="*/ 0 h 174"/>
                    <a:gd name="T104" fmla="*/ 95 w 95"/>
                    <a:gd name="T105" fmla="*/ 174 h 174"/>
                  </a:gdLst>
                  <a:ahLst/>
                  <a:cxnLst>
                    <a:cxn ang="T68">
                      <a:pos x="T0" y="T1"/>
                    </a:cxn>
                    <a:cxn ang="T69">
                      <a:pos x="T2" y="T3"/>
                    </a:cxn>
                    <a:cxn ang="T70">
                      <a:pos x="T4" y="T5"/>
                    </a:cxn>
                    <a:cxn ang="T71">
                      <a:pos x="T6" y="T7"/>
                    </a:cxn>
                    <a:cxn ang="T72">
                      <a:pos x="T8" y="T9"/>
                    </a:cxn>
                    <a:cxn ang="T73">
                      <a:pos x="T10" y="T11"/>
                    </a:cxn>
                    <a:cxn ang="T74">
                      <a:pos x="T12" y="T13"/>
                    </a:cxn>
                    <a:cxn ang="T75">
                      <a:pos x="T14" y="T15"/>
                    </a:cxn>
                    <a:cxn ang="T76">
                      <a:pos x="T16" y="T17"/>
                    </a:cxn>
                    <a:cxn ang="T77">
                      <a:pos x="T18" y="T19"/>
                    </a:cxn>
                    <a:cxn ang="T78">
                      <a:pos x="T20" y="T21"/>
                    </a:cxn>
                    <a:cxn ang="T79">
                      <a:pos x="T22" y="T23"/>
                    </a:cxn>
                    <a:cxn ang="T80">
                      <a:pos x="T24" y="T25"/>
                    </a:cxn>
                    <a:cxn ang="T81">
                      <a:pos x="T26" y="T27"/>
                    </a:cxn>
                    <a:cxn ang="T82">
                      <a:pos x="T28" y="T29"/>
                    </a:cxn>
                    <a:cxn ang="T83">
                      <a:pos x="T30" y="T31"/>
                    </a:cxn>
                    <a:cxn ang="T84">
                      <a:pos x="T32" y="T33"/>
                    </a:cxn>
                    <a:cxn ang="T85">
                      <a:pos x="T34" y="T35"/>
                    </a:cxn>
                    <a:cxn ang="T86">
                      <a:pos x="T36" y="T37"/>
                    </a:cxn>
                    <a:cxn ang="T87">
                      <a:pos x="T38" y="T39"/>
                    </a:cxn>
                    <a:cxn ang="T88">
                      <a:pos x="T40" y="T41"/>
                    </a:cxn>
                    <a:cxn ang="T89">
                      <a:pos x="T42" y="T43"/>
                    </a:cxn>
                    <a:cxn ang="T90">
                      <a:pos x="T44" y="T45"/>
                    </a:cxn>
                    <a:cxn ang="T91">
                      <a:pos x="T46" y="T47"/>
                    </a:cxn>
                    <a:cxn ang="T92">
                      <a:pos x="T48" y="T49"/>
                    </a:cxn>
                    <a:cxn ang="T93">
                      <a:pos x="T50" y="T51"/>
                    </a:cxn>
                    <a:cxn ang="T94">
                      <a:pos x="T52" y="T53"/>
                    </a:cxn>
                    <a:cxn ang="T95">
                      <a:pos x="T54" y="T55"/>
                    </a:cxn>
                    <a:cxn ang="T96">
                      <a:pos x="T56" y="T57"/>
                    </a:cxn>
                    <a:cxn ang="T97">
                      <a:pos x="T58" y="T59"/>
                    </a:cxn>
                    <a:cxn ang="T98">
                      <a:pos x="T60" y="T61"/>
                    </a:cxn>
                    <a:cxn ang="T99">
                      <a:pos x="T62" y="T63"/>
                    </a:cxn>
                    <a:cxn ang="T100">
                      <a:pos x="T64" y="T65"/>
                    </a:cxn>
                    <a:cxn ang="T101">
                      <a:pos x="T66" y="T67"/>
                    </a:cxn>
                  </a:cxnLst>
                  <a:rect l="T102" t="T103" r="T104" b="T105"/>
                  <a:pathLst>
                    <a:path w="95" h="174">
                      <a:moveTo>
                        <a:pt x="34" y="32"/>
                      </a:moveTo>
                      <a:lnTo>
                        <a:pt x="0" y="0"/>
                      </a:lnTo>
                      <a:lnTo>
                        <a:pt x="2" y="7"/>
                      </a:lnTo>
                      <a:lnTo>
                        <a:pt x="29" y="37"/>
                      </a:lnTo>
                      <a:lnTo>
                        <a:pt x="27" y="40"/>
                      </a:lnTo>
                      <a:lnTo>
                        <a:pt x="25" y="40"/>
                      </a:lnTo>
                      <a:lnTo>
                        <a:pt x="24" y="39"/>
                      </a:lnTo>
                      <a:lnTo>
                        <a:pt x="20" y="39"/>
                      </a:lnTo>
                      <a:lnTo>
                        <a:pt x="17" y="37"/>
                      </a:lnTo>
                      <a:lnTo>
                        <a:pt x="15" y="37"/>
                      </a:lnTo>
                      <a:lnTo>
                        <a:pt x="15" y="39"/>
                      </a:lnTo>
                      <a:lnTo>
                        <a:pt x="17" y="42"/>
                      </a:lnTo>
                      <a:lnTo>
                        <a:pt x="24" y="49"/>
                      </a:lnTo>
                      <a:lnTo>
                        <a:pt x="25" y="49"/>
                      </a:lnTo>
                      <a:lnTo>
                        <a:pt x="29" y="49"/>
                      </a:lnTo>
                      <a:lnTo>
                        <a:pt x="32" y="47"/>
                      </a:lnTo>
                      <a:lnTo>
                        <a:pt x="34" y="45"/>
                      </a:lnTo>
                      <a:lnTo>
                        <a:pt x="36" y="45"/>
                      </a:lnTo>
                      <a:lnTo>
                        <a:pt x="37" y="47"/>
                      </a:lnTo>
                      <a:lnTo>
                        <a:pt x="39" y="49"/>
                      </a:lnTo>
                      <a:lnTo>
                        <a:pt x="41" y="54"/>
                      </a:lnTo>
                      <a:lnTo>
                        <a:pt x="41" y="61"/>
                      </a:lnTo>
                      <a:lnTo>
                        <a:pt x="42" y="73"/>
                      </a:lnTo>
                      <a:lnTo>
                        <a:pt x="42" y="89"/>
                      </a:lnTo>
                      <a:lnTo>
                        <a:pt x="42" y="91"/>
                      </a:lnTo>
                      <a:lnTo>
                        <a:pt x="44" y="93"/>
                      </a:lnTo>
                      <a:lnTo>
                        <a:pt x="46" y="96"/>
                      </a:lnTo>
                      <a:lnTo>
                        <a:pt x="47" y="101"/>
                      </a:lnTo>
                      <a:lnTo>
                        <a:pt x="47" y="105"/>
                      </a:lnTo>
                      <a:lnTo>
                        <a:pt x="49" y="108"/>
                      </a:lnTo>
                      <a:lnTo>
                        <a:pt x="51" y="110"/>
                      </a:lnTo>
                      <a:lnTo>
                        <a:pt x="51" y="111"/>
                      </a:lnTo>
                      <a:lnTo>
                        <a:pt x="69" y="135"/>
                      </a:lnTo>
                      <a:lnTo>
                        <a:pt x="88" y="174"/>
                      </a:lnTo>
                      <a:lnTo>
                        <a:pt x="95" y="171"/>
                      </a:lnTo>
                      <a:lnTo>
                        <a:pt x="73" y="133"/>
                      </a:lnTo>
                      <a:lnTo>
                        <a:pt x="73" y="132"/>
                      </a:lnTo>
                      <a:lnTo>
                        <a:pt x="71" y="132"/>
                      </a:lnTo>
                      <a:lnTo>
                        <a:pt x="69" y="130"/>
                      </a:lnTo>
                      <a:lnTo>
                        <a:pt x="68" y="127"/>
                      </a:lnTo>
                      <a:lnTo>
                        <a:pt x="66" y="123"/>
                      </a:lnTo>
                      <a:lnTo>
                        <a:pt x="63" y="120"/>
                      </a:lnTo>
                      <a:lnTo>
                        <a:pt x="61" y="117"/>
                      </a:lnTo>
                      <a:lnTo>
                        <a:pt x="58" y="111"/>
                      </a:lnTo>
                      <a:lnTo>
                        <a:pt x="56" y="106"/>
                      </a:lnTo>
                      <a:lnTo>
                        <a:pt x="52" y="101"/>
                      </a:lnTo>
                      <a:lnTo>
                        <a:pt x="51" y="96"/>
                      </a:lnTo>
                      <a:lnTo>
                        <a:pt x="49" y="89"/>
                      </a:lnTo>
                      <a:lnTo>
                        <a:pt x="47" y="83"/>
                      </a:lnTo>
                      <a:lnTo>
                        <a:pt x="47" y="78"/>
                      </a:lnTo>
                      <a:lnTo>
                        <a:pt x="47" y="71"/>
                      </a:lnTo>
                      <a:lnTo>
                        <a:pt x="49" y="64"/>
                      </a:lnTo>
                      <a:lnTo>
                        <a:pt x="49" y="62"/>
                      </a:lnTo>
                      <a:lnTo>
                        <a:pt x="49" y="61"/>
                      </a:lnTo>
                      <a:lnTo>
                        <a:pt x="47" y="57"/>
                      </a:lnTo>
                      <a:lnTo>
                        <a:pt x="47" y="54"/>
                      </a:lnTo>
                      <a:lnTo>
                        <a:pt x="46" y="52"/>
                      </a:lnTo>
                      <a:lnTo>
                        <a:pt x="46" y="49"/>
                      </a:lnTo>
                      <a:lnTo>
                        <a:pt x="44" y="47"/>
                      </a:lnTo>
                      <a:lnTo>
                        <a:pt x="39" y="39"/>
                      </a:lnTo>
                      <a:lnTo>
                        <a:pt x="34" y="32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64" name="Freeform 21"/>
                <p:cNvSpPr>
                  <a:spLocks/>
                </p:cNvSpPr>
                <p:nvPr/>
              </p:nvSpPr>
              <p:spPr bwMode="auto">
                <a:xfrm>
                  <a:off x="4595" y="3150"/>
                  <a:ext cx="12" cy="37"/>
                </a:xfrm>
                <a:custGeom>
                  <a:avLst/>
                  <a:gdLst>
                    <a:gd name="T0" fmla="*/ 10 w 12"/>
                    <a:gd name="T1" fmla="*/ 10 h 37"/>
                    <a:gd name="T2" fmla="*/ 10 w 12"/>
                    <a:gd name="T3" fmla="*/ 8 h 37"/>
                    <a:gd name="T4" fmla="*/ 9 w 12"/>
                    <a:gd name="T5" fmla="*/ 6 h 37"/>
                    <a:gd name="T6" fmla="*/ 9 w 12"/>
                    <a:gd name="T7" fmla="*/ 3 h 37"/>
                    <a:gd name="T8" fmla="*/ 9 w 12"/>
                    <a:gd name="T9" fmla="*/ 1 h 37"/>
                    <a:gd name="T10" fmla="*/ 7 w 12"/>
                    <a:gd name="T11" fmla="*/ 0 h 37"/>
                    <a:gd name="T12" fmla="*/ 5 w 12"/>
                    <a:gd name="T13" fmla="*/ 0 h 37"/>
                    <a:gd name="T14" fmla="*/ 2 w 12"/>
                    <a:gd name="T15" fmla="*/ 3 h 37"/>
                    <a:gd name="T16" fmla="*/ 0 w 12"/>
                    <a:gd name="T17" fmla="*/ 10 h 37"/>
                    <a:gd name="T18" fmla="*/ 0 w 12"/>
                    <a:gd name="T19" fmla="*/ 11 h 37"/>
                    <a:gd name="T20" fmla="*/ 0 w 12"/>
                    <a:gd name="T21" fmla="*/ 13 h 37"/>
                    <a:gd name="T22" fmla="*/ 2 w 12"/>
                    <a:gd name="T23" fmla="*/ 15 h 37"/>
                    <a:gd name="T24" fmla="*/ 2 w 12"/>
                    <a:gd name="T25" fmla="*/ 18 h 37"/>
                    <a:gd name="T26" fmla="*/ 3 w 12"/>
                    <a:gd name="T27" fmla="*/ 20 h 37"/>
                    <a:gd name="T28" fmla="*/ 3 w 12"/>
                    <a:gd name="T29" fmla="*/ 22 h 37"/>
                    <a:gd name="T30" fmla="*/ 5 w 12"/>
                    <a:gd name="T31" fmla="*/ 23 h 37"/>
                    <a:gd name="T32" fmla="*/ 5 w 12"/>
                    <a:gd name="T33" fmla="*/ 25 h 37"/>
                    <a:gd name="T34" fmla="*/ 12 w 12"/>
                    <a:gd name="T35" fmla="*/ 37 h 37"/>
                    <a:gd name="T36" fmla="*/ 10 w 12"/>
                    <a:gd name="T37" fmla="*/ 10 h 37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w 12"/>
                    <a:gd name="T58" fmla="*/ 0 h 37"/>
                    <a:gd name="T59" fmla="*/ 12 w 12"/>
                    <a:gd name="T60" fmla="*/ 37 h 37"/>
                  </a:gdLst>
                  <a:ahLst/>
                  <a:cxnLst>
                    <a:cxn ang="T38">
                      <a:pos x="T0" y="T1"/>
                    </a:cxn>
                    <a:cxn ang="T39">
                      <a:pos x="T2" y="T3"/>
                    </a:cxn>
                    <a:cxn ang="T40">
                      <a:pos x="T4" y="T5"/>
                    </a:cxn>
                    <a:cxn ang="T41">
                      <a:pos x="T6" y="T7"/>
                    </a:cxn>
                    <a:cxn ang="T42">
                      <a:pos x="T8" y="T9"/>
                    </a:cxn>
                    <a:cxn ang="T43">
                      <a:pos x="T10" y="T11"/>
                    </a:cxn>
                    <a:cxn ang="T44">
                      <a:pos x="T12" y="T13"/>
                    </a:cxn>
                    <a:cxn ang="T45">
                      <a:pos x="T14" y="T15"/>
                    </a:cxn>
                    <a:cxn ang="T46">
                      <a:pos x="T16" y="T17"/>
                    </a:cxn>
                    <a:cxn ang="T47">
                      <a:pos x="T18" y="T19"/>
                    </a:cxn>
                    <a:cxn ang="T48">
                      <a:pos x="T20" y="T21"/>
                    </a:cxn>
                    <a:cxn ang="T49">
                      <a:pos x="T22" y="T23"/>
                    </a:cxn>
                    <a:cxn ang="T50">
                      <a:pos x="T24" y="T25"/>
                    </a:cxn>
                    <a:cxn ang="T51">
                      <a:pos x="T26" y="T27"/>
                    </a:cxn>
                    <a:cxn ang="T52">
                      <a:pos x="T28" y="T29"/>
                    </a:cxn>
                    <a:cxn ang="T53">
                      <a:pos x="T30" y="T31"/>
                    </a:cxn>
                    <a:cxn ang="T54">
                      <a:pos x="T32" y="T33"/>
                    </a:cxn>
                    <a:cxn ang="T55">
                      <a:pos x="T34" y="T35"/>
                    </a:cxn>
                    <a:cxn ang="T56">
                      <a:pos x="T36" y="T37"/>
                    </a:cxn>
                  </a:cxnLst>
                  <a:rect l="T57" t="T58" r="T59" b="T60"/>
                  <a:pathLst>
                    <a:path w="12" h="37">
                      <a:moveTo>
                        <a:pt x="10" y="10"/>
                      </a:moveTo>
                      <a:lnTo>
                        <a:pt x="10" y="8"/>
                      </a:lnTo>
                      <a:lnTo>
                        <a:pt x="9" y="6"/>
                      </a:lnTo>
                      <a:lnTo>
                        <a:pt x="9" y="3"/>
                      </a:lnTo>
                      <a:lnTo>
                        <a:pt x="9" y="1"/>
                      </a:lnTo>
                      <a:lnTo>
                        <a:pt x="7" y="0"/>
                      </a:lnTo>
                      <a:lnTo>
                        <a:pt x="5" y="0"/>
                      </a:lnTo>
                      <a:lnTo>
                        <a:pt x="2" y="3"/>
                      </a:lnTo>
                      <a:lnTo>
                        <a:pt x="0" y="10"/>
                      </a:lnTo>
                      <a:lnTo>
                        <a:pt x="0" y="11"/>
                      </a:lnTo>
                      <a:lnTo>
                        <a:pt x="0" y="13"/>
                      </a:lnTo>
                      <a:lnTo>
                        <a:pt x="2" y="15"/>
                      </a:lnTo>
                      <a:lnTo>
                        <a:pt x="2" y="18"/>
                      </a:lnTo>
                      <a:lnTo>
                        <a:pt x="3" y="20"/>
                      </a:lnTo>
                      <a:lnTo>
                        <a:pt x="3" y="22"/>
                      </a:lnTo>
                      <a:lnTo>
                        <a:pt x="5" y="23"/>
                      </a:lnTo>
                      <a:lnTo>
                        <a:pt x="5" y="25"/>
                      </a:lnTo>
                      <a:lnTo>
                        <a:pt x="12" y="37"/>
                      </a:lnTo>
                      <a:lnTo>
                        <a:pt x="10" y="10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65" name="Freeform 22"/>
                <p:cNvSpPr>
                  <a:spLocks/>
                </p:cNvSpPr>
                <p:nvPr/>
              </p:nvSpPr>
              <p:spPr bwMode="auto">
                <a:xfrm>
                  <a:off x="4595" y="3150"/>
                  <a:ext cx="12" cy="37"/>
                </a:xfrm>
                <a:custGeom>
                  <a:avLst/>
                  <a:gdLst>
                    <a:gd name="T0" fmla="*/ 10 w 12"/>
                    <a:gd name="T1" fmla="*/ 10 h 37"/>
                    <a:gd name="T2" fmla="*/ 10 w 12"/>
                    <a:gd name="T3" fmla="*/ 10 h 37"/>
                    <a:gd name="T4" fmla="*/ 10 w 12"/>
                    <a:gd name="T5" fmla="*/ 8 h 37"/>
                    <a:gd name="T6" fmla="*/ 9 w 12"/>
                    <a:gd name="T7" fmla="*/ 6 h 37"/>
                    <a:gd name="T8" fmla="*/ 9 w 12"/>
                    <a:gd name="T9" fmla="*/ 3 h 37"/>
                    <a:gd name="T10" fmla="*/ 9 w 12"/>
                    <a:gd name="T11" fmla="*/ 1 h 37"/>
                    <a:gd name="T12" fmla="*/ 7 w 12"/>
                    <a:gd name="T13" fmla="*/ 0 h 37"/>
                    <a:gd name="T14" fmla="*/ 5 w 12"/>
                    <a:gd name="T15" fmla="*/ 0 h 37"/>
                    <a:gd name="T16" fmla="*/ 2 w 12"/>
                    <a:gd name="T17" fmla="*/ 3 h 37"/>
                    <a:gd name="T18" fmla="*/ 0 w 12"/>
                    <a:gd name="T19" fmla="*/ 10 h 37"/>
                    <a:gd name="T20" fmla="*/ 0 w 12"/>
                    <a:gd name="T21" fmla="*/ 10 h 37"/>
                    <a:gd name="T22" fmla="*/ 0 w 12"/>
                    <a:gd name="T23" fmla="*/ 11 h 37"/>
                    <a:gd name="T24" fmla="*/ 0 w 12"/>
                    <a:gd name="T25" fmla="*/ 13 h 37"/>
                    <a:gd name="T26" fmla="*/ 2 w 12"/>
                    <a:gd name="T27" fmla="*/ 15 h 37"/>
                    <a:gd name="T28" fmla="*/ 2 w 12"/>
                    <a:gd name="T29" fmla="*/ 18 h 37"/>
                    <a:gd name="T30" fmla="*/ 3 w 12"/>
                    <a:gd name="T31" fmla="*/ 20 h 37"/>
                    <a:gd name="T32" fmla="*/ 3 w 12"/>
                    <a:gd name="T33" fmla="*/ 22 h 37"/>
                    <a:gd name="T34" fmla="*/ 5 w 12"/>
                    <a:gd name="T35" fmla="*/ 23 h 37"/>
                    <a:gd name="T36" fmla="*/ 5 w 12"/>
                    <a:gd name="T37" fmla="*/ 25 h 37"/>
                    <a:gd name="T38" fmla="*/ 12 w 12"/>
                    <a:gd name="T39" fmla="*/ 37 h 37"/>
                    <a:gd name="T40" fmla="*/ 10 w 12"/>
                    <a:gd name="T41" fmla="*/ 10 h 37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2"/>
                    <a:gd name="T64" fmla="*/ 0 h 37"/>
                    <a:gd name="T65" fmla="*/ 12 w 12"/>
                    <a:gd name="T66" fmla="*/ 37 h 37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2" h="37">
                      <a:moveTo>
                        <a:pt x="10" y="10"/>
                      </a:moveTo>
                      <a:lnTo>
                        <a:pt x="10" y="10"/>
                      </a:lnTo>
                      <a:lnTo>
                        <a:pt x="10" y="8"/>
                      </a:lnTo>
                      <a:lnTo>
                        <a:pt x="9" y="6"/>
                      </a:lnTo>
                      <a:lnTo>
                        <a:pt x="9" y="3"/>
                      </a:lnTo>
                      <a:lnTo>
                        <a:pt x="9" y="1"/>
                      </a:lnTo>
                      <a:lnTo>
                        <a:pt x="7" y="0"/>
                      </a:lnTo>
                      <a:lnTo>
                        <a:pt x="5" y="0"/>
                      </a:lnTo>
                      <a:lnTo>
                        <a:pt x="2" y="3"/>
                      </a:lnTo>
                      <a:lnTo>
                        <a:pt x="0" y="10"/>
                      </a:lnTo>
                      <a:lnTo>
                        <a:pt x="0" y="11"/>
                      </a:lnTo>
                      <a:lnTo>
                        <a:pt x="0" y="13"/>
                      </a:lnTo>
                      <a:lnTo>
                        <a:pt x="2" y="15"/>
                      </a:lnTo>
                      <a:lnTo>
                        <a:pt x="2" y="18"/>
                      </a:lnTo>
                      <a:lnTo>
                        <a:pt x="3" y="20"/>
                      </a:lnTo>
                      <a:lnTo>
                        <a:pt x="3" y="22"/>
                      </a:lnTo>
                      <a:lnTo>
                        <a:pt x="5" y="23"/>
                      </a:lnTo>
                      <a:lnTo>
                        <a:pt x="5" y="25"/>
                      </a:lnTo>
                      <a:lnTo>
                        <a:pt x="12" y="37"/>
                      </a:lnTo>
                      <a:lnTo>
                        <a:pt x="10" y="10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66" name="Freeform 23"/>
                <p:cNvSpPr>
                  <a:spLocks/>
                </p:cNvSpPr>
                <p:nvPr/>
              </p:nvSpPr>
              <p:spPr bwMode="auto">
                <a:xfrm>
                  <a:off x="4673" y="3539"/>
                  <a:ext cx="35" cy="61"/>
                </a:xfrm>
                <a:custGeom>
                  <a:avLst/>
                  <a:gdLst>
                    <a:gd name="T0" fmla="*/ 35 w 35"/>
                    <a:gd name="T1" fmla="*/ 0 h 61"/>
                    <a:gd name="T2" fmla="*/ 35 w 35"/>
                    <a:gd name="T3" fmla="*/ 0 h 61"/>
                    <a:gd name="T4" fmla="*/ 35 w 35"/>
                    <a:gd name="T5" fmla="*/ 1 h 61"/>
                    <a:gd name="T6" fmla="*/ 35 w 35"/>
                    <a:gd name="T7" fmla="*/ 3 h 61"/>
                    <a:gd name="T8" fmla="*/ 35 w 35"/>
                    <a:gd name="T9" fmla="*/ 5 h 61"/>
                    <a:gd name="T10" fmla="*/ 34 w 35"/>
                    <a:gd name="T11" fmla="*/ 8 h 61"/>
                    <a:gd name="T12" fmla="*/ 34 w 35"/>
                    <a:gd name="T13" fmla="*/ 12 h 61"/>
                    <a:gd name="T14" fmla="*/ 32 w 35"/>
                    <a:gd name="T15" fmla="*/ 15 h 61"/>
                    <a:gd name="T16" fmla="*/ 30 w 35"/>
                    <a:gd name="T17" fmla="*/ 20 h 61"/>
                    <a:gd name="T18" fmla="*/ 29 w 35"/>
                    <a:gd name="T19" fmla="*/ 23 h 61"/>
                    <a:gd name="T20" fmla="*/ 27 w 35"/>
                    <a:gd name="T21" fmla="*/ 29 h 61"/>
                    <a:gd name="T22" fmla="*/ 24 w 35"/>
                    <a:gd name="T23" fmla="*/ 34 h 61"/>
                    <a:gd name="T24" fmla="*/ 20 w 35"/>
                    <a:gd name="T25" fmla="*/ 39 h 61"/>
                    <a:gd name="T26" fmla="*/ 17 w 35"/>
                    <a:gd name="T27" fmla="*/ 44 h 61"/>
                    <a:gd name="T28" fmla="*/ 12 w 35"/>
                    <a:gd name="T29" fmla="*/ 49 h 61"/>
                    <a:gd name="T30" fmla="*/ 7 w 35"/>
                    <a:gd name="T31" fmla="*/ 56 h 61"/>
                    <a:gd name="T32" fmla="*/ 2 w 35"/>
                    <a:gd name="T33" fmla="*/ 61 h 61"/>
                    <a:gd name="T34" fmla="*/ 0 w 35"/>
                    <a:gd name="T35" fmla="*/ 61 h 61"/>
                    <a:gd name="T36" fmla="*/ 0 w 35"/>
                    <a:gd name="T37" fmla="*/ 59 h 61"/>
                    <a:gd name="T38" fmla="*/ 0 w 35"/>
                    <a:gd name="T39" fmla="*/ 57 h 61"/>
                    <a:gd name="T40" fmla="*/ 0 w 35"/>
                    <a:gd name="T41" fmla="*/ 56 h 61"/>
                    <a:gd name="T42" fmla="*/ 19 w 35"/>
                    <a:gd name="T43" fmla="*/ 35 h 61"/>
                    <a:gd name="T44" fmla="*/ 19 w 35"/>
                    <a:gd name="T45" fmla="*/ 27 h 61"/>
                    <a:gd name="T46" fmla="*/ 19 w 35"/>
                    <a:gd name="T47" fmla="*/ 25 h 61"/>
                    <a:gd name="T48" fmla="*/ 20 w 35"/>
                    <a:gd name="T49" fmla="*/ 25 h 61"/>
                    <a:gd name="T50" fmla="*/ 22 w 35"/>
                    <a:gd name="T51" fmla="*/ 23 h 61"/>
                    <a:gd name="T52" fmla="*/ 24 w 35"/>
                    <a:gd name="T53" fmla="*/ 22 h 61"/>
                    <a:gd name="T54" fmla="*/ 25 w 35"/>
                    <a:gd name="T55" fmla="*/ 18 h 61"/>
                    <a:gd name="T56" fmla="*/ 27 w 35"/>
                    <a:gd name="T57" fmla="*/ 15 h 61"/>
                    <a:gd name="T58" fmla="*/ 29 w 35"/>
                    <a:gd name="T59" fmla="*/ 12 h 61"/>
                    <a:gd name="T60" fmla="*/ 29 w 35"/>
                    <a:gd name="T61" fmla="*/ 5 h 61"/>
                    <a:gd name="T62" fmla="*/ 30 w 35"/>
                    <a:gd name="T63" fmla="*/ 3 h 61"/>
                    <a:gd name="T64" fmla="*/ 32 w 35"/>
                    <a:gd name="T65" fmla="*/ 1 h 61"/>
                    <a:gd name="T66" fmla="*/ 34 w 35"/>
                    <a:gd name="T67" fmla="*/ 0 h 61"/>
                    <a:gd name="T68" fmla="*/ 35 w 35"/>
                    <a:gd name="T69" fmla="*/ 0 h 61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w 35"/>
                    <a:gd name="T106" fmla="*/ 0 h 61"/>
                    <a:gd name="T107" fmla="*/ 35 w 35"/>
                    <a:gd name="T108" fmla="*/ 61 h 61"/>
                  </a:gdLst>
                  <a:ahLst/>
                  <a:cxnLst>
                    <a:cxn ang="T70">
                      <a:pos x="T0" y="T1"/>
                    </a:cxn>
                    <a:cxn ang="T71">
                      <a:pos x="T2" y="T3"/>
                    </a:cxn>
                    <a:cxn ang="T72">
                      <a:pos x="T4" y="T5"/>
                    </a:cxn>
                    <a:cxn ang="T73">
                      <a:pos x="T6" y="T7"/>
                    </a:cxn>
                    <a:cxn ang="T74">
                      <a:pos x="T8" y="T9"/>
                    </a:cxn>
                    <a:cxn ang="T75">
                      <a:pos x="T10" y="T11"/>
                    </a:cxn>
                    <a:cxn ang="T76">
                      <a:pos x="T12" y="T13"/>
                    </a:cxn>
                    <a:cxn ang="T77">
                      <a:pos x="T14" y="T15"/>
                    </a:cxn>
                    <a:cxn ang="T78">
                      <a:pos x="T16" y="T17"/>
                    </a:cxn>
                    <a:cxn ang="T79">
                      <a:pos x="T18" y="T19"/>
                    </a:cxn>
                    <a:cxn ang="T80">
                      <a:pos x="T20" y="T21"/>
                    </a:cxn>
                    <a:cxn ang="T81">
                      <a:pos x="T22" y="T23"/>
                    </a:cxn>
                    <a:cxn ang="T82">
                      <a:pos x="T24" y="T25"/>
                    </a:cxn>
                    <a:cxn ang="T83">
                      <a:pos x="T26" y="T27"/>
                    </a:cxn>
                    <a:cxn ang="T84">
                      <a:pos x="T28" y="T29"/>
                    </a:cxn>
                    <a:cxn ang="T85">
                      <a:pos x="T30" y="T31"/>
                    </a:cxn>
                    <a:cxn ang="T86">
                      <a:pos x="T32" y="T33"/>
                    </a:cxn>
                    <a:cxn ang="T87">
                      <a:pos x="T34" y="T35"/>
                    </a:cxn>
                    <a:cxn ang="T88">
                      <a:pos x="T36" y="T37"/>
                    </a:cxn>
                    <a:cxn ang="T89">
                      <a:pos x="T38" y="T39"/>
                    </a:cxn>
                    <a:cxn ang="T90">
                      <a:pos x="T40" y="T41"/>
                    </a:cxn>
                    <a:cxn ang="T91">
                      <a:pos x="T42" y="T43"/>
                    </a:cxn>
                    <a:cxn ang="T92">
                      <a:pos x="T44" y="T45"/>
                    </a:cxn>
                    <a:cxn ang="T93">
                      <a:pos x="T46" y="T47"/>
                    </a:cxn>
                    <a:cxn ang="T94">
                      <a:pos x="T48" y="T49"/>
                    </a:cxn>
                    <a:cxn ang="T95">
                      <a:pos x="T50" y="T51"/>
                    </a:cxn>
                    <a:cxn ang="T96">
                      <a:pos x="T52" y="T53"/>
                    </a:cxn>
                    <a:cxn ang="T97">
                      <a:pos x="T54" y="T55"/>
                    </a:cxn>
                    <a:cxn ang="T98">
                      <a:pos x="T56" y="T57"/>
                    </a:cxn>
                    <a:cxn ang="T99">
                      <a:pos x="T58" y="T59"/>
                    </a:cxn>
                    <a:cxn ang="T100">
                      <a:pos x="T60" y="T61"/>
                    </a:cxn>
                    <a:cxn ang="T101">
                      <a:pos x="T62" y="T63"/>
                    </a:cxn>
                    <a:cxn ang="T102">
                      <a:pos x="T64" y="T65"/>
                    </a:cxn>
                    <a:cxn ang="T103">
                      <a:pos x="T66" y="T67"/>
                    </a:cxn>
                    <a:cxn ang="T104">
                      <a:pos x="T68" y="T69"/>
                    </a:cxn>
                  </a:cxnLst>
                  <a:rect l="T105" t="T106" r="T107" b="T108"/>
                  <a:pathLst>
                    <a:path w="35" h="61">
                      <a:moveTo>
                        <a:pt x="35" y="0"/>
                      </a:moveTo>
                      <a:lnTo>
                        <a:pt x="35" y="0"/>
                      </a:lnTo>
                      <a:lnTo>
                        <a:pt x="35" y="1"/>
                      </a:lnTo>
                      <a:lnTo>
                        <a:pt x="35" y="3"/>
                      </a:lnTo>
                      <a:lnTo>
                        <a:pt x="35" y="5"/>
                      </a:lnTo>
                      <a:lnTo>
                        <a:pt x="34" y="8"/>
                      </a:lnTo>
                      <a:lnTo>
                        <a:pt x="34" y="12"/>
                      </a:lnTo>
                      <a:lnTo>
                        <a:pt x="32" y="15"/>
                      </a:lnTo>
                      <a:lnTo>
                        <a:pt x="30" y="20"/>
                      </a:lnTo>
                      <a:lnTo>
                        <a:pt x="29" y="23"/>
                      </a:lnTo>
                      <a:lnTo>
                        <a:pt x="27" y="29"/>
                      </a:lnTo>
                      <a:lnTo>
                        <a:pt x="24" y="34"/>
                      </a:lnTo>
                      <a:lnTo>
                        <a:pt x="20" y="39"/>
                      </a:lnTo>
                      <a:lnTo>
                        <a:pt x="17" y="44"/>
                      </a:lnTo>
                      <a:lnTo>
                        <a:pt x="12" y="49"/>
                      </a:lnTo>
                      <a:lnTo>
                        <a:pt x="7" y="56"/>
                      </a:lnTo>
                      <a:lnTo>
                        <a:pt x="2" y="61"/>
                      </a:lnTo>
                      <a:lnTo>
                        <a:pt x="0" y="61"/>
                      </a:lnTo>
                      <a:lnTo>
                        <a:pt x="0" y="59"/>
                      </a:lnTo>
                      <a:lnTo>
                        <a:pt x="0" y="57"/>
                      </a:lnTo>
                      <a:lnTo>
                        <a:pt x="0" y="56"/>
                      </a:lnTo>
                      <a:lnTo>
                        <a:pt x="19" y="35"/>
                      </a:lnTo>
                      <a:lnTo>
                        <a:pt x="19" y="27"/>
                      </a:lnTo>
                      <a:lnTo>
                        <a:pt x="19" y="25"/>
                      </a:lnTo>
                      <a:lnTo>
                        <a:pt x="20" y="25"/>
                      </a:lnTo>
                      <a:lnTo>
                        <a:pt x="22" y="23"/>
                      </a:lnTo>
                      <a:lnTo>
                        <a:pt x="24" y="22"/>
                      </a:lnTo>
                      <a:lnTo>
                        <a:pt x="25" y="18"/>
                      </a:lnTo>
                      <a:lnTo>
                        <a:pt x="27" y="15"/>
                      </a:lnTo>
                      <a:lnTo>
                        <a:pt x="29" y="12"/>
                      </a:lnTo>
                      <a:lnTo>
                        <a:pt x="29" y="5"/>
                      </a:lnTo>
                      <a:lnTo>
                        <a:pt x="30" y="3"/>
                      </a:lnTo>
                      <a:lnTo>
                        <a:pt x="32" y="1"/>
                      </a:lnTo>
                      <a:lnTo>
                        <a:pt x="34" y="0"/>
                      </a:lnTo>
                      <a:lnTo>
                        <a:pt x="35" y="0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67" name="Freeform 24"/>
                <p:cNvSpPr>
                  <a:spLocks/>
                </p:cNvSpPr>
                <p:nvPr/>
              </p:nvSpPr>
              <p:spPr bwMode="auto">
                <a:xfrm>
                  <a:off x="4673" y="3539"/>
                  <a:ext cx="35" cy="61"/>
                </a:xfrm>
                <a:custGeom>
                  <a:avLst/>
                  <a:gdLst>
                    <a:gd name="T0" fmla="*/ 35 w 35"/>
                    <a:gd name="T1" fmla="*/ 0 h 61"/>
                    <a:gd name="T2" fmla="*/ 35 w 35"/>
                    <a:gd name="T3" fmla="*/ 0 h 61"/>
                    <a:gd name="T4" fmla="*/ 35 w 35"/>
                    <a:gd name="T5" fmla="*/ 0 h 61"/>
                    <a:gd name="T6" fmla="*/ 35 w 35"/>
                    <a:gd name="T7" fmla="*/ 1 h 61"/>
                    <a:gd name="T8" fmla="*/ 35 w 35"/>
                    <a:gd name="T9" fmla="*/ 3 h 61"/>
                    <a:gd name="T10" fmla="*/ 35 w 35"/>
                    <a:gd name="T11" fmla="*/ 5 h 61"/>
                    <a:gd name="T12" fmla="*/ 34 w 35"/>
                    <a:gd name="T13" fmla="*/ 8 h 61"/>
                    <a:gd name="T14" fmla="*/ 34 w 35"/>
                    <a:gd name="T15" fmla="*/ 12 h 61"/>
                    <a:gd name="T16" fmla="*/ 32 w 35"/>
                    <a:gd name="T17" fmla="*/ 15 h 61"/>
                    <a:gd name="T18" fmla="*/ 30 w 35"/>
                    <a:gd name="T19" fmla="*/ 20 h 61"/>
                    <a:gd name="T20" fmla="*/ 29 w 35"/>
                    <a:gd name="T21" fmla="*/ 23 h 61"/>
                    <a:gd name="T22" fmla="*/ 27 w 35"/>
                    <a:gd name="T23" fmla="*/ 29 h 61"/>
                    <a:gd name="T24" fmla="*/ 24 w 35"/>
                    <a:gd name="T25" fmla="*/ 34 h 61"/>
                    <a:gd name="T26" fmla="*/ 20 w 35"/>
                    <a:gd name="T27" fmla="*/ 39 h 61"/>
                    <a:gd name="T28" fmla="*/ 17 w 35"/>
                    <a:gd name="T29" fmla="*/ 44 h 61"/>
                    <a:gd name="T30" fmla="*/ 12 w 35"/>
                    <a:gd name="T31" fmla="*/ 49 h 61"/>
                    <a:gd name="T32" fmla="*/ 7 w 35"/>
                    <a:gd name="T33" fmla="*/ 56 h 61"/>
                    <a:gd name="T34" fmla="*/ 2 w 35"/>
                    <a:gd name="T35" fmla="*/ 61 h 61"/>
                    <a:gd name="T36" fmla="*/ 2 w 35"/>
                    <a:gd name="T37" fmla="*/ 61 h 61"/>
                    <a:gd name="T38" fmla="*/ 0 w 35"/>
                    <a:gd name="T39" fmla="*/ 61 h 61"/>
                    <a:gd name="T40" fmla="*/ 0 w 35"/>
                    <a:gd name="T41" fmla="*/ 59 h 61"/>
                    <a:gd name="T42" fmla="*/ 0 w 35"/>
                    <a:gd name="T43" fmla="*/ 57 h 61"/>
                    <a:gd name="T44" fmla="*/ 0 w 35"/>
                    <a:gd name="T45" fmla="*/ 56 h 61"/>
                    <a:gd name="T46" fmla="*/ 19 w 35"/>
                    <a:gd name="T47" fmla="*/ 35 h 61"/>
                    <a:gd name="T48" fmla="*/ 19 w 35"/>
                    <a:gd name="T49" fmla="*/ 27 h 61"/>
                    <a:gd name="T50" fmla="*/ 19 w 35"/>
                    <a:gd name="T51" fmla="*/ 27 h 61"/>
                    <a:gd name="T52" fmla="*/ 19 w 35"/>
                    <a:gd name="T53" fmla="*/ 25 h 61"/>
                    <a:gd name="T54" fmla="*/ 20 w 35"/>
                    <a:gd name="T55" fmla="*/ 25 h 61"/>
                    <a:gd name="T56" fmla="*/ 22 w 35"/>
                    <a:gd name="T57" fmla="*/ 23 h 61"/>
                    <a:gd name="T58" fmla="*/ 24 w 35"/>
                    <a:gd name="T59" fmla="*/ 22 h 61"/>
                    <a:gd name="T60" fmla="*/ 25 w 35"/>
                    <a:gd name="T61" fmla="*/ 18 h 61"/>
                    <a:gd name="T62" fmla="*/ 27 w 35"/>
                    <a:gd name="T63" fmla="*/ 15 h 61"/>
                    <a:gd name="T64" fmla="*/ 29 w 35"/>
                    <a:gd name="T65" fmla="*/ 12 h 61"/>
                    <a:gd name="T66" fmla="*/ 29 w 35"/>
                    <a:gd name="T67" fmla="*/ 5 h 61"/>
                    <a:gd name="T68" fmla="*/ 29 w 35"/>
                    <a:gd name="T69" fmla="*/ 5 h 61"/>
                    <a:gd name="T70" fmla="*/ 30 w 35"/>
                    <a:gd name="T71" fmla="*/ 3 h 61"/>
                    <a:gd name="T72" fmla="*/ 32 w 35"/>
                    <a:gd name="T73" fmla="*/ 1 h 61"/>
                    <a:gd name="T74" fmla="*/ 34 w 35"/>
                    <a:gd name="T75" fmla="*/ 0 h 61"/>
                    <a:gd name="T76" fmla="*/ 35 w 35"/>
                    <a:gd name="T77" fmla="*/ 0 h 61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w 35"/>
                    <a:gd name="T118" fmla="*/ 0 h 61"/>
                    <a:gd name="T119" fmla="*/ 35 w 35"/>
                    <a:gd name="T120" fmla="*/ 61 h 61"/>
                  </a:gdLst>
                  <a:ahLst/>
                  <a:cxnLst>
                    <a:cxn ang="T78">
                      <a:pos x="T0" y="T1"/>
                    </a:cxn>
                    <a:cxn ang="T79">
                      <a:pos x="T2" y="T3"/>
                    </a:cxn>
                    <a:cxn ang="T80">
                      <a:pos x="T4" y="T5"/>
                    </a:cxn>
                    <a:cxn ang="T81">
                      <a:pos x="T6" y="T7"/>
                    </a:cxn>
                    <a:cxn ang="T82">
                      <a:pos x="T8" y="T9"/>
                    </a:cxn>
                    <a:cxn ang="T83">
                      <a:pos x="T10" y="T11"/>
                    </a:cxn>
                    <a:cxn ang="T84">
                      <a:pos x="T12" y="T13"/>
                    </a:cxn>
                    <a:cxn ang="T85">
                      <a:pos x="T14" y="T15"/>
                    </a:cxn>
                    <a:cxn ang="T86">
                      <a:pos x="T16" y="T17"/>
                    </a:cxn>
                    <a:cxn ang="T87">
                      <a:pos x="T18" y="T19"/>
                    </a:cxn>
                    <a:cxn ang="T88">
                      <a:pos x="T20" y="T21"/>
                    </a:cxn>
                    <a:cxn ang="T89">
                      <a:pos x="T22" y="T23"/>
                    </a:cxn>
                    <a:cxn ang="T90">
                      <a:pos x="T24" y="T25"/>
                    </a:cxn>
                    <a:cxn ang="T91">
                      <a:pos x="T26" y="T27"/>
                    </a:cxn>
                    <a:cxn ang="T92">
                      <a:pos x="T28" y="T29"/>
                    </a:cxn>
                    <a:cxn ang="T93">
                      <a:pos x="T30" y="T31"/>
                    </a:cxn>
                    <a:cxn ang="T94">
                      <a:pos x="T32" y="T33"/>
                    </a:cxn>
                    <a:cxn ang="T95">
                      <a:pos x="T34" y="T35"/>
                    </a:cxn>
                    <a:cxn ang="T96">
                      <a:pos x="T36" y="T37"/>
                    </a:cxn>
                    <a:cxn ang="T97">
                      <a:pos x="T38" y="T39"/>
                    </a:cxn>
                    <a:cxn ang="T98">
                      <a:pos x="T40" y="T41"/>
                    </a:cxn>
                    <a:cxn ang="T99">
                      <a:pos x="T42" y="T43"/>
                    </a:cxn>
                    <a:cxn ang="T100">
                      <a:pos x="T44" y="T45"/>
                    </a:cxn>
                    <a:cxn ang="T101">
                      <a:pos x="T46" y="T47"/>
                    </a:cxn>
                    <a:cxn ang="T102">
                      <a:pos x="T48" y="T49"/>
                    </a:cxn>
                    <a:cxn ang="T103">
                      <a:pos x="T50" y="T51"/>
                    </a:cxn>
                    <a:cxn ang="T104">
                      <a:pos x="T52" y="T53"/>
                    </a:cxn>
                    <a:cxn ang="T105">
                      <a:pos x="T54" y="T55"/>
                    </a:cxn>
                    <a:cxn ang="T106">
                      <a:pos x="T56" y="T57"/>
                    </a:cxn>
                    <a:cxn ang="T107">
                      <a:pos x="T58" y="T59"/>
                    </a:cxn>
                    <a:cxn ang="T108">
                      <a:pos x="T60" y="T61"/>
                    </a:cxn>
                    <a:cxn ang="T109">
                      <a:pos x="T62" y="T63"/>
                    </a:cxn>
                    <a:cxn ang="T110">
                      <a:pos x="T64" y="T65"/>
                    </a:cxn>
                    <a:cxn ang="T111">
                      <a:pos x="T66" y="T67"/>
                    </a:cxn>
                    <a:cxn ang="T112">
                      <a:pos x="T68" y="T69"/>
                    </a:cxn>
                    <a:cxn ang="T113">
                      <a:pos x="T70" y="T71"/>
                    </a:cxn>
                    <a:cxn ang="T114">
                      <a:pos x="T72" y="T73"/>
                    </a:cxn>
                    <a:cxn ang="T115">
                      <a:pos x="T74" y="T75"/>
                    </a:cxn>
                    <a:cxn ang="T116">
                      <a:pos x="T76" y="T77"/>
                    </a:cxn>
                  </a:cxnLst>
                  <a:rect l="T117" t="T118" r="T119" b="T120"/>
                  <a:pathLst>
                    <a:path w="35" h="61">
                      <a:moveTo>
                        <a:pt x="35" y="0"/>
                      </a:moveTo>
                      <a:lnTo>
                        <a:pt x="35" y="0"/>
                      </a:lnTo>
                      <a:lnTo>
                        <a:pt x="35" y="1"/>
                      </a:lnTo>
                      <a:lnTo>
                        <a:pt x="35" y="3"/>
                      </a:lnTo>
                      <a:lnTo>
                        <a:pt x="35" y="5"/>
                      </a:lnTo>
                      <a:lnTo>
                        <a:pt x="34" y="8"/>
                      </a:lnTo>
                      <a:lnTo>
                        <a:pt x="34" y="12"/>
                      </a:lnTo>
                      <a:lnTo>
                        <a:pt x="32" y="15"/>
                      </a:lnTo>
                      <a:lnTo>
                        <a:pt x="30" y="20"/>
                      </a:lnTo>
                      <a:lnTo>
                        <a:pt x="29" y="23"/>
                      </a:lnTo>
                      <a:lnTo>
                        <a:pt x="27" y="29"/>
                      </a:lnTo>
                      <a:lnTo>
                        <a:pt x="24" y="34"/>
                      </a:lnTo>
                      <a:lnTo>
                        <a:pt x="20" y="39"/>
                      </a:lnTo>
                      <a:lnTo>
                        <a:pt x="17" y="44"/>
                      </a:lnTo>
                      <a:lnTo>
                        <a:pt x="12" y="49"/>
                      </a:lnTo>
                      <a:lnTo>
                        <a:pt x="7" y="56"/>
                      </a:lnTo>
                      <a:lnTo>
                        <a:pt x="2" y="61"/>
                      </a:lnTo>
                      <a:lnTo>
                        <a:pt x="0" y="61"/>
                      </a:lnTo>
                      <a:lnTo>
                        <a:pt x="0" y="59"/>
                      </a:lnTo>
                      <a:lnTo>
                        <a:pt x="0" y="57"/>
                      </a:lnTo>
                      <a:lnTo>
                        <a:pt x="0" y="56"/>
                      </a:lnTo>
                      <a:lnTo>
                        <a:pt x="19" y="35"/>
                      </a:lnTo>
                      <a:lnTo>
                        <a:pt x="19" y="27"/>
                      </a:lnTo>
                      <a:lnTo>
                        <a:pt x="19" y="25"/>
                      </a:lnTo>
                      <a:lnTo>
                        <a:pt x="20" y="25"/>
                      </a:lnTo>
                      <a:lnTo>
                        <a:pt x="22" y="23"/>
                      </a:lnTo>
                      <a:lnTo>
                        <a:pt x="24" y="22"/>
                      </a:lnTo>
                      <a:lnTo>
                        <a:pt x="25" y="18"/>
                      </a:lnTo>
                      <a:lnTo>
                        <a:pt x="27" y="15"/>
                      </a:lnTo>
                      <a:lnTo>
                        <a:pt x="29" y="12"/>
                      </a:lnTo>
                      <a:lnTo>
                        <a:pt x="29" y="5"/>
                      </a:lnTo>
                      <a:lnTo>
                        <a:pt x="30" y="3"/>
                      </a:lnTo>
                      <a:lnTo>
                        <a:pt x="32" y="1"/>
                      </a:lnTo>
                      <a:lnTo>
                        <a:pt x="34" y="0"/>
                      </a:lnTo>
                      <a:lnTo>
                        <a:pt x="35" y="0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68" name="Freeform 25"/>
                <p:cNvSpPr>
                  <a:spLocks/>
                </p:cNvSpPr>
                <p:nvPr/>
              </p:nvSpPr>
              <p:spPr bwMode="auto">
                <a:xfrm>
                  <a:off x="4710" y="3513"/>
                  <a:ext cx="7" cy="19"/>
                </a:xfrm>
                <a:custGeom>
                  <a:avLst/>
                  <a:gdLst>
                    <a:gd name="T0" fmla="*/ 0 w 7"/>
                    <a:gd name="T1" fmla="*/ 11 h 19"/>
                    <a:gd name="T2" fmla="*/ 2 w 7"/>
                    <a:gd name="T3" fmla="*/ 5 h 19"/>
                    <a:gd name="T4" fmla="*/ 2 w 7"/>
                    <a:gd name="T5" fmla="*/ 4 h 19"/>
                    <a:gd name="T6" fmla="*/ 2 w 7"/>
                    <a:gd name="T7" fmla="*/ 0 h 19"/>
                    <a:gd name="T8" fmla="*/ 4 w 7"/>
                    <a:gd name="T9" fmla="*/ 0 h 19"/>
                    <a:gd name="T10" fmla="*/ 5 w 7"/>
                    <a:gd name="T11" fmla="*/ 0 h 19"/>
                    <a:gd name="T12" fmla="*/ 7 w 7"/>
                    <a:gd name="T13" fmla="*/ 4 h 19"/>
                    <a:gd name="T14" fmla="*/ 7 w 7"/>
                    <a:gd name="T15" fmla="*/ 5 h 19"/>
                    <a:gd name="T16" fmla="*/ 7 w 7"/>
                    <a:gd name="T17" fmla="*/ 11 h 19"/>
                    <a:gd name="T18" fmla="*/ 7 w 7"/>
                    <a:gd name="T19" fmla="*/ 14 h 19"/>
                    <a:gd name="T20" fmla="*/ 7 w 7"/>
                    <a:gd name="T21" fmla="*/ 17 h 19"/>
                    <a:gd name="T22" fmla="*/ 5 w 7"/>
                    <a:gd name="T23" fmla="*/ 19 h 19"/>
                    <a:gd name="T24" fmla="*/ 4 w 7"/>
                    <a:gd name="T25" fmla="*/ 19 h 19"/>
                    <a:gd name="T26" fmla="*/ 2 w 7"/>
                    <a:gd name="T27" fmla="*/ 19 h 19"/>
                    <a:gd name="T28" fmla="*/ 2 w 7"/>
                    <a:gd name="T29" fmla="*/ 17 h 19"/>
                    <a:gd name="T30" fmla="*/ 2 w 7"/>
                    <a:gd name="T31" fmla="*/ 14 h 19"/>
                    <a:gd name="T32" fmla="*/ 0 w 7"/>
                    <a:gd name="T33" fmla="*/ 11 h 19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7"/>
                    <a:gd name="T52" fmla="*/ 0 h 19"/>
                    <a:gd name="T53" fmla="*/ 7 w 7"/>
                    <a:gd name="T54" fmla="*/ 19 h 19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7" h="19">
                      <a:moveTo>
                        <a:pt x="0" y="11"/>
                      </a:moveTo>
                      <a:lnTo>
                        <a:pt x="2" y="5"/>
                      </a:lnTo>
                      <a:lnTo>
                        <a:pt x="2" y="4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7" y="4"/>
                      </a:lnTo>
                      <a:lnTo>
                        <a:pt x="7" y="5"/>
                      </a:lnTo>
                      <a:lnTo>
                        <a:pt x="7" y="11"/>
                      </a:lnTo>
                      <a:lnTo>
                        <a:pt x="7" y="14"/>
                      </a:lnTo>
                      <a:lnTo>
                        <a:pt x="7" y="17"/>
                      </a:lnTo>
                      <a:lnTo>
                        <a:pt x="5" y="19"/>
                      </a:lnTo>
                      <a:lnTo>
                        <a:pt x="4" y="19"/>
                      </a:lnTo>
                      <a:lnTo>
                        <a:pt x="2" y="19"/>
                      </a:lnTo>
                      <a:lnTo>
                        <a:pt x="2" y="17"/>
                      </a:lnTo>
                      <a:lnTo>
                        <a:pt x="2" y="14"/>
                      </a:lnTo>
                      <a:lnTo>
                        <a:pt x="0" y="1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69" name="Freeform 26"/>
                <p:cNvSpPr>
                  <a:spLocks/>
                </p:cNvSpPr>
                <p:nvPr/>
              </p:nvSpPr>
              <p:spPr bwMode="auto">
                <a:xfrm>
                  <a:off x="4710" y="3513"/>
                  <a:ext cx="7" cy="19"/>
                </a:xfrm>
                <a:custGeom>
                  <a:avLst/>
                  <a:gdLst>
                    <a:gd name="T0" fmla="*/ 0 w 7"/>
                    <a:gd name="T1" fmla="*/ 11 h 19"/>
                    <a:gd name="T2" fmla="*/ 0 w 7"/>
                    <a:gd name="T3" fmla="*/ 11 h 19"/>
                    <a:gd name="T4" fmla="*/ 2 w 7"/>
                    <a:gd name="T5" fmla="*/ 5 h 19"/>
                    <a:gd name="T6" fmla="*/ 2 w 7"/>
                    <a:gd name="T7" fmla="*/ 4 h 19"/>
                    <a:gd name="T8" fmla="*/ 2 w 7"/>
                    <a:gd name="T9" fmla="*/ 0 h 19"/>
                    <a:gd name="T10" fmla="*/ 4 w 7"/>
                    <a:gd name="T11" fmla="*/ 0 h 19"/>
                    <a:gd name="T12" fmla="*/ 4 w 7"/>
                    <a:gd name="T13" fmla="*/ 0 h 19"/>
                    <a:gd name="T14" fmla="*/ 5 w 7"/>
                    <a:gd name="T15" fmla="*/ 0 h 19"/>
                    <a:gd name="T16" fmla="*/ 7 w 7"/>
                    <a:gd name="T17" fmla="*/ 4 h 19"/>
                    <a:gd name="T18" fmla="*/ 7 w 7"/>
                    <a:gd name="T19" fmla="*/ 5 h 19"/>
                    <a:gd name="T20" fmla="*/ 7 w 7"/>
                    <a:gd name="T21" fmla="*/ 11 h 19"/>
                    <a:gd name="T22" fmla="*/ 7 w 7"/>
                    <a:gd name="T23" fmla="*/ 11 h 19"/>
                    <a:gd name="T24" fmla="*/ 7 w 7"/>
                    <a:gd name="T25" fmla="*/ 14 h 19"/>
                    <a:gd name="T26" fmla="*/ 7 w 7"/>
                    <a:gd name="T27" fmla="*/ 17 h 19"/>
                    <a:gd name="T28" fmla="*/ 5 w 7"/>
                    <a:gd name="T29" fmla="*/ 19 h 19"/>
                    <a:gd name="T30" fmla="*/ 4 w 7"/>
                    <a:gd name="T31" fmla="*/ 19 h 19"/>
                    <a:gd name="T32" fmla="*/ 4 w 7"/>
                    <a:gd name="T33" fmla="*/ 19 h 19"/>
                    <a:gd name="T34" fmla="*/ 2 w 7"/>
                    <a:gd name="T35" fmla="*/ 19 h 19"/>
                    <a:gd name="T36" fmla="*/ 2 w 7"/>
                    <a:gd name="T37" fmla="*/ 17 h 19"/>
                    <a:gd name="T38" fmla="*/ 2 w 7"/>
                    <a:gd name="T39" fmla="*/ 14 h 19"/>
                    <a:gd name="T40" fmla="*/ 0 w 7"/>
                    <a:gd name="T41" fmla="*/ 11 h 19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7"/>
                    <a:gd name="T64" fmla="*/ 0 h 19"/>
                    <a:gd name="T65" fmla="*/ 7 w 7"/>
                    <a:gd name="T66" fmla="*/ 19 h 19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7" h="19">
                      <a:moveTo>
                        <a:pt x="0" y="11"/>
                      </a:moveTo>
                      <a:lnTo>
                        <a:pt x="0" y="11"/>
                      </a:lnTo>
                      <a:lnTo>
                        <a:pt x="2" y="5"/>
                      </a:lnTo>
                      <a:lnTo>
                        <a:pt x="2" y="4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7" y="4"/>
                      </a:lnTo>
                      <a:lnTo>
                        <a:pt x="7" y="5"/>
                      </a:lnTo>
                      <a:lnTo>
                        <a:pt x="7" y="11"/>
                      </a:lnTo>
                      <a:lnTo>
                        <a:pt x="7" y="14"/>
                      </a:lnTo>
                      <a:lnTo>
                        <a:pt x="7" y="17"/>
                      </a:lnTo>
                      <a:lnTo>
                        <a:pt x="5" y="19"/>
                      </a:lnTo>
                      <a:lnTo>
                        <a:pt x="4" y="19"/>
                      </a:lnTo>
                      <a:lnTo>
                        <a:pt x="2" y="19"/>
                      </a:lnTo>
                      <a:lnTo>
                        <a:pt x="2" y="17"/>
                      </a:lnTo>
                      <a:lnTo>
                        <a:pt x="2" y="14"/>
                      </a:lnTo>
                      <a:lnTo>
                        <a:pt x="0" y="1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70" name="Freeform 27"/>
                <p:cNvSpPr>
                  <a:spLocks/>
                </p:cNvSpPr>
                <p:nvPr/>
              </p:nvSpPr>
              <p:spPr bwMode="auto">
                <a:xfrm>
                  <a:off x="4714" y="3488"/>
                  <a:ext cx="5" cy="10"/>
                </a:xfrm>
                <a:custGeom>
                  <a:avLst/>
                  <a:gdLst>
                    <a:gd name="T0" fmla="*/ 0 w 5"/>
                    <a:gd name="T1" fmla="*/ 5 h 10"/>
                    <a:gd name="T2" fmla="*/ 0 w 5"/>
                    <a:gd name="T3" fmla="*/ 3 h 10"/>
                    <a:gd name="T4" fmla="*/ 0 w 5"/>
                    <a:gd name="T5" fmla="*/ 2 h 10"/>
                    <a:gd name="T6" fmla="*/ 1 w 5"/>
                    <a:gd name="T7" fmla="*/ 2 h 10"/>
                    <a:gd name="T8" fmla="*/ 1 w 5"/>
                    <a:gd name="T9" fmla="*/ 0 h 10"/>
                    <a:gd name="T10" fmla="*/ 3 w 5"/>
                    <a:gd name="T11" fmla="*/ 2 h 10"/>
                    <a:gd name="T12" fmla="*/ 3 w 5"/>
                    <a:gd name="T13" fmla="*/ 2 h 10"/>
                    <a:gd name="T14" fmla="*/ 3 w 5"/>
                    <a:gd name="T15" fmla="*/ 3 h 10"/>
                    <a:gd name="T16" fmla="*/ 5 w 5"/>
                    <a:gd name="T17" fmla="*/ 5 h 10"/>
                    <a:gd name="T18" fmla="*/ 3 w 5"/>
                    <a:gd name="T19" fmla="*/ 7 h 10"/>
                    <a:gd name="T20" fmla="*/ 3 w 5"/>
                    <a:gd name="T21" fmla="*/ 8 h 10"/>
                    <a:gd name="T22" fmla="*/ 3 w 5"/>
                    <a:gd name="T23" fmla="*/ 10 h 10"/>
                    <a:gd name="T24" fmla="*/ 1 w 5"/>
                    <a:gd name="T25" fmla="*/ 10 h 10"/>
                    <a:gd name="T26" fmla="*/ 1 w 5"/>
                    <a:gd name="T27" fmla="*/ 10 h 10"/>
                    <a:gd name="T28" fmla="*/ 0 w 5"/>
                    <a:gd name="T29" fmla="*/ 8 h 10"/>
                    <a:gd name="T30" fmla="*/ 0 w 5"/>
                    <a:gd name="T31" fmla="*/ 7 h 10"/>
                    <a:gd name="T32" fmla="*/ 0 w 5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5"/>
                    <a:gd name="T52" fmla="*/ 0 h 10"/>
                    <a:gd name="T53" fmla="*/ 5 w 5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5" h="10">
                      <a:moveTo>
                        <a:pt x="0" y="5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2"/>
                      </a:lnTo>
                      <a:lnTo>
                        <a:pt x="3" y="3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3" y="8"/>
                      </a:lnTo>
                      <a:lnTo>
                        <a:pt x="3" y="10"/>
                      </a:lnTo>
                      <a:lnTo>
                        <a:pt x="1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71" name="Freeform 28"/>
                <p:cNvSpPr>
                  <a:spLocks/>
                </p:cNvSpPr>
                <p:nvPr/>
              </p:nvSpPr>
              <p:spPr bwMode="auto">
                <a:xfrm>
                  <a:off x="4714" y="3488"/>
                  <a:ext cx="5" cy="10"/>
                </a:xfrm>
                <a:custGeom>
                  <a:avLst/>
                  <a:gdLst>
                    <a:gd name="T0" fmla="*/ 0 w 5"/>
                    <a:gd name="T1" fmla="*/ 5 h 10"/>
                    <a:gd name="T2" fmla="*/ 0 w 5"/>
                    <a:gd name="T3" fmla="*/ 5 h 10"/>
                    <a:gd name="T4" fmla="*/ 0 w 5"/>
                    <a:gd name="T5" fmla="*/ 3 h 10"/>
                    <a:gd name="T6" fmla="*/ 0 w 5"/>
                    <a:gd name="T7" fmla="*/ 2 h 10"/>
                    <a:gd name="T8" fmla="*/ 1 w 5"/>
                    <a:gd name="T9" fmla="*/ 2 h 10"/>
                    <a:gd name="T10" fmla="*/ 1 w 5"/>
                    <a:gd name="T11" fmla="*/ 0 h 10"/>
                    <a:gd name="T12" fmla="*/ 1 w 5"/>
                    <a:gd name="T13" fmla="*/ 0 h 10"/>
                    <a:gd name="T14" fmla="*/ 3 w 5"/>
                    <a:gd name="T15" fmla="*/ 2 h 10"/>
                    <a:gd name="T16" fmla="*/ 3 w 5"/>
                    <a:gd name="T17" fmla="*/ 2 h 10"/>
                    <a:gd name="T18" fmla="*/ 3 w 5"/>
                    <a:gd name="T19" fmla="*/ 3 h 10"/>
                    <a:gd name="T20" fmla="*/ 5 w 5"/>
                    <a:gd name="T21" fmla="*/ 5 h 10"/>
                    <a:gd name="T22" fmla="*/ 5 w 5"/>
                    <a:gd name="T23" fmla="*/ 5 h 10"/>
                    <a:gd name="T24" fmla="*/ 3 w 5"/>
                    <a:gd name="T25" fmla="*/ 7 h 10"/>
                    <a:gd name="T26" fmla="*/ 3 w 5"/>
                    <a:gd name="T27" fmla="*/ 8 h 10"/>
                    <a:gd name="T28" fmla="*/ 3 w 5"/>
                    <a:gd name="T29" fmla="*/ 10 h 10"/>
                    <a:gd name="T30" fmla="*/ 1 w 5"/>
                    <a:gd name="T31" fmla="*/ 10 h 10"/>
                    <a:gd name="T32" fmla="*/ 1 w 5"/>
                    <a:gd name="T33" fmla="*/ 10 h 10"/>
                    <a:gd name="T34" fmla="*/ 1 w 5"/>
                    <a:gd name="T35" fmla="*/ 10 h 10"/>
                    <a:gd name="T36" fmla="*/ 0 w 5"/>
                    <a:gd name="T37" fmla="*/ 8 h 10"/>
                    <a:gd name="T38" fmla="*/ 0 w 5"/>
                    <a:gd name="T39" fmla="*/ 7 h 10"/>
                    <a:gd name="T40" fmla="*/ 0 w 5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5"/>
                    <a:gd name="T64" fmla="*/ 0 h 10"/>
                    <a:gd name="T65" fmla="*/ 5 w 5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5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2"/>
                      </a:lnTo>
                      <a:lnTo>
                        <a:pt x="3" y="3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3" y="8"/>
                      </a:lnTo>
                      <a:lnTo>
                        <a:pt x="3" y="10"/>
                      </a:lnTo>
                      <a:lnTo>
                        <a:pt x="1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72" name="Freeform 29"/>
                <p:cNvSpPr>
                  <a:spLocks/>
                </p:cNvSpPr>
                <p:nvPr/>
              </p:nvSpPr>
              <p:spPr bwMode="auto">
                <a:xfrm>
                  <a:off x="4590" y="3632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2 w 8"/>
                    <a:gd name="T3" fmla="*/ 3 h 10"/>
                    <a:gd name="T4" fmla="*/ 2 w 8"/>
                    <a:gd name="T5" fmla="*/ 0 h 10"/>
                    <a:gd name="T6" fmla="*/ 3 w 8"/>
                    <a:gd name="T7" fmla="*/ 0 h 10"/>
                    <a:gd name="T8" fmla="*/ 5 w 8"/>
                    <a:gd name="T9" fmla="*/ 0 h 10"/>
                    <a:gd name="T10" fmla="*/ 5 w 8"/>
                    <a:gd name="T11" fmla="*/ 0 h 10"/>
                    <a:gd name="T12" fmla="*/ 7 w 8"/>
                    <a:gd name="T13" fmla="*/ 0 h 10"/>
                    <a:gd name="T14" fmla="*/ 8 w 8"/>
                    <a:gd name="T15" fmla="*/ 3 h 10"/>
                    <a:gd name="T16" fmla="*/ 8 w 8"/>
                    <a:gd name="T17" fmla="*/ 5 h 10"/>
                    <a:gd name="T18" fmla="*/ 8 w 8"/>
                    <a:gd name="T19" fmla="*/ 7 h 10"/>
                    <a:gd name="T20" fmla="*/ 7 w 8"/>
                    <a:gd name="T21" fmla="*/ 8 h 10"/>
                    <a:gd name="T22" fmla="*/ 5 w 8"/>
                    <a:gd name="T23" fmla="*/ 10 h 10"/>
                    <a:gd name="T24" fmla="*/ 5 w 8"/>
                    <a:gd name="T25" fmla="*/ 10 h 10"/>
                    <a:gd name="T26" fmla="*/ 3 w 8"/>
                    <a:gd name="T27" fmla="*/ 10 h 10"/>
                    <a:gd name="T28" fmla="*/ 2 w 8"/>
                    <a:gd name="T29" fmla="*/ 8 h 10"/>
                    <a:gd name="T30" fmla="*/ 2 w 8"/>
                    <a:gd name="T31" fmla="*/ 7 h 10"/>
                    <a:gd name="T32" fmla="*/ 0 w 8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10"/>
                    <a:gd name="T53" fmla="*/ 8 w 8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10">
                      <a:moveTo>
                        <a:pt x="0" y="5"/>
                      </a:moveTo>
                      <a:lnTo>
                        <a:pt x="2" y="3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8" y="3"/>
                      </a:lnTo>
                      <a:lnTo>
                        <a:pt x="8" y="5"/>
                      </a:lnTo>
                      <a:lnTo>
                        <a:pt x="8" y="7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8"/>
                      </a:lnTo>
                      <a:lnTo>
                        <a:pt x="2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73" name="Freeform 30"/>
                <p:cNvSpPr>
                  <a:spLocks/>
                </p:cNvSpPr>
                <p:nvPr/>
              </p:nvSpPr>
              <p:spPr bwMode="auto">
                <a:xfrm>
                  <a:off x="4590" y="3632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5 h 10"/>
                    <a:gd name="T4" fmla="*/ 2 w 8"/>
                    <a:gd name="T5" fmla="*/ 3 h 10"/>
                    <a:gd name="T6" fmla="*/ 2 w 8"/>
                    <a:gd name="T7" fmla="*/ 0 h 10"/>
                    <a:gd name="T8" fmla="*/ 3 w 8"/>
                    <a:gd name="T9" fmla="*/ 0 h 10"/>
                    <a:gd name="T10" fmla="*/ 5 w 8"/>
                    <a:gd name="T11" fmla="*/ 0 h 10"/>
                    <a:gd name="T12" fmla="*/ 5 w 8"/>
                    <a:gd name="T13" fmla="*/ 0 h 10"/>
                    <a:gd name="T14" fmla="*/ 5 w 8"/>
                    <a:gd name="T15" fmla="*/ 0 h 10"/>
                    <a:gd name="T16" fmla="*/ 7 w 8"/>
                    <a:gd name="T17" fmla="*/ 0 h 10"/>
                    <a:gd name="T18" fmla="*/ 8 w 8"/>
                    <a:gd name="T19" fmla="*/ 3 h 10"/>
                    <a:gd name="T20" fmla="*/ 8 w 8"/>
                    <a:gd name="T21" fmla="*/ 5 h 10"/>
                    <a:gd name="T22" fmla="*/ 8 w 8"/>
                    <a:gd name="T23" fmla="*/ 5 h 10"/>
                    <a:gd name="T24" fmla="*/ 8 w 8"/>
                    <a:gd name="T25" fmla="*/ 7 h 10"/>
                    <a:gd name="T26" fmla="*/ 7 w 8"/>
                    <a:gd name="T27" fmla="*/ 8 h 10"/>
                    <a:gd name="T28" fmla="*/ 5 w 8"/>
                    <a:gd name="T29" fmla="*/ 10 h 10"/>
                    <a:gd name="T30" fmla="*/ 5 w 8"/>
                    <a:gd name="T31" fmla="*/ 10 h 10"/>
                    <a:gd name="T32" fmla="*/ 5 w 8"/>
                    <a:gd name="T33" fmla="*/ 10 h 10"/>
                    <a:gd name="T34" fmla="*/ 3 w 8"/>
                    <a:gd name="T35" fmla="*/ 10 h 10"/>
                    <a:gd name="T36" fmla="*/ 2 w 8"/>
                    <a:gd name="T37" fmla="*/ 8 h 10"/>
                    <a:gd name="T38" fmla="*/ 2 w 8"/>
                    <a:gd name="T39" fmla="*/ 7 h 10"/>
                    <a:gd name="T40" fmla="*/ 0 w 8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10"/>
                    <a:gd name="T65" fmla="*/ 8 w 8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2" y="3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8" y="3"/>
                      </a:lnTo>
                      <a:lnTo>
                        <a:pt x="8" y="5"/>
                      </a:lnTo>
                      <a:lnTo>
                        <a:pt x="8" y="7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8"/>
                      </a:lnTo>
                      <a:lnTo>
                        <a:pt x="2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74" name="Freeform 31"/>
                <p:cNvSpPr>
                  <a:spLocks/>
                </p:cNvSpPr>
                <p:nvPr/>
              </p:nvSpPr>
              <p:spPr bwMode="auto">
                <a:xfrm>
                  <a:off x="4582" y="3637"/>
                  <a:ext cx="6" cy="8"/>
                </a:xfrm>
                <a:custGeom>
                  <a:avLst/>
                  <a:gdLst>
                    <a:gd name="T0" fmla="*/ 0 w 6"/>
                    <a:gd name="T1" fmla="*/ 3 h 8"/>
                    <a:gd name="T2" fmla="*/ 0 w 6"/>
                    <a:gd name="T3" fmla="*/ 3 h 8"/>
                    <a:gd name="T4" fmla="*/ 0 w 6"/>
                    <a:gd name="T5" fmla="*/ 2 h 8"/>
                    <a:gd name="T6" fmla="*/ 1 w 6"/>
                    <a:gd name="T7" fmla="*/ 0 h 8"/>
                    <a:gd name="T8" fmla="*/ 3 w 6"/>
                    <a:gd name="T9" fmla="*/ 0 h 8"/>
                    <a:gd name="T10" fmla="*/ 5 w 6"/>
                    <a:gd name="T11" fmla="*/ 0 h 8"/>
                    <a:gd name="T12" fmla="*/ 5 w 6"/>
                    <a:gd name="T13" fmla="*/ 2 h 8"/>
                    <a:gd name="T14" fmla="*/ 6 w 6"/>
                    <a:gd name="T15" fmla="*/ 3 h 8"/>
                    <a:gd name="T16" fmla="*/ 6 w 6"/>
                    <a:gd name="T17" fmla="*/ 3 h 8"/>
                    <a:gd name="T18" fmla="*/ 6 w 6"/>
                    <a:gd name="T19" fmla="*/ 5 h 8"/>
                    <a:gd name="T20" fmla="*/ 5 w 6"/>
                    <a:gd name="T21" fmla="*/ 7 h 8"/>
                    <a:gd name="T22" fmla="*/ 5 w 6"/>
                    <a:gd name="T23" fmla="*/ 7 h 8"/>
                    <a:gd name="T24" fmla="*/ 3 w 6"/>
                    <a:gd name="T25" fmla="*/ 8 h 8"/>
                    <a:gd name="T26" fmla="*/ 1 w 6"/>
                    <a:gd name="T27" fmla="*/ 7 h 8"/>
                    <a:gd name="T28" fmla="*/ 0 w 6"/>
                    <a:gd name="T29" fmla="*/ 7 h 8"/>
                    <a:gd name="T30" fmla="*/ 0 w 6"/>
                    <a:gd name="T31" fmla="*/ 5 h 8"/>
                    <a:gd name="T32" fmla="*/ 0 w 6"/>
                    <a:gd name="T33" fmla="*/ 3 h 8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6"/>
                    <a:gd name="T52" fmla="*/ 0 h 8"/>
                    <a:gd name="T53" fmla="*/ 6 w 6"/>
                    <a:gd name="T54" fmla="*/ 8 h 8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6" h="8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5" y="2"/>
                      </a:lnTo>
                      <a:lnTo>
                        <a:pt x="6" y="3"/>
                      </a:lnTo>
                      <a:lnTo>
                        <a:pt x="6" y="5"/>
                      </a:lnTo>
                      <a:lnTo>
                        <a:pt x="5" y="7"/>
                      </a:lnTo>
                      <a:lnTo>
                        <a:pt x="3" y="8"/>
                      </a:lnTo>
                      <a:lnTo>
                        <a:pt x="1" y="7"/>
                      </a:lnTo>
                      <a:lnTo>
                        <a:pt x="0" y="7"/>
                      </a:lnTo>
                      <a:lnTo>
                        <a:pt x="0" y="5"/>
                      </a:lnTo>
                      <a:lnTo>
                        <a:pt x="0" y="3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75" name="Freeform 32"/>
                <p:cNvSpPr>
                  <a:spLocks/>
                </p:cNvSpPr>
                <p:nvPr/>
              </p:nvSpPr>
              <p:spPr bwMode="auto">
                <a:xfrm>
                  <a:off x="4582" y="3637"/>
                  <a:ext cx="6" cy="8"/>
                </a:xfrm>
                <a:custGeom>
                  <a:avLst/>
                  <a:gdLst>
                    <a:gd name="T0" fmla="*/ 0 w 6"/>
                    <a:gd name="T1" fmla="*/ 3 h 8"/>
                    <a:gd name="T2" fmla="*/ 0 w 6"/>
                    <a:gd name="T3" fmla="*/ 3 h 8"/>
                    <a:gd name="T4" fmla="*/ 0 w 6"/>
                    <a:gd name="T5" fmla="*/ 3 h 8"/>
                    <a:gd name="T6" fmla="*/ 0 w 6"/>
                    <a:gd name="T7" fmla="*/ 2 h 8"/>
                    <a:gd name="T8" fmla="*/ 1 w 6"/>
                    <a:gd name="T9" fmla="*/ 0 h 8"/>
                    <a:gd name="T10" fmla="*/ 3 w 6"/>
                    <a:gd name="T11" fmla="*/ 0 h 8"/>
                    <a:gd name="T12" fmla="*/ 3 w 6"/>
                    <a:gd name="T13" fmla="*/ 0 h 8"/>
                    <a:gd name="T14" fmla="*/ 5 w 6"/>
                    <a:gd name="T15" fmla="*/ 0 h 8"/>
                    <a:gd name="T16" fmla="*/ 5 w 6"/>
                    <a:gd name="T17" fmla="*/ 2 h 8"/>
                    <a:gd name="T18" fmla="*/ 6 w 6"/>
                    <a:gd name="T19" fmla="*/ 3 h 8"/>
                    <a:gd name="T20" fmla="*/ 6 w 6"/>
                    <a:gd name="T21" fmla="*/ 3 h 8"/>
                    <a:gd name="T22" fmla="*/ 6 w 6"/>
                    <a:gd name="T23" fmla="*/ 3 h 8"/>
                    <a:gd name="T24" fmla="*/ 6 w 6"/>
                    <a:gd name="T25" fmla="*/ 5 h 8"/>
                    <a:gd name="T26" fmla="*/ 5 w 6"/>
                    <a:gd name="T27" fmla="*/ 7 h 8"/>
                    <a:gd name="T28" fmla="*/ 5 w 6"/>
                    <a:gd name="T29" fmla="*/ 7 h 8"/>
                    <a:gd name="T30" fmla="*/ 3 w 6"/>
                    <a:gd name="T31" fmla="*/ 8 h 8"/>
                    <a:gd name="T32" fmla="*/ 3 w 6"/>
                    <a:gd name="T33" fmla="*/ 8 h 8"/>
                    <a:gd name="T34" fmla="*/ 1 w 6"/>
                    <a:gd name="T35" fmla="*/ 7 h 8"/>
                    <a:gd name="T36" fmla="*/ 0 w 6"/>
                    <a:gd name="T37" fmla="*/ 7 h 8"/>
                    <a:gd name="T38" fmla="*/ 0 w 6"/>
                    <a:gd name="T39" fmla="*/ 5 h 8"/>
                    <a:gd name="T40" fmla="*/ 0 w 6"/>
                    <a:gd name="T41" fmla="*/ 3 h 8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6"/>
                    <a:gd name="T64" fmla="*/ 0 h 8"/>
                    <a:gd name="T65" fmla="*/ 6 w 6"/>
                    <a:gd name="T66" fmla="*/ 8 h 8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6" h="8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5" y="2"/>
                      </a:lnTo>
                      <a:lnTo>
                        <a:pt x="6" y="3"/>
                      </a:lnTo>
                      <a:lnTo>
                        <a:pt x="6" y="5"/>
                      </a:lnTo>
                      <a:lnTo>
                        <a:pt x="5" y="7"/>
                      </a:lnTo>
                      <a:lnTo>
                        <a:pt x="3" y="8"/>
                      </a:lnTo>
                      <a:lnTo>
                        <a:pt x="1" y="7"/>
                      </a:lnTo>
                      <a:lnTo>
                        <a:pt x="0" y="7"/>
                      </a:lnTo>
                      <a:lnTo>
                        <a:pt x="0" y="5"/>
                      </a:lnTo>
                      <a:lnTo>
                        <a:pt x="0" y="3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76" name="Freeform 33"/>
                <p:cNvSpPr>
                  <a:spLocks/>
                </p:cNvSpPr>
                <p:nvPr/>
              </p:nvSpPr>
              <p:spPr bwMode="auto">
                <a:xfrm>
                  <a:off x="4575" y="3644"/>
                  <a:ext cx="3" cy="5"/>
                </a:xfrm>
                <a:custGeom>
                  <a:avLst/>
                  <a:gdLst>
                    <a:gd name="T0" fmla="*/ 0 w 3"/>
                    <a:gd name="T1" fmla="*/ 1 h 5"/>
                    <a:gd name="T2" fmla="*/ 0 w 3"/>
                    <a:gd name="T3" fmla="*/ 1 h 5"/>
                    <a:gd name="T4" fmla="*/ 0 w 3"/>
                    <a:gd name="T5" fmla="*/ 0 h 5"/>
                    <a:gd name="T6" fmla="*/ 1 w 3"/>
                    <a:gd name="T7" fmla="*/ 0 h 5"/>
                    <a:gd name="T8" fmla="*/ 1 w 3"/>
                    <a:gd name="T9" fmla="*/ 0 h 5"/>
                    <a:gd name="T10" fmla="*/ 1 w 3"/>
                    <a:gd name="T11" fmla="*/ 0 h 5"/>
                    <a:gd name="T12" fmla="*/ 3 w 3"/>
                    <a:gd name="T13" fmla="*/ 0 h 5"/>
                    <a:gd name="T14" fmla="*/ 3 w 3"/>
                    <a:gd name="T15" fmla="*/ 1 h 5"/>
                    <a:gd name="T16" fmla="*/ 3 w 3"/>
                    <a:gd name="T17" fmla="*/ 1 h 5"/>
                    <a:gd name="T18" fmla="*/ 3 w 3"/>
                    <a:gd name="T19" fmla="*/ 3 h 5"/>
                    <a:gd name="T20" fmla="*/ 3 w 3"/>
                    <a:gd name="T21" fmla="*/ 5 h 5"/>
                    <a:gd name="T22" fmla="*/ 1 w 3"/>
                    <a:gd name="T23" fmla="*/ 5 h 5"/>
                    <a:gd name="T24" fmla="*/ 1 w 3"/>
                    <a:gd name="T25" fmla="*/ 5 h 5"/>
                    <a:gd name="T26" fmla="*/ 1 w 3"/>
                    <a:gd name="T27" fmla="*/ 5 h 5"/>
                    <a:gd name="T28" fmla="*/ 0 w 3"/>
                    <a:gd name="T29" fmla="*/ 5 h 5"/>
                    <a:gd name="T30" fmla="*/ 0 w 3"/>
                    <a:gd name="T31" fmla="*/ 3 h 5"/>
                    <a:gd name="T32" fmla="*/ 0 w 3"/>
                    <a:gd name="T33" fmla="*/ 1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3"/>
                    <a:gd name="T52" fmla="*/ 0 h 5"/>
                    <a:gd name="T53" fmla="*/ 3 w 3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3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3" y="1"/>
                      </a:lnTo>
                      <a:lnTo>
                        <a:pt x="3" y="3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77" name="Freeform 34"/>
                <p:cNvSpPr>
                  <a:spLocks/>
                </p:cNvSpPr>
                <p:nvPr/>
              </p:nvSpPr>
              <p:spPr bwMode="auto">
                <a:xfrm>
                  <a:off x="4575" y="3644"/>
                  <a:ext cx="3" cy="5"/>
                </a:xfrm>
                <a:custGeom>
                  <a:avLst/>
                  <a:gdLst>
                    <a:gd name="T0" fmla="*/ 0 w 3"/>
                    <a:gd name="T1" fmla="*/ 1 h 5"/>
                    <a:gd name="T2" fmla="*/ 0 w 3"/>
                    <a:gd name="T3" fmla="*/ 1 h 5"/>
                    <a:gd name="T4" fmla="*/ 0 w 3"/>
                    <a:gd name="T5" fmla="*/ 1 h 5"/>
                    <a:gd name="T6" fmla="*/ 0 w 3"/>
                    <a:gd name="T7" fmla="*/ 0 h 5"/>
                    <a:gd name="T8" fmla="*/ 1 w 3"/>
                    <a:gd name="T9" fmla="*/ 0 h 5"/>
                    <a:gd name="T10" fmla="*/ 1 w 3"/>
                    <a:gd name="T11" fmla="*/ 0 h 5"/>
                    <a:gd name="T12" fmla="*/ 1 w 3"/>
                    <a:gd name="T13" fmla="*/ 0 h 5"/>
                    <a:gd name="T14" fmla="*/ 1 w 3"/>
                    <a:gd name="T15" fmla="*/ 0 h 5"/>
                    <a:gd name="T16" fmla="*/ 3 w 3"/>
                    <a:gd name="T17" fmla="*/ 0 h 5"/>
                    <a:gd name="T18" fmla="*/ 3 w 3"/>
                    <a:gd name="T19" fmla="*/ 1 h 5"/>
                    <a:gd name="T20" fmla="*/ 3 w 3"/>
                    <a:gd name="T21" fmla="*/ 1 h 5"/>
                    <a:gd name="T22" fmla="*/ 3 w 3"/>
                    <a:gd name="T23" fmla="*/ 1 h 5"/>
                    <a:gd name="T24" fmla="*/ 3 w 3"/>
                    <a:gd name="T25" fmla="*/ 3 h 5"/>
                    <a:gd name="T26" fmla="*/ 3 w 3"/>
                    <a:gd name="T27" fmla="*/ 5 h 5"/>
                    <a:gd name="T28" fmla="*/ 1 w 3"/>
                    <a:gd name="T29" fmla="*/ 5 h 5"/>
                    <a:gd name="T30" fmla="*/ 1 w 3"/>
                    <a:gd name="T31" fmla="*/ 5 h 5"/>
                    <a:gd name="T32" fmla="*/ 1 w 3"/>
                    <a:gd name="T33" fmla="*/ 5 h 5"/>
                    <a:gd name="T34" fmla="*/ 1 w 3"/>
                    <a:gd name="T35" fmla="*/ 5 h 5"/>
                    <a:gd name="T36" fmla="*/ 0 w 3"/>
                    <a:gd name="T37" fmla="*/ 5 h 5"/>
                    <a:gd name="T38" fmla="*/ 0 w 3"/>
                    <a:gd name="T39" fmla="*/ 3 h 5"/>
                    <a:gd name="T40" fmla="*/ 0 w 3"/>
                    <a:gd name="T41" fmla="*/ 1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3"/>
                    <a:gd name="T64" fmla="*/ 0 h 5"/>
                    <a:gd name="T65" fmla="*/ 3 w 3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3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3" y="1"/>
                      </a:lnTo>
                      <a:lnTo>
                        <a:pt x="3" y="3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78" name="Freeform 35"/>
                <p:cNvSpPr>
                  <a:spLocks/>
                </p:cNvSpPr>
                <p:nvPr/>
              </p:nvSpPr>
              <p:spPr bwMode="auto">
                <a:xfrm>
                  <a:off x="4566" y="3649"/>
                  <a:ext cx="5" cy="5"/>
                </a:xfrm>
                <a:custGeom>
                  <a:avLst/>
                  <a:gdLst>
                    <a:gd name="T0" fmla="*/ 0 w 5"/>
                    <a:gd name="T1" fmla="*/ 3 h 5"/>
                    <a:gd name="T2" fmla="*/ 0 w 5"/>
                    <a:gd name="T3" fmla="*/ 1 h 5"/>
                    <a:gd name="T4" fmla="*/ 2 w 5"/>
                    <a:gd name="T5" fmla="*/ 0 h 5"/>
                    <a:gd name="T6" fmla="*/ 2 w 5"/>
                    <a:gd name="T7" fmla="*/ 0 h 5"/>
                    <a:gd name="T8" fmla="*/ 4 w 5"/>
                    <a:gd name="T9" fmla="*/ 0 h 5"/>
                    <a:gd name="T10" fmla="*/ 4 w 5"/>
                    <a:gd name="T11" fmla="*/ 0 h 5"/>
                    <a:gd name="T12" fmla="*/ 5 w 5"/>
                    <a:gd name="T13" fmla="*/ 0 h 5"/>
                    <a:gd name="T14" fmla="*/ 5 w 5"/>
                    <a:gd name="T15" fmla="*/ 1 h 5"/>
                    <a:gd name="T16" fmla="*/ 5 w 5"/>
                    <a:gd name="T17" fmla="*/ 3 h 5"/>
                    <a:gd name="T18" fmla="*/ 5 w 5"/>
                    <a:gd name="T19" fmla="*/ 3 h 5"/>
                    <a:gd name="T20" fmla="*/ 5 w 5"/>
                    <a:gd name="T21" fmla="*/ 5 h 5"/>
                    <a:gd name="T22" fmla="*/ 4 w 5"/>
                    <a:gd name="T23" fmla="*/ 5 h 5"/>
                    <a:gd name="T24" fmla="*/ 4 w 5"/>
                    <a:gd name="T25" fmla="*/ 5 h 5"/>
                    <a:gd name="T26" fmla="*/ 2 w 5"/>
                    <a:gd name="T27" fmla="*/ 5 h 5"/>
                    <a:gd name="T28" fmla="*/ 2 w 5"/>
                    <a:gd name="T29" fmla="*/ 5 h 5"/>
                    <a:gd name="T30" fmla="*/ 0 w 5"/>
                    <a:gd name="T31" fmla="*/ 3 h 5"/>
                    <a:gd name="T32" fmla="*/ 0 w 5"/>
                    <a:gd name="T33" fmla="*/ 3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5"/>
                    <a:gd name="T52" fmla="*/ 0 h 5"/>
                    <a:gd name="T53" fmla="*/ 5 w 5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5" h="5">
                      <a:moveTo>
                        <a:pt x="0" y="3"/>
                      </a:moveTo>
                      <a:lnTo>
                        <a:pt x="0" y="1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5" y="1"/>
                      </a:lnTo>
                      <a:lnTo>
                        <a:pt x="5" y="3"/>
                      </a:lnTo>
                      <a:lnTo>
                        <a:pt x="5" y="5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3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79" name="Freeform 36"/>
                <p:cNvSpPr>
                  <a:spLocks/>
                </p:cNvSpPr>
                <p:nvPr/>
              </p:nvSpPr>
              <p:spPr bwMode="auto">
                <a:xfrm>
                  <a:off x="4566" y="3649"/>
                  <a:ext cx="5" cy="5"/>
                </a:xfrm>
                <a:custGeom>
                  <a:avLst/>
                  <a:gdLst>
                    <a:gd name="T0" fmla="*/ 0 w 5"/>
                    <a:gd name="T1" fmla="*/ 3 h 5"/>
                    <a:gd name="T2" fmla="*/ 0 w 5"/>
                    <a:gd name="T3" fmla="*/ 3 h 5"/>
                    <a:gd name="T4" fmla="*/ 0 w 5"/>
                    <a:gd name="T5" fmla="*/ 1 h 5"/>
                    <a:gd name="T6" fmla="*/ 2 w 5"/>
                    <a:gd name="T7" fmla="*/ 0 h 5"/>
                    <a:gd name="T8" fmla="*/ 2 w 5"/>
                    <a:gd name="T9" fmla="*/ 0 h 5"/>
                    <a:gd name="T10" fmla="*/ 4 w 5"/>
                    <a:gd name="T11" fmla="*/ 0 h 5"/>
                    <a:gd name="T12" fmla="*/ 4 w 5"/>
                    <a:gd name="T13" fmla="*/ 0 h 5"/>
                    <a:gd name="T14" fmla="*/ 4 w 5"/>
                    <a:gd name="T15" fmla="*/ 0 h 5"/>
                    <a:gd name="T16" fmla="*/ 5 w 5"/>
                    <a:gd name="T17" fmla="*/ 0 h 5"/>
                    <a:gd name="T18" fmla="*/ 5 w 5"/>
                    <a:gd name="T19" fmla="*/ 1 h 5"/>
                    <a:gd name="T20" fmla="*/ 5 w 5"/>
                    <a:gd name="T21" fmla="*/ 3 h 5"/>
                    <a:gd name="T22" fmla="*/ 5 w 5"/>
                    <a:gd name="T23" fmla="*/ 3 h 5"/>
                    <a:gd name="T24" fmla="*/ 5 w 5"/>
                    <a:gd name="T25" fmla="*/ 3 h 5"/>
                    <a:gd name="T26" fmla="*/ 5 w 5"/>
                    <a:gd name="T27" fmla="*/ 5 h 5"/>
                    <a:gd name="T28" fmla="*/ 4 w 5"/>
                    <a:gd name="T29" fmla="*/ 5 h 5"/>
                    <a:gd name="T30" fmla="*/ 4 w 5"/>
                    <a:gd name="T31" fmla="*/ 5 h 5"/>
                    <a:gd name="T32" fmla="*/ 4 w 5"/>
                    <a:gd name="T33" fmla="*/ 5 h 5"/>
                    <a:gd name="T34" fmla="*/ 2 w 5"/>
                    <a:gd name="T35" fmla="*/ 5 h 5"/>
                    <a:gd name="T36" fmla="*/ 2 w 5"/>
                    <a:gd name="T37" fmla="*/ 5 h 5"/>
                    <a:gd name="T38" fmla="*/ 0 w 5"/>
                    <a:gd name="T39" fmla="*/ 3 h 5"/>
                    <a:gd name="T40" fmla="*/ 0 w 5"/>
                    <a:gd name="T41" fmla="*/ 3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5"/>
                    <a:gd name="T64" fmla="*/ 0 h 5"/>
                    <a:gd name="T65" fmla="*/ 5 w 5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5" h="5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5" y="1"/>
                      </a:lnTo>
                      <a:lnTo>
                        <a:pt x="5" y="3"/>
                      </a:lnTo>
                      <a:lnTo>
                        <a:pt x="5" y="5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3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80" name="Freeform 37"/>
                <p:cNvSpPr>
                  <a:spLocks/>
                </p:cNvSpPr>
                <p:nvPr/>
              </p:nvSpPr>
              <p:spPr bwMode="auto">
                <a:xfrm>
                  <a:off x="4560" y="3656"/>
                  <a:ext cx="5" cy="3"/>
                </a:xfrm>
                <a:custGeom>
                  <a:avLst/>
                  <a:gdLst>
                    <a:gd name="T0" fmla="*/ 0 w 5"/>
                    <a:gd name="T1" fmla="*/ 1 h 3"/>
                    <a:gd name="T2" fmla="*/ 0 w 5"/>
                    <a:gd name="T3" fmla="*/ 1 h 3"/>
                    <a:gd name="T4" fmla="*/ 0 w 5"/>
                    <a:gd name="T5" fmla="*/ 0 h 3"/>
                    <a:gd name="T6" fmla="*/ 1 w 5"/>
                    <a:gd name="T7" fmla="*/ 0 h 3"/>
                    <a:gd name="T8" fmla="*/ 1 w 5"/>
                    <a:gd name="T9" fmla="*/ 0 h 3"/>
                    <a:gd name="T10" fmla="*/ 3 w 5"/>
                    <a:gd name="T11" fmla="*/ 0 h 3"/>
                    <a:gd name="T12" fmla="*/ 3 w 5"/>
                    <a:gd name="T13" fmla="*/ 0 h 3"/>
                    <a:gd name="T14" fmla="*/ 5 w 5"/>
                    <a:gd name="T15" fmla="*/ 1 h 3"/>
                    <a:gd name="T16" fmla="*/ 5 w 5"/>
                    <a:gd name="T17" fmla="*/ 1 h 3"/>
                    <a:gd name="T18" fmla="*/ 5 w 5"/>
                    <a:gd name="T19" fmla="*/ 1 h 3"/>
                    <a:gd name="T20" fmla="*/ 3 w 5"/>
                    <a:gd name="T21" fmla="*/ 3 h 3"/>
                    <a:gd name="T22" fmla="*/ 3 w 5"/>
                    <a:gd name="T23" fmla="*/ 3 h 3"/>
                    <a:gd name="T24" fmla="*/ 1 w 5"/>
                    <a:gd name="T25" fmla="*/ 3 h 3"/>
                    <a:gd name="T26" fmla="*/ 1 w 5"/>
                    <a:gd name="T27" fmla="*/ 3 h 3"/>
                    <a:gd name="T28" fmla="*/ 0 w 5"/>
                    <a:gd name="T29" fmla="*/ 3 h 3"/>
                    <a:gd name="T30" fmla="*/ 0 w 5"/>
                    <a:gd name="T31" fmla="*/ 1 h 3"/>
                    <a:gd name="T32" fmla="*/ 0 w 5"/>
                    <a:gd name="T33" fmla="*/ 1 h 3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5"/>
                    <a:gd name="T52" fmla="*/ 0 h 3"/>
                    <a:gd name="T53" fmla="*/ 5 w 5"/>
                    <a:gd name="T54" fmla="*/ 3 h 3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5" h="3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1"/>
                      </a:lnTo>
                      <a:lnTo>
                        <a:pt x="3" y="3"/>
                      </a:lnTo>
                      <a:lnTo>
                        <a:pt x="1" y="3"/>
                      </a:lnTo>
                      <a:lnTo>
                        <a:pt x="0" y="3"/>
                      </a:lnTo>
                      <a:lnTo>
                        <a:pt x="0" y="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81" name="Freeform 38"/>
                <p:cNvSpPr>
                  <a:spLocks/>
                </p:cNvSpPr>
                <p:nvPr/>
              </p:nvSpPr>
              <p:spPr bwMode="auto">
                <a:xfrm>
                  <a:off x="4560" y="3656"/>
                  <a:ext cx="5" cy="3"/>
                </a:xfrm>
                <a:custGeom>
                  <a:avLst/>
                  <a:gdLst>
                    <a:gd name="T0" fmla="*/ 0 w 5"/>
                    <a:gd name="T1" fmla="*/ 1 h 3"/>
                    <a:gd name="T2" fmla="*/ 0 w 5"/>
                    <a:gd name="T3" fmla="*/ 1 h 3"/>
                    <a:gd name="T4" fmla="*/ 0 w 5"/>
                    <a:gd name="T5" fmla="*/ 1 h 3"/>
                    <a:gd name="T6" fmla="*/ 0 w 5"/>
                    <a:gd name="T7" fmla="*/ 0 h 3"/>
                    <a:gd name="T8" fmla="*/ 1 w 5"/>
                    <a:gd name="T9" fmla="*/ 0 h 3"/>
                    <a:gd name="T10" fmla="*/ 1 w 5"/>
                    <a:gd name="T11" fmla="*/ 0 h 3"/>
                    <a:gd name="T12" fmla="*/ 1 w 5"/>
                    <a:gd name="T13" fmla="*/ 0 h 3"/>
                    <a:gd name="T14" fmla="*/ 3 w 5"/>
                    <a:gd name="T15" fmla="*/ 0 h 3"/>
                    <a:gd name="T16" fmla="*/ 3 w 5"/>
                    <a:gd name="T17" fmla="*/ 0 h 3"/>
                    <a:gd name="T18" fmla="*/ 5 w 5"/>
                    <a:gd name="T19" fmla="*/ 1 h 3"/>
                    <a:gd name="T20" fmla="*/ 5 w 5"/>
                    <a:gd name="T21" fmla="*/ 1 h 3"/>
                    <a:gd name="T22" fmla="*/ 5 w 5"/>
                    <a:gd name="T23" fmla="*/ 1 h 3"/>
                    <a:gd name="T24" fmla="*/ 5 w 5"/>
                    <a:gd name="T25" fmla="*/ 1 h 3"/>
                    <a:gd name="T26" fmla="*/ 3 w 5"/>
                    <a:gd name="T27" fmla="*/ 3 h 3"/>
                    <a:gd name="T28" fmla="*/ 3 w 5"/>
                    <a:gd name="T29" fmla="*/ 3 h 3"/>
                    <a:gd name="T30" fmla="*/ 1 w 5"/>
                    <a:gd name="T31" fmla="*/ 3 h 3"/>
                    <a:gd name="T32" fmla="*/ 1 w 5"/>
                    <a:gd name="T33" fmla="*/ 3 h 3"/>
                    <a:gd name="T34" fmla="*/ 1 w 5"/>
                    <a:gd name="T35" fmla="*/ 3 h 3"/>
                    <a:gd name="T36" fmla="*/ 0 w 5"/>
                    <a:gd name="T37" fmla="*/ 3 h 3"/>
                    <a:gd name="T38" fmla="*/ 0 w 5"/>
                    <a:gd name="T39" fmla="*/ 1 h 3"/>
                    <a:gd name="T40" fmla="*/ 0 w 5"/>
                    <a:gd name="T41" fmla="*/ 1 h 3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5"/>
                    <a:gd name="T64" fmla="*/ 0 h 3"/>
                    <a:gd name="T65" fmla="*/ 5 w 5"/>
                    <a:gd name="T66" fmla="*/ 3 h 3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5" h="3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1"/>
                      </a:lnTo>
                      <a:lnTo>
                        <a:pt x="3" y="3"/>
                      </a:lnTo>
                      <a:lnTo>
                        <a:pt x="1" y="3"/>
                      </a:lnTo>
                      <a:lnTo>
                        <a:pt x="0" y="3"/>
                      </a:lnTo>
                      <a:lnTo>
                        <a:pt x="0" y="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82" name="Freeform 39"/>
                <p:cNvSpPr>
                  <a:spLocks/>
                </p:cNvSpPr>
                <p:nvPr/>
              </p:nvSpPr>
              <p:spPr bwMode="auto">
                <a:xfrm>
                  <a:off x="4664" y="3600"/>
                  <a:ext cx="4" cy="5"/>
                </a:xfrm>
                <a:custGeom>
                  <a:avLst/>
                  <a:gdLst>
                    <a:gd name="T0" fmla="*/ 0 w 4"/>
                    <a:gd name="T1" fmla="*/ 1 h 5"/>
                    <a:gd name="T2" fmla="*/ 0 w 4"/>
                    <a:gd name="T3" fmla="*/ 1 h 5"/>
                    <a:gd name="T4" fmla="*/ 0 w 4"/>
                    <a:gd name="T5" fmla="*/ 0 h 5"/>
                    <a:gd name="T6" fmla="*/ 2 w 4"/>
                    <a:gd name="T7" fmla="*/ 0 h 5"/>
                    <a:gd name="T8" fmla="*/ 2 w 4"/>
                    <a:gd name="T9" fmla="*/ 0 h 5"/>
                    <a:gd name="T10" fmla="*/ 2 w 4"/>
                    <a:gd name="T11" fmla="*/ 0 h 5"/>
                    <a:gd name="T12" fmla="*/ 4 w 4"/>
                    <a:gd name="T13" fmla="*/ 0 h 5"/>
                    <a:gd name="T14" fmla="*/ 4 w 4"/>
                    <a:gd name="T15" fmla="*/ 1 h 5"/>
                    <a:gd name="T16" fmla="*/ 4 w 4"/>
                    <a:gd name="T17" fmla="*/ 1 h 5"/>
                    <a:gd name="T18" fmla="*/ 4 w 4"/>
                    <a:gd name="T19" fmla="*/ 3 h 5"/>
                    <a:gd name="T20" fmla="*/ 4 w 4"/>
                    <a:gd name="T21" fmla="*/ 5 h 5"/>
                    <a:gd name="T22" fmla="*/ 2 w 4"/>
                    <a:gd name="T23" fmla="*/ 5 h 5"/>
                    <a:gd name="T24" fmla="*/ 2 w 4"/>
                    <a:gd name="T25" fmla="*/ 5 h 5"/>
                    <a:gd name="T26" fmla="*/ 2 w 4"/>
                    <a:gd name="T27" fmla="*/ 5 h 5"/>
                    <a:gd name="T28" fmla="*/ 0 w 4"/>
                    <a:gd name="T29" fmla="*/ 5 h 5"/>
                    <a:gd name="T30" fmla="*/ 0 w 4"/>
                    <a:gd name="T31" fmla="*/ 3 h 5"/>
                    <a:gd name="T32" fmla="*/ 0 w 4"/>
                    <a:gd name="T33" fmla="*/ 1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4"/>
                    <a:gd name="T52" fmla="*/ 0 h 5"/>
                    <a:gd name="T53" fmla="*/ 4 w 4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4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4" y="1"/>
                      </a:lnTo>
                      <a:lnTo>
                        <a:pt x="4" y="3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83" name="Freeform 40"/>
                <p:cNvSpPr>
                  <a:spLocks/>
                </p:cNvSpPr>
                <p:nvPr/>
              </p:nvSpPr>
              <p:spPr bwMode="auto">
                <a:xfrm>
                  <a:off x="4664" y="3600"/>
                  <a:ext cx="4" cy="5"/>
                </a:xfrm>
                <a:custGeom>
                  <a:avLst/>
                  <a:gdLst>
                    <a:gd name="T0" fmla="*/ 0 w 4"/>
                    <a:gd name="T1" fmla="*/ 1 h 5"/>
                    <a:gd name="T2" fmla="*/ 0 w 4"/>
                    <a:gd name="T3" fmla="*/ 1 h 5"/>
                    <a:gd name="T4" fmla="*/ 0 w 4"/>
                    <a:gd name="T5" fmla="*/ 1 h 5"/>
                    <a:gd name="T6" fmla="*/ 0 w 4"/>
                    <a:gd name="T7" fmla="*/ 0 h 5"/>
                    <a:gd name="T8" fmla="*/ 2 w 4"/>
                    <a:gd name="T9" fmla="*/ 0 h 5"/>
                    <a:gd name="T10" fmla="*/ 2 w 4"/>
                    <a:gd name="T11" fmla="*/ 0 h 5"/>
                    <a:gd name="T12" fmla="*/ 2 w 4"/>
                    <a:gd name="T13" fmla="*/ 0 h 5"/>
                    <a:gd name="T14" fmla="*/ 2 w 4"/>
                    <a:gd name="T15" fmla="*/ 0 h 5"/>
                    <a:gd name="T16" fmla="*/ 4 w 4"/>
                    <a:gd name="T17" fmla="*/ 0 h 5"/>
                    <a:gd name="T18" fmla="*/ 4 w 4"/>
                    <a:gd name="T19" fmla="*/ 1 h 5"/>
                    <a:gd name="T20" fmla="*/ 4 w 4"/>
                    <a:gd name="T21" fmla="*/ 1 h 5"/>
                    <a:gd name="T22" fmla="*/ 4 w 4"/>
                    <a:gd name="T23" fmla="*/ 1 h 5"/>
                    <a:gd name="T24" fmla="*/ 4 w 4"/>
                    <a:gd name="T25" fmla="*/ 3 h 5"/>
                    <a:gd name="T26" fmla="*/ 4 w 4"/>
                    <a:gd name="T27" fmla="*/ 5 h 5"/>
                    <a:gd name="T28" fmla="*/ 2 w 4"/>
                    <a:gd name="T29" fmla="*/ 5 h 5"/>
                    <a:gd name="T30" fmla="*/ 2 w 4"/>
                    <a:gd name="T31" fmla="*/ 5 h 5"/>
                    <a:gd name="T32" fmla="*/ 2 w 4"/>
                    <a:gd name="T33" fmla="*/ 5 h 5"/>
                    <a:gd name="T34" fmla="*/ 2 w 4"/>
                    <a:gd name="T35" fmla="*/ 5 h 5"/>
                    <a:gd name="T36" fmla="*/ 0 w 4"/>
                    <a:gd name="T37" fmla="*/ 5 h 5"/>
                    <a:gd name="T38" fmla="*/ 0 w 4"/>
                    <a:gd name="T39" fmla="*/ 3 h 5"/>
                    <a:gd name="T40" fmla="*/ 0 w 4"/>
                    <a:gd name="T41" fmla="*/ 1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4"/>
                    <a:gd name="T64" fmla="*/ 0 h 5"/>
                    <a:gd name="T65" fmla="*/ 4 w 4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4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4" y="1"/>
                      </a:lnTo>
                      <a:lnTo>
                        <a:pt x="4" y="3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84" name="Freeform 41"/>
                <p:cNvSpPr>
                  <a:spLocks/>
                </p:cNvSpPr>
                <p:nvPr/>
              </p:nvSpPr>
              <p:spPr bwMode="auto">
                <a:xfrm>
                  <a:off x="4653" y="3608"/>
                  <a:ext cx="8" cy="7"/>
                </a:xfrm>
                <a:custGeom>
                  <a:avLst/>
                  <a:gdLst>
                    <a:gd name="T0" fmla="*/ 0 w 8"/>
                    <a:gd name="T1" fmla="*/ 4 h 7"/>
                    <a:gd name="T2" fmla="*/ 0 w 8"/>
                    <a:gd name="T3" fmla="*/ 2 h 7"/>
                    <a:gd name="T4" fmla="*/ 1 w 8"/>
                    <a:gd name="T5" fmla="*/ 2 h 7"/>
                    <a:gd name="T6" fmla="*/ 1 w 8"/>
                    <a:gd name="T7" fmla="*/ 0 h 7"/>
                    <a:gd name="T8" fmla="*/ 3 w 8"/>
                    <a:gd name="T9" fmla="*/ 0 h 7"/>
                    <a:gd name="T10" fmla="*/ 5 w 8"/>
                    <a:gd name="T11" fmla="*/ 0 h 7"/>
                    <a:gd name="T12" fmla="*/ 6 w 8"/>
                    <a:gd name="T13" fmla="*/ 2 h 7"/>
                    <a:gd name="T14" fmla="*/ 6 w 8"/>
                    <a:gd name="T15" fmla="*/ 2 h 7"/>
                    <a:gd name="T16" fmla="*/ 8 w 8"/>
                    <a:gd name="T17" fmla="*/ 4 h 7"/>
                    <a:gd name="T18" fmla="*/ 6 w 8"/>
                    <a:gd name="T19" fmla="*/ 5 h 7"/>
                    <a:gd name="T20" fmla="*/ 6 w 8"/>
                    <a:gd name="T21" fmla="*/ 5 h 7"/>
                    <a:gd name="T22" fmla="*/ 5 w 8"/>
                    <a:gd name="T23" fmla="*/ 5 h 7"/>
                    <a:gd name="T24" fmla="*/ 3 w 8"/>
                    <a:gd name="T25" fmla="*/ 7 h 7"/>
                    <a:gd name="T26" fmla="*/ 1 w 8"/>
                    <a:gd name="T27" fmla="*/ 5 h 7"/>
                    <a:gd name="T28" fmla="*/ 1 w 8"/>
                    <a:gd name="T29" fmla="*/ 5 h 7"/>
                    <a:gd name="T30" fmla="*/ 0 w 8"/>
                    <a:gd name="T31" fmla="*/ 5 h 7"/>
                    <a:gd name="T32" fmla="*/ 0 w 8"/>
                    <a:gd name="T33" fmla="*/ 4 h 7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7"/>
                    <a:gd name="T53" fmla="*/ 8 w 8"/>
                    <a:gd name="T54" fmla="*/ 7 h 7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7">
                      <a:moveTo>
                        <a:pt x="0" y="4"/>
                      </a:move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6" y="2"/>
                      </a:lnTo>
                      <a:lnTo>
                        <a:pt x="8" y="4"/>
                      </a:lnTo>
                      <a:lnTo>
                        <a:pt x="6" y="5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4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85" name="Freeform 42"/>
                <p:cNvSpPr>
                  <a:spLocks/>
                </p:cNvSpPr>
                <p:nvPr/>
              </p:nvSpPr>
              <p:spPr bwMode="auto">
                <a:xfrm>
                  <a:off x="4653" y="3608"/>
                  <a:ext cx="8" cy="7"/>
                </a:xfrm>
                <a:custGeom>
                  <a:avLst/>
                  <a:gdLst>
                    <a:gd name="T0" fmla="*/ 0 w 8"/>
                    <a:gd name="T1" fmla="*/ 4 h 7"/>
                    <a:gd name="T2" fmla="*/ 0 w 8"/>
                    <a:gd name="T3" fmla="*/ 4 h 7"/>
                    <a:gd name="T4" fmla="*/ 0 w 8"/>
                    <a:gd name="T5" fmla="*/ 2 h 7"/>
                    <a:gd name="T6" fmla="*/ 1 w 8"/>
                    <a:gd name="T7" fmla="*/ 2 h 7"/>
                    <a:gd name="T8" fmla="*/ 1 w 8"/>
                    <a:gd name="T9" fmla="*/ 0 h 7"/>
                    <a:gd name="T10" fmla="*/ 3 w 8"/>
                    <a:gd name="T11" fmla="*/ 0 h 7"/>
                    <a:gd name="T12" fmla="*/ 3 w 8"/>
                    <a:gd name="T13" fmla="*/ 0 h 7"/>
                    <a:gd name="T14" fmla="*/ 5 w 8"/>
                    <a:gd name="T15" fmla="*/ 0 h 7"/>
                    <a:gd name="T16" fmla="*/ 6 w 8"/>
                    <a:gd name="T17" fmla="*/ 2 h 7"/>
                    <a:gd name="T18" fmla="*/ 6 w 8"/>
                    <a:gd name="T19" fmla="*/ 2 h 7"/>
                    <a:gd name="T20" fmla="*/ 8 w 8"/>
                    <a:gd name="T21" fmla="*/ 4 h 7"/>
                    <a:gd name="T22" fmla="*/ 8 w 8"/>
                    <a:gd name="T23" fmla="*/ 4 h 7"/>
                    <a:gd name="T24" fmla="*/ 6 w 8"/>
                    <a:gd name="T25" fmla="*/ 5 h 7"/>
                    <a:gd name="T26" fmla="*/ 6 w 8"/>
                    <a:gd name="T27" fmla="*/ 5 h 7"/>
                    <a:gd name="T28" fmla="*/ 5 w 8"/>
                    <a:gd name="T29" fmla="*/ 5 h 7"/>
                    <a:gd name="T30" fmla="*/ 3 w 8"/>
                    <a:gd name="T31" fmla="*/ 7 h 7"/>
                    <a:gd name="T32" fmla="*/ 3 w 8"/>
                    <a:gd name="T33" fmla="*/ 7 h 7"/>
                    <a:gd name="T34" fmla="*/ 1 w 8"/>
                    <a:gd name="T35" fmla="*/ 5 h 7"/>
                    <a:gd name="T36" fmla="*/ 1 w 8"/>
                    <a:gd name="T37" fmla="*/ 5 h 7"/>
                    <a:gd name="T38" fmla="*/ 0 w 8"/>
                    <a:gd name="T39" fmla="*/ 5 h 7"/>
                    <a:gd name="T40" fmla="*/ 0 w 8"/>
                    <a:gd name="T41" fmla="*/ 4 h 7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7"/>
                    <a:gd name="T65" fmla="*/ 8 w 8"/>
                    <a:gd name="T66" fmla="*/ 7 h 7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7">
                      <a:moveTo>
                        <a:pt x="0" y="4"/>
                      </a:moveTo>
                      <a:lnTo>
                        <a:pt x="0" y="4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6" y="2"/>
                      </a:lnTo>
                      <a:lnTo>
                        <a:pt x="8" y="4"/>
                      </a:lnTo>
                      <a:lnTo>
                        <a:pt x="6" y="5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4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86" name="Freeform 43"/>
                <p:cNvSpPr>
                  <a:spLocks/>
                </p:cNvSpPr>
                <p:nvPr/>
              </p:nvSpPr>
              <p:spPr bwMode="auto">
                <a:xfrm>
                  <a:off x="4626" y="3627"/>
                  <a:ext cx="8" cy="5"/>
                </a:xfrm>
                <a:custGeom>
                  <a:avLst/>
                  <a:gdLst>
                    <a:gd name="T0" fmla="*/ 0 w 8"/>
                    <a:gd name="T1" fmla="*/ 3 h 5"/>
                    <a:gd name="T2" fmla="*/ 0 w 8"/>
                    <a:gd name="T3" fmla="*/ 1 h 5"/>
                    <a:gd name="T4" fmla="*/ 0 w 8"/>
                    <a:gd name="T5" fmla="*/ 0 h 5"/>
                    <a:gd name="T6" fmla="*/ 1 w 8"/>
                    <a:gd name="T7" fmla="*/ 0 h 5"/>
                    <a:gd name="T8" fmla="*/ 3 w 8"/>
                    <a:gd name="T9" fmla="*/ 0 h 5"/>
                    <a:gd name="T10" fmla="*/ 6 w 8"/>
                    <a:gd name="T11" fmla="*/ 0 h 5"/>
                    <a:gd name="T12" fmla="*/ 6 w 8"/>
                    <a:gd name="T13" fmla="*/ 0 h 5"/>
                    <a:gd name="T14" fmla="*/ 8 w 8"/>
                    <a:gd name="T15" fmla="*/ 1 h 5"/>
                    <a:gd name="T16" fmla="*/ 8 w 8"/>
                    <a:gd name="T17" fmla="*/ 3 h 5"/>
                    <a:gd name="T18" fmla="*/ 8 w 8"/>
                    <a:gd name="T19" fmla="*/ 3 h 5"/>
                    <a:gd name="T20" fmla="*/ 6 w 8"/>
                    <a:gd name="T21" fmla="*/ 5 h 5"/>
                    <a:gd name="T22" fmla="*/ 6 w 8"/>
                    <a:gd name="T23" fmla="*/ 5 h 5"/>
                    <a:gd name="T24" fmla="*/ 3 w 8"/>
                    <a:gd name="T25" fmla="*/ 5 h 5"/>
                    <a:gd name="T26" fmla="*/ 1 w 8"/>
                    <a:gd name="T27" fmla="*/ 5 h 5"/>
                    <a:gd name="T28" fmla="*/ 0 w 8"/>
                    <a:gd name="T29" fmla="*/ 5 h 5"/>
                    <a:gd name="T30" fmla="*/ 0 w 8"/>
                    <a:gd name="T31" fmla="*/ 3 h 5"/>
                    <a:gd name="T32" fmla="*/ 0 w 8"/>
                    <a:gd name="T33" fmla="*/ 3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5"/>
                    <a:gd name="T53" fmla="*/ 8 w 8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5">
                      <a:moveTo>
                        <a:pt x="0" y="3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6" y="0"/>
                      </a:lnTo>
                      <a:lnTo>
                        <a:pt x="8" y="1"/>
                      </a:lnTo>
                      <a:lnTo>
                        <a:pt x="8" y="3"/>
                      </a:lnTo>
                      <a:lnTo>
                        <a:pt x="6" y="5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87" name="Freeform 44"/>
                <p:cNvSpPr>
                  <a:spLocks/>
                </p:cNvSpPr>
                <p:nvPr/>
              </p:nvSpPr>
              <p:spPr bwMode="auto">
                <a:xfrm>
                  <a:off x="4626" y="3627"/>
                  <a:ext cx="8" cy="5"/>
                </a:xfrm>
                <a:custGeom>
                  <a:avLst/>
                  <a:gdLst>
                    <a:gd name="T0" fmla="*/ 0 w 8"/>
                    <a:gd name="T1" fmla="*/ 3 h 5"/>
                    <a:gd name="T2" fmla="*/ 0 w 8"/>
                    <a:gd name="T3" fmla="*/ 3 h 5"/>
                    <a:gd name="T4" fmla="*/ 0 w 8"/>
                    <a:gd name="T5" fmla="*/ 1 h 5"/>
                    <a:gd name="T6" fmla="*/ 0 w 8"/>
                    <a:gd name="T7" fmla="*/ 0 h 5"/>
                    <a:gd name="T8" fmla="*/ 1 w 8"/>
                    <a:gd name="T9" fmla="*/ 0 h 5"/>
                    <a:gd name="T10" fmla="*/ 3 w 8"/>
                    <a:gd name="T11" fmla="*/ 0 h 5"/>
                    <a:gd name="T12" fmla="*/ 3 w 8"/>
                    <a:gd name="T13" fmla="*/ 0 h 5"/>
                    <a:gd name="T14" fmla="*/ 6 w 8"/>
                    <a:gd name="T15" fmla="*/ 0 h 5"/>
                    <a:gd name="T16" fmla="*/ 6 w 8"/>
                    <a:gd name="T17" fmla="*/ 0 h 5"/>
                    <a:gd name="T18" fmla="*/ 8 w 8"/>
                    <a:gd name="T19" fmla="*/ 1 h 5"/>
                    <a:gd name="T20" fmla="*/ 8 w 8"/>
                    <a:gd name="T21" fmla="*/ 3 h 5"/>
                    <a:gd name="T22" fmla="*/ 8 w 8"/>
                    <a:gd name="T23" fmla="*/ 3 h 5"/>
                    <a:gd name="T24" fmla="*/ 8 w 8"/>
                    <a:gd name="T25" fmla="*/ 3 h 5"/>
                    <a:gd name="T26" fmla="*/ 6 w 8"/>
                    <a:gd name="T27" fmla="*/ 5 h 5"/>
                    <a:gd name="T28" fmla="*/ 6 w 8"/>
                    <a:gd name="T29" fmla="*/ 5 h 5"/>
                    <a:gd name="T30" fmla="*/ 3 w 8"/>
                    <a:gd name="T31" fmla="*/ 5 h 5"/>
                    <a:gd name="T32" fmla="*/ 3 w 8"/>
                    <a:gd name="T33" fmla="*/ 5 h 5"/>
                    <a:gd name="T34" fmla="*/ 1 w 8"/>
                    <a:gd name="T35" fmla="*/ 5 h 5"/>
                    <a:gd name="T36" fmla="*/ 0 w 8"/>
                    <a:gd name="T37" fmla="*/ 5 h 5"/>
                    <a:gd name="T38" fmla="*/ 0 w 8"/>
                    <a:gd name="T39" fmla="*/ 3 h 5"/>
                    <a:gd name="T40" fmla="*/ 0 w 8"/>
                    <a:gd name="T41" fmla="*/ 3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5"/>
                    <a:gd name="T65" fmla="*/ 8 w 8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5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6" y="0"/>
                      </a:lnTo>
                      <a:lnTo>
                        <a:pt x="8" y="1"/>
                      </a:lnTo>
                      <a:lnTo>
                        <a:pt x="8" y="3"/>
                      </a:lnTo>
                      <a:lnTo>
                        <a:pt x="6" y="5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</p:grpSp>
          <p:sp>
            <p:nvSpPr>
              <p:cNvPr id="155" name="Freeform 45"/>
              <p:cNvSpPr>
                <a:spLocks/>
              </p:cNvSpPr>
              <p:nvPr/>
            </p:nvSpPr>
            <p:spPr bwMode="auto">
              <a:xfrm>
                <a:off x="3079" y="1947"/>
                <a:ext cx="384" cy="676"/>
              </a:xfrm>
              <a:custGeom>
                <a:avLst/>
                <a:gdLst>
                  <a:gd name="T0" fmla="*/ 192 w 395"/>
                  <a:gd name="T1" fmla="*/ 439 h 697"/>
                  <a:gd name="T2" fmla="*/ 218 w 395"/>
                  <a:gd name="T3" fmla="*/ 444 h 697"/>
                  <a:gd name="T4" fmla="*/ 212 w 395"/>
                  <a:gd name="T5" fmla="*/ 429 h 697"/>
                  <a:gd name="T6" fmla="*/ 227 w 395"/>
                  <a:gd name="T7" fmla="*/ 415 h 697"/>
                  <a:gd name="T8" fmla="*/ 238 w 395"/>
                  <a:gd name="T9" fmla="*/ 406 h 697"/>
                  <a:gd name="T10" fmla="*/ 235 w 395"/>
                  <a:gd name="T11" fmla="*/ 393 h 697"/>
                  <a:gd name="T12" fmla="*/ 240 w 395"/>
                  <a:gd name="T13" fmla="*/ 386 h 697"/>
                  <a:gd name="T14" fmla="*/ 238 w 395"/>
                  <a:gd name="T15" fmla="*/ 370 h 697"/>
                  <a:gd name="T16" fmla="*/ 242 w 395"/>
                  <a:gd name="T17" fmla="*/ 359 h 697"/>
                  <a:gd name="T18" fmla="*/ 244 w 395"/>
                  <a:gd name="T19" fmla="*/ 345 h 697"/>
                  <a:gd name="T20" fmla="*/ 260 w 395"/>
                  <a:gd name="T21" fmla="*/ 318 h 697"/>
                  <a:gd name="T22" fmla="*/ 265 w 395"/>
                  <a:gd name="T23" fmla="*/ 308 h 697"/>
                  <a:gd name="T24" fmla="*/ 258 w 395"/>
                  <a:gd name="T25" fmla="*/ 279 h 697"/>
                  <a:gd name="T26" fmla="*/ 258 w 395"/>
                  <a:gd name="T27" fmla="*/ 254 h 697"/>
                  <a:gd name="T28" fmla="*/ 257 w 395"/>
                  <a:gd name="T29" fmla="*/ 230 h 697"/>
                  <a:gd name="T30" fmla="*/ 254 w 395"/>
                  <a:gd name="T31" fmla="*/ 185 h 697"/>
                  <a:gd name="T32" fmla="*/ 249 w 395"/>
                  <a:gd name="T33" fmla="*/ 131 h 697"/>
                  <a:gd name="T34" fmla="*/ 244 w 395"/>
                  <a:gd name="T35" fmla="*/ 86 h 697"/>
                  <a:gd name="T36" fmla="*/ 242 w 395"/>
                  <a:gd name="T37" fmla="*/ 63 h 697"/>
                  <a:gd name="T38" fmla="*/ 233 w 395"/>
                  <a:gd name="T39" fmla="*/ 45 h 697"/>
                  <a:gd name="T40" fmla="*/ 230 w 395"/>
                  <a:gd name="T41" fmla="*/ 37 h 697"/>
                  <a:gd name="T42" fmla="*/ 219 w 395"/>
                  <a:gd name="T43" fmla="*/ 16 h 697"/>
                  <a:gd name="T44" fmla="*/ 45 w 395"/>
                  <a:gd name="T45" fmla="*/ 16 h 697"/>
                  <a:gd name="T46" fmla="*/ 49 w 395"/>
                  <a:gd name="T47" fmla="*/ 16 h 697"/>
                  <a:gd name="T48" fmla="*/ 61 w 395"/>
                  <a:gd name="T49" fmla="*/ 31 h 697"/>
                  <a:gd name="T50" fmla="*/ 68 w 395"/>
                  <a:gd name="T51" fmla="*/ 39 h 697"/>
                  <a:gd name="T52" fmla="*/ 77 w 395"/>
                  <a:gd name="T53" fmla="*/ 55 h 697"/>
                  <a:gd name="T54" fmla="*/ 67 w 395"/>
                  <a:gd name="T55" fmla="*/ 72 h 697"/>
                  <a:gd name="T56" fmla="*/ 66 w 395"/>
                  <a:gd name="T57" fmla="*/ 88 h 697"/>
                  <a:gd name="T58" fmla="*/ 51 w 395"/>
                  <a:gd name="T59" fmla="*/ 93 h 697"/>
                  <a:gd name="T60" fmla="*/ 47 w 395"/>
                  <a:gd name="T61" fmla="*/ 98 h 697"/>
                  <a:gd name="T62" fmla="*/ 20 w 395"/>
                  <a:gd name="T63" fmla="*/ 107 h 697"/>
                  <a:gd name="T64" fmla="*/ 34 w 395"/>
                  <a:gd name="T65" fmla="*/ 133 h 697"/>
                  <a:gd name="T66" fmla="*/ 27 w 395"/>
                  <a:gd name="T67" fmla="*/ 147 h 697"/>
                  <a:gd name="T68" fmla="*/ 22 w 395"/>
                  <a:gd name="T69" fmla="*/ 157 h 697"/>
                  <a:gd name="T70" fmla="*/ 18 w 395"/>
                  <a:gd name="T71" fmla="*/ 164 h 697"/>
                  <a:gd name="T72" fmla="*/ 9 w 395"/>
                  <a:gd name="T73" fmla="*/ 172 h 697"/>
                  <a:gd name="T74" fmla="*/ 14 w 395"/>
                  <a:gd name="T75" fmla="*/ 180 h 697"/>
                  <a:gd name="T76" fmla="*/ 7 w 395"/>
                  <a:gd name="T77" fmla="*/ 190 h 697"/>
                  <a:gd name="T78" fmla="*/ 2 w 395"/>
                  <a:gd name="T79" fmla="*/ 198 h 697"/>
                  <a:gd name="T80" fmla="*/ 7 w 395"/>
                  <a:gd name="T81" fmla="*/ 229 h 697"/>
                  <a:gd name="T82" fmla="*/ 42 w 395"/>
                  <a:gd name="T83" fmla="*/ 268 h 697"/>
                  <a:gd name="T84" fmla="*/ 54 w 395"/>
                  <a:gd name="T85" fmla="*/ 280 h 697"/>
                  <a:gd name="T86" fmla="*/ 63 w 395"/>
                  <a:gd name="T87" fmla="*/ 308 h 697"/>
                  <a:gd name="T88" fmla="*/ 79 w 395"/>
                  <a:gd name="T89" fmla="*/ 301 h 697"/>
                  <a:gd name="T90" fmla="*/ 95 w 395"/>
                  <a:gd name="T91" fmla="*/ 314 h 697"/>
                  <a:gd name="T92" fmla="*/ 87 w 395"/>
                  <a:gd name="T93" fmla="*/ 340 h 697"/>
                  <a:gd name="T94" fmla="*/ 84 w 395"/>
                  <a:gd name="T95" fmla="*/ 356 h 697"/>
                  <a:gd name="T96" fmla="*/ 108 w 395"/>
                  <a:gd name="T97" fmla="*/ 378 h 697"/>
                  <a:gd name="T98" fmla="*/ 113 w 395"/>
                  <a:gd name="T99" fmla="*/ 380 h 697"/>
                  <a:gd name="T100" fmla="*/ 149 w 395"/>
                  <a:gd name="T101" fmla="*/ 422 h 697"/>
                  <a:gd name="T102" fmla="*/ 159 w 395"/>
                  <a:gd name="T103" fmla="*/ 455 h 697"/>
                  <a:gd name="T104" fmla="*/ 162 w 395"/>
                  <a:gd name="T105" fmla="*/ 448 h 697"/>
                  <a:gd name="T106" fmla="*/ 170 w 395"/>
                  <a:gd name="T107" fmla="*/ 444 h 697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395"/>
                  <a:gd name="T163" fmla="*/ 0 h 697"/>
                  <a:gd name="T164" fmla="*/ 395 w 395"/>
                  <a:gd name="T165" fmla="*/ 697 h 697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395" h="697">
                    <a:moveTo>
                      <a:pt x="258" y="678"/>
                    </a:moveTo>
                    <a:lnTo>
                      <a:pt x="264" y="672"/>
                    </a:lnTo>
                    <a:lnTo>
                      <a:pt x="269" y="668"/>
                    </a:lnTo>
                    <a:lnTo>
                      <a:pt x="274" y="668"/>
                    </a:lnTo>
                    <a:lnTo>
                      <a:pt x="280" y="668"/>
                    </a:lnTo>
                    <a:lnTo>
                      <a:pt x="285" y="672"/>
                    </a:lnTo>
                    <a:lnTo>
                      <a:pt x="288" y="673"/>
                    </a:lnTo>
                    <a:lnTo>
                      <a:pt x="291" y="677"/>
                    </a:lnTo>
                    <a:lnTo>
                      <a:pt x="295" y="678"/>
                    </a:lnTo>
                    <a:lnTo>
                      <a:pt x="308" y="683"/>
                    </a:lnTo>
                    <a:lnTo>
                      <a:pt x="318" y="685"/>
                    </a:lnTo>
                    <a:lnTo>
                      <a:pt x="324" y="683"/>
                    </a:lnTo>
                    <a:lnTo>
                      <a:pt x="325" y="680"/>
                    </a:lnTo>
                    <a:lnTo>
                      <a:pt x="324" y="677"/>
                    </a:lnTo>
                    <a:lnTo>
                      <a:pt x="324" y="673"/>
                    </a:lnTo>
                    <a:lnTo>
                      <a:pt x="320" y="670"/>
                    </a:lnTo>
                    <a:lnTo>
                      <a:pt x="320" y="668"/>
                    </a:lnTo>
                    <a:lnTo>
                      <a:pt x="315" y="660"/>
                    </a:lnTo>
                    <a:lnTo>
                      <a:pt x="315" y="651"/>
                    </a:lnTo>
                    <a:lnTo>
                      <a:pt x="317" y="646"/>
                    </a:lnTo>
                    <a:lnTo>
                      <a:pt x="322" y="641"/>
                    </a:lnTo>
                    <a:lnTo>
                      <a:pt x="327" y="639"/>
                    </a:lnTo>
                    <a:lnTo>
                      <a:pt x="332" y="636"/>
                    </a:lnTo>
                    <a:lnTo>
                      <a:pt x="337" y="636"/>
                    </a:lnTo>
                    <a:lnTo>
                      <a:pt x="339" y="636"/>
                    </a:lnTo>
                    <a:lnTo>
                      <a:pt x="347" y="634"/>
                    </a:lnTo>
                    <a:lnTo>
                      <a:pt x="354" y="633"/>
                    </a:lnTo>
                    <a:lnTo>
                      <a:pt x="356" y="631"/>
                    </a:lnTo>
                    <a:lnTo>
                      <a:pt x="356" y="628"/>
                    </a:lnTo>
                    <a:lnTo>
                      <a:pt x="354" y="624"/>
                    </a:lnTo>
                    <a:lnTo>
                      <a:pt x="354" y="622"/>
                    </a:lnTo>
                    <a:lnTo>
                      <a:pt x="352" y="621"/>
                    </a:lnTo>
                    <a:lnTo>
                      <a:pt x="351" y="619"/>
                    </a:lnTo>
                    <a:lnTo>
                      <a:pt x="347" y="614"/>
                    </a:lnTo>
                    <a:lnTo>
                      <a:pt x="349" y="606"/>
                    </a:lnTo>
                    <a:lnTo>
                      <a:pt x="349" y="604"/>
                    </a:lnTo>
                    <a:lnTo>
                      <a:pt x="351" y="602"/>
                    </a:lnTo>
                    <a:lnTo>
                      <a:pt x="352" y="600"/>
                    </a:lnTo>
                    <a:lnTo>
                      <a:pt x="354" y="597"/>
                    </a:lnTo>
                    <a:lnTo>
                      <a:pt x="354" y="595"/>
                    </a:lnTo>
                    <a:lnTo>
                      <a:pt x="356" y="594"/>
                    </a:lnTo>
                    <a:lnTo>
                      <a:pt x="356" y="592"/>
                    </a:lnTo>
                    <a:lnTo>
                      <a:pt x="356" y="590"/>
                    </a:lnTo>
                    <a:lnTo>
                      <a:pt x="352" y="585"/>
                    </a:lnTo>
                    <a:lnTo>
                      <a:pt x="351" y="580"/>
                    </a:lnTo>
                    <a:lnTo>
                      <a:pt x="351" y="575"/>
                    </a:lnTo>
                    <a:lnTo>
                      <a:pt x="351" y="572"/>
                    </a:lnTo>
                    <a:lnTo>
                      <a:pt x="354" y="568"/>
                    </a:lnTo>
                    <a:lnTo>
                      <a:pt x="356" y="567"/>
                    </a:lnTo>
                    <a:lnTo>
                      <a:pt x="356" y="565"/>
                    </a:lnTo>
                    <a:lnTo>
                      <a:pt x="357" y="565"/>
                    </a:lnTo>
                    <a:lnTo>
                      <a:pt x="359" y="555"/>
                    </a:lnTo>
                    <a:lnTo>
                      <a:pt x="359" y="553"/>
                    </a:lnTo>
                    <a:lnTo>
                      <a:pt x="359" y="551"/>
                    </a:lnTo>
                    <a:lnTo>
                      <a:pt x="359" y="548"/>
                    </a:lnTo>
                    <a:lnTo>
                      <a:pt x="361" y="543"/>
                    </a:lnTo>
                    <a:lnTo>
                      <a:pt x="361" y="540"/>
                    </a:lnTo>
                    <a:lnTo>
                      <a:pt x="362" y="536"/>
                    </a:lnTo>
                    <a:lnTo>
                      <a:pt x="362" y="533"/>
                    </a:lnTo>
                    <a:lnTo>
                      <a:pt x="362" y="531"/>
                    </a:lnTo>
                    <a:lnTo>
                      <a:pt x="369" y="526"/>
                    </a:lnTo>
                    <a:lnTo>
                      <a:pt x="374" y="518"/>
                    </a:lnTo>
                    <a:lnTo>
                      <a:pt x="378" y="509"/>
                    </a:lnTo>
                    <a:lnTo>
                      <a:pt x="381" y="502"/>
                    </a:lnTo>
                    <a:lnTo>
                      <a:pt x="384" y="494"/>
                    </a:lnTo>
                    <a:lnTo>
                      <a:pt x="386" y="489"/>
                    </a:lnTo>
                    <a:lnTo>
                      <a:pt x="388" y="484"/>
                    </a:lnTo>
                    <a:lnTo>
                      <a:pt x="388" y="482"/>
                    </a:lnTo>
                    <a:lnTo>
                      <a:pt x="390" y="479"/>
                    </a:lnTo>
                    <a:lnTo>
                      <a:pt x="391" y="475"/>
                    </a:lnTo>
                    <a:lnTo>
                      <a:pt x="393" y="474"/>
                    </a:lnTo>
                    <a:lnTo>
                      <a:pt x="395" y="463"/>
                    </a:lnTo>
                    <a:lnTo>
                      <a:pt x="395" y="455"/>
                    </a:lnTo>
                    <a:lnTo>
                      <a:pt x="393" y="446"/>
                    </a:lnTo>
                    <a:lnTo>
                      <a:pt x="390" y="440"/>
                    </a:lnTo>
                    <a:lnTo>
                      <a:pt x="388" y="433"/>
                    </a:lnTo>
                    <a:lnTo>
                      <a:pt x="384" y="428"/>
                    </a:lnTo>
                    <a:lnTo>
                      <a:pt x="383" y="424"/>
                    </a:lnTo>
                    <a:lnTo>
                      <a:pt x="381" y="423"/>
                    </a:lnTo>
                    <a:lnTo>
                      <a:pt x="381" y="419"/>
                    </a:lnTo>
                    <a:lnTo>
                      <a:pt x="381" y="396"/>
                    </a:lnTo>
                    <a:lnTo>
                      <a:pt x="384" y="391"/>
                    </a:lnTo>
                    <a:lnTo>
                      <a:pt x="384" y="389"/>
                    </a:lnTo>
                    <a:lnTo>
                      <a:pt x="384" y="387"/>
                    </a:lnTo>
                    <a:lnTo>
                      <a:pt x="384" y="382"/>
                    </a:lnTo>
                    <a:lnTo>
                      <a:pt x="383" y="377"/>
                    </a:lnTo>
                    <a:lnTo>
                      <a:pt x="383" y="370"/>
                    </a:lnTo>
                    <a:lnTo>
                      <a:pt x="383" y="362"/>
                    </a:lnTo>
                    <a:lnTo>
                      <a:pt x="381" y="353"/>
                    </a:lnTo>
                    <a:lnTo>
                      <a:pt x="381" y="343"/>
                    </a:lnTo>
                    <a:lnTo>
                      <a:pt x="379" y="333"/>
                    </a:lnTo>
                    <a:lnTo>
                      <a:pt x="379" y="321"/>
                    </a:lnTo>
                    <a:lnTo>
                      <a:pt x="378" y="309"/>
                    </a:lnTo>
                    <a:lnTo>
                      <a:pt x="376" y="296"/>
                    </a:lnTo>
                    <a:lnTo>
                      <a:pt x="376" y="284"/>
                    </a:lnTo>
                    <a:lnTo>
                      <a:pt x="374" y="270"/>
                    </a:lnTo>
                    <a:lnTo>
                      <a:pt x="373" y="257"/>
                    </a:lnTo>
                    <a:lnTo>
                      <a:pt x="373" y="243"/>
                    </a:lnTo>
                    <a:lnTo>
                      <a:pt x="371" y="228"/>
                    </a:lnTo>
                    <a:lnTo>
                      <a:pt x="369" y="215"/>
                    </a:lnTo>
                    <a:lnTo>
                      <a:pt x="369" y="201"/>
                    </a:lnTo>
                    <a:lnTo>
                      <a:pt x="368" y="189"/>
                    </a:lnTo>
                    <a:lnTo>
                      <a:pt x="366" y="176"/>
                    </a:lnTo>
                    <a:lnTo>
                      <a:pt x="366" y="164"/>
                    </a:lnTo>
                    <a:lnTo>
                      <a:pt x="364" y="152"/>
                    </a:lnTo>
                    <a:lnTo>
                      <a:pt x="364" y="142"/>
                    </a:lnTo>
                    <a:lnTo>
                      <a:pt x="362" y="132"/>
                    </a:lnTo>
                    <a:lnTo>
                      <a:pt x="362" y="122"/>
                    </a:lnTo>
                    <a:lnTo>
                      <a:pt x="361" y="115"/>
                    </a:lnTo>
                    <a:lnTo>
                      <a:pt x="361" y="108"/>
                    </a:lnTo>
                    <a:lnTo>
                      <a:pt x="361" y="103"/>
                    </a:lnTo>
                    <a:lnTo>
                      <a:pt x="359" y="98"/>
                    </a:lnTo>
                    <a:lnTo>
                      <a:pt x="359" y="96"/>
                    </a:lnTo>
                    <a:lnTo>
                      <a:pt x="359" y="94"/>
                    </a:lnTo>
                    <a:lnTo>
                      <a:pt x="354" y="89"/>
                    </a:lnTo>
                    <a:lnTo>
                      <a:pt x="351" y="84"/>
                    </a:lnTo>
                    <a:lnTo>
                      <a:pt x="349" y="79"/>
                    </a:lnTo>
                    <a:lnTo>
                      <a:pt x="347" y="74"/>
                    </a:lnTo>
                    <a:lnTo>
                      <a:pt x="346" y="69"/>
                    </a:lnTo>
                    <a:lnTo>
                      <a:pt x="346" y="66"/>
                    </a:lnTo>
                    <a:lnTo>
                      <a:pt x="346" y="64"/>
                    </a:lnTo>
                    <a:lnTo>
                      <a:pt x="346" y="62"/>
                    </a:lnTo>
                    <a:lnTo>
                      <a:pt x="344" y="61"/>
                    </a:lnTo>
                    <a:lnTo>
                      <a:pt x="344" y="57"/>
                    </a:lnTo>
                    <a:lnTo>
                      <a:pt x="342" y="54"/>
                    </a:lnTo>
                    <a:lnTo>
                      <a:pt x="342" y="52"/>
                    </a:lnTo>
                    <a:lnTo>
                      <a:pt x="334" y="47"/>
                    </a:lnTo>
                    <a:lnTo>
                      <a:pt x="329" y="42"/>
                    </a:lnTo>
                    <a:lnTo>
                      <a:pt x="325" y="37"/>
                    </a:lnTo>
                    <a:lnTo>
                      <a:pt x="325" y="30"/>
                    </a:lnTo>
                    <a:lnTo>
                      <a:pt x="325" y="25"/>
                    </a:lnTo>
                    <a:lnTo>
                      <a:pt x="325" y="22"/>
                    </a:lnTo>
                    <a:lnTo>
                      <a:pt x="325" y="18"/>
                    </a:lnTo>
                    <a:lnTo>
                      <a:pt x="325" y="0"/>
                    </a:lnTo>
                    <a:lnTo>
                      <a:pt x="325" y="1"/>
                    </a:lnTo>
                    <a:lnTo>
                      <a:pt x="66" y="20"/>
                    </a:lnTo>
                    <a:lnTo>
                      <a:pt x="66" y="22"/>
                    </a:lnTo>
                    <a:lnTo>
                      <a:pt x="66" y="23"/>
                    </a:lnTo>
                    <a:lnTo>
                      <a:pt x="68" y="25"/>
                    </a:lnTo>
                    <a:lnTo>
                      <a:pt x="71" y="27"/>
                    </a:lnTo>
                    <a:lnTo>
                      <a:pt x="73" y="28"/>
                    </a:lnTo>
                    <a:lnTo>
                      <a:pt x="78" y="30"/>
                    </a:lnTo>
                    <a:lnTo>
                      <a:pt x="82" y="34"/>
                    </a:lnTo>
                    <a:lnTo>
                      <a:pt x="87" y="37"/>
                    </a:lnTo>
                    <a:lnTo>
                      <a:pt x="90" y="40"/>
                    </a:lnTo>
                    <a:lnTo>
                      <a:pt x="90" y="44"/>
                    </a:lnTo>
                    <a:lnTo>
                      <a:pt x="90" y="45"/>
                    </a:lnTo>
                    <a:lnTo>
                      <a:pt x="90" y="47"/>
                    </a:lnTo>
                    <a:lnTo>
                      <a:pt x="88" y="49"/>
                    </a:lnTo>
                    <a:lnTo>
                      <a:pt x="88" y="50"/>
                    </a:lnTo>
                    <a:lnTo>
                      <a:pt x="98" y="57"/>
                    </a:lnTo>
                    <a:lnTo>
                      <a:pt x="100" y="57"/>
                    </a:lnTo>
                    <a:lnTo>
                      <a:pt x="102" y="59"/>
                    </a:lnTo>
                    <a:lnTo>
                      <a:pt x="105" y="61"/>
                    </a:lnTo>
                    <a:lnTo>
                      <a:pt x="110" y="64"/>
                    </a:lnTo>
                    <a:lnTo>
                      <a:pt x="112" y="69"/>
                    </a:lnTo>
                    <a:lnTo>
                      <a:pt x="114" y="76"/>
                    </a:lnTo>
                    <a:lnTo>
                      <a:pt x="114" y="84"/>
                    </a:lnTo>
                    <a:lnTo>
                      <a:pt x="112" y="96"/>
                    </a:lnTo>
                    <a:lnTo>
                      <a:pt x="109" y="105"/>
                    </a:lnTo>
                    <a:lnTo>
                      <a:pt x="105" y="108"/>
                    </a:lnTo>
                    <a:lnTo>
                      <a:pt x="102" y="110"/>
                    </a:lnTo>
                    <a:lnTo>
                      <a:pt x="100" y="108"/>
                    </a:lnTo>
                    <a:lnTo>
                      <a:pt x="98" y="110"/>
                    </a:lnTo>
                    <a:lnTo>
                      <a:pt x="98" y="111"/>
                    </a:lnTo>
                    <a:lnTo>
                      <a:pt x="97" y="120"/>
                    </a:lnTo>
                    <a:lnTo>
                      <a:pt x="97" y="133"/>
                    </a:lnTo>
                    <a:lnTo>
                      <a:pt x="97" y="135"/>
                    </a:lnTo>
                    <a:lnTo>
                      <a:pt x="95" y="137"/>
                    </a:lnTo>
                    <a:lnTo>
                      <a:pt x="93" y="138"/>
                    </a:lnTo>
                    <a:lnTo>
                      <a:pt x="90" y="140"/>
                    </a:lnTo>
                    <a:lnTo>
                      <a:pt x="87" y="142"/>
                    </a:lnTo>
                    <a:lnTo>
                      <a:pt x="80" y="142"/>
                    </a:lnTo>
                    <a:lnTo>
                      <a:pt x="78" y="142"/>
                    </a:lnTo>
                    <a:lnTo>
                      <a:pt x="78" y="144"/>
                    </a:lnTo>
                    <a:lnTo>
                      <a:pt x="78" y="145"/>
                    </a:lnTo>
                    <a:lnTo>
                      <a:pt x="76" y="147"/>
                    </a:lnTo>
                    <a:lnTo>
                      <a:pt x="75" y="149"/>
                    </a:lnTo>
                    <a:lnTo>
                      <a:pt x="70" y="150"/>
                    </a:lnTo>
                    <a:lnTo>
                      <a:pt x="63" y="152"/>
                    </a:lnTo>
                    <a:lnTo>
                      <a:pt x="56" y="152"/>
                    </a:lnTo>
                    <a:lnTo>
                      <a:pt x="49" y="154"/>
                    </a:lnTo>
                    <a:lnTo>
                      <a:pt x="43" y="157"/>
                    </a:lnTo>
                    <a:lnTo>
                      <a:pt x="38" y="160"/>
                    </a:lnTo>
                    <a:lnTo>
                      <a:pt x="34" y="164"/>
                    </a:lnTo>
                    <a:lnTo>
                      <a:pt x="34" y="171"/>
                    </a:lnTo>
                    <a:lnTo>
                      <a:pt x="34" y="177"/>
                    </a:lnTo>
                    <a:lnTo>
                      <a:pt x="38" y="186"/>
                    </a:lnTo>
                    <a:lnTo>
                      <a:pt x="41" y="194"/>
                    </a:lnTo>
                    <a:lnTo>
                      <a:pt x="46" y="199"/>
                    </a:lnTo>
                    <a:lnTo>
                      <a:pt x="48" y="204"/>
                    </a:lnTo>
                    <a:lnTo>
                      <a:pt x="49" y="208"/>
                    </a:lnTo>
                    <a:lnTo>
                      <a:pt x="51" y="213"/>
                    </a:lnTo>
                    <a:lnTo>
                      <a:pt x="49" y="216"/>
                    </a:lnTo>
                    <a:lnTo>
                      <a:pt x="46" y="220"/>
                    </a:lnTo>
                    <a:lnTo>
                      <a:pt x="41" y="226"/>
                    </a:lnTo>
                    <a:lnTo>
                      <a:pt x="41" y="230"/>
                    </a:lnTo>
                    <a:lnTo>
                      <a:pt x="39" y="232"/>
                    </a:lnTo>
                    <a:lnTo>
                      <a:pt x="38" y="235"/>
                    </a:lnTo>
                    <a:lnTo>
                      <a:pt x="38" y="237"/>
                    </a:lnTo>
                    <a:lnTo>
                      <a:pt x="36" y="238"/>
                    </a:lnTo>
                    <a:lnTo>
                      <a:pt x="36" y="240"/>
                    </a:lnTo>
                    <a:lnTo>
                      <a:pt x="36" y="242"/>
                    </a:lnTo>
                    <a:lnTo>
                      <a:pt x="34" y="243"/>
                    </a:lnTo>
                    <a:lnTo>
                      <a:pt x="34" y="247"/>
                    </a:lnTo>
                    <a:lnTo>
                      <a:pt x="34" y="248"/>
                    </a:lnTo>
                    <a:lnTo>
                      <a:pt x="32" y="252"/>
                    </a:lnTo>
                    <a:lnTo>
                      <a:pt x="29" y="254"/>
                    </a:lnTo>
                    <a:lnTo>
                      <a:pt x="24" y="255"/>
                    </a:lnTo>
                    <a:lnTo>
                      <a:pt x="19" y="257"/>
                    </a:lnTo>
                    <a:lnTo>
                      <a:pt x="14" y="259"/>
                    </a:lnTo>
                    <a:lnTo>
                      <a:pt x="10" y="260"/>
                    </a:lnTo>
                    <a:lnTo>
                      <a:pt x="9" y="264"/>
                    </a:lnTo>
                    <a:lnTo>
                      <a:pt x="9" y="267"/>
                    </a:lnTo>
                    <a:lnTo>
                      <a:pt x="9" y="270"/>
                    </a:lnTo>
                    <a:lnTo>
                      <a:pt x="10" y="272"/>
                    </a:lnTo>
                    <a:lnTo>
                      <a:pt x="12" y="276"/>
                    </a:lnTo>
                    <a:lnTo>
                      <a:pt x="14" y="277"/>
                    </a:lnTo>
                    <a:lnTo>
                      <a:pt x="14" y="279"/>
                    </a:lnTo>
                    <a:lnTo>
                      <a:pt x="14" y="282"/>
                    </a:lnTo>
                    <a:lnTo>
                      <a:pt x="12" y="284"/>
                    </a:lnTo>
                    <a:lnTo>
                      <a:pt x="10" y="287"/>
                    </a:lnTo>
                    <a:lnTo>
                      <a:pt x="9" y="289"/>
                    </a:lnTo>
                    <a:lnTo>
                      <a:pt x="7" y="291"/>
                    </a:lnTo>
                    <a:lnTo>
                      <a:pt x="5" y="292"/>
                    </a:lnTo>
                    <a:lnTo>
                      <a:pt x="4" y="294"/>
                    </a:lnTo>
                    <a:lnTo>
                      <a:pt x="4" y="296"/>
                    </a:lnTo>
                    <a:lnTo>
                      <a:pt x="4" y="299"/>
                    </a:lnTo>
                    <a:lnTo>
                      <a:pt x="2" y="304"/>
                    </a:lnTo>
                    <a:lnTo>
                      <a:pt x="2" y="309"/>
                    </a:lnTo>
                    <a:lnTo>
                      <a:pt x="0" y="316"/>
                    </a:lnTo>
                    <a:lnTo>
                      <a:pt x="2" y="325"/>
                    </a:lnTo>
                    <a:lnTo>
                      <a:pt x="2" y="333"/>
                    </a:lnTo>
                    <a:lnTo>
                      <a:pt x="4" y="342"/>
                    </a:lnTo>
                    <a:lnTo>
                      <a:pt x="7" y="352"/>
                    </a:lnTo>
                    <a:lnTo>
                      <a:pt x="12" y="360"/>
                    </a:lnTo>
                    <a:lnTo>
                      <a:pt x="17" y="370"/>
                    </a:lnTo>
                    <a:lnTo>
                      <a:pt x="26" y="380"/>
                    </a:lnTo>
                    <a:lnTo>
                      <a:pt x="34" y="391"/>
                    </a:lnTo>
                    <a:lnTo>
                      <a:pt x="46" y="401"/>
                    </a:lnTo>
                    <a:lnTo>
                      <a:pt x="60" y="411"/>
                    </a:lnTo>
                    <a:lnTo>
                      <a:pt x="63" y="413"/>
                    </a:lnTo>
                    <a:lnTo>
                      <a:pt x="68" y="414"/>
                    </a:lnTo>
                    <a:lnTo>
                      <a:pt x="71" y="416"/>
                    </a:lnTo>
                    <a:lnTo>
                      <a:pt x="75" y="419"/>
                    </a:lnTo>
                    <a:lnTo>
                      <a:pt x="78" y="423"/>
                    </a:lnTo>
                    <a:lnTo>
                      <a:pt x="82" y="430"/>
                    </a:lnTo>
                    <a:lnTo>
                      <a:pt x="83" y="440"/>
                    </a:lnTo>
                    <a:lnTo>
                      <a:pt x="85" y="453"/>
                    </a:lnTo>
                    <a:lnTo>
                      <a:pt x="85" y="462"/>
                    </a:lnTo>
                    <a:lnTo>
                      <a:pt x="88" y="468"/>
                    </a:lnTo>
                    <a:lnTo>
                      <a:pt x="90" y="472"/>
                    </a:lnTo>
                    <a:lnTo>
                      <a:pt x="93" y="474"/>
                    </a:lnTo>
                    <a:lnTo>
                      <a:pt x="97" y="474"/>
                    </a:lnTo>
                    <a:lnTo>
                      <a:pt x="102" y="470"/>
                    </a:lnTo>
                    <a:lnTo>
                      <a:pt x="105" y="467"/>
                    </a:lnTo>
                    <a:lnTo>
                      <a:pt x="109" y="463"/>
                    </a:lnTo>
                    <a:lnTo>
                      <a:pt x="112" y="462"/>
                    </a:lnTo>
                    <a:lnTo>
                      <a:pt x="117" y="462"/>
                    </a:lnTo>
                    <a:lnTo>
                      <a:pt x="122" y="463"/>
                    </a:lnTo>
                    <a:lnTo>
                      <a:pt x="129" y="467"/>
                    </a:lnTo>
                    <a:lnTo>
                      <a:pt x="134" y="470"/>
                    </a:lnTo>
                    <a:lnTo>
                      <a:pt x="137" y="475"/>
                    </a:lnTo>
                    <a:lnTo>
                      <a:pt x="141" y="479"/>
                    </a:lnTo>
                    <a:lnTo>
                      <a:pt x="141" y="482"/>
                    </a:lnTo>
                    <a:lnTo>
                      <a:pt x="141" y="485"/>
                    </a:lnTo>
                    <a:lnTo>
                      <a:pt x="137" y="492"/>
                    </a:lnTo>
                    <a:lnTo>
                      <a:pt x="136" y="499"/>
                    </a:lnTo>
                    <a:lnTo>
                      <a:pt x="134" y="507"/>
                    </a:lnTo>
                    <a:lnTo>
                      <a:pt x="132" y="516"/>
                    </a:lnTo>
                    <a:lnTo>
                      <a:pt x="131" y="523"/>
                    </a:lnTo>
                    <a:lnTo>
                      <a:pt x="129" y="526"/>
                    </a:lnTo>
                    <a:lnTo>
                      <a:pt x="129" y="528"/>
                    </a:lnTo>
                    <a:lnTo>
                      <a:pt x="127" y="529"/>
                    </a:lnTo>
                    <a:lnTo>
                      <a:pt x="126" y="533"/>
                    </a:lnTo>
                    <a:lnTo>
                      <a:pt x="124" y="540"/>
                    </a:lnTo>
                    <a:lnTo>
                      <a:pt x="124" y="546"/>
                    </a:lnTo>
                    <a:lnTo>
                      <a:pt x="126" y="553"/>
                    </a:lnTo>
                    <a:lnTo>
                      <a:pt x="129" y="562"/>
                    </a:lnTo>
                    <a:lnTo>
                      <a:pt x="139" y="570"/>
                    </a:lnTo>
                    <a:lnTo>
                      <a:pt x="153" y="577"/>
                    </a:lnTo>
                    <a:lnTo>
                      <a:pt x="156" y="578"/>
                    </a:lnTo>
                    <a:lnTo>
                      <a:pt x="159" y="580"/>
                    </a:lnTo>
                    <a:lnTo>
                      <a:pt x="163" y="582"/>
                    </a:lnTo>
                    <a:lnTo>
                      <a:pt x="164" y="584"/>
                    </a:lnTo>
                    <a:lnTo>
                      <a:pt x="166" y="585"/>
                    </a:lnTo>
                    <a:lnTo>
                      <a:pt x="166" y="594"/>
                    </a:lnTo>
                    <a:lnTo>
                      <a:pt x="183" y="594"/>
                    </a:lnTo>
                    <a:lnTo>
                      <a:pt x="198" y="609"/>
                    </a:lnTo>
                    <a:lnTo>
                      <a:pt x="214" y="614"/>
                    </a:lnTo>
                    <a:lnTo>
                      <a:pt x="215" y="636"/>
                    </a:lnTo>
                    <a:lnTo>
                      <a:pt x="222" y="648"/>
                    </a:lnTo>
                    <a:lnTo>
                      <a:pt x="217" y="665"/>
                    </a:lnTo>
                    <a:lnTo>
                      <a:pt x="217" y="673"/>
                    </a:lnTo>
                    <a:lnTo>
                      <a:pt x="227" y="683"/>
                    </a:lnTo>
                    <a:lnTo>
                      <a:pt x="230" y="692"/>
                    </a:lnTo>
                    <a:lnTo>
                      <a:pt x="237" y="697"/>
                    </a:lnTo>
                    <a:lnTo>
                      <a:pt x="237" y="694"/>
                    </a:lnTo>
                    <a:lnTo>
                      <a:pt x="237" y="690"/>
                    </a:lnTo>
                    <a:lnTo>
                      <a:pt x="237" y="687"/>
                    </a:lnTo>
                    <a:lnTo>
                      <a:pt x="237" y="685"/>
                    </a:lnTo>
                    <a:lnTo>
                      <a:pt x="239" y="685"/>
                    </a:lnTo>
                    <a:lnTo>
                      <a:pt x="242" y="687"/>
                    </a:lnTo>
                    <a:lnTo>
                      <a:pt x="244" y="692"/>
                    </a:lnTo>
                    <a:lnTo>
                      <a:pt x="246" y="692"/>
                    </a:lnTo>
                    <a:lnTo>
                      <a:pt x="246" y="690"/>
                    </a:lnTo>
                    <a:lnTo>
                      <a:pt x="247" y="688"/>
                    </a:lnTo>
                    <a:lnTo>
                      <a:pt x="251" y="685"/>
                    </a:lnTo>
                    <a:lnTo>
                      <a:pt x="252" y="683"/>
                    </a:lnTo>
                    <a:lnTo>
                      <a:pt x="256" y="682"/>
                    </a:lnTo>
                    <a:lnTo>
                      <a:pt x="258" y="680"/>
                    </a:lnTo>
                    <a:lnTo>
                      <a:pt x="258" y="678"/>
                    </a:lnTo>
                    <a:close/>
                  </a:path>
                </a:pathLst>
              </a:custGeom>
              <a:solidFill>
                <a:schemeClr val="bg2">
                  <a:lumMod val="85000"/>
                </a:schemeClr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56" name="Freeform 46"/>
              <p:cNvSpPr>
                <a:spLocks/>
              </p:cNvSpPr>
              <p:nvPr/>
            </p:nvSpPr>
            <p:spPr bwMode="auto">
              <a:xfrm>
                <a:off x="2691" y="2198"/>
                <a:ext cx="644" cy="564"/>
              </a:xfrm>
              <a:custGeom>
                <a:avLst/>
                <a:gdLst>
                  <a:gd name="T0" fmla="*/ 79 w 662"/>
                  <a:gd name="T1" fmla="*/ 448 h 570"/>
                  <a:gd name="T2" fmla="*/ 79 w 662"/>
                  <a:gd name="T3" fmla="*/ 427 h 570"/>
                  <a:gd name="T4" fmla="*/ 79 w 662"/>
                  <a:gd name="T5" fmla="*/ 409 h 570"/>
                  <a:gd name="T6" fmla="*/ 79 w 662"/>
                  <a:gd name="T7" fmla="*/ 399 h 570"/>
                  <a:gd name="T8" fmla="*/ 57 w 662"/>
                  <a:gd name="T9" fmla="*/ 146 h 570"/>
                  <a:gd name="T10" fmla="*/ 46 w 662"/>
                  <a:gd name="T11" fmla="*/ 123 h 570"/>
                  <a:gd name="T12" fmla="*/ 55 w 662"/>
                  <a:gd name="T13" fmla="*/ 91 h 570"/>
                  <a:gd name="T14" fmla="*/ 50 w 662"/>
                  <a:gd name="T15" fmla="*/ 86 h 570"/>
                  <a:gd name="T16" fmla="*/ 23 w 662"/>
                  <a:gd name="T17" fmla="*/ 69 h 570"/>
                  <a:gd name="T18" fmla="*/ 10 w 662"/>
                  <a:gd name="T19" fmla="*/ 32 h 570"/>
                  <a:gd name="T20" fmla="*/ 5 w 662"/>
                  <a:gd name="T21" fmla="*/ 22 h 570"/>
                  <a:gd name="T22" fmla="*/ 0 w 662"/>
                  <a:gd name="T23" fmla="*/ 10 h 570"/>
                  <a:gd name="T24" fmla="*/ 263 w 662"/>
                  <a:gd name="T25" fmla="*/ 10 h 570"/>
                  <a:gd name="T26" fmla="*/ 273 w 662"/>
                  <a:gd name="T27" fmla="*/ 28 h 570"/>
                  <a:gd name="T28" fmla="*/ 273 w 662"/>
                  <a:gd name="T29" fmla="*/ 32 h 570"/>
                  <a:gd name="T30" fmla="*/ 271 w 662"/>
                  <a:gd name="T31" fmla="*/ 47 h 570"/>
                  <a:gd name="T32" fmla="*/ 276 w 662"/>
                  <a:gd name="T33" fmla="*/ 74 h 570"/>
                  <a:gd name="T34" fmla="*/ 295 w 662"/>
                  <a:gd name="T35" fmla="*/ 113 h 570"/>
                  <a:gd name="T36" fmla="*/ 318 w 662"/>
                  <a:gd name="T37" fmla="*/ 132 h 570"/>
                  <a:gd name="T38" fmla="*/ 328 w 662"/>
                  <a:gd name="T39" fmla="*/ 140 h 570"/>
                  <a:gd name="T40" fmla="*/ 331 w 662"/>
                  <a:gd name="T41" fmla="*/ 176 h 570"/>
                  <a:gd name="T42" fmla="*/ 340 w 662"/>
                  <a:gd name="T43" fmla="*/ 178 h 570"/>
                  <a:gd name="T44" fmla="*/ 350 w 662"/>
                  <a:gd name="T45" fmla="*/ 170 h 570"/>
                  <a:gd name="T46" fmla="*/ 365 w 662"/>
                  <a:gd name="T47" fmla="*/ 183 h 570"/>
                  <a:gd name="T48" fmla="*/ 365 w 662"/>
                  <a:gd name="T49" fmla="*/ 200 h 570"/>
                  <a:gd name="T50" fmla="*/ 360 w 662"/>
                  <a:gd name="T51" fmla="*/ 223 h 570"/>
                  <a:gd name="T52" fmla="*/ 357 w 662"/>
                  <a:gd name="T53" fmla="*/ 230 h 570"/>
                  <a:gd name="T54" fmla="*/ 358 w 662"/>
                  <a:gd name="T55" fmla="*/ 256 h 570"/>
                  <a:gd name="T56" fmla="*/ 378 w 662"/>
                  <a:gd name="T57" fmla="*/ 274 h 570"/>
                  <a:gd name="T58" fmla="*/ 384 w 662"/>
                  <a:gd name="T59" fmla="*/ 279 h 570"/>
                  <a:gd name="T60" fmla="*/ 396 w 662"/>
                  <a:gd name="T61" fmla="*/ 288 h 570"/>
                  <a:gd name="T62" fmla="*/ 422 w 662"/>
                  <a:gd name="T63" fmla="*/ 329 h 570"/>
                  <a:gd name="T64" fmla="*/ 428 w 662"/>
                  <a:gd name="T65" fmla="*/ 371 h 570"/>
                  <a:gd name="T66" fmla="*/ 433 w 662"/>
                  <a:gd name="T67" fmla="*/ 370 h 570"/>
                  <a:gd name="T68" fmla="*/ 435 w 662"/>
                  <a:gd name="T69" fmla="*/ 367 h 570"/>
                  <a:gd name="T70" fmla="*/ 443 w 662"/>
                  <a:gd name="T71" fmla="*/ 377 h 570"/>
                  <a:gd name="T72" fmla="*/ 447 w 662"/>
                  <a:gd name="T73" fmla="*/ 419 h 570"/>
                  <a:gd name="T74" fmla="*/ 419 w 662"/>
                  <a:gd name="T75" fmla="*/ 459 h 570"/>
                  <a:gd name="T76" fmla="*/ 411 w 662"/>
                  <a:gd name="T77" fmla="*/ 461 h 570"/>
                  <a:gd name="T78" fmla="*/ 421 w 662"/>
                  <a:gd name="T79" fmla="*/ 471 h 570"/>
                  <a:gd name="T80" fmla="*/ 421 w 662"/>
                  <a:gd name="T81" fmla="*/ 475 h 570"/>
                  <a:gd name="T82" fmla="*/ 411 w 662"/>
                  <a:gd name="T83" fmla="*/ 489 h 570"/>
                  <a:gd name="T84" fmla="*/ 370 w 662"/>
                  <a:gd name="T85" fmla="*/ 485 h 570"/>
                  <a:gd name="T86" fmla="*/ 378 w 662"/>
                  <a:gd name="T87" fmla="*/ 465 h 570"/>
                  <a:gd name="T88" fmla="*/ 386 w 662"/>
                  <a:gd name="T89" fmla="*/ 448 h 570"/>
                  <a:gd name="T90" fmla="*/ 376 w 662"/>
                  <a:gd name="T91" fmla="*/ 434 h 570"/>
                  <a:gd name="T92" fmla="*/ 365 w 662"/>
                  <a:gd name="T93" fmla="*/ 436 h 570"/>
                  <a:gd name="T94" fmla="*/ 337 w 662"/>
                  <a:gd name="T95" fmla="*/ 437 h 570"/>
                  <a:gd name="T96" fmla="*/ 294 w 662"/>
                  <a:gd name="T97" fmla="*/ 441 h 570"/>
                  <a:gd name="T98" fmla="*/ 241 w 662"/>
                  <a:gd name="T99" fmla="*/ 444 h 570"/>
                  <a:gd name="T100" fmla="*/ 188 w 662"/>
                  <a:gd name="T101" fmla="*/ 448 h 570"/>
                  <a:gd name="T102" fmla="*/ 140 w 662"/>
                  <a:gd name="T103" fmla="*/ 451 h 570"/>
                  <a:gd name="T104" fmla="*/ 101 w 662"/>
                  <a:gd name="T105" fmla="*/ 452 h 570"/>
                  <a:gd name="T106" fmla="*/ 81 w 662"/>
                  <a:gd name="T107" fmla="*/ 453 h 570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662"/>
                  <a:gd name="T163" fmla="*/ 0 h 570"/>
                  <a:gd name="T164" fmla="*/ 662 w 662"/>
                  <a:gd name="T165" fmla="*/ 570 h 570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662" h="570">
                    <a:moveTo>
                      <a:pt x="117" y="524"/>
                    </a:moveTo>
                    <a:lnTo>
                      <a:pt x="117" y="523"/>
                    </a:lnTo>
                    <a:lnTo>
                      <a:pt x="115" y="521"/>
                    </a:lnTo>
                    <a:lnTo>
                      <a:pt x="115" y="518"/>
                    </a:lnTo>
                    <a:lnTo>
                      <a:pt x="115" y="514"/>
                    </a:lnTo>
                    <a:lnTo>
                      <a:pt x="115" y="509"/>
                    </a:lnTo>
                    <a:lnTo>
                      <a:pt x="115" y="504"/>
                    </a:lnTo>
                    <a:lnTo>
                      <a:pt x="115" y="497"/>
                    </a:lnTo>
                    <a:lnTo>
                      <a:pt x="115" y="492"/>
                    </a:lnTo>
                    <a:lnTo>
                      <a:pt x="115" y="487"/>
                    </a:lnTo>
                    <a:lnTo>
                      <a:pt x="115" y="480"/>
                    </a:lnTo>
                    <a:lnTo>
                      <a:pt x="115" y="475"/>
                    </a:lnTo>
                    <a:lnTo>
                      <a:pt x="115" y="470"/>
                    </a:lnTo>
                    <a:lnTo>
                      <a:pt x="115" y="467"/>
                    </a:lnTo>
                    <a:lnTo>
                      <a:pt x="115" y="463"/>
                    </a:lnTo>
                    <a:lnTo>
                      <a:pt x="115" y="462"/>
                    </a:lnTo>
                    <a:lnTo>
                      <a:pt x="115" y="460"/>
                    </a:lnTo>
                    <a:lnTo>
                      <a:pt x="113" y="188"/>
                    </a:lnTo>
                    <a:lnTo>
                      <a:pt x="96" y="188"/>
                    </a:lnTo>
                    <a:lnTo>
                      <a:pt x="85" y="174"/>
                    </a:lnTo>
                    <a:lnTo>
                      <a:pt x="83" y="162"/>
                    </a:lnTo>
                    <a:lnTo>
                      <a:pt x="79" y="155"/>
                    </a:lnTo>
                    <a:lnTo>
                      <a:pt x="66" y="145"/>
                    </a:lnTo>
                    <a:lnTo>
                      <a:pt x="66" y="137"/>
                    </a:lnTo>
                    <a:lnTo>
                      <a:pt x="79" y="118"/>
                    </a:lnTo>
                    <a:lnTo>
                      <a:pt x="83" y="113"/>
                    </a:lnTo>
                    <a:lnTo>
                      <a:pt x="85" y="108"/>
                    </a:lnTo>
                    <a:lnTo>
                      <a:pt x="83" y="105"/>
                    </a:lnTo>
                    <a:lnTo>
                      <a:pt x="81" y="103"/>
                    </a:lnTo>
                    <a:lnTo>
                      <a:pt x="78" y="101"/>
                    </a:lnTo>
                    <a:lnTo>
                      <a:pt x="74" y="100"/>
                    </a:lnTo>
                    <a:lnTo>
                      <a:pt x="73" y="100"/>
                    </a:lnTo>
                    <a:lnTo>
                      <a:pt x="71" y="98"/>
                    </a:lnTo>
                    <a:lnTo>
                      <a:pt x="61" y="100"/>
                    </a:lnTo>
                    <a:lnTo>
                      <a:pt x="49" y="89"/>
                    </a:lnTo>
                    <a:lnTo>
                      <a:pt x="37" y="83"/>
                    </a:lnTo>
                    <a:lnTo>
                      <a:pt x="39" y="84"/>
                    </a:lnTo>
                    <a:lnTo>
                      <a:pt x="27" y="56"/>
                    </a:lnTo>
                    <a:lnTo>
                      <a:pt x="13" y="44"/>
                    </a:lnTo>
                    <a:lnTo>
                      <a:pt x="10" y="32"/>
                    </a:lnTo>
                    <a:lnTo>
                      <a:pt x="10" y="30"/>
                    </a:lnTo>
                    <a:lnTo>
                      <a:pt x="8" y="28"/>
                    </a:lnTo>
                    <a:lnTo>
                      <a:pt x="7" y="25"/>
                    </a:lnTo>
                    <a:lnTo>
                      <a:pt x="5" y="22"/>
                    </a:lnTo>
                    <a:lnTo>
                      <a:pt x="3" y="17"/>
                    </a:lnTo>
                    <a:lnTo>
                      <a:pt x="2" y="13"/>
                    </a:lnTo>
                    <a:lnTo>
                      <a:pt x="0" y="10"/>
                    </a:lnTo>
                    <a:lnTo>
                      <a:pt x="379" y="0"/>
                    </a:lnTo>
                    <a:lnTo>
                      <a:pt x="381" y="1"/>
                    </a:lnTo>
                    <a:lnTo>
                      <a:pt x="382" y="5"/>
                    </a:lnTo>
                    <a:lnTo>
                      <a:pt x="387" y="10"/>
                    </a:lnTo>
                    <a:lnTo>
                      <a:pt x="391" y="15"/>
                    </a:lnTo>
                    <a:lnTo>
                      <a:pt x="396" y="20"/>
                    </a:lnTo>
                    <a:lnTo>
                      <a:pt x="401" y="25"/>
                    </a:lnTo>
                    <a:lnTo>
                      <a:pt x="403" y="28"/>
                    </a:lnTo>
                    <a:lnTo>
                      <a:pt x="404" y="28"/>
                    </a:lnTo>
                    <a:lnTo>
                      <a:pt x="403" y="30"/>
                    </a:lnTo>
                    <a:lnTo>
                      <a:pt x="403" y="32"/>
                    </a:lnTo>
                    <a:lnTo>
                      <a:pt x="403" y="35"/>
                    </a:lnTo>
                    <a:lnTo>
                      <a:pt x="401" y="40"/>
                    </a:lnTo>
                    <a:lnTo>
                      <a:pt x="401" y="45"/>
                    </a:lnTo>
                    <a:lnTo>
                      <a:pt x="399" y="52"/>
                    </a:lnTo>
                    <a:lnTo>
                      <a:pt x="401" y="61"/>
                    </a:lnTo>
                    <a:lnTo>
                      <a:pt x="401" y="69"/>
                    </a:lnTo>
                    <a:lnTo>
                      <a:pt x="403" y="78"/>
                    </a:lnTo>
                    <a:lnTo>
                      <a:pt x="406" y="88"/>
                    </a:lnTo>
                    <a:lnTo>
                      <a:pt x="411" y="96"/>
                    </a:lnTo>
                    <a:lnTo>
                      <a:pt x="416" y="106"/>
                    </a:lnTo>
                    <a:lnTo>
                      <a:pt x="425" y="116"/>
                    </a:lnTo>
                    <a:lnTo>
                      <a:pt x="433" y="127"/>
                    </a:lnTo>
                    <a:lnTo>
                      <a:pt x="445" y="137"/>
                    </a:lnTo>
                    <a:lnTo>
                      <a:pt x="459" y="147"/>
                    </a:lnTo>
                    <a:lnTo>
                      <a:pt x="462" y="149"/>
                    </a:lnTo>
                    <a:lnTo>
                      <a:pt x="467" y="150"/>
                    </a:lnTo>
                    <a:lnTo>
                      <a:pt x="470" y="152"/>
                    </a:lnTo>
                    <a:lnTo>
                      <a:pt x="474" y="155"/>
                    </a:lnTo>
                    <a:lnTo>
                      <a:pt x="477" y="159"/>
                    </a:lnTo>
                    <a:lnTo>
                      <a:pt x="481" y="166"/>
                    </a:lnTo>
                    <a:lnTo>
                      <a:pt x="482" y="176"/>
                    </a:lnTo>
                    <a:lnTo>
                      <a:pt x="484" y="189"/>
                    </a:lnTo>
                    <a:lnTo>
                      <a:pt x="484" y="198"/>
                    </a:lnTo>
                    <a:lnTo>
                      <a:pt x="487" y="204"/>
                    </a:lnTo>
                    <a:lnTo>
                      <a:pt x="489" y="208"/>
                    </a:lnTo>
                    <a:lnTo>
                      <a:pt x="492" y="210"/>
                    </a:lnTo>
                    <a:lnTo>
                      <a:pt x="496" y="210"/>
                    </a:lnTo>
                    <a:lnTo>
                      <a:pt x="501" y="206"/>
                    </a:lnTo>
                    <a:lnTo>
                      <a:pt x="504" y="203"/>
                    </a:lnTo>
                    <a:lnTo>
                      <a:pt x="508" y="199"/>
                    </a:lnTo>
                    <a:lnTo>
                      <a:pt x="511" y="198"/>
                    </a:lnTo>
                    <a:lnTo>
                      <a:pt x="516" y="198"/>
                    </a:lnTo>
                    <a:lnTo>
                      <a:pt x="521" y="199"/>
                    </a:lnTo>
                    <a:lnTo>
                      <a:pt x="528" y="203"/>
                    </a:lnTo>
                    <a:lnTo>
                      <a:pt x="533" y="206"/>
                    </a:lnTo>
                    <a:lnTo>
                      <a:pt x="536" y="211"/>
                    </a:lnTo>
                    <a:lnTo>
                      <a:pt x="540" y="215"/>
                    </a:lnTo>
                    <a:lnTo>
                      <a:pt x="540" y="218"/>
                    </a:lnTo>
                    <a:lnTo>
                      <a:pt x="540" y="221"/>
                    </a:lnTo>
                    <a:lnTo>
                      <a:pt x="536" y="228"/>
                    </a:lnTo>
                    <a:lnTo>
                      <a:pt x="535" y="235"/>
                    </a:lnTo>
                    <a:lnTo>
                      <a:pt x="533" y="243"/>
                    </a:lnTo>
                    <a:lnTo>
                      <a:pt x="531" y="252"/>
                    </a:lnTo>
                    <a:lnTo>
                      <a:pt x="530" y="259"/>
                    </a:lnTo>
                    <a:lnTo>
                      <a:pt x="528" y="262"/>
                    </a:lnTo>
                    <a:lnTo>
                      <a:pt x="528" y="264"/>
                    </a:lnTo>
                    <a:lnTo>
                      <a:pt x="526" y="265"/>
                    </a:lnTo>
                    <a:lnTo>
                      <a:pt x="525" y="269"/>
                    </a:lnTo>
                    <a:lnTo>
                      <a:pt x="523" y="276"/>
                    </a:lnTo>
                    <a:lnTo>
                      <a:pt x="523" y="282"/>
                    </a:lnTo>
                    <a:lnTo>
                      <a:pt x="525" y="289"/>
                    </a:lnTo>
                    <a:lnTo>
                      <a:pt x="528" y="298"/>
                    </a:lnTo>
                    <a:lnTo>
                      <a:pt x="538" y="306"/>
                    </a:lnTo>
                    <a:lnTo>
                      <a:pt x="552" y="313"/>
                    </a:lnTo>
                    <a:lnTo>
                      <a:pt x="555" y="314"/>
                    </a:lnTo>
                    <a:lnTo>
                      <a:pt x="558" y="316"/>
                    </a:lnTo>
                    <a:lnTo>
                      <a:pt x="562" y="318"/>
                    </a:lnTo>
                    <a:lnTo>
                      <a:pt x="563" y="320"/>
                    </a:lnTo>
                    <a:lnTo>
                      <a:pt x="565" y="321"/>
                    </a:lnTo>
                    <a:lnTo>
                      <a:pt x="565" y="330"/>
                    </a:lnTo>
                    <a:lnTo>
                      <a:pt x="582" y="330"/>
                    </a:lnTo>
                    <a:lnTo>
                      <a:pt x="597" y="345"/>
                    </a:lnTo>
                    <a:lnTo>
                      <a:pt x="613" y="350"/>
                    </a:lnTo>
                    <a:lnTo>
                      <a:pt x="614" y="372"/>
                    </a:lnTo>
                    <a:lnTo>
                      <a:pt x="621" y="384"/>
                    </a:lnTo>
                    <a:lnTo>
                      <a:pt x="616" y="401"/>
                    </a:lnTo>
                    <a:lnTo>
                      <a:pt x="616" y="409"/>
                    </a:lnTo>
                    <a:lnTo>
                      <a:pt x="626" y="419"/>
                    </a:lnTo>
                    <a:lnTo>
                      <a:pt x="629" y="428"/>
                    </a:lnTo>
                    <a:lnTo>
                      <a:pt x="636" y="433"/>
                    </a:lnTo>
                    <a:lnTo>
                      <a:pt x="636" y="430"/>
                    </a:lnTo>
                    <a:lnTo>
                      <a:pt x="636" y="426"/>
                    </a:lnTo>
                    <a:lnTo>
                      <a:pt x="636" y="423"/>
                    </a:lnTo>
                    <a:lnTo>
                      <a:pt x="636" y="421"/>
                    </a:lnTo>
                    <a:lnTo>
                      <a:pt x="638" y="421"/>
                    </a:lnTo>
                    <a:lnTo>
                      <a:pt x="641" y="423"/>
                    </a:lnTo>
                    <a:lnTo>
                      <a:pt x="643" y="428"/>
                    </a:lnTo>
                    <a:lnTo>
                      <a:pt x="645" y="430"/>
                    </a:lnTo>
                    <a:lnTo>
                      <a:pt x="648" y="433"/>
                    </a:lnTo>
                    <a:lnTo>
                      <a:pt x="651" y="435"/>
                    </a:lnTo>
                    <a:lnTo>
                      <a:pt x="653" y="436"/>
                    </a:lnTo>
                    <a:lnTo>
                      <a:pt x="662" y="443"/>
                    </a:lnTo>
                    <a:lnTo>
                      <a:pt x="657" y="452"/>
                    </a:lnTo>
                    <a:lnTo>
                      <a:pt x="657" y="487"/>
                    </a:lnTo>
                    <a:lnTo>
                      <a:pt x="638" y="489"/>
                    </a:lnTo>
                    <a:lnTo>
                      <a:pt x="619" y="502"/>
                    </a:lnTo>
                    <a:lnTo>
                      <a:pt x="618" y="531"/>
                    </a:lnTo>
                    <a:lnTo>
                      <a:pt x="616" y="531"/>
                    </a:lnTo>
                    <a:lnTo>
                      <a:pt x="614" y="531"/>
                    </a:lnTo>
                    <a:lnTo>
                      <a:pt x="613" y="531"/>
                    </a:lnTo>
                    <a:lnTo>
                      <a:pt x="609" y="531"/>
                    </a:lnTo>
                    <a:lnTo>
                      <a:pt x="607" y="533"/>
                    </a:lnTo>
                    <a:lnTo>
                      <a:pt x="607" y="534"/>
                    </a:lnTo>
                    <a:lnTo>
                      <a:pt x="609" y="538"/>
                    </a:lnTo>
                    <a:lnTo>
                      <a:pt x="613" y="541"/>
                    </a:lnTo>
                    <a:lnTo>
                      <a:pt x="618" y="545"/>
                    </a:lnTo>
                    <a:lnTo>
                      <a:pt x="619" y="548"/>
                    </a:lnTo>
                    <a:lnTo>
                      <a:pt x="619" y="550"/>
                    </a:lnTo>
                    <a:lnTo>
                      <a:pt x="618" y="550"/>
                    </a:lnTo>
                    <a:lnTo>
                      <a:pt x="616" y="550"/>
                    </a:lnTo>
                    <a:lnTo>
                      <a:pt x="606" y="567"/>
                    </a:lnTo>
                    <a:lnTo>
                      <a:pt x="541" y="570"/>
                    </a:lnTo>
                    <a:lnTo>
                      <a:pt x="541" y="568"/>
                    </a:lnTo>
                    <a:lnTo>
                      <a:pt x="543" y="565"/>
                    </a:lnTo>
                    <a:lnTo>
                      <a:pt x="545" y="562"/>
                    </a:lnTo>
                    <a:lnTo>
                      <a:pt x="547" y="555"/>
                    </a:lnTo>
                    <a:lnTo>
                      <a:pt x="550" y="550"/>
                    </a:lnTo>
                    <a:lnTo>
                      <a:pt x="553" y="543"/>
                    </a:lnTo>
                    <a:lnTo>
                      <a:pt x="557" y="538"/>
                    </a:lnTo>
                    <a:lnTo>
                      <a:pt x="563" y="533"/>
                    </a:lnTo>
                    <a:lnTo>
                      <a:pt x="567" y="528"/>
                    </a:lnTo>
                    <a:lnTo>
                      <a:pt x="569" y="523"/>
                    </a:lnTo>
                    <a:lnTo>
                      <a:pt x="567" y="518"/>
                    </a:lnTo>
                    <a:lnTo>
                      <a:pt x="563" y="512"/>
                    </a:lnTo>
                    <a:lnTo>
                      <a:pt x="560" y="509"/>
                    </a:lnTo>
                    <a:lnTo>
                      <a:pt x="555" y="506"/>
                    </a:lnTo>
                    <a:lnTo>
                      <a:pt x="552" y="504"/>
                    </a:lnTo>
                    <a:lnTo>
                      <a:pt x="548" y="504"/>
                    </a:lnTo>
                    <a:lnTo>
                      <a:pt x="547" y="506"/>
                    </a:lnTo>
                    <a:lnTo>
                      <a:pt x="543" y="506"/>
                    </a:lnTo>
                    <a:lnTo>
                      <a:pt x="536" y="506"/>
                    </a:lnTo>
                    <a:lnTo>
                      <a:pt x="528" y="506"/>
                    </a:lnTo>
                    <a:lnTo>
                      <a:pt x="519" y="507"/>
                    </a:lnTo>
                    <a:lnTo>
                      <a:pt x="508" y="507"/>
                    </a:lnTo>
                    <a:lnTo>
                      <a:pt x="494" y="507"/>
                    </a:lnTo>
                    <a:lnTo>
                      <a:pt x="481" y="509"/>
                    </a:lnTo>
                    <a:lnTo>
                      <a:pt x="465" y="509"/>
                    </a:lnTo>
                    <a:lnTo>
                      <a:pt x="448" y="511"/>
                    </a:lnTo>
                    <a:lnTo>
                      <a:pt x="431" y="511"/>
                    </a:lnTo>
                    <a:lnTo>
                      <a:pt x="413" y="511"/>
                    </a:lnTo>
                    <a:lnTo>
                      <a:pt x="394" y="512"/>
                    </a:lnTo>
                    <a:lnTo>
                      <a:pt x="376" y="512"/>
                    </a:lnTo>
                    <a:lnTo>
                      <a:pt x="355" y="514"/>
                    </a:lnTo>
                    <a:lnTo>
                      <a:pt x="337" y="514"/>
                    </a:lnTo>
                    <a:lnTo>
                      <a:pt x="316" y="516"/>
                    </a:lnTo>
                    <a:lnTo>
                      <a:pt x="296" y="516"/>
                    </a:lnTo>
                    <a:lnTo>
                      <a:pt x="277" y="518"/>
                    </a:lnTo>
                    <a:lnTo>
                      <a:pt x="259" y="518"/>
                    </a:lnTo>
                    <a:lnTo>
                      <a:pt x="240" y="519"/>
                    </a:lnTo>
                    <a:lnTo>
                      <a:pt x="222" y="519"/>
                    </a:lnTo>
                    <a:lnTo>
                      <a:pt x="205" y="521"/>
                    </a:lnTo>
                    <a:lnTo>
                      <a:pt x="189" y="521"/>
                    </a:lnTo>
                    <a:lnTo>
                      <a:pt x="174" y="521"/>
                    </a:lnTo>
                    <a:lnTo>
                      <a:pt x="162" y="523"/>
                    </a:lnTo>
                    <a:lnTo>
                      <a:pt x="149" y="523"/>
                    </a:lnTo>
                    <a:lnTo>
                      <a:pt x="139" y="523"/>
                    </a:lnTo>
                    <a:lnTo>
                      <a:pt x="130" y="523"/>
                    </a:lnTo>
                    <a:lnTo>
                      <a:pt x="123" y="523"/>
                    </a:lnTo>
                    <a:lnTo>
                      <a:pt x="118" y="524"/>
                    </a:lnTo>
                    <a:lnTo>
                      <a:pt x="117" y="524"/>
                    </a:lnTo>
                    <a:close/>
                  </a:path>
                </a:pathLst>
              </a:custGeom>
              <a:solidFill>
                <a:schemeClr val="bg2">
                  <a:lumMod val="85000"/>
                </a:schemeClr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grpSp>
            <p:nvGrpSpPr>
              <p:cNvPr id="157" name="Group 47"/>
              <p:cNvGrpSpPr>
                <a:grpSpLocks/>
              </p:cNvGrpSpPr>
              <p:nvPr/>
            </p:nvGrpSpPr>
            <p:grpSpPr bwMode="auto">
              <a:xfrm>
                <a:off x="4042" y="1840"/>
                <a:ext cx="558" cy="359"/>
                <a:chOff x="4341" y="1400"/>
                <a:chExt cx="574" cy="370"/>
              </a:xfrm>
            </p:grpSpPr>
            <p:sp>
              <p:nvSpPr>
                <p:cNvPr id="158" name="Freeform 48"/>
                <p:cNvSpPr>
                  <a:spLocks/>
                </p:cNvSpPr>
                <p:nvPr/>
              </p:nvSpPr>
              <p:spPr bwMode="auto">
                <a:xfrm>
                  <a:off x="4341" y="1400"/>
                  <a:ext cx="574" cy="370"/>
                </a:xfrm>
                <a:custGeom>
                  <a:avLst/>
                  <a:gdLst>
                    <a:gd name="T0" fmla="*/ 491 w 574"/>
                    <a:gd name="T1" fmla="*/ 287 h 370"/>
                    <a:gd name="T2" fmla="*/ 501 w 574"/>
                    <a:gd name="T3" fmla="*/ 269 h 370"/>
                    <a:gd name="T4" fmla="*/ 518 w 574"/>
                    <a:gd name="T5" fmla="*/ 265 h 370"/>
                    <a:gd name="T6" fmla="*/ 523 w 574"/>
                    <a:gd name="T7" fmla="*/ 265 h 370"/>
                    <a:gd name="T8" fmla="*/ 535 w 574"/>
                    <a:gd name="T9" fmla="*/ 257 h 370"/>
                    <a:gd name="T10" fmla="*/ 545 w 574"/>
                    <a:gd name="T11" fmla="*/ 248 h 370"/>
                    <a:gd name="T12" fmla="*/ 550 w 574"/>
                    <a:gd name="T13" fmla="*/ 238 h 370"/>
                    <a:gd name="T14" fmla="*/ 560 w 574"/>
                    <a:gd name="T15" fmla="*/ 225 h 370"/>
                    <a:gd name="T16" fmla="*/ 569 w 574"/>
                    <a:gd name="T17" fmla="*/ 218 h 370"/>
                    <a:gd name="T18" fmla="*/ 574 w 574"/>
                    <a:gd name="T19" fmla="*/ 211 h 370"/>
                    <a:gd name="T20" fmla="*/ 571 w 574"/>
                    <a:gd name="T21" fmla="*/ 204 h 370"/>
                    <a:gd name="T22" fmla="*/ 567 w 574"/>
                    <a:gd name="T23" fmla="*/ 201 h 370"/>
                    <a:gd name="T24" fmla="*/ 554 w 574"/>
                    <a:gd name="T25" fmla="*/ 189 h 370"/>
                    <a:gd name="T26" fmla="*/ 537 w 574"/>
                    <a:gd name="T27" fmla="*/ 176 h 370"/>
                    <a:gd name="T28" fmla="*/ 520 w 574"/>
                    <a:gd name="T29" fmla="*/ 162 h 370"/>
                    <a:gd name="T30" fmla="*/ 520 w 574"/>
                    <a:gd name="T31" fmla="*/ 144 h 370"/>
                    <a:gd name="T32" fmla="*/ 525 w 574"/>
                    <a:gd name="T33" fmla="*/ 135 h 370"/>
                    <a:gd name="T34" fmla="*/ 538 w 574"/>
                    <a:gd name="T35" fmla="*/ 71 h 370"/>
                    <a:gd name="T36" fmla="*/ 525 w 574"/>
                    <a:gd name="T37" fmla="*/ 56 h 370"/>
                    <a:gd name="T38" fmla="*/ 520 w 574"/>
                    <a:gd name="T39" fmla="*/ 54 h 370"/>
                    <a:gd name="T40" fmla="*/ 511 w 574"/>
                    <a:gd name="T41" fmla="*/ 44 h 370"/>
                    <a:gd name="T42" fmla="*/ 503 w 574"/>
                    <a:gd name="T43" fmla="*/ 30 h 370"/>
                    <a:gd name="T44" fmla="*/ 501 w 574"/>
                    <a:gd name="T45" fmla="*/ 22 h 370"/>
                    <a:gd name="T46" fmla="*/ 493 w 574"/>
                    <a:gd name="T47" fmla="*/ 15 h 370"/>
                    <a:gd name="T48" fmla="*/ 483 w 574"/>
                    <a:gd name="T49" fmla="*/ 12 h 370"/>
                    <a:gd name="T50" fmla="*/ 476 w 574"/>
                    <a:gd name="T51" fmla="*/ 1 h 370"/>
                    <a:gd name="T52" fmla="*/ 459 w 574"/>
                    <a:gd name="T53" fmla="*/ 0 h 370"/>
                    <a:gd name="T54" fmla="*/ 449 w 574"/>
                    <a:gd name="T55" fmla="*/ 3 h 370"/>
                    <a:gd name="T56" fmla="*/ 422 w 574"/>
                    <a:gd name="T57" fmla="*/ 8 h 370"/>
                    <a:gd name="T58" fmla="*/ 383 w 574"/>
                    <a:gd name="T59" fmla="*/ 15 h 370"/>
                    <a:gd name="T60" fmla="*/ 335 w 574"/>
                    <a:gd name="T61" fmla="*/ 25 h 370"/>
                    <a:gd name="T62" fmla="*/ 283 w 574"/>
                    <a:gd name="T63" fmla="*/ 35 h 370"/>
                    <a:gd name="T64" fmla="*/ 230 w 574"/>
                    <a:gd name="T65" fmla="*/ 45 h 370"/>
                    <a:gd name="T66" fmla="*/ 178 w 574"/>
                    <a:gd name="T67" fmla="*/ 56 h 370"/>
                    <a:gd name="T68" fmla="*/ 134 w 574"/>
                    <a:gd name="T69" fmla="*/ 64 h 370"/>
                    <a:gd name="T70" fmla="*/ 98 w 574"/>
                    <a:gd name="T71" fmla="*/ 71 h 370"/>
                    <a:gd name="T72" fmla="*/ 78 w 574"/>
                    <a:gd name="T73" fmla="*/ 74 h 370"/>
                    <a:gd name="T74" fmla="*/ 66 w 574"/>
                    <a:gd name="T75" fmla="*/ 44 h 370"/>
                    <a:gd name="T76" fmla="*/ 49 w 574"/>
                    <a:gd name="T77" fmla="*/ 56 h 370"/>
                    <a:gd name="T78" fmla="*/ 34 w 574"/>
                    <a:gd name="T79" fmla="*/ 67 h 370"/>
                    <a:gd name="T80" fmla="*/ 21 w 574"/>
                    <a:gd name="T81" fmla="*/ 78 h 370"/>
                    <a:gd name="T82" fmla="*/ 9 w 574"/>
                    <a:gd name="T83" fmla="*/ 86 h 370"/>
                    <a:gd name="T84" fmla="*/ 2 w 574"/>
                    <a:gd name="T85" fmla="*/ 91 h 370"/>
                    <a:gd name="T86" fmla="*/ 32 w 574"/>
                    <a:gd name="T87" fmla="*/ 259 h 370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w 574"/>
                    <a:gd name="T133" fmla="*/ 0 h 370"/>
                    <a:gd name="T134" fmla="*/ 574 w 574"/>
                    <a:gd name="T135" fmla="*/ 370 h 370"/>
                  </a:gdLst>
                  <a:ahLst/>
                  <a:cxnLst>
                    <a:cxn ang="T88">
                      <a:pos x="T0" y="T1"/>
                    </a:cxn>
                    <a:cxn ang="T89">
                      <a:pos x="T2" y="T3"/>
                    </a:cxn>
                    <a:cxn ang="T90">
                      <a:pos x="T4" y="T5"/>
                    </a:cxn>
                    <a:cxn ang="T91">
                      <a:pos x="T6" y="T7"/>
                    </a:cxn>
                    <a:cxn ang="T92">
                      <a:pos x="T8" y="T9"/>
                    </a:cxn>
                    <a:cxn ang="T93">
                      <a:pos x="T10" y="T11"/>
                    </a:cxn>
                    <a:cxn ang="T94">
                      <a:pos x="T12" y="T13"/>
                    </a:cxn>
                    <a:cxn ang="T95">
                      <a:pos x="T14" y="T15"/>
                    </a:cxn>
                    <a:cxn ang="T96">
                      <a:pos x="T16" y="T17"/>
                    </a:cxn>
                    <a:cxn ang="T97">
                      <a:pos x="T18" y="T19"/>
                    </a:cxn>
                    <a:cxn ang="T98">
                      <a:pos x="T20" y="T21"/>
                    </a:cxn>
                    <a:cxn ang="T99">
                      <a:pos x="T22" y="T23"/>
                    </a:cxn>
                    <a:cxn ang="T100">
                      <a:pos x="T24" y="T25"/>
                    </a:cxn>
                    <a:cxn ang="T101">
                      <a:pos x="T26" y="T27"/>
                    </a:cxn>
                    <a:cxn ang="T102">
                      <a:pos x="T28" y="T29"/>
                    </a:cxn>
                    <a:cxn ang="T103">
                      <a:pos x="T30" y="T31"/>
                    </a:cxn>
                    <a:cxn ang="T104">
                      <a:pos x="T32" y="T33"/>
                    </a:cxn>
                    <a:cxn ang="T105">
                      <a:pos x="T34" y="T35"/>
                    </a:cxn>
                    <a:cxn ang="T106">
                      <a:pos x="T36" y="T37"/>
                    </a:cxn>
                    <a:cxn ang="T107">
                      <a:pos x="T38" y="T39"/>
                    </a:cxn>
                    <a:cxn ang="T108">
                      <a:pos x="T40" y="T41"/>
                    </a:cxn>
                    <a:cxn ang="T109">
                      <a:pos x="T42" y="T43"/>
                    </a:cxn>
                    <a:cxn ang="T110">
                      <a:pos x="T44" y="T45"/>
                    </a:cxn>
                    <a:cxn ang="T111">
                      <a:pos x="T46" y="T47"/>
                    </a:cxn>
                    <a:cxn ang="T112">
                      <a:pos x="T48" y="T49"/>
                    </a:cxn>
                    <a:cxn ang="T113">
                      <a:pos x="T50" y="T51"/>
                    </a:cxn>
                    <a:cxn ang="T114">
                      <a:pos x="T52" y="T53"/>
                    </a:cxn>
                    <a:cxn ang="T115">
                      <a:pos x="T54" y="T55"/>
                    </a:cxn>
                    <a:cxn ang="T116">
                      <a:pos x="T56" y="T57"/>
                    </a:cxn>
                    <a:cxn ang="T117">
                      <a:pos x="T58" y="T59"/>
                    </a:cxn>
                    <a:cxn ang="T118">
                      <a:pos x="T60" y="T61"/>
                    </a:cxn>
                    <a:cxn ang="T119">
                      <a:pos x="T62" y="T63"/>
                    </a:cxn>
                    <a:cxn ang="T120">
                      <a:pos x="T64" y="T65"/>
                    </a:cxn>
                    <a:cxn ang="T121">
                      <a:pos x="T66" y="T67"/>
                    </a:cxn>
                    <a:cxn ang="T122">
                      <a:pos x="T68" y="T69"/>
                    </a:cxn>
                    <a:cxn ang="T123">
                      <a:pos x="T70" y="T71"/>
                    </a:cxn>
                    <a:cxn ang="T124">
                      <a:pos x="T72" y="T73"/>
                    </a:cxn>
                    <a:cxn ang="T125">
                      <a:pos x="T74" y="T75"/>
                    </a:cxn>
                    <a:cxn ang="T126">
                      <a:pos x="T76" y="T77"/>
                    </a:cxn>
                    <a:cxn ang="T127">
                      <a:pos x="T78" y="T79"/>
                    </a:cxn>
                    <a:cxn ang="T128">
                      <a:pos x="T80" y="T81"/>
                    </a:cxn>
                    <a:cxn ang="T129">
                      <a:pos x="T82" y="T83"/>
                    </a:cxn>
                    <a:cxn ang="T130">
                      <a:pos x="T84" y="T85"/>
                    </a:cxn>
                    <a:cxn ang="T131">
                      <a:pos x="T86" y="T87"/>
                    </a:cxn>
                  </a:cxnLst>
                  <a:rect l="T132" t="T133" r="T134" b="T135"/>
                  <a:pathLst>
                    <a:path w="574" h="370">
                      <a:moveTo>
                        <a:pt x="51" y="370"/>
                      </a:moveTo>
                      <a:lnTo>
                        <a:pt x="146" y="352"/>
                      </a:lnTo>
                      <a:lnTo>
                        <a:pt x="491" y="287"/>
                      </a:lnTo>
                      <a:lnTo>
                        <a:pt x="493" y="277"/>
                      </a:lnTo>
                      <a:lnTo>
                        <a:pt x="496" y="272"/>
                      </a:lnTo>
                      <a:lnTo>
                        <a:pt x="501" y="269"/>
                      </a:lnTo>
                      <a:lnTo>
                        <a:pt x="506" y="265"/>
                      </a:lnTo>
                      <a:lnTo>
                        <a:pt x="513" y="265"/>
                      </a:lnTo>
                      <a:lnTo>
                        <a:pt x="518" y="265"/>
                      </a:lnTo>
                      <a:lnTo>
                        <a:pt x="521" y="265"/>
                      </a:lnTo>
                      <a:lnTo>
                        <a:pt x="523" y="267"/>
                      </a:lnTo>
                      <a:lnTo>
                        <a:pt x="523" y="265"/>
                      </a:lnTo>
                      <a:lnTo>
                        <a:pt x="527" y="264"/>
                      </a:lnTo>
                      <a:lnTo>
                        <a:pt x="530" y="260"/>
                      </a:lnTo>
                      <a:lnTo>
                        <a:pt x="535" y="257"/>
                      </a:lnTo>
                      <a:lnTo>
                        <a:pt x="538" y="254"/>
                      </a:lnTo>
                      <a:lnTo>
                        <a:pt x="543" y="252"/>
                      </a:lnTo>
                      <a:lnTo>
                        <a:pt x="545" y="248"/>
                      </a:lnTo>
                      <a:lnTo>
                        <a:pt x="547" y="248"/>
                      </a:lnTo>
                      <a:lnTo>
                        <a:pt x="547" y="243"/>
                      </a:lnTo>
                      <a:lnTo>
                        <a:pt x="550" y="238"/>
                      </a:lnTo>
                      <a:lnTo>
                        <a:pt x="554" y="233"/>
                      </a:lnTo>
                      <a:lnTo>
                        <a:pt x="557" y="228"/>
                      </a:lnTo>
                      <a:lnTo>
                        <a:pt x="560" y="225"/>
                      </a:lnTo>
                      <a:lnTo>
                        <a:pt x="564" y="221"/>
                      </a:lnTo>
                      <a:lnTo>
                        <a:pt x="567" y="220"/>
                      </a:lnTo>
                      <a:lnTo>
                        <a:pt x="569" y="218"/>
                      </a:lnTo>
                      <a:lnTo>
                        <a:pt x="572" y="216"/>
                      </a:lnTo>
                      <a:lnTo>
                        <a:pt x="574" y="213"/>
                      </a:lnTo>
                      <a:lnTo>
                        <a:pt x="574" y="211"/>
                      </a:lnTo>
                      <a:lnTo>
                        <a:pt x="574" y="208"/>
                      </a:lnTo>
                      <a:lnTo>
                        <a:pt x="572" y="206"/>
                      </a:lnTo>
                      <a:lnTo>
                        <a:pt x="571" y="204"/>
                      </a:lnTo>
                      <a:lnTo>
                        <a:pt x="571" y="203"/>
                      </a:lnTo>
                      <a:lnTo>
                        <a:pt x="569" y="203"/>
                      </a:lnTo>
                      <a:lnTo>
                        <a:pt x="567" y="201"/>
                      </a:lnTo>
                      <a:lnTo>
                        <a:pt x="564" y="199"/>
                      </a:lnTo>
                      <a:lnTo>
                        <a:pt x="559" y="194"/>
                      </a:lnTo>
                      <a:lnTo>
                        <a:pt x="554" y="189"/>
                      </a:lnTo>
                      <a:lnTo>
                        <a:pt x="547" y="184"/>
                      </a:lnTo>
                      <a:lnTo>
                        <a:pt x="542" y="179"/>
                      </a:lnTo>
                      <a:lnTo>
                        <a:pt x="537" y="176"/>
                      </a:lnTo>
                      <a:lnTo>
                        <a:pt x="535" y="174"/>
                      </a:lnTo>
                      <a:lnTo>
                        <a:pt x="525" y="169"/>
                      </a:lnTo>
                      <a:lnTo>
                        <a:pt x="520" y="162"/>
                      </a:lnTo>
                      <a:lnTo>
                        <a:pt x="518" y="155"/>
                      </a:lnTo>
                      <a:lnTo>
                        <a:pt x="518" y="149"/>
                      </a:lnTo>
                      <a:lnTo>
                        <a:pt x="520" y="144"/>
                      </a:lnTo>
                      <a:lnTo>
                        <a:pt x="521" y="138"/>
                      </a:lnTo>
                      <a:lnTo>
                        <a:pt x="523" y="135"/>
                      </a:lnTo>
                      <a:lnTo>
                        <a:pt x="525" y="135"/>
                      </a:lnTo>
                      <a:lnTo>
                        <a:pt x="515" y="118"/>
                      </a:lnTo>
                      <a:lnTo>
                        <a:pt x="532" y="93"/>
                      </a:lnTo>
                      <a:lnTo>
                        <a:pt x="538" y="71"/>
                      </a:lnTo>
                      <a:lnTo>
                        <a:pt x="543" y="62"/>
                      </a:lnTo>
                      <a:lnTo>
                        <a:pt x="525" y="56"/>
                      </a:lnTo>
                      <a:lnTo>
                        <a:pt x="523" y="56"/>
                      </a:lnTo>
                      <a:lnTo>
                        <a:pt x="520" y="54"/>
                      </a:lnTo>
                      <a:lnTo>
                        <a:pt x="518" y="50"/>
                      </a:lnTo>
                      <a:lnTo>
                        <a:pt x="515" y="47"/>
                      </a:lnTo>
                      <a:lnTo>
                        <a:pt x="511" y="44"/>
                      </a:lnTo>
                      <a:lnTo>
                        <a:pt x="508" y="39"/>
                      </a:lnTo>
                      <a:lnTo>
                        <a:pt x="505" y="32"/>
                      </a:lnTo>
                      <a:lnTo>
                        <a:pt x="503" y="30"/>
                      </a:lnTo>
                      <a:lnTo>
                        <a:pt x="503" y="28"/>
                      </a:lnTo>
                      <a:lnTo>
                        <a:pt x="503" y="25"/>
                      </a:lnTo>
                      <a:lnTo>
                        <a:pt x="501" y="22"/>
                      </a:lnTo>
                      <a:lnTo>
                        <a:pt x="499" y="20"/>
                      </a:lnTo>
                      <a:lnTo>
                        <a:pt x="496" y="17"/>
                      </a:lnTo>
                      <a:lnTo>
                        <a:pt x="493" y="15"/>
                      </a:lnTo>
                      <a:lnTo>
                        <a:pt x="486" y="15"/>
                      </a:lnTo>
                      <a:lnTo>
                        <a:pt x="484" y="13"/>
                      </a:lnTo>
                      <a:lnTo>
                        <a:pt x="483" y="12"/>
                      </a:lnTo>
                      <a:lnTo>
                        <a:pt x="481" y="8"/>
                      </a:lnTo>
                      <a:lnTo>
                        <a:pt x="479" y="5"/>
                      </a:lnTo>
                      <a:lnTo>
                        <a:pt x="476" y="1"/>
                      </a:lnTo>
                      <a:lnTo>
                        <a:pt x="471" y="0"/>
                      </a:lnTo>
                      <a:lnTo>
                        <a:pt x="466" y="0"/>
                      </a:lnTo>
                      <a:lnTo>
                        <a:pt x="459" y="0"/>
                      </a:lnTo>
                      <a:lnTo>
                        <a:pt x="457" y="0"/>
                      </a:lnTo>
                      <a:lnTo>
                        <a:pt x="454" y="1"/>
                      </a:lnTo>
                      <a:lnTo>
                        <a:pt x="449" y="3"/>
                      </a:lnTo>
                      <a:lnTo>
                        <a:pt x="442" y="3"/>
                      </a:lnTo>
                      <a:lnTo>
                        <a:pt x="432" y="5"/>
                      </a:lnTo>
                      <a:lnTo>
                        <a:pt x="422" y="8"/>
                      </a:lnTo>
                      <a:lnTo>
                        <a:pt x="410" y="10"/>
                      </a:lnTo>
                      <a:lnTo>
                        <a:pt x="398" y="12"/>
                      </a:lnTo>
                      <a:lnTo>
                        <a:pt x="383" y="15"/>
                      </a:lnTo>
                      <a:lnTo>
                        <a:pt x="367" y="18"/>
                      </a:lnTo>
                      <a:lnTo>
                        <a:pt x="352" y="22"/>
                      </a:lnTo>
                      <a:lnTo>
                        <a:pt x="335" y="25"/>
                      </a:lnTo>
                      <a:lnTo>
                        <a:pt x="318" y="28"/>
                      </a:lnTo>
                      <a:lnTo>
                        <a:pt x="301" y="32"/>
                      </a:lnTo>
                      <a:lnTo>
                        <a:pt x="283" y="35"/>
                      </a:lnTo>
                      <a:lnTo>
                        <a:pt x="266" y="39"/>
                      </a:lnTo>
                      <a:lnTo>
                        <a:pt x="247" y="42"/>
                      </a:lnTo>
                      <a:lnTo>
                        <a:pt x="230" y="45"/>
                      </a:lnTo>
                      <a:lnTo>
                        <a:pt x="212" y="49"/>
                      </a:lnTo>
                      <a:lnTo>
                        <a:pt x="195" y="52"/>
                      </a:lnTo>
                      <a:lnTo>
                        <a:pt x="178" y="56"/>
                      </a:lnTo>
                      <a:lnTo>
                        <a:pt x="163" y="59"/>
                      </a:lnTo>
                      <a:lnTo>
                        <a:pt x="147" y="61"/>
                      </a:lnTo>
                      <a:lnTo>
                        <a:pt x="134" y="64"/>
                      </a:lnTo>
                      <a:lnTo>
                        <a:pt x="120" y="66"/>
                      </a:lnTo>
                      <a:lnTo>
                        <a:pt x="109" y="69"/>
                      </a:lnTo>
                      <a:lnTo>
                        <a:pt x="98" y="71"/>
                      </a:lnTo>
                      <a:lnTo>
                        <a:pt x="90" y="72"/>
                      </a:lnTo>
                      <a:lnTo>
                        <a:pt x="83" y="74"/>
                      </a:lnTo>
                      <a:lnTo>
                        <a:pt x="78" y="74"/>
                      </a:lnTo>
                      <a:lnTo>
                        <a:pt x="75" y="74"/>
                      </a:lnTo>
                      <a:lnTo>
                        <a:pt x="75" y="76"/>
                      </a:lnTo>
                      <a:lnTo>
                        <a:pt x="66" y="44"/>
                      </a:lnTo>
                      <a:lnTo>
                        <a:pt x="61" y="47"/>
                      </a:lnTo>
                      <a:lnTo>
                        <a:pt x="56" y="52"/>
                      </a:lnTo>
                      <a:lnTo>
                        <a:pt x="49" y="56"/>
                      </a:lnTo>
                      <a:lnTo>
                        <a:pt x="44" y="59"/>
                      </a:lnTo>
                      <a:lnTo>
                        <a:pt x="39" y="64"/>
                      </a:lnTo>
                      <a:lnTo>
                        <a:pt x="34" y="67"/>
                      </a:lnTo>
                      <a:lnTo>
                        <a:pt x="29" y="71"/>
                      </a:lnTo>
                      <a:lnTo>
                        <a:pt x="26" y="74"/>
                      </a:lnTo>
                      <a:lnTo>
                        <a:pt x="21" y="78"/>
                      </a:lnTo>
                      <a:lnTo>
                        <a:pt x="15" y="81"/>
                      </a:lnTo>
                      <a:lnTo>
                        <a:pt x="12" y="84"/>
                      </a:lnTo>
                      <a:lnTo>
                        <a:pt x="9" y="86"/>
                      </a:lnTo>
                      <a:lnTo>
                        <a:pt x="7" y="89"/>
                      </a:lnTo>
                      <a:lnTo>
                        <a:pt x="4" y="91"/>
                      </a:lnTo>
                      <a:lnTo>
                        <a:pt x="2" y="91"/>
                      </a:lnTo>
                      <a:lnTo>
                        <a:pt x="2" y="93"/>
                      </a:lnTo>
                      <a:lnTo>
                        <a:pt x="0" y="93"/>
                      </a:lnTo>
                      <a:lnTo>
                        <a:pt x="32" y="259"/>
                      </a:lnTo>
                      <a:lnTo>
                        <a:pt x="51" y="370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59" name="Freeform 49"/>
                <p:cNvSpPr>
                  <a:spLocks/>
                </p:cNvSpPr>
                <p:nvPr/>
              </p:nvSpPr>
              <p:spPr bwMode="auto">
                <a:xfrm>
                  <a:off x="4341" y="1400"/>
                  <a:ext cx="574" cy="370"/>
                </a:xfrm>
                <a:custGeom>
                  <a:avLst/>
                  <a:gdLst>
                    <a:gd name="T0" fmla="*/ 491 w 574"/>
                    <a:gd name="T1" fmla="*/ 287 h 370"/>
                    <a:gd name="T2" fmla="*/ 496 w 574"/>
                    <a:gd name="T3" fmla="*/ 272 h 370"/>
                    <a:gd name="T4" fmla="*/ 513 w 574"/>
                    <a:gd name="T5" fmla="*/ 265 h 370"/>
                    <a:gd name="T6" fmla="*/ 523 w 574"/>
                    <a:gd name="T7" fmla="*/ 267 h 370"/>
                    <a:gd name="T8" fmla="*/ 527 w 574"/>
                    <a:gd name="T9" fmla="*/ 264 h 370"/>
                    <a:gd name="T10" fmla="*/ 538 w 574"/>
                    <a:gd name="T11" fmla="*/ 254 h 370"/>
                    <a:gd name="T12" fmla="*/ 547 w 574"/>
                    <a:gd name="T13" fmla="*/ 248 h 370"/>
                    <a:gd name="T14" fmla="*/ 550 w 574"/>
                    <a:gd name="T15" fmla="*/ 238 h 370"/>
                    <a:gd name="T16" fmla="*/ 560 w 574"/>
                    <a:gd name="T17" fmla="*/ 225 h 370"/>
                    <a:gd name="T18" fmla="*/ 569 w 574"/>
                    <a:gd name="T19" fmla="*/ 218 h 370"/>
                    <a:gd name="T20" fmla="*/ 574 w 574"/>
                    <a:gd name="T21" fmla="*/ 213 h 370"/>
                    <a:gd name="T22" fmla="*/ 572 w 574"/>
                    <a:gd name="T23" fmla="*/ 206 h 370"/>
                    <a:gd name="T24" fmla="*/ 569 w 574"/>
                    <a:gd name="T25" fmla="*/ 203 h 370"/>
                    <a:gd name="T26" fmla="*/ 564 w 574"/>
                    <a:gd name="T27" fmla="*/ 199 h 370"/>
                    <a:gd name="T28" fmla="*/ 547 w 574"/>
                    <a:gd name="T29" fmla="*/ 184 h 370"/>
                    <a:gd name="T30" fmla="*/ 535 w 574"/>
                    <a:gd name="T31" fmla="*/ 174 h 370"/>
                    <a:gd name="T32" fmla="*/ 520 w 574"/>
                    <a:gd name="T33" fmla="*/ 162 h 370"/>
                    <a:gd name="T34" fmla="*/ 520 w 574"/>
                    <a:gd name="T35" fmla="*/ 144 h 370"/>
                    <a:gd name="T36" fmla="*/ 525 w 574"/>
                    <a:gd name="T37" fmla="*/ 135 h 370"/>
                    <a:gd name="T38" fmla="*/ 538 w 574"/>
                    <a:gd name="T39" fmla="*/ 71 h 370"/>
                    <a:gd name="T40" fmla="*/ 525 w 574"/>
                    <a:gd name="T41" fmla="*/ 56 h 370"/>
                    <a:gd name="T42" fmla="*/ 523 w 574"/>
                    <a:gd name="T43" fmla="*/ 56 h 370"/>
                    <a:gd name="T44" fmla="*/ 515 w 574"/>
                    <a:gd name="T45" fmla="*/ 47 h 370"/>
                    <a:gd name="T46" fmla="*/ 505 w 574"/>
                    <a:gd name="T47" fmla="*/ 32 h 370"/>
                    <a:gd name="T48" fmla="*/ 503 w 574"/>
                    <a:gd name="T49" fmla="*/ 28 h 370"/>
                    <a:gd name="T50" fmla="*/ 499 w 574"/>
                    <a:gd name="T51" fmla="*/ 20 h 370"/>
                    <a:gd name="T52" fmla="*/ 486 w 574"/>
                    <a:gd name="T53" fmla="*/ 15 h 370"/>
                    <a:gd name="T54" fmla="*/ 483 w 574"/>
                    <a:gd name="T55" fmla="*/ 12 h 370"/>
                    <a:gd name="T56" fmla="*/ 476 w 574"/>
                    <a:gd name="T57" fmla="*/ 1 h 370"/>
                    <a:gd name="T58" fmla="*/ 459 w 574"/>
                    <a:gd name="T59" fmla="*/ 0 h 370"/>
                    <a:gd name="T60" fmla="*/ 454 w 574"/>
                    <a:gd name="T61" fmla="*/ 1 h 370"/>
                    <a:gd name="T62" fmla="*/ 432 w 574"/>
                    <a:gd name="T63" fmla="*/ 5 h 370"/>
                    <a:gd name="T64" fmla="*/ 398 w 574"/>
                    <a:gd name="T65" fmla="*/ 12 h 370"/>
                    <a:gd name="T66" fmla="*/ 352 w 574"/>
                    <a:gd name="T67" fmla="*/ 22 h 370"/>
                    <a:gd name="T68" fmla="*/ 301 w 574"/>
                    <a:gd name="T69" fmla="*/ 32 h 370"/>
                    <a:gd name="T70" fmla="*/ 247 w 574"/>
                    <a:gd name="T71" fmla="*/ 42 h 370"/>
                    <a:gd name="T72" fmla="*/ 195 w 574"/>
                    <a:gd name="T73" fmla="*/ 52 h 370"/>
                    <a:gd name="T74" fmla="*/ 147 w 574"/>
                    <a:gd name="T75" fmla="*/ 61 h 370"/>
                    <a:gd name="T76" fmla="*/ 109 w 574"/>
                    <a:gd name="T77" fmla="*/ 69 h 370"/>
                    <a:gd name="T78" fmla="*/ 83 w 574"/>
                    <a:gd name="T79" fmla="*/ 74 h 370"/>
                    <a:gd name="T80" fmla="*/ 75 w 574"/>
                    <a:gd name="T81" fmla="*/ 76 h 370"/>
                    <a:gd name="T82" fmla="*/ 61 w 574"/>
                    <a:gd name="T83" fmla="*/ 47 h 370"/>
                    <a:gd name="T84" fmla="*/ 44 w 574"/>
                    <a:gd name="T85" fmla="*/ 59 h 370"/>
                    <a:gd name="T86" fmla="*/ 29 w 574"/>
                    <a:gd name="T87" fmla="*/ 71 h 370"/>
                    <a:gd name="T88" fmla="*/ 15 w 574"/>
                    <a:gd name="T89" fmla="*/ 81 h 370"/>
                    <a:gd name="T90" fmla="*/ 7 w 574"/>
                    <a:gd name="T91" fmla="*/ 89 h 370"/>
                    <a:gd name="T92" fmla="*/ 2 w 574"/>
                    <a:gd name="T93" fmla="*/ 93 h 370"/>
                    <a:gd name="T94" fmla="*/ 51 w 574"/>
                    <a:gd name="T95" fmla="*/ 370 h 370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w 574"/>
                    <a:gd name="T145" fmla="*/ 0 h 370"/>
                    <a:gd name="T146" fmla="*/ 574 w 574"/>
                    <a:gd name="T147" fmla="*/ 370 h 370"/>
                  </a:gdLst>
                  <a:ahLst/>
                  <a:cxnLst>
                    <a:cxn ang="T96">
                      <a:pos x="T0" y="T1"/>
                    </a:cxn>
                    <a:cxn ang="T97">
                      <a:pos x="T2" y="T3"/>
                    </a:cxn>
                    <a:cxn ang="T98">
                      <a:pos x="T4" y="T5"/>
                    </a:cxn>
                    <a:cxn ang="T99">
                      <a:pos x="T6" y="T7"/>
                    </a:cxn>
                    <a:cxn ang="T100">
                      <a:pos x="T8" y="T9"/>
                    </a:cxn>
                    <a:cxn ang="T101">
                      <a:pos x="T10" y="T11"/>
                    </a:cxn>
                    <a:cxn ang="T102">
                      <a:pos x="T12" y="T13"/>
                    </a:cxn>
                    <a:cxn ang="T103">
                      <a:pos x="T14" y="T15"/>
                    </a:cxn>
                    <a:cxn ang="T104">
                      <a:pos x="T16" y="T17"/>
                    </a:cxn>
                    <a:cxn ang="T105">
                      <a:pos x="T18" y="T19"/>
                    </a:cxn>
                    <a:cxn ang="T106">
                      <a:pos x="T20" y="T21"/>
                    </a:cxn>
                    <a:cxn ang="T107">
                      <a:pos x="T22" y="T23"/>
                    </a:cxn>
                    <a:cxn ang="T108">
                      <a:pos x="T24" y="T25"/>
                    </a:cxn>
                    <a:cxn ang="T109">
                      <a:pos x="T26" y="T27"/>
                    </a:cxn>
                    <a:cxn ang="T110">
                      <a:pos x="T28" y="T29"/>
                    </a:cxn>
                    <a:cxn ang="T111">
                      <a:pos x="T30" y="T31"/>
                    </a:cxn>
                    <a:cxn ang="T112">
                      <a:pos x="T32" y="T33"/>
                    </a:cxn>
                    <a:cxn ang="T113">
                      <a:pos x="T34" y="T35"/>
                    </a:cxn>
                    <a:cxn ang="T114">
                      <a:pos x="T36" y="T37"/>
                    </a:cxn>
                    <a:cxn ang="T115">
                      <a:pos x="T38" y="T39"/>
                    </a:cxn>
                    <a:cxn ang="T116">
                      <a:pos x="T40" y="T41"/>
                    </a:cxn>
                    <a:cxn ang="T117">
                      <a:pos x="T42" y="T43"/>
                    </a:cxn>
                    <a:cxn ang="T118">
                      <a:pos x="T44" y="T45"/>
                    </a:cxn>
                    <a:cxn ang="T119">
                      <a:pos x="T46" y="T47"/>
                    </a:cxn>
                    <a:cxn ang="T120">
                      <a:pos x="T48" y="T49"/>
                    </a:cxn>
                    <a:cxn ang="T121">
                      <a:pos x="T50" y="T51"/>
                    </a:cxn>
                    <a:cxn ang="T122">
                      <a:pos x="T52" y="T53"/>
                    </a:cxn>
                    <a:cxn ang="T123">
                      <a:pos x="T54" y="T55"/>
                    </a:cxn>
                    <a:cxn ang="T124">
                      <a:pos x="T56" y="T57"/>
                    </a:cxn>
                    <a:cxn ang="T125">
                      <a:pos x="T58" y="T59"/>
                    </a:cxn>
                    <a:cxn ang="T126">
                      <a:pos x="T60" y="T61"/>
                    </a:cxn>
                    <a:cxn ang="T127">
                      <a:pos x="T62" y="T63"/>
                    </a:cxn>
                    <a:cxn ang="T128">
                      <a:pos x="T64" y="T65"/>
                    </a:cxn>
                    <a:cxn ang="T129">
                      <a:pos x="T66" y="T67"/>
                    </a:cxn>
                    <a:cxn ang="T130">
                      <a:pos x="T68" y="T69"/>
                    </a:cxn>
                    <a:cxn ang="T131">
                      <a:pos x="T70" y="T71"/>
                    </a:cxn>
                    <a:cxn ang="T132">
                      <a:pos x="T72" y="T73"/>
                    </a:cxn>
                    <a:cxn ang="T133">
                      <a:pos x="T74" y="T75"/>
                    </a:cxn>
                    <a:cxn ang="T134">
                      <a:pos x="T76" y="T77"/>
                    </a:cxn>
                    <a:cxn ang="T135">
                      <a:pos x="T78" y="T79"/>
                    </a:cxn>
                    <a:cxn ang="T136">
                      <a:pos x="T80" y="T81"/>
                    </a:cxn>
                    <a:cxn ang="T137">
                      <a:pos x="T82" y="T83"/>
                    </a:cxn>
                    <a:cxn ang="T138">
                      <a:pos x="T84" y="T85"/>
                    </a:cxn>
                    <a:cxn ang="T139">
                      <a:pos x="T86" y="T87"/>
                    </a:cxn>
                    <a:cxn ang="T140">
                      <a:pos x="T88" y="T89"/>
                    </a:cxn>
                    <a:cxn ang="T141">
                      <a:pos x="T90" y="T91"/>
                    </a:cxn>
                    <a:cxn ang="T142">
                      <a:pos x="T92" y="T93"/>
                    </a:cxn>
                    <a:cxn ang="T143">
                      <a:pos x="T94" y="T95"/>
                    </a:cxn>
                  </a:cxnLst>
                  <a:rect l="T144" t="T145" r="T146" b="T147"/>
                  <a:pathLst>
                    <a:path w="574" h="370">
                      <a:moveTo>
                        <a:pt x="51" y="370"/>
                      </a:moveTo>
                      <a:lnTo>
                        <a:pt x="146" y="352"/>
                      </a:lnTo>
                      <a:lnTo>
                        <a:pt x="491" y="287"/>
                      </a:lnTo>
                      <a:lnTo>
                        <a:pt x="493" y="277"/>
                      </a:lnTo>
                      <a:lnTo>
                        <a:pt x="496" y="272"/>
                      </a:lnTo>
                      <a:lnTo>
                        <a:pt x="501" y="269"/>
                      </a:lnTo>
                      <a:lnTo>
                        <a:pt x="506" y="265"/>
                      </a:lnTo>
                      <a:lnTo>
                        <a:pt x="513" y="265"/>
                      </a:lnTo>
                      <a:lnTo>
                        <a:pt x="518" y="265"/>
                      </a:lnTo>
                      <a:lnTo>
                        <a:pt x="521" y="265"/>
                      </a:lnTo>
                      <a:lnTo>
                        <a:pt x="523" y="267"/>
                      </a:lnTo>
                      <a:lnTo>
                        <a:pt x="523" y="265"/>
                      </a:lnTo>
                      <a:lnTo>
                        <a:pt x="527" y="264"/>
                      </a:lnTo>
                      <a:lnTo>
                        <a:pt x="530" y="260"/>
                      </a:lnTo>
                      <a:lnTo>
                        <a:pt x="535" y="257"/>
                      </a:lnTo>
                      <a:lnTo>
                        <a:pt x="538" y="254"/>
                      </a:lnTo>
                      <a:lnTo>
                        <a:pt x="543" y="252"/>
                      </a:lnTo>
                      <a:lnTo>
                        <a:pt x="545" y="248"/>
                      </a:lnTo>
                      <a:lnTo>
                        <a:pt x="547" y="248"/>
                      </a:lnTo>
                      <a:lnTo>
                        <a:pt x="547" y="243"/>
                      </a:lnTo>
                      <a:lnTo>
                        <a:pt x="550" y="238"/>
                      </a:lnTo>
                      <a:lnTo>
                        <a:pt x="554" y="233"/>
                      </a:lnTo>
                      <a:lnTo>
                        <a:pt x="557" y="228"/>
                      </a:lnTo>
                      <a:lnTo>
                        <a:pt x="560" y="225"/>
                      </a:lnTo>
                      <a:lnTo>
                        <a:pt x="564" y="221"/>
                      </a:lnTo>
                      <a:lnTo>
                        <a:pt x="567" y="220"/>
                      </a:lnTo>
                      <a:lnTo>
                        <a:pt x="569" y="218"/>
                      </a:lnTo>
                      <a:lnTo>
                        <a:pt x="572" y="216"/>
                      </a:lnTo>
                      <a:lnTo>
                        <a:pt x="574" y="213"/>
                      </a:lnTo>
                      <a:lnTo>
                        <a:pt x="574" y="211"/>
                      </a:lnTo>
                      <a:lnTo>
                        <a:pt x="574" y="208"/>
                      </a:lnTo>
                      <a:lnTo>
                        <a:pt x="572" y="206"/>
                      </a:lnTo>
                      <a:lnTo>
                        <a:pt x="571" y="204"/>
                      </a:lnTo>
                      <a:lnTo>
                        <a:pt x="571" y="203"/>
                      </a:lnTo>
                      <a:lnTo>
                        <a:pt x="569" y="203"/>
                      </a:lnTo>
                      <a:lnTo>
                        <a:pt x="567" y="201"/>
                      </a:lnTo>
                      <a:lnTo>
                        <a:pt x="564" y="199"/>
                      </a:lnTo>
                      <a:lnTo>
                        <a:pt x="559" y="194"/>
                      </a:lnTo>
                      <a:lnTo>
                        <a:pt x="554" y="189"/>
                      </a:lnTo>
                      <a:lnTo>
                        <a:pt x="547" y="184"/>
                      </a:lnTo>
                      <a:lnTo>
                        <a:pt x="542" y="179"/>
                      </a:lnTo>
                      <a:lnTo>
                        <a:pt x="537" y="176"/>
                      </a:lnTo>
                      <a:lnTo>
                        <a:pt x="535" y="174"/>
                      </a:lnTo>
                      <a:lnTo>
                        <a:pt x="525" y="169"/>
                      </a:lnTo>
                      <a:lnTo>
                        <a:pt x="520" y="162"/>
                      </a:lnTo>
                      <a:lnTo>
                        <a:pt x="518" y="155"/>
                      </a:lnTo>
                      <a:lnTo>
                        <a:pt x="518" y="149"/>
                      </a:lnTo>
                      <a:lnTo>
                        <a:pt x="520" y="144"/>
                      </a:lnTo>
                      <a:lnTo>
                        <a:pt x="521" y="138"/>
                      </a:lnTo>
                      <a:lnTo>
                        <a:pt x="523" y="135"/>
                      </a:lnTo>
                      <a:lnTo>
                        <a:pt x="525" y="135"/>
                      </a:lnTo>
                      <a:lnTo>
                        <a:pt x="515" y="118"/>
                      </a:lnTo>
                      <a:lnTo>
                        <a:pt x="532" y="93"/>
                      </a:lnTo>
                      <a:lnTo>
                        <a:pt x="538" y="71"/>
                      </a:lnTo>
                      <a:lnTo>
                        <a:pt x="543" y="62"/>
                      </a:lnTo>
                      <a:lnTo>
                        <a:pt x="525" y="56"/>
                      </a:lnTo>
                      <a:lnTo>
                        <a:pt x="523" y="56"/>
                      </a:lnTo>
                      <a:lnTo>
                        <a:pt x="520" y="54"/>
                      </a:lnTo>
                      <a:lnTo>
                        <a:pt x="518" y="50"/>
                      </a:lnTo>
                      <a:lnTo>
                        <a:pt x="515" y="47"/>
                      </a:lnTo>
                      <a:lnTo>
                        <a:pt x="511" y="44"/>
                      </a:lnTo>
                      <a:lnTo>
                        <a:pt x="508" y="39"/>
                      </a:lnTo>
                      <a:lnTo>
                        <a:pt x="505" y="32"/>
                      </a:lnTo>
                      <a:lnTo>
                        <a:pt x="503" y="30"/>
                      </a:lnTo>
                      <a:lnTo>
                        <a:pt x="503" y="28"/>
                      </a:lnTo>
                      <a:lnTo>
                        <a:pt x="503" y="25"/>
                      </a:lnTo>
                      <a:lnTo>
                        <a:pt x="501" y="22"/>
                      </a:lnTo>
                      <a:lnTo>
                        <a:pt x="499" y="20"/>
                      </a:lnTo>
                      <a:lnTo>
                        <a:pt x="496" y="17"/>
                      </a:lnTo>
                      <a:lnTo>
                        <a:pt x="493" y="15"/>
                      </a:lnTo>
                      <a:lnTo>
                        <a:pt x="486" y="15"/>
                      </a:lnTo>
                      <a:lnTo>
                        <a:pt x="484" y="13"/>
                      </a:lnTo>
                      <a:lnTo>
                        <a:pt x="483" y="12"/>
                      </a:lnTo>
                      <a:lnTo>
                        <a:pt x="481" y="8"/>
                      </a:lnTo>
                      <a:lnTo>
                        <a:pt x="479" y="5"/>
                      </a:lnTo>
                      <a:lnTo>
                        <a:pt x="476" y="1"/>
                      </a:lnTo>
                      <a:lnTo>
                        <a:pt x="471" y="0"/>
                      </a:lnTo>
                      <a:lnTo>
                        <a:pt x="466" y="0"/>
                      </a:lnTo>
                      <a:lnTo>
                        <a:pt x="459" y="0"/>
                      </a:lnTo>
                      <a:lnTo>
                        <a:pt x="457" y="0"/>
                      </a:lnTo>
                      <a:lnTo>
                        <a:pt x="454" y="1"/>
                      </a:lnTo>
                      <a:lnTo>
                        <a:pt x="449" y="3"/>
                      </a:lnTo>
                      <a:lnTo>
                        <a:pt x="442" y="3"/>
                      </a:lnTo>
                      <a:lnTo>
                        <a:pt x="432" y="5"/>
                      </a:lnTo>
                      <a:lnTo>
                        <a:pt x="422" y="8"/>
                      </a:lnTo>
                      <a:lnTo>
                        <a:pt x="410" y="10"/>
                      </a:lnTo>
                      <a:lnTo>
                        <a:pt x="398" y="12"/>
                      </a:lnTo>
                      <a:lnTo>
                        <a:pt x="383" y="15"/>
                      </a:lnTo>
                      <a:lnTo>
                        <a:pt x="367" y="18"/>
                      </a:lnTo>
                      <a:lnTo>
                        <a:pt x="352" y="22"/>
                      </a:lnTo>
                      <a:lnTo>
                        <a:pt x="335" y="25"/>
                      </a:lnTo>
                      <a:lnTo>
                        <a:pt x="318" y="28"/>
                      </a:lnTo>
                      <a:lnTo>
                        <a:pt x="301" y="32"/>
                      </a:lnTo>
                      <a:lnTo>
                        <a:pt x="283" y="35"/>
                      </a:lnTo>
                      <a:lnTo>
                        <a:pt x="266" y="39"/>
                      </a:lnTo>
                      <a:lnTo>
                        <a:pt x="247" y="42"/>
                      </a:lnTo>
                      <a:lnTo>
                        <a:pt x="230" y="45"/>
                      </a:lnTo>
                      <a:lnTo>
                        <a:pt x="212" y="49"/>
                      </a:lnTo>
                      <a:lnTo>
                        <a:pt x="195" y="52"/>
                      </a:lnTo>
                      <a:lnTo>
                        <a:pt x="178" y="56"/>
                      </a:lnTo>
                      <a:lnTo>
                        <a:pt x="163" y="59"/>
                      </a:lnTo>
                      <a:lnTo>
                        <a:pt x="147" y="61"/>
                      </a:lnTo>
                      <a:lnTo>
                        <a:pt x="134" y="64"/>
                      </a:lnTo>
                      <a:lnTo>
                        <a:pt x="120" y="66"/>
                      </a:lnTo>
                      <a:lnTo>
                        <a:pt x="109" y="69"/>
                      </a:lnTo>
                      <a:lnTo>
                        <a:pt x="98" y="71"/>
                      </a:lnTo>
                      <a:lnTo>
                        <a:pt x="90" y="72"/>
                      </a:lnTo>
                      <a:lnTo>
                        <a:pt x="83" y="74"/>
                      </a:lnTo>
                      <a:lnTo>
                        <a:pt x="78" y="74"/>
                      </a:lnTo>
                      <a:lnTo>
                        <a:pt x="75" y="74"/>
                      </a:lnTo>
                      <a:lnTo>
                        <a:pt x="75" y="76"/>
                      </a:lnTo>
                      <a:lnTo>
                        <a:pt x="66" y="44"/>
                      </a:lnTo>
                      <a:lnTo>
                        <a:pt x="61" y="47"/>
                      </a:lnTo>
                      <a:lnTo>
                        <a:pt x="56" y="52"/>
                      </a:lnTo>
                      <a:lnTo>
                        <a:pt x="49" y="56"/>
                      </a:lnTo>
                      <a:lnTo>
                        <a:pt x="44" y="59"/>
                      </a:lnTo>
                      <a:lnTo>
                        <a:pt x="39" y="64"/>
                      </a:lnTo>
                      <a:lnTo>
                        <a:pt x="34" y="67"/>
                      </a:lnTo>
                      <a:lnTo>
                        <a:pt x="29" y="71"/>
                      </a:lnTo>
                      <a:lnTo>
                        <a:pt x="26" y="74"/>
                      </a:lnTo>
                      <a:lnTo>
                        <a:pt x="21" y="78"/>
                      </a:lnTo>
                      <a:lnTo>
                        <a:pt x="15" y="81"/>
                      </a:lnTo>
                      <a:lnTo>
                        <a:pt x="12" y="84"/>
                      </a:lnTo>
                      <a:lnTo>
                        <a:pt x="9" y="86"/>
                      </a:lnTo>
                      <a:lnTo>
                        <a:pt x="7" y="89"/>
                      </a:lnTo>
                      <a:lnTo>
                        <a:pt x="4" y="91"/>
                      </a:lnTo>
                      <a:lnTo>
                        <a:pt x="2" y="91"/>
                      </a:lnTo>
                      <a:lnTo>
                        <a:pt x="2" y="93"/>
                      </a:lnTo>
                      <a:lnTo>
                        <a:pt x="0" y="93"/>
                      </a:lnTo>
                      <a:lnTo>
                        <a:pt x="32" y="259"/>
                      </a:lnTo>
                      <a:lnTo>
                        <a:pt x="51" y="370"/>
                      </a:lnTo>
                    </a:path>
                  </a:pathLst>
                </a:custGeom>
                <a:solidFill>
                  <a:schemeClr val="bg2">
                    <a:lumMod val="85000"/>
                  </a:schemeClr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</p:grpSp>
        </p:grpSp>
        <p:sp>
          <p:nvSpPr>
            <p:cNvPr id="14" name="Freeform 50"/>
            <p:cNvSpPr>
              <a:spLocks/>
            </p:cNvSpPr>
            <p:nvPr/>
          </p:nvSpPr>
          <p:spPr bwMode="auto">
            <a:xfrm>
              <a:off x="4658" y="1344"/>
              <a:ext cx="160" cy="309"/>
            </a:xfrm>
            <a:custGeom>
              <a:avLst/>
              <a:gdLst>
                <a:gd name="T0" fmla="*/ 47 w 165"/>
                <a:gd name="T1" fmla="*/ 211 h 318"/>
                <a:gd name="T2" fmla="*/ 44 w 165"/>
                <a:gd name="T3" fmla="*/ 199 h 318"/>
                <a:gd name="T4" fmla="*/ 42 w 165"/>
                <a:gd name="T5" fmla="*/ 183 h 318"/>
                <a:gd name="T6" fmla="*/ 39 w 165"/>
                <a:gd name="T7" fmla="*/ 167 h 318"/>
                <a:gd name="T8" fmla="*/ 38 w 165"/>
                <a:gd name="T9" fmla="*/ 154 h 318"/>
                <a:gd name="T10" fmla="*/ 35 w 165"/>
                <a:gd name="T11" fmla="*/ 145 h 318"/>
                <a:gd name="T12" fmla="*/ 29 w 165"/>
                <a:gd name="T13" fmla="*/ 141 h 318"/>
                <a:gd name="T14" fmla="*/ 24 w 165"/>
                <a:gd name="T15" fmla="*/ 145 h 318"/>
                <a:gd name="T16" fmla="*/ 16 w 165"/>
                <a:gd name="T17" fmla="*/ 111 h 318"/>
                <a:gd name="T18" fmla="*/ 0 w 165"/>
                <a:gd name="T19" fmla="*/ 26 h 318"/>
                <a:gd name="T20" fmla="*/ 103 w 165"/>
                <a:gd name="T21" fmla="*/ 10 h 318"/>
                <a:gd name="T22" fmla="*/ 103 w 165"/>
                <a:gd name="T23" fmla="*/ 15 h 318"/>
                <a:gd name="T24" fmla="*/ 103 w 165"/>
                <a:gd name="T25" fmla="*/ 17 h 318"/>
                <a:gd name="T26" fmla="*/ 100 w 165"/>
                <a:gd name="T27" fmla="*/ 21 h 318"/>
                <a:gd name="T28" fmla="*/ 103 w 165"/>
                <a:gd name="T29" fmla="*/ 26 h 318"/>
                <a:gd name="T30" fmla="*/ 106 w 165"/>
                <a:gd name="T31" fmla="*/ 37 h 318"/>
                <a:gd name="T32" fmla="*/ 107 w 165"/>
                <a:gd name="T33" fmla="*/ 43 h 318"/>
                <a:gd name="T34" fmla="*/ 103 w 165"/>
                <a:gd name="T35" fmla="*/ 51 h 318"/>
                <a:gd name="T36" fmla="*/ 94 w 165"/>
                <a:gd name="T37" fmla="*/ 63 h 318"/>
                <a:gd name="T38" fmla="*/ 94 w 165"/>
                <a:gd name="T39" fmla="*/ 64 h 318"/>
                <a:gd name="T40" fmla="*/ 88 w 165"/>
                <a:gd name="T41" fmla="*/ 68 h 318"/>
                <a:gd name="T42" fmla="*/ 89 w 165"/>
                <a:gd name="T43" fmla="*/ 73 h 318"/>
                <a:gd name="T44" fmla="*/ 89 w 165"/>
                <a:gd name="T45" fmla="*/ 83 h 318"/>
                <a:gd name="T46" fmla="*/ 89 w 165"/>
                <a:gd name="T47" fmla="*/ 93 h 318"/>
                <a:gd name="T48" fmla="*/ 88 w 165"/>
                <a:gd name="T49" fmla="*/ 108 h 318"/>
                <a:gd name="T50" fmla="*/ 85 w 165"/>
                <a:gd name="T51" fmla="*/ 115 h 318"/>
                <a:gd name="T52" fmla="*/ 85 w 165"/>
                <a:gd name="T53" fmla="*/ 122 h 318"/>
                <a:gd name="T54" fmla="*/ 83 w 165"/>
                <a:gd name="T55" fmla="*/ 127 h 318"/>
                <a:gd name="T56" fmla="*/ 81 w 165"/>
                <a:gd name="T57" fmla="*/ 139 h 318"/>
                <a:gd name="T58" fmla="*/ 85 w 165"/>
                <a:gd name="T59" fmla="*/ 153 h 318"/>
                <a:gd name="T60" fmla="*/ 85 w 165"/>
                <a:gd name="T61" fmla="*/ 157 h 318"/>
                <a:gd name="T62" fmla="*/ 85 w 165"/>
                <a:gd name="T63" fmla="*/ 164 h 318"/>
                <a:gd name="T64" fmla="*/ 85 w 165"/>
                <a:gd name="T65" fmla="*/ 167 h 318"/>
                <a:gd name="T66" fmla="*/ 88 w 165"/>
                <a:gd name="T67" fmla="*/ 173 h 318"/>
                <a:gd name="T68" fmla="*/ 88 w 165"/>
                <a:gd name="T69" fmla="*/ 180 h 318"/>
                <a:gd name="T70" fmla="*/ 85 w 165"/>
                <a:gd name="T71" fmla="*/ 184 h 318"/>
                <a:gd name="T72" fmla="*/ 85 w 165"/>
                <a:gd name="T73" fmla="*/ 193 h 318"/>
                <a:gd name="T74" fmla="*/ 92 w 165"/>
                <a:gd name="T75" fmla="*/ 201 h 318"/>
                <a:gd name="T76" fmla="*/ 87 w 165"/>
                <a:gd name="T77" fmla="*/ 203 h 318"/>
                <a:gd name="T78" fmla="*/ 78 w 165"/>
                <a:gd name="T79" fmla="*/ 205 h 318"/>
                <a:gd name="T80" fmla="*/ 66 w 165"/>
                <a:gd name="T81" fmla="*/ 208 h 318"/>
                <a:gd name="T82" fmla="*/ 54 w 165"/>
                <a:gd name="T83" fmla="*/ 211 h 318"/>
                <a:gd name="T84" fmla="*/ 47 w 165"/>
                <a:gd name="T85" fmla="*/ 211 h 318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165"/>
                <a:gd name="T130" fmla="*/ 0 h 318"/>
                <a:gd name="T131" fmla="*/ 165 w 165"/>
                <a:gd name="T132" fmla="*/ 318 h 318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165" h="318">
                  <a:moveTo>
                    <a:pt x="73" y="318"/>
                  </a:moveTo>
                  <a:lnTo>
                    <a:pt x="73" y="316"/>
                  </a:lnTo>
                  <a:lnTo>
                    <a:pt x="73" y="315"/>
                  </a:lnTo>
                  <a:lnTo>
                    <a:pt x="71" y="310"/>
                  </a:lnTo>
                  <a:lnTo>
                    <a:pt x="70" y="303"/>
                  </a:lnTo>
                  <a:lnTo>
                    <a:pt x="68" y="296"/>
                  </a:lnTo>
                  <a:lnTo>
                    <a:pt x="68" y="289"/>
                  </a:lnTo>
                  <a:lnTo>
                    <a:pt x="66" y="281"/>
                  </a:lnTo>
                  <a:lnTo>
                    <a:pt x="63" y="272"/>
                  </a:lnTo>
                  <a:lnTo>
                    <a:pt x="61" y="264"/>
                  </a:lnTo>
                  <a:lnTo>
                    <a:pt x="60" y="255"/>
                  </a:lnTo>
                  <a:lnTo>
                    <a:pt x="58" y="249"/>
                  </a:lnTo>
                  <a:lnTo>
                    <a:pt x="58" y="242"/>
                  </a:lnTo>
                  <a:lnTo>
                    <a:pt x="56" y="235"/>
                  </a:lnTo>
                  <a:lnTo>
                    <a:pt x="55" y="230"/>
                  </a:lnTo>
                  <a:lnTo>
                    <a:pt x="55" y="227"/>
                  </a:lnTo>
                  <a:lnTo>
                    <a:pt x="53" y="225"/>
                  </a:lnTo>
                  <a:lnTo>
                    <a:pt x="49" y="216"/>
                  </a:lnTo>
                  <a:lnTo>
                    <a:pt x="46" y="211"/>
                  </a:lnTo>
                  <a:lnTo>
                    <a:pt x="44" y="210"/>
                  </a:lnTo>
                  <a:lnTo>
                    <a:pt x="43" y="210"/>
                  </a:lnTo>
                  <a:lnTo>
                    <a:pt x="41" y="211"/>
                  </a:lnTo>
                  <a:lnTo>
                    <a:pt x="39" y="215"/>
                  </a:lnTo>
                  <a:lnTo>
                    <a:pt x="38" y="216"/>
                  </a:lnTo>
                  <a:lnTo>
                    <a:pt x="34" y="213"/>
                  </a:lnTo>
                  <a:lnTo>
                    <a:pt x="26" y="164"/>
                  </a:lnTo>
                  <a:lnTo>
                    <a:pt x="22" y="128"/>
                  </a:lnTo>
                  <a:lnTo>
                    <a:pt x="16" y="113"/>
                  </a:lnTo>
                  <a:lnTo>
                    <a:pt x="0" y="40"/>
                  </a:lnTo>
                  <a:lnTo>
                    <a:pt x="156" y="0"/>
                  </a:lnTo>
                  <a:lnTo>
                    <a:pt x="158" y="10"/>
                  </a:lnTo>
                  <a:lnTo>
                    <a:pt x="158" y="12"/>
                  </a:lnTo>
                  <a:lnTo>
                    <a:pt x="159" y="15"/>
                  </a:lnTo>
                  <a:lnTo>
                    <a:pt x="159" y="17"/>
                  </a:lnTo>
                  <a:lnTo>
                    <a:pt x="159" y="22"/>
                  </a:lnTo>
                  <a:lnTo>
                    <a:pt x="159" y="25"/>
                  </a:lnTo>
                  <a:lnTo>
                    <a:pt x="158" y="29"/>
                  </a:lnTo>
                  <a:lnTo>
                    <a:pt x="154" y="34"/>
                  </a:lnTo>
                  <a:lnTo>
                    <a:pt x="154" y="35"/>
                  </a:lnTo>
                  <a:lnTo>
                    <a:pt x="156" y="35"/>
                  </a:lnTo>
                  <a:lnTo>
                    <a:pt x="158" y="37"/>
                  </a:lnTo>
                  <a:lnTo>
                    <a:pt x="158" y="40"/>
                  </a:lnTo>
                  <a:lnTo>
                    <a:pt x="159" y="44"/>
                  </a:lnTo>
                  <a:lnTo>
                    <a:pt x="161" y="46"/>
                  </a:lnTo>
                  <a:lnTo>
                    <a:pt x="163" y="51"/>
                  </a:lnTo>
                  <a:lnTo>
                    <a:pt x="165" y="54"/>
                  </a:lnTo>
                  <a:lnTo>
                    <a:pt x="165" y="59"/>
                  </a:lnTo>
                  <a:lnTo>
                    <a:pt x="165" y="62"/>
                  </a:lnTo>
                  <a:lnTo>
                    <a:pt x="165" y="68"/>
                  </a:lnTo>
                  <a:lnTo>
                    <a:pt x="163" y="73"/>
                  </a:lnTo>
                  <a:lnTo>
                    <a:pt x="159" y="78"/>
                  </a:lnTo>
                  <a:lnTo>
                    <a:pt x="156" y="83"/>
                  </a:lnTo>
                  <a:lnTo>
                    <a:pt x="149" y="88"/>
                  </a:lnTo>
                  <a:lnTo>
                    <a:pt x="143" y="93"/>
                  </a:lnTo>
                  <a:lnTo>
                    <a:pt x="143" y="95"/>
                  </a:lnTo>
                  <a:lnTo>
                    <a:pt x="143" y="93"/>
                  </a:lnTo>
                  <a:lnTo>
                    <a:pt x="136" y="100"/>
                  </a:lnTo>
                  <a:lnTo>
                    <a:pt x="136" y="101"/>
                  </a:lnTo>
                  <a:lnTo>
                    <a:pt x="136" y="105"/>
                  </a:lnTo>
                  <a:lnTo>
                    <a:pt x="137" y="108"/>
                  </a:lnTo>
                  <a:lnTo>
                    <a:pt x="137" y="113"/>
                  </a:lnTo>
                  <a:lnTo>
                    <a:pt x="137" y="118"/>
                  </a:lnTo>
                  <a:lnTo>
                    <a:pt x="137" y="123"/>
                  </a:lnTo>
                  <a:lnTo>
                    <a:pt x="137" y="128"/>
                  </a:lnTo>
                  <a:lnTo>
                    <a:pt x="137" y="135"/>
                  </a:lnTo>
                  <a:lnTo>
                    <a:pt x="137" y="140"/>
                  </a:lnTo>
                  <a:lnTo>
                    <a:pt x="137" y="147"/>
                  </a:lnTo>
                  <a:lnTo>
                    <a:pt x="136" y="154"/>
                  </a:lnTo>
                  <a:lnTo>
                    <a:pt x="136" y="159"/>
                  </a:lnTo>
                  <a:lnTo>
                    <a:pt x="134" y="164"/>
                  </a:lnTo>
                  <a:lnTo>
                    <a:pt x="134" y="169"/>
                  </a:lnTo>
                  <a:lnTo>
                    <a:pt x="132" y="172"/>
                  </a:lnTo>
                  <a:lnTo>
                    <a:pt x="132" y="176"/>
                  </a:lnTo>
                  <a:lnTo>
                    <a:pt x="131" y="179"/>
                  </a:lnTo>
                  <a:lnTo>
                    <a:pt x="131" y="183"/>
                  </a:lnTo>
                  <a:lnTo>
                    <a:pt x="131" y="184"/>
                  </a:lnTo>
                  <a:lnTo>
                    <a:pt x="129" y="189"/>
                  </a:lnTo>
                  <a:lnTo>
                    <a:pt x="127" y="194"/>
                  </a:lnTo>
                  <a:lnTo>
                    <a:pt x="126" y="201"/>
                  </a:lnTo>
                  <a:lnTo>
                    <a:pt x="126" y="208"/>
                  </a:lnTo>
                  <a:lnTo>
                    <a:pt x="126" y="215"/>
                  </a:lnTo>
                  <a:lnTo>
                    <a:pt x="127" y="222"/>
                  </a:lnTo>
                  <a:lnTo>
                    <a:pt x="131" y="228"/>
                  </a:lnTo>
                  <a:lnTo>
                    <a:pt x="132" y="228"/>
                  </a:lnTo>
                  <a:lnTo>
                    <a:pt x="132" y="232"/>
                  </a:lnTo>
                  <a:lnTo>
                    <a:pt x="132" y="235"/>
                  </a:lnTo>
                  <a:lnTo>
                    <a:pt x="132" y="238"/>
                  </a:lnTo>
                  <a:lnTo>
                    <a:pt x="132" y="242"/>
                  </a:lnTo>
                  <a:lnTo>
                    <a:pt x="132" y="245"/>
                  </a:lnTo>
                  <a:lnTo>
                    <a:pt x="132" y="247"/>
                  </a:lnTo>
                  <a:lnTo>
                    <a:pt x="132" y="249"/>
                  </a:lnTo>
                  <a:lnTo>
                    <a:pt x="134" y="250"/>
                  </a:lnTo>
                  <a:lnTo>
                    <a:pt x="134" y="254"/>
                  </a:lnTo>
                  <a:lnTo>
                    <a:pt x="136" y="257"/>
                  </a:lnTo>
                  <a:lnTo>
                    <a:pt x="136" y="260"/>
                  </a:lnTo>
                  <a:lnTo>
                    <a:pt x="136" y="266"/>
                  </a:lnTo>
                  <a:lnTo>
                    <a:pt x="136" y="269"/>
                  </a:lnTo>
                  <a:lnTo>
                    <a:pt x="132" y="272"/>
                  </a:lnTo>
                  <a:lnTo>
                    <a:pt x="132" y="274"/>
                  </a:lnTo>
                  <a:lnTo>
                    <a:pt x="132" y="276"/>
                  </a:lnTo>
                  <a:lnTo>
                    <a:pt x="132" y="281"/>
                  </a:lnTo>
                  <a:lnTo>
                    <a:pt x="132" y="284"/>
                  </a:lnTo>
                  <a:lnTo>
                    <a:pt x="132" y="289"/>
                  </a:lnTo>
                  <a:lnTo>
                    <a:pt x="134" y="294"/>
                  </a:lnTo>
                  <a:lnTo>
                    <a:pt x="136" y="298"/>
                  </a:lnTo>
                  <a:lnTo>
                    <a:pt x="141" y="301"/>
                  </a:lnTo>
                  <a:lnTo>
                    <a:pt x="139" y="301"/>
                  </a:lnTo>
                  <a:lnTo>
                    <a:pt x="137" y="301"/>
                  </a:lnTo>
                  <a:lnTo>
                    <a:pt x="134" y="303"/>
                  </a:lnTo>
                  <a:lnTo>
                    <a:pt x="131" y="303"/>
                  </a:lnTo>
                  <a:lnTo>
                    <a:pt x="126" y="304"/>
                  </a:lnTo>
                  <a:lnTo>
                    <a:pt x="119" y="306"/>
                  </a:lnTo>
                  <a:lnTo>
                    <a:pt x="114" y="308"/>
                  </a:lnTo>
                  <a:lnTo>
                    <a:pt x="107" y="310"/>
                  </a:lnTo>
                  <a:lnTo>
                    <a:pt x="100" y="311"/>
                  </a:lnTo>
                  <a:lnTo>
                    <a:pt x="95" y="313"/>
                  </a:lnTo>
                  <a:lnTo>
                    <a:pt x="88" y="315"/>
                  </a:lnTo>
                  <a:lnTo>
                    <a:pt x="83" y="315"/>
                  </a:lnTo>
                  <a:lnTo>
                    <a:pt x="80" y="316"/>
                  </a:lnTo>
                  <a:lnTo>
                    <a:pt x="77" y="316"/>
                  </a:lnTo>
                  <a:lnTo>
                    <a:pt x="73" y="316"/>
                  </a:lnTo>
                  <a:lnTo>
                    <a:pt x="73" y="318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5" name="Freeform 51"/>
            <p:cNvSpPr>
              <a:spLocks/>
            </p:cNvSpPr>
            <p:nvPr/>
          </p:nvSpPr>
          <p:spPr bwMode="auto">
            <a:xfrm>
              <a:off x="192" y="1620"/>
              <a:ext cx="766" cy="1314"/>
            </a:xfrm>
            <a:custGeom>
              <a:avLst/>
              <a:gdLst>
                <a:gd name="T0" fmla="*/ 78 w 788"/>
                <a:gd name="T1" fmla="*/ 14 h 1354"/>
                <a:gd name="T2" fmla="*/ 134 w 788"/>
                <a:gd name="T3" fmla="*/ 23 h 1354"/>
                <a:gd name="T4" fmla="*/ 209 w 788"/>
                <a:gd name="T5" fmla="*/ 44 h 1354"/>
                <a:gd name="T6" fmla="*/ 292 w 788"/>
                <a:gd name="T7" fmla="*/ 65 h 1354"/>
                <a:gd name="T8" fmla="*/ 518 w 788"/>
                <a:gd name="T9" fmla="*/ 749 h 1354"/>
                <a:gd name="T10" fmla="*/ 507 w 788"/>
                <a:gd name="T11" fmla="*/ 786 h 1354"/>
                <a:gd name="T12" fmla="*/ 496 w 788"/>
                <a:gd name="T13" fmla="*/ 815 h 1354"/>
                <a:gd name="T14" fmla="*/ 482 w 788"/>
                <a:gd name="T15" fmla="*/ 837 h 1354"/>
                <a:gd name="T16" fmla="*/ 485 w 788"/>
                <a:gd name="T17" fmla="*/ 869 h 1354"/>
                <a:gd name="T18" fmla="*/ 467 w 788"/>
                <a:gd name="T19" fmla="*/ 890 h 1354"/>
                <a:gd name="T20" fmla="*/ 293 w 788"/>
                <a:gd name="T21" fmla="*/ 847 h 1354"/>
                <a:gd name="T22" fmla="*/ 300 w 788"/>
                <a:gd name="T23" fmla="*/ 834 h 1354"/>
                <a:gd name="T24" fmla="*/ 285 w 788"/>
                <a:gd name="T25" fmla="*/ 794 h 1354"/>
                <a:gd name="T26" fmla="*/ 256 w 788"/>
                <a:gd name="T27" fmla="*/ 758 h 1354"/>
                <a:gd name="T28" fmla="*/ 243 w 788"/>
                <a:gd name="T29" fmla="*/ 758 h 1354"/>
                <a:gd name="T30" fmla="*/ 236 w 788"/>
                <a:gd name="T31" fmla="*/ 749 h 1354"/>
                <a:gd name="T32" fmla="*/ 229 w 788"/>
                <a:gd name="T33" fmla="*/ 728 h 1354"/>
                <a:gd name="T34" fmla="*/ 202 w 788"/>
                <a:gd name="T35" fmla="*/ 720 h 1354"/>
                <a:gd name="T36" fmla="*/ 181 w 788"/>
                <a:gd name="T37" fmla="*/ 689 h 1354"/>
                <a:gd name="T38" fmla="*/ 162 w 788"/>
                <a:gd name="T39" fmla="*/ 679 h 1354"/>
                <a:gd name="T40" fmla="*/ 141 w 788"/>
                <a:gd name="T41" fmla="*/ 670 h 1354"/>
                <a:gd name="T42" fmla="*/ 113 w 788"/>
                <a:gd name="T43" fmla="*/ 660 h 1354"/>
                <a:gd name="T44" fmla="*/ 111 w 788"/>
                <a:gd name="T45" fmla="*/ 642 h 1354"/>
                <a:gd name="T46" fmla="*/ 117 w 788"/>
                <a:gd name="T47" fmla="*/ 606 h 1354"/>
                <a:gd name="T48" fmla="*/ 105 w 788"/>
                <a:gd name="T49" fmla="*/ 597 h 1354"/>
                <a:gd name="T50" fmla="*/ 110 w 788"/>
                <a:gd name="T51" fmla="*/ 581 h 1354"/>
                <a:gd name="T52" fmla="*/ 98 w 788"/>
                <a:gd name="T53" fmla="*/ 565 h 1354"/>
                <a:gd name="T54" fmla="*/ 75 w 788"/>
                <a:gd name="T55" fmla="*/ 515 h 1354"/>
                <a:gd name="T56" fmla="*/ 65 w 788"/>
                <a:gd name="T57" fmla="*/ 498 h 1354"/>
                <a:gd name="T58" fmla="*/ 62 w 788"/>
                <a:gd name="T59" fmla="*/ 490 h 1354"/>
                <a:gd name="T60" fmla="*/ 67 w 788"/>
                <a:gd name="T61" fmla="*/ 466 h 1354"/>
                <a:gd name="T62" fmla="*/ 79 w 788"/>
                <a:gd name="T63" fmla="*/ 443 h 1354"/>
                <a:gd name="T64" fmla="*/ 50 w 788"/>
                <a:gd name="T65" fmla="*/ 419 h 1354"/>
                <a:gd name="T66" fmla="*/ 50 w 788"/>
                <a:gd name="T67" fmla="*/ 405 h 1354"/>
                <a:gd name="T68" fmla="*/ 51 w 788"/>
                <a:gd name="T69" fmla="*/ 389 h 1354"/>
                <a:gd name="T70" fmla="*/ 56 w 788"/>
                <a:gd name="T71" fmla="*/ 365 h 1354"/>
                <a:gd name="T72" fmla="*/ 63 w 788"/>
                <a:gd name="T73" fmla="*/ 371 h 1354"/>
                <a:gd name="T74" fmla="*/ 69 w 788"/>
                <a:gd name="T75" fmla="*/ 389 h 1354"/>
                <a:gd name="T76" fmla="*/ 78 w 788"/>
                <a:gd name="T77" fmla="*/ 391 h 1354"/>
                <a:gd name="T78" fmla="*/ 75 w 788"/>
                <a:gd name="T79" fmla="*/ 378 h 1354"/>
                <a:gd name="T80" fmla="*/ 71 w 788"/>
                <a:gd name="T81" fmla="*/ 369 h 1354"/>
                <a:gd name="T82" fmla="*/ 71 w 788"/>
                <a:gd name="T83" fmla="*/ 350 h 1354"/>
                <a:gd name="T84" fmla="*/ 99 w 788"/>
                <a:gd name="T85" fmla="*/ 345 h 1354"/>
                <a:gd name="T86" fmla="*/ 75 w 788"/>
                <a:gd name="T87" fmla="*/ 339 h 1354"/>
                <a:gd name="T88" fmla="*/ 63 w 788"/>
                <a:gd name="T89" fmla="*/ 344 h 1354"/>
                <a:gd name="T90" fmla="*/ 44 w 788"/>
                <a:gd name="T91" fmla="*/ 346 h 1354"/>
                <a:gd name="T92" fmla="*/ 31 w 788"/>
                <a:gd name="T93" fmla="*/ 337 h 1354"/>
                <a:gd name="T94" fmla="*/ 36 w 788"/>
                <a:gd name="T95" fmla="*/ 304 h 1354"/>
                <a:gd name="T96" fmla="*/ 17 w 788"/>
                <a:gd name="T97" fmla="*/ 284 h 1354"/>
                <a:gd name="T98" fmla="*/ 17 w 788"/>
                <a:gd name="T99" fmla="*/ 263 h 1354"/>
                <a:gd name="T100" fmla="*/ 10 w 788"/>
                <a:gd name="T101" fmla="*/ 248 h 1354"/>
                <a:gd name="T102" fmla="*/ 17 w 788"/>
                <a:gd name="T103" fmla="*/ 230 h 1354"/>
                <a:gd name="T104" fmla="*/ 17 w 788"/>
                <a:gd name="T105" fmla="*/ 201 h 1354"/>
                <a:gd name="T106" fmla="*/ 17 w 788"/>
                <a:gd name="T107" fmla="*/ 176 h 1354"/>
                <a:gd name="T108" fmla="*/ 17 w 788"/>
                <a:gd name="T109" fmla="*/ 161 h 1354"/>
                <a:gd name="T110" fmla="*/ 13 w 788"/>
                <a:gd name="T111" fmla="*/ 151 h 1354"/>
                <a:gd name="T112" fmla="*/ 1 w 788"/>
                <a:gd name="T113" fmla="*/ 123 h 1354"/>
                <a:gd name="T114" fmla="*/ 30 w 788"/>
                <a:gd name="T115" fmla="*/ 86 h 1354"/>
                <a:gd name="T116" fmla="*/ 40 w 788"/>
                <a:gd name="T117" fmla="*/ 62 h 1354"/>
                <a:gd name="T118" fmla="*/ 48 w 788"/>
                <a:gd name="T119" fmla="*/ 32 h 1354"/>
                <a:gd name="T120" fmla="*/ 49 w 788"/>
                <a:gd name="T121" fmla="*/ 0 h 1354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w 788"/>
                <a:gd name="T184" fmla="*/ 0 h 1354"/>
                <a:gd name="T185" fmla="*/ 788 w 788"/>
                <a:gd name="T186" fmla="*/ 1354 h 1354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T183" t="T184" r="T185" b="T186"/>
              <a:pathLst>
                <a:path w="788" h="1354">
                  <a:moveTo>
                    <a:pt x="74" y="0"/>
                  </a:moveTo>
                  <a:lnTo>
                    <a:pt x="77" y="2"/>
                  </a:lnTo>
                  <a:lnTo>
                    <a:pt x="83" y="2"/>
                  </a:lnTo>
                  <a:lnTo>
                    <a:pt x="88" y="5"/>
                  </a:lnTo>
                  <a:lnTo>
                    <a:pt x="93" y="7"/>
                  </a:lnTo>
                  <a:lnTo>
                    <a:pt x="99" y="9"/>
                  </a:lnTo>
                  <a:lnTo>
                    <a:pt x="106" y="10"/>
                  </a:lnTo>
                  <a:lnTo>
                    <a:pt x="115" y="14"/>
                  </a:lnTo>
                  <a:lnTo>
                    <a:pt x="123" y="15"/>
                  </a:lnTo>
                  <a:lnTo>
                    <a:pt x="133" y="19"/>
                  </a:lnTo>
                  <a:lnTo>
                    <a:pt x="143" y="20"/>
                  </a:lnTo>
                  <a:lnTo>
                    <a:pt x="154" y="24"/>
                  </a:lnTo>
                  <a:lnTo>
                    <a:pt x="164" y="27"/>
                  </a:lnTo>
                  <a:lnTo>
                    <a:pt x="176" y="31"/>
                  </a:lnTo>
                  <a:lnTo>
                    <a:pt x="187" y="34"/>
                  </a:lnTo>
                  <a:lnTo>
                    <a:pt x="199" y="37"/>
                  </a:lnTo>
                  <a:lnTo>
                    <a:pt x="213" y="41"/>
                  </a:lnTo>
                  <a:lnTo>
                    <a:pt x="226" y="44"/>
                  </a:lnTo>
                  <a:lnTo>
                    <a:pt x="240" y="48"/>
                  </a:lnTo>
                  <a:lnTo>
                    <a:pt x="253" y="51"/>
                  </a:lnTo>
                  <a:lnTo>
                    <a:pt x="267" y="54"/>
                  </a:lnTo>
                  <a:lnTo>
                    <a:pt x="281" y="59"/>
                  </a:lnTo>
                  <a:lnTo>
                    <a:pt x="296" y="63"/>
                  </a:lnTo>
                  <a:lnTo>
                    <a:pt x="311" y="66"/>
                  </a:lnTo>
                  <a:lnTo>
                    <a:pt x="326" y="71"/>
                  </a:lnTo>
                  <a:lnTo>
                    <a:pt x="341" y="75"/>
                  </a:lnTo>
                  <a:lnTo>
                    <a:pt x="355" y="78"/>
                  </a:lnTo>
                  <a:lnTo>
                    <a:pt x="372" y="83"/>
                  </a:lnTo>
                  <a:lnTo>
                    <a:pt x="385" y="86"/>
                  </a:lnTo>
                  <a:lnTo>
                    <a:pt x="402" y="90"/>
                  </a:lnTo>
                  <a:lnTo>
                    <a:pt x="416" y="93"/>
                  </a:lnTo>
                  <a:lnTo>
                    <a:pt x="433" y="98"/>
                  </a:lnTo>
                  <a:lnTo>
                    <a:pt x="446" y="102"/>
                  </a:lnTo>
                  <a:lnTo>
                    <a:pt x="448" y="100"/>
                  </a:lnTo>
                  <a:lnTo>
                    <a:pt x="353" y="466"/>
                  </a:lnTo>
                  <a:lnTo>
                    <a:pt x="753" y="1070"/>
                  </a:lnTo>
                  <a:lnTo>
                    <a:pt x="756" y="1085"/>
                  </a:lnTo>
                  <a:lnTo>
                    <a:pt x="761" y="1098"/>
                  </a:lnTo>
                  <a:lnTo>
                    <a:pt x="773" y="1124"/>
                  </a:lnTo>
                  <a:lnTo>
                    <a:pt x="771" y="1142"/>
                  </a:lnTo>
                  <a:lnTo>
                    <a:pt x="788" y="1166"/>
                  </a:lnTo>
                  <a:lnTo>
                    <a:pt x="788" y="1175"/>
                  </a:lnTo>
                  <a:lnTo>
                    <a:pt x="781" y="1183"/>
                  </a:lnTo>
                  <a:lnTo>
                    <a:pt x="780" y="1185"/>
                  </a:lnTo>
                  <a:lnTo>
                    <a:pt x="775" y="1185"/>
                  </a:lnTo>
                  <a:lnTo>
                    <a:pt x="768" y="1186"/>
                  </a:lnTo>
                  <a:lnTo>
                    <a:pt x="761" y="1190"/>
                  </a:lnTo>
                  <a:lnTo>
                    <a:pt x="753" y="1195"/>
                  </a:lnTo>
                  <a:lnTo>
                    <a:pt x="746" y="1202"/>
                  </a:lnTo>
                  <a:lnTo>
                    <a:pt x="743" y="1210"/>
                  </a:lnTo>
                  <a:lnTo>
                    <a:pt x="741" y="1219"/>
                  </a:lnTo>
                  <a:lnTo>
                    <a:pt x="741" y="1220"/>
                  </a:lnTo>
                  <a:lnTo>
                    <a:pt x="741" y="1225"/>
                  </a:lnTo>
                  <a:lnTo>
                    <a:pt x="741" y="1230"/>
                  </a:lnTo>
                  <a:lnTo>
                    <a:pt x="739" y="1237"/>
                  </a:lnTo>
                  <a:lnTo>
                    <a:pt x="737" y="1244"/>
                  </a:lnTo>
                  <a:lnTo>
                    <a:pt x="736" y="1251"/>
                  </a:lnTo>
                  <a:lnTo>
                    <a:pt x="731" y="1256"/>
                  </a:lnTo>
                  <a:lnTo>
                    <a:pt x="726" y="1261"/>
                  </a:lnTo>
                  <a:lnTo>
                    <a:pt x="724" y="1263"/>
                  </a:lnTo>
                  <a:lnTo>
                    <a:pt x="722" y="1264"/>
                  </a:lnTo>
                  <a:lnTo>
                    <a:pt x="721" y="1266"/>
                  </a:lnTo>
                  <a:lnTo>
                    <a:pt x="717" y="1268"/>
                  </a:lnTo>
                  <a:lnTo>
                    <a:pt x="715" y="1271"/>
                  </a:lnTo>
                  <a:lnTo>
                    <a:pt x="712" y="1273"/>
                  </a:lnTo>
                  <a:lnTo>
                    <a:pt x="710" y="1274"/>
                  </a:lnTo>
                  <a:lnTo>
                    <a:pt x="707" y="1285"/>
                  </a:lnTo>
                  <a:lnTo>
                    <a:pt x="709" y="1296"/>
                  </a:lnTo>
                  <a:lnTo>
                    <a:pt x="704" y="1313"/>
                  </a:lnTo>
                  <a:lnTo>
                    <a:pt x="721" y="1322"/>
                  </a:lnTo>
                  <a:lnTo>
                    <a:pt x="722" y="1324"/>
                  </a:lnTo>
                  <a:lnTo>
                    <a:pt x="722" y="1327"/>
                  </a:lnTo>
                  <a:lnTo>
                    <a:pt x="722" y="1332"/>
                  </a:lnTo>
                  <a:lnTo>
                    <a:pt x="722" y="1337"/>
                  </a:lnTo>
                  <a:lnTo>
                    <a:pt x="721" y="1344"/>
                  </a:lnTo>
                  <a:lnTo>
                    <a:pt x="719" y="1349"/>
                  </a:lnTo>
                  <a:lnTo>
                    <a:pt x="714" y="1352"/>
                  </a:lnTo>
                  <a:lnTo>
                    <a:pt x="709" y="1354"/>
                  </a:lnTo>
                  <a:lnTo>
                    <a:pt x="693" y="1354"/>
                  </a:lnTo>
                  <a:lnTo>
                    <a:pt x="450" y="1325"/>
                  </a:lnTo>
                  <a:lnTo>
                    <a:pt x="445" y="1317"/>
                  </a:lnTo>
                  <a:lnTo>
                    <a:pt x="450" y="1317"/>
                  </a:lnTo>
                  <a:lnTo>
                    <a:pt x="450" y="1305"/>
                  </a:lnTo>
                  <a:lnTo>
                    <a:pt x="443" y="1300"/>
                  </a:lnTo>
                  <a:lnTo>
                    <a:pt x="436" y="1305"/>
                  </a:lnTo>
                  <a:lnTo>
                    <a:pt x="436" y="1290"/>
                  </a:lnTo>
                  <a:lnTo>
                    <a:pt x="436" y="1288"/>
                  </a:lnTo>
                  <a:lnTo>
                    <a:pt x="438" y="1286"/>
                  </a:lnTo>
                  <a:lnTo>
                    <a:pt x="440" y="1285"/>
                  </a:lnTo>
                  <a:lnTo>
                    <a:pt x="441" y="1283"/>
                  </a:lnTo>
                  <a:lnTo>
                    <a:pt x="441" y="1280"/>
                  </a:lnTo>
                  <a:lnTo>
                    <a:pt x="443" y="1276"/>
                  </a:lnTo>
                  <a:lnTo>
                    <a:pt x="445" y="1271"/>
                  </a:lnTo>
                  <a:lnTo>
                    <a:pt x="445" y="1266"/>
                  </a:lnTo>
                  <a:lnTo>
                    <a:pt x="445" y="1261"/>
                  </a:lnTo>
                  <a:lnTo>
                    <a:pt x="445" y="1254"/>
                  </a:lnTo>
                  <a:lnTo>
                    <a:pt x="441" y="1247"/>
                  </a:lnTo>
                  <a:lnTo>
                    <a:pt x="440" y="1239"/>
                  </a:lnTo>
                  <a:lnTo>
                    <a:pt x="436" y="1230"/>
                  </a:lnTo>
                  <a:lnTo>
                    <a:pt x="431" y="1222"/>
                  </a:lnTo>
                  <a:lnTo>
                    <a:pt x="424" y="1212"/>
                  </a:lnTo>
                  <a:lnTo>
                    <a:pt x="423" y="1210"/>
                  </a:lnTo>
                  <a:lnTo>
                    <a:pt x="421" y="1207"/>
                  </a:lnTo>
                  <a:lnTo>
                    <a:pt x="416" y="1203"/>
                  </a:lnTo>
                  <a:lnTo>
                    <a:pt x="413" y="1198"/>
                  </a:lnTo>
                  <a:lnTo>
                    <a:pt x="409" y="1193"/>
                  </a:lnTo>
                  <a:lnTo>
                    <a:pt x="406" y="1190"/>
                  </a:lnTo>
                  <a:lnTo>
                    <a:pt x="402" y="1186"/>
                  </a:lnTo>
                  <a:lnTo>
                    <a:pt x="401" y="1186"/>
                  </a:lnTo>
                  <a:lnTo>
                    <a:pt x="380" y="1153"/>
                  </a:lnTo>
                  <a:lnTo>
                    <a:pt x="379" y="1151"/>
                  </a:lnTo>
                  <a:lnTo>
                    <a:pt x="379" y="1149"/>
                  </a:lnTo>
                  <a:lnTo>
                    <a:pt x="375" y="1148"/>
                  </a:lnTo>
                  <a:lnTo>
                    <a:pt x="374" y="1148"/>
                  </a:lnTo>
                  <a:lnTo>
                    <a:pt x="370" y="1148"/>
                  </a:lnTo>
                  <a:lnTo>
                    <a:pt x="365" y="1149"/>
                  </a:lnTo>
                  <a:lnTo>
                    <a:pt x="360" y="1153"/>
                  </a:lnTo>
                  <a:lnTo>
                    <a:pt x="358" y="1153"/>
                  </a:lnTo>
                  <a:lnTo>
                    <a:pt x="357" y="1151"/>
                  </a:lnTo>
                  <a:lnTo>
                    <a:pt x="355" y="1149"/>
                  </a:lnTo>
                  <a:lnTo>
                    <a:pt x="353" y="1146"/>
                  </a:lnTo>
                  <a:lnTo>
                    <a:pt x="352" y="1144"/>
                  </a:lnTo>
                  <a:lnTo>
                    <a:pt x="350" y="1142"/>
                  </a:lnTo>
                  <a:lnTo>
                    <a:pt x="355" y="1136"/>
                  </a:lnTo>
                  <a:lnTo>
                    <a:pt x="355" y="1129"/>
                  </a:lnTo>
                  <a:lnTo>
                    <a:pt x="353" y="1126"/>
                  </a:lnTo>
                  <a:lnTo>
                    <a:pt x="353" y="1122"/>
                  </a:lnTo>
                  <a:lnTo>
                    <a:pt x="350" y="1117"/>
                  </a:lnTo>
                  <a:lnTo>
                    <a:pt x="347" y="1114"/>
                  </a:lnTo>
                  <a:lnTo>
                    <a:pt x="341" y="1109"/>
                  </a:lnTo>
                  <a:lnTo>
                    <a:pt x="335" y="1107"/>
                  </a:lnTo>
                  <a:lnTo>
                    <a:pt x="325" y="1105"/>
                  </a:lnTo>
                  <a:lnTo>
                    <a:pt x="323" y="1105"/>
                  </a:lnTo>
                  <a:lnTo>
                    <a:pt x="319" y="1105"/>
                  </a:lnTo>
                  <a:lnTo>
                    <a:pt x="314" y="1104"/>
                  </a:lnTo>
                  <a:lnTo>
                    <a:pt x="309" y="1100"/>
                  </a:lnTo>
                  <a:lnTo>
                    <a:pt x="301" y="1095"/>
                  </a:lnTo>
                  <a:lnTo>
                    <a:pt x="292" y="1087"/>
                  </a:lnTo>
                  <a:lnTo>
                    <a:pt x="281" y="1075"/>
                  </a:lnTo>
                  <a:lnTo>
                    <a:pt x="281" y="1073"/>
                  </a:lnTo>
                  <a:lnTo>
                    <a:pt x="281" y="1071"/>
                  </a:lnTo>
                  <a:lnTo>
                    <a:pt x="279" y="1066"/>
                  </a:lnTo>
                  <a:lnTo>
                    <a:pt x="277" y="1060"/>
                  </a:lnTo>
                  <a:lnTo>
                    <a:pt x="274" y="1054"/>
                  </a:lnTo>
                  <a:lnTo>
                    <a:pt x="269" y="1048"/>
                  </a:lnTo>
                  <a:lnTo>
                    <a:pt x="262" y="1041"/>
                  </a:lnTo>
                  <a:lnTo>
                    <a:pt x="253" y="1034"/>
                  </a:lnTo>
                  <a:lnTo>
                    <a:pt x="252" y="1034"/>
                  </a:lnTo>
                  <a:lnTo>
                    <a:pt x="250" y="1034"/>
                  </a:lnTo>
                  <a:lnTo>
                    <a:pt x="248" y="1034"/>
                  </a:lnTo>
                  <a:lnTo>
                    <a:pt x="245" y="1034"/>
                  </a:lnTo>
                  <a:lnTo>
                    <a:pt x="243" y="1034"/>
                  </a:lnTo>
                  <a:lnTo>
                    <a:pt x="242" y="1034"/>
                  </a:lnTo>
                  <a:lnTo>
                    <a:pt x="240" y="1034"/>
                  </a:lnTo>
                  <a:lnTo>
                    <a:pt x="233" y="1029"/>
                  </a:lnTo>
                  <a:lnTo>
                    <a:pt x="223" y="1029"/>
                  </a:lnTo>
                  <a:lnTo>
                    <a:pt x="221" y="1027"/>
                  </a:lnTo>
                  <a:lnTo>
                    <a:pt x="220" y="1026"/>
                  </a:lnTo>
                  <a:lnTo>
                    <a:pt x="216" y="1022"/>
                  </a:lnTo>
                  <a:lnTo>
                    <a:pt x="209" y="1019"/>
                  </a:lnTo>
                  <a:lnTo>
                    <a:pt x="203" y="1014"/>
                  </a:lnTo>
                  <a:lnTo>
                    <a:pt x="194" y="1012"/>
                  </a:lnTo>
                  <a:lnTo>
                    <a:pt x="182" y="1010"/>
                  </a:lnTo>
                  <a:lnTo>
                    <a:pt x="171" y="1010"/>
                  </a:lnTo>
                  <a:lnTo>
                    <a:pt x="169" y="1009"/>
                  </a:lnTo>
                  <a:lnTo>
                    <a:pt x="169" y="1007"/>
                  </a:lnTo>
                  <a:lnTo>
                    <a:pt x="167" y="1005"/>
                  </a:lnTo>
                  <a:lnTo>
                    <a:pt x="167" y="1004"/>
                  </a:lnTo>
                  <a:lnTo>
                    <a:pt x="165" y="1002"/>
                  </a:lnTo>
                  <a:lnTo>
                    <a:pt x="165" y="1000"/>
                  </a:lnTo>
                  <a:lnTo>
                    <a:pt x="160" y="994"/>
                  </a:lnTo>
                  <a:lnTo>
                    <a:pt x="155" y="994"/>
                  </a:lnTo>
                  <a:lnTo>
                    <a:pt x="155" y="985"/>
                  </a:lnTo>
                  <a:lnTo>
                    <a:pt x="164" y="977"/>
                  </a:lnTo>
                  <a:lnTo>
                    <a:pt x="162" y="965"/>
                  </a:lnTo>
                  <a:lnTo>
                    <a:pt x="169" y="958"/>
                  </a:lnTo>
                  <a:lnTo>
                    <a:pt x="165" y="944"/>
                  </a:lnTo>
                  <a:lnTo>
                    <a:pt x="165" y="943"/>
                  </a:lnTo>
                  <a:lnTo>
                    <a:pt x="169" y="939"/>
                  </a:lnTo>
                  <a:lnTo>
                    <a:pt x="171" y="933"/>
                  </a:lnTo>
                  <a:lnTo>
                    <a:pt x="172" y="928"/>
                  </a:lnTo>
                  <a:lnTo>
                    <a:pt x="174" y="921"/>
                  </a:lnTo>
                  <a:lnTo>
                    <a:pt x="172" y="917"/>
                  </a:lnTo>
                  <a:lnTo>
                    <a:pt x="169" y="914"/>
                  </a:lnTo>
                  <a:lnTo>
                    <a:pt x="162" y="916"/>
                  </a:lnTo>
                  <a:lnTo>
                    <a:pt x="160" y="914"/>
                  </a:lnTo>
                  <a:lnTo>
                    <a:pt x="159" y="912"/>
                  </a:lnTo>
                  <a:lnTo>
                    <a:pt x="157" y="911"/>
                  </a:lnTo>
                  <a:lnTo>
                    <a:pt x="155" y="909"/>
                  </a:lnTo>
                  <a:lnTo>
                    <a:pt x="154" y="907"/>
                  </a:lnTo>
                  <a:lnTo>
                    <a:pt x="154" y="906"/>
                  </a:lnTo>
                  <a:lnTo>
                    <a:pt x="152" y="906"/>
                  </a:lnTo>
                  <a:lnTo>
                    <a:pt x="154" y="904"/>
                  </a:lnTo>
                  <a:lnTo>
                    <a:pt x="155" y="900"/>
                  </a:lnTo>
                  <a:lnTo>
                    <a:pt x="157" y="895"/>
                  </a:lnTo>
                  <a:lnTo>
                    <a:pt x="160" y="890"/>
                  </a:lnTo>
                  <a:lnTo>
                    <a:pt x="162" y="885"/>
                  </a:lnTo>
                  <a:lnTo>
                    <a:pt x="160" y="880"/>
                  </a:lnTo>
                  <a:lnTo>
                    <a:pt x="159" y="877"/>
                  </a:lnTo>
                  <a:lnTo>
                    <a:pt x="154" y="875"/>
                  </a:lnTo>
                  <a:lnTo>
                    <a:pt x="150" y="872"/>
                  </a:lnTo>
                  <a:lnTo>
                    <a:pt x="149" y="868"/>
                  </a:lnTo>
                  <a:lnTo>
                    <a:pt x="147" y="863"/>
                  </a:lnTo>
                  <a:lnTo>
                    <a:pt x="145" y="860"/>
                  </a:lnTo>
                  <a:lnTo>
                    <a:pt x="143" y="855"/>
                  </a:lnTo>
                  <a:lnTo>
                    <a:pt x="142" y="853"/>
                  </a:lnTo>
                  <a:lnTo>
                    <a:pt x="142" y="851"/>
                  </a:lnTo>
                  <a:lnTo>
                    <a:pt x="130" y="840"/>
                  </a:lnTo>
                  <a:lnTo>
                    <a:pt x="128" y="823"/>
                  </a:lnTo>
                  <a:lnTo>
                    <a:pt x="120" y="804"/>
                  </a:lnTo>
                  <a:lnTo>
                    <a:pt x="118" y="796"/>
                  </a:lnTo>
                  <a:lnTo>
                    <a:pt x="111" y="785"/>
                  </a:lnTo>
                  <a:lnTo>
                    <a:pt x="113" y="785"/>
                  </a:lnTo>
                  <a:lnTo>
                    <a:pt x="113" y="784"/>
                  </a:lnTo>
                  <a:lnTo>
                    <a:pt x="113" y="782"/>
                  </a:lnTo>
                  <a:lnTo>
                    <a:pt x="113" y="779"/>
                  </a:lnTo>
                  <a:lnTo>
                    <a:pt x="110" y="775"/>
                  </a:lnTo>
                  <a:lnTo>
                    <a:pt x="108" y="770"/>
                  </a:lnTo>
                  <a:lnTo>
                    <a:pt x="103" y="765"/>
                  </a:lnTo>
                  <a:lnTo>
                    <a:pt x="96" y="758"/>
                  </a:lnTo>
                  <a:lnTo>
                    <a:pt x="94" y="757"/>
                  </a:lnTo>
                  <a:lnTo>
                    <a:pt x="93" y="755"/>
                  </a:lnTo>
                  <a:lnTo>
                    <a:pt x="93" y="753"/>
                  </a:lnTo>
                  <a:lnTo>
                    <a:pt x="93" y="752"/>
                  </a:lnTo>
                  <a:lnTo>
                    <a:pt x="91" y="748"/>
                  </a:lnTo>
                  <a:lnTo>
                    <a:pt x="91" y="746"/>
                  </a:lnTo>
                  <a:lnTo>
                    <a:pt x="91" y="745"/>
                  </a:lnTo>
                  <a:lnTo>
                    <a:pt x="96" y="740"/>
                  </a:lnTo>
                  <a:lnTo>
                    <a:pt x="93" y="721"/>
                  </a:lnTo>
                  <a:lnTo>
                    <a:pt x="98" y="718"/>
                  </a:lnTo>
                  <a:lnTo>
                    <a:pt x="94" y="713"/>
                  </a:lnTo>
                  <a:lnTo>
                    <a:pt x="99" y="708"/>
                  </a:lnTo>
                  <a:lnTo>
                    <a:pt x="99" y="709"/>
                  </a:lnTo>
                  <a:lnTo>
                    <a:pt x="99" y="711"/>
                  </a:lnTo>
                  <a:lnTo>
                    <a:pt x="101" y="713"/>
                  </a:lnTo>
                  <a:lnTo>
                    <a:pt x="105" y="713"/>
                  </a:lnTo>
                  <a:lnTo>
                    <a:pt x="108" y="709"/>
                  </a:lnTo>
                  <a:lnTo>
                    <a:pt x="113" y="704"/>
                  </a:lnTo>
                  <a:lnTo>
                    <a:pt x="115" y="696"/>
                  </a:lnTo>
                  <a:lnTo>
                    <a:pt x="116" y="687"/>
                  </a:lnTo>
                  <a:lnTo>
                    <a:pt x="118" y="680"/>
                  </a:lnTo>
                  <a:lnTo>
                    <a:pt x="116" y="674"/>
                  </a:lnTo>
                  <a:lnTo>
                    <a:pt x="113" y="669"/>
                  </a:lnTo>
                  <a:lnTo>
                    <a:pt x="108" y="667"/>
                  </a:lnTo>
                  <a:lnTo>
                    <a:pt x="106" y="667"/>
                  </a:lnTo>
                  <a:lnTo>
                    <a:pt x="108" y="667"/>
                  </a:lnTo>
                  <a:lnTo>
                    <a:pt x="96" y="665"/>
                  </a:lnTo>
                  <a:lnTo>
                    <a:pt x="76" y="638"/>
                  </a:lnTo>
                  <a:lnTo>
                    <a:pt x="76" y="631"/>
                  </a:lnTo>
                  <a:lnTo>
                    <a:pt x="76" y="630"/>
                  </a:lnTo>
                  <a:lnTo>
                    <a:pt x="74" y="628"/>
                  </a:lnTo>
                  <a:lnTo>
                    <a:pt x="74" y="626"/>
                  </a:lnTo>
                  <a:lnTo>
                    <a:pt x="74" y="623"/>
                  </a:lnTo>
                  <a:lnTo>
                    <a:pt x="74" y="620"/>
                  </a:lnTo>
                  <a:lnTo>
                    <a:pt x="76" y="616"/>
                  </a:lnTo>
                  <a:lnTo>
                    <a:pt x="77" y="611"/>
                  </a:lnTo>
                  <a:lnTo>
                    <a:pt x="77" y="609"/>
                  </a:lnTo>
                  <a:lnTo>
                    <a:pt x="77" y="608"/>
                  </a:lnTo>
                  <a:lnTo>
                    <a:pt x="77" y="604"/>
                  </a:lnTo>
                  <a:lnTo>
                    <a:pt x="77" y="601"/>
                  </a:lnTo>
                  <a:lnTo>
                    <a:pt x="77" y="598"/>
                  </a:lnTo>
                  <a:lnTo>
                    <a:pt x="77" y="594"/>
                  </a:lnTo>
                  <a:lnTo>
                    <a:pt x="77" y="592"/>
                  </a:lnTo>
                  <a:lnTo>
                    <a:pt x="77" y="591"/>
                  </a:lnTo>
                  <a:lnTo>
                    <a:pt x="76" y="586"/>
                  </a:lnTo>
                  <a:lnTo>
                    <a:pt x="76" y="577"/>
                  </a:lnTo>
                  <a:lnTo>
                    <a:pt x="79" y="572"/>
                  </a:lnTo>
                  <a:lnTo>
                    <a:pt x="83" y="559"/>
                  </a:lnTo>
                  <a:lnTo>
                    <a:pt x="83" y="557"/>
                  </a:lnTo>
                  <a:lnTo>
                    <a:pt x="84" y="555"/>
                  </a:lnTo>
                  <a:lnTo>
                    <a:pt x="86" y="554"/>
                  </a:lnTo>
                  <a:lnTo>
                    <a:pt x="88" y="554"/>
                  </a:lnTo>
                  <a:lnTo>
                    <a:pt x="89" y="554"/>
                  </a:lnTo>
                  <a:lnTo>
                    <a:pt x="91" y="555"/>
                  </a:lnTo>
                  <a:lnTo>
                    <a:pt x="93" y="560"/>
                  </a:lnTo>
                  <a:lnTo>
                    <a:pt x="93" y="562"/>
                  </a:lnTo>
                  <a:lnTo>
                    <a:pt x="93" y="564"/>
                  </a:lnTo>
                  <a:lnTo>
                    <a:pt x="93" y="565"/>
                  </a:lnTo>
                  <a:lnTo>
                    <a:pt x="91" y="569"/>
                  </a:lnTo>
                  <a:lnTo>
                    <a:pt x="91" y="570"/>
                  </a:lnTo>
                  <a:lnTo>
                    <a:pt x="89" y="574"/>
                  </a:lnTo>
                  <a:lnTo>
                    <a:pt x="89" y="576"/>
                  </a:lnTo>
                  <a:lnTo>
                    <a:pt x="91" y="579"/>
                  </a:lnTo>
                  <a:lnTo>
                    <a:pt x="99" y="587"/>
                  </a:lnTo>
                  <a:lnTo>
                    <a:pt x="101" y="592"/>
                  </a:lnTo>
                  <a:lnTo>
                    <a:pt x="113" y="606"/>
                  </a:lnTo>
                  <a:lnTo>
                    <a:pt x="115" y="608"/>
                  </a:lnTo>
                  <a:lnTo>
                    <a:pt x="116" y="608"/>
                  </a:lnTo>
                  <a:lnTo>
                    <a:pt x="120" y="606"/>
                  </a:lnTo>
                  <a:lnTo>
                    <a:pt x="118" y="601"/>
                  </a:lnTo>
                  <a:lnTo>
                    <a:pt x="116" y="599"/>
                  </a:lnTo>
                  <a:lnTo>
                    <a:pt x="115" y="596"/>
                  </a:lnTo>
                  <a:lnTo>
                    <a:pt x="113" y="594"/>
                  </a:lnTo>
                  <a:lnTo>
                    <a:pt x="111" y="591"/>
                  </a:lnTo>
                  <a:lnTo>
                    <a:pt x="110" y="587"/>
                  </a:lnTo>
                  <a:lnTo>
                    <a:pt x="110" y="582"/>
                  </a:lnTo>
                  <a:lnTo>
                    <a:pt x="110" y="579"/>
                  </a:lnTo>
                  <a:lnTo>
                    <a:pt x="110" y="577"/>
                  </a:lnTo>
                  <a:lnTo>
                    <a:pt x="110" y="574"/>
                  </a:lnTo>
                  <a:lnTo>
                    <a:pt x="110" y="572"/>
                  </a:lnTo>
                  <a:lnTo>
                    <a:pt x="108" y="570"/>
                  </a:lnTo>
                  <a:lnTo>
                    <a:pt x="106" y="569"/>
                  </a:lnTo>
                  <a:lnTo>
                    <a:pt x="105" y="565"/>
                  </a:lnTo>
                  <a:lnTo>
                    <a:pt x="105" y="564"/>
                  </a:lnTo>
                  <a:lnTo>
                    <a:pt x="105" y="562"/>
                  </a:lnTo>
                  <a:lnTo>
                    <a:pt x="105" y="560"/>
                  </a:lnTo>
                  <a:lnTo>
                    <a:pt x="105" y="559"/>
                  </a:lnTo>
                  <a:lnTo>
                    <a:pt x="105" y="557"/>
                  </a:lnTo>
                  <a:lnTo>
                    <a:pt x="105" y="555"/>
                  </a:lnTo>
                  <a:lnTo>
                    <a:pt x="99" y="543"/>
                  </a:lnTo>
                  <a:lnTo>
                    <a:pt x="99" y="535"/>
                  </a:lnTo>
                  <a:lnTo>
                    <a:pt x="105" y="533"/>
                  </a:lnTo>
                  <a:lnTo>
                    <a:pt x="118" y="528"/>
                  </a:lnTo>
                  <a:lnTo>
                    <a:pt x="121" y="530"/>
                  </a:lnTo>
                  <a:lnTo>
                    <a:pt x="125" y="533"/>
                  </a:lnTo>
                  <a:lnTo>
                    <a:pt x="143" y="537"/>
                  </a:lnTo>
                  <a:lnTo>
                    <a:pt x="149" y="537"/>
                  </a:lnTo>
                  <a:lnTo>
                    <a:pt x="155" y="542"/>
                  </a:lnTo>
                  <a:lnTo>
                    <a:pt x="147" y="532"/>
                  </a:lnTo>
                  <a:lnTo>
                    <a:pt x="147" y="525"/>
                  </a:lnTo>
                  <a:lnTo>
                    <a:pt x="137" y="525"/>
                  </a:lnTo>
                  <a:lnTo>
                    <a:pt x="130" y="528"/>
                  </a:lnTo>
                  <a:lnTo>
                    <a:pt x="123" y="528"/>
                  </a:lnTo>
                  <a:lnTo>
                    <a:pt x="120" y="525"/>
                  </a:lnTo>
                  <a:lnTo>
                    <a:pt x="118" y="523"/>
                  </a:lnTo>
                  <a:lnTo>
                    <a:pt x="116" y="521"/>
                  </a:lnTo>
                  <a:lnTo>
                    <a:pt x="113" y="518"/>
                  </a:lnTo>
                  <a:lnTo>
                    <a:pt x="110" y="516"/>
                  </a:lnTo>
                  <a:lnTo>
                    <a:pt x="106" y="513"/>
                  </a:lnTo>
                  <a:lnTo>
                    <a:pt x="103" y="513"/>
                  </a:lnTo>
                  <a:lnTo>
                    <a:pt x="98" y="515"/>
                  </a:lnTo>
                  <a:lnTo>
                    <a:pt x="96" y="518"/>
                  </a:lnTo>
                  <a:lnTo>
                    <a:pt x="94" y="520"/>
                  </a:lnTo>
                  <a:lnTo>
                    <a:pt x="93" y="521"/>
                  </a:lnTo>
                  <a:lnTo>
                    <a:pt x="93" y="523"/>
                  </a:lnTo>
                  <a:lnTo>
                    <a:pt x="93" y="545"/>
                  </a:lnTo>
                  <a:lnTo>
                    <a:pt x="89" y="548"/>
                  </a:lnTo>
                  <a:lnTo>
                    <a:pt x="83" y="547"/>
                  </a:lnTo>
                  <a:lnTo>
                    <a:pt x="76" y="537"/>
                  </a:lnTo>
                  <a:lnTo>
                    <a:pt x="72" y="533"/>
                  </a:lnTo>
                  <a:lnTo>
                    <a:pt x="66" y="533"/>
                  </a:lnTo>
                  <a:lnTo>
                    <a:pt x="66" y="532"/>
                  </a:lnTo>
                  <a:lnTo>
                    <a:pt x="64" y="528"/>
                  </a:lnTo>
                  <a:lnTo>
                    <a:pt x="62" y="525"/>
                  </a:lnTo>
                  <a:lnTo>
                    <a:pt x="61" y="521"/>
                  </a:lnTo>
                  <a:lnTo>
                    <a:pt x="57" y="516"/>
                  </a:lnTo>
                  <a:lnTo>
                    <a:pt x="54" y="513"/>
                  </a:lnTo>
                  <a:lnTo>
                    <a:pt x="50" y="513"/>
                  </a:lnTo>
                  <a:lnTo>
                    <a:pt x="45" y="513"/>
                  </a:lnTo>
                  <a:lnTo>
                    <a:pt x="45" y="511"/>
                  </a:lnTo>
                  <a:lnTo>
                    <a:pt x="52" y="503"/>
                  </a:lnTo>
                  <a:lnTo>
                    <a:pt x="55" y="498"/>
                  </a:lnTo>
                  <a:lnTo>
                    <a:pt x="54" y="491"/>
                  </a:lnTo>
                  <a:lnTo>
                    <a:pt x="57" y="484"/>
                  </a:lnTo>
                  <a:lnTo>
                    <a:pt x="49" y="474"/>
                  </a:lnTo>
                  <a:lnTo>
                    <a:pt x="50" y="462"/>
                  </a:lnTo>
                  <a:lnTo>
                    <a:pt x="42" y="452"/>
                  </a:lnTo>
                  <a:lnTo>
                    <a:pt x="42" y="449"/>
                  </a:lnTo>
                  <a:lnTo>
                    <a:pt x="40" y="447"/>
                  </a:lnTo>
                  <a:lnTo>
                    <a:pt x="37" y="444"/>
                  </a:lnTo>
                  <a:lnTo>
                    <a:pt x="35" y="440"/>
                  </a:lnTo>
                  <a:lnTo>
                    <a:pt x="32" y="437"/>
                  </a:lnTo>
                  <a:lnTo>
                    <a:pt x="30" y="432"/>
                  </a:lnTo>
                  <a:lnTo>
                    <a:pt x="28" y="427"/>
                  </a:lnTo>
                  <a:lnTo>
                    <a:pt x="28" y="420"/>
                  </a:lnTo>
                  <a:lnTo>
                    <a:pt x="27" y="416"/>
                  </a:lnTo>
                  <a:lnTo>
                    <a:pt x="27" y="413"/>
                  </a:lnTo>
                  <a:lnTo>
                    <a:pt x="23" y="408"/>
                  </a:lnTo>
                  <a:lnTo>
                    <a:pt x="22" y="405"/>
                  </a:lnTo>
                  <a:lnTo>
                    <a:pt x="18" y="400"/>
                  </a:lnTo>
                  <a:lnTo>
                    <a:pt x="17" y="394"/>
                  </a:lnTo>
                  <a:lnTo>
                    <a:pt x="13" y="391"/>
                  </a:lnTo>
                  <a:lnTo>
                    <a:pt x="13" y="389"/>
                  </a:lnTo>
                  <a:lnTo>
                    <a:pt x="11" y="388"/>
                  </a:lnTo>
                  <a:lnTo>
                    <a:pt x="11" y="386"/>
                  </a:lnTo>
                  <a:lnTo>
                    <a:pt x="11" y="384"/>
                  </a:lnTo>
                  <a:lnTo>
                    <a:pt x="10" y="383"/>
                  </a:lnTo>
                  <a:lnTo>
                    <a:pt x="10" y="379"/>
                  </a:lnTo>
                  <a:lnTo>
                    <a:pt x="20" y="369"/>
                  </a:lnTo>
                  <a:lnTo>
                    <a:pt x="20" y="367"/>
                  </a:lnTo>
                  <a:lnTo>
                    <a:pt x="20" y="364"/>
                  </a:lnTo>
                  <a:lnTo>
                    <a:pt x="18" y="362"/>
                  </a:lnTo>
                  <a:lnTo>
                    <a:pt x="18" y="357"/>
                  </a:lnTo>
                  <a:lnTo>
                    <a:pt x="18" y="354"/>
                  </a:lnTo>
                  <a:lnTo>
                    <a:pt x="18" y="349"/>
                  </a:lnTo>
                  <a:lnTo>
                    <a:pt x="17" y="344"/>
                  </a:lnTo>
                  <a:lnTo>
                    <a:pt x="17" y="337"/>
                  </a:lnTo>
                  <a:lnTo>
                    <a:pt x="18" y="332"/>
                  </a:lnTo>
                  <a:lnTo>
                    <a:pt x="18" y="327"/>
                  </a:lnTo>
                  <a:lnTo>
                    <a:pt x="18" y="322"/>
                  </a:lnTo>
                  <a:lnTo>
                    <a:pt x="20" y="317"/>
                  </a:lnTo>
                  <a:lnTo>
                    <a:pt x="23" y="312"/>
                  </a:lnTo>
                  <a:lnTo>
                    <a:pt x="25" y="306"/>
                  </a:lnTo>
                  <a:lnTo>
                    <a:pt x="28" y="303"/>
                  </a:lnTo>
                  <a:lnTo>
                    <a:pt x="28" y="301"/>
                  </a:lnTo>
                  <a:lnTo>
                    <a:pt x="28" y="296"/>
                  </a:lnTo>
                  <a:lnTo>
                    <a:pt x="28" y="291"/>
                  </a:lnTo>
                  <a:lnTo>
                    <a:pt x="30" y="284"/>
                  </a:lnTo>
                  <a:lnTo>
                    <a:pt x="30" y="278"/>
                  </a:lnTo>
                  <a:lnTo>
                    <a:pt x="30" y="271"/>
                  </a:lnTo>
                  <a:lnTo>
                    <a:pt x="30" y="268"/>
                  </a:lnTo>
                  <a:lnTo>
                    <a:pt x="30" y="266"/>
                  </a:lnTo>
                  <a:lnTo>
                    <a:pt x="30" y="264"/>
                  </a:lnTo>
                  <a:lnTo>
                    <a:pt x="28" y="262"/>
                  </a:lnTo>
                  <a:lnTo>
                    <a:pt x="28" y="259"/>
                  </a:lnTo>
                  <a:lnTo>
                    <a:pt x="27" y="256"/>
                  </a:lnTo>
                  <a:lnTo>
                    <a:pt x="23" y="251"/>
                  </a:lnTo>
                  <a:lnTo>
                    <a:pt x="22" y="247"/>
                  </a:lnTo>
                  <a:lnTo>
                    <a:pt x="18" y="244"/>
                  </a:lnTo>
                  <a:lnTo>
                    <a:pt x="17" y="242"/>
                  </a:lnTo>
                  <a:lnTo>
                    <a:pt x="17" y="240"/>
                  </a:lnTo>
                  <a:lnTo>
                    <a:pt x="17" y="237"/>
                  </a:lnTo>
                  <a:lnTo>
                    <a:pt x="17" y="234"/>
                  </a:lnTo>
                  <a:lnTo>
                    <a:pt x="15" y="232"/>
                  </a:lnTo>
                  <a:lnTo>
                    <a:pt x="13" y="230"/>
                  </a:lnTo>
                  <a:lnTo>
                    <a:pt x="10" y="227"/>
                  </a:lnTo>
                  <a:lnTo>
                    <a:pt x="6" y="224"/>
                  </a:lnTo>
                  <a:lnTo>
                    <a:pt x="5" y="218"/>
                  </a:lnTo>
                  <a:lnTo>
                    <a:pt x="3" y="213"/>
                  </a:lnTo>
                  <a:lnTo>
                    <a:pt x="1" y="208"/>
                  </a:lnTo>
                  <a:lnTo>
                    <a:pt x="0" y="202"/>
                  </a:lnTo>
                  <a:lnTo>
                    <a:pt x="0" y="195"/>
                  </a:lnTo>
                  <a:lnTo>
                    <a:pt x="1" y="186"/>
                  </a:lnTo>
                  <a:lnTo>
                    <a:pt x="5" y="178"/>
                  </a:lnTo>
                  <a:lnTo>
                    <a:pt x="10" y="169"/>
                  </a:lnTo>
                  <a:lnTo>
                    <a:pt x="17" y="159"/>
                  </a:lnTo>
                  <a:lnTo>
                    <a:pt x="27" y="149"/>
                  </a:lnTo>
                  <a:lnTo>
                    <a:pt x="39" y="139"/>
                  </a:lnTo>
                  <a:lnTo>
                    <a:pt x="40" y="137"/>
                  </a:lnTo>
                  <a:lnTo>
                    <a:pt x="42" y="136"/>
                  </a:lnTo>
                  <a:lnTo>
                    <a:pt x="44" y="132"/>
                  </a:lnTo>
                  <a:lnTo>
                    <a:pt x="45" y="127"/>
                  </a:lnTo>
                  <a:lnTo>
                    <a:pt x="47" y="122"/>
                  </a:lnTo>
                  <a:lnTo>
                    <a:pt x="49" y="117"/>
                  </a:lnTo>
                  <a:lnTo>
                    <a:pt x="49" y="112"/>
                  </a:lnTo>
                  <a:lnTo>
                    <a:pt x="49" y="107"/>
                  </a:lnTo>
                  <a:lnTo>
                    <a:pt x="49" y="105"/>
                  </a:lnTo>
                  <a:lnTo>
                    <a:pt x="52" y="100"/>
                  </a:lnTo>
                  <a:lnTo>
                    <a:pt x="55" y="93"/>
                  </a:lnTo>
                  <a:lnTo>
                    <a:pt x="61" y="86"/>
                  </a:lnTo>
                  <a:lnTo>
                    <a:pt x="66" y="78"/>
                  </a:lnTo>
                  <a:lnTo>
                    <a:pt x="67" y="70"/>
                  </a:lnTo>
                  <a:lnTo>
                    <a:pt x="69" y="61"/>
                  </a:lnTo>
                  <a:lnTo>
                    <a:pt x="69" y="53"/>
                  </a:lnTo>
                  <a:lnTo>
                    <a:pt x="69" y="51"/>
                  </a:lnTo>
                  <a:lnTo>
                    <a:pt x="69" y="49"/>
                  </a:lnTo>
                  <a:lnTo>
                    <a:pt x="71" y="46"/>
                  </a:lnTo>
                  <a:lnTo>
                    <a:pt x="69" y="44"/>
                  </a:lnTo>
                  <a:lnTo>
                    <a:pt x="69" y="34"/>
                  </a:lnTo>
                  <a:lnTo>
                    <a:pt x="64" y="27"/>
                  </a:lnTo>
                  <a:lnTo>
                    <a:pt x="66" y="24"/>
                  </a:lnTo>
                  <a:lnTo>
                    <a:pt x="74" y="10"/>
                  </a:lnTo>
                  <a:lnTo>
                    <a:pt x="76" y="4"/>
                  </a:lnTo>
                  <a:lnTo>
                    <a:pt x="74" y="0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6" name="Freeform 52"/>
            <p:cNvSpPr>
              <a:spLocks/>
            </p:cNvSpPr>
            <p:nvPr/>
          </p:nvSpPr>
          <p:spPr bwMode="auto">
            <a:xfrm>
              <a:off x="4629" y="2257"/>
              <a:ext cx="39" cy="117"/>
            </a:xfrm>
            <a:custGeom>
              <a:avLst/>
              <a:gdLst>
                <a:gd name="T0" fmla="*/ 8 w 40"/>
                <a:gd name="T1" fmla="*/ 17 h 120"/>
                <a:gd name="T2" fmla="*/ 11 w 40"/>
                <a:gd name="T3" fmla="*/ 13 h 120"/>
                <a:gd name="T4" fmla="*/ 13 w 40"/>
                <a:gd name="T5" fmla="*/ 12 h 120"/>
                <a:gd name="T6" fmla="*/ 17 w 40"/>
                <a:gd name="T7" fmla="*/ 8 h 120"/>
                <a:gd name="T8" fmla="*/ 20 w 40"/>
                <a:gd name="T9" fmla="*/ 7 h 120"/>
                <a:gd name="T10" fmla="*/ 20 w 40"/>
                <a:gd name="T11" fmla="*/ 3 h 120"/>
                <a:gd name="T12" fmla="*/ 20 w 40"/>
                <a:gd name="T13" fmla="*/ 1 h 120"/>
                <a:gd name="T14" fmla="*/ 20 w 40"/>
                <a:gd name="T15" fmla="*/ 0 h 120"/>
                <a:gd name="T16" fmla="*/ 25 w 40"/>
                <a:gd name="T17" fmla="*/ 0 h 120"/>
                <a:gd name="T18" fmla="*/ 25 w 40"/>
                <a:gd name="T19" fmla="*/ 0 h 120"/>
                <a:gd name="T20" fmla="*/ 25 w 40"/>
                <a:gd name="T21" fmla="*/ 1 h 120"/>
                <a:gd name="T22" fmla="*/ 25 w 40"/>
                <a:gd name="T23" fmla="*/ 5 h 120"/>
                <a:gd name="T24" fmla="*/ 26 w 40"/>
                <a:gd name="T25" fmla="*/ 7 h 120"/>
                <a:gd name="T26" fmla="*/ 26 w 40"/>
                <a:gd name="T27" fmla="*/ 10 h 120"/>
                <a:gd name="T28" fmla="*/ 26 w 40"/>
                <a:gd name="T29" fmla="*/ 12 h 120"/>
                <a:gd name="T30" fmla="*/ 26 w 40"/>
                <a:gd name="T31" fmla="*/ 13 h 120"/>
                <a:gd name="T32" fmla="*/ 26 w 40"/>
                <a:gd name="T33" fmla="*/ 15 h 120"/>
                <a:gd name="T34" fmla="*/ 21 w 40"/>
                <a:gd name="T35" fmla="*/ 20 h 120"/>
                <a:gd name="T36" fmla="*/ 20 w 40"/>
                <a:gd name="T37" fmla="*/ 20 h 120"/>
                <a:gd name="T38" fmla="*/ 21 w 40"/>
                <a:gd name="T39" fmla="*/ 23 h 120"/>
                <a:gd name="T40" fmla="*/ 20 w 40"/>
                <a:gd name="T41" fmla="*/ 35 h 120"/>
                <a:gd name="T42" fmla="*/ 20 w 40"/>
                <a:gd name="T43" fmla="*/ 43 h 120"/>
                <a:gd name="T44" fmla="*/ 20 w 40"/>
                <a:gd name="T45" fmla="*/ 48 h 120"/>
                <a:gd name="T46" fmla="*/ 15 w 40"/>
                <a:gd name="T47" fmla="*/ 52 h 120"/>
                <a:gd name="T48" fmla="*/ 15 w 40"/>
                <a:gd name="T49" fmla="*/ 56 h 120"/>
                <a:gd name="T50" fmla="*/ 8 w 40"/>
                <a:gd name="T51" fmla="*/ 65 h 120"/>
                <a:gd name="T52" fmla="*/ 8 w 40"/>
                <a:gd name="T53" fmla="*/ 70 h 120"/>
                <a:gd name="T54" fmla="*/ 8 w 40"/>
                <a:gd name="T55" fmla="*/ 72 h 120"/>
                <a:gd name="T56" fmla="*/ 8 w 40"/>
                <a:gd name="T57" fmla="*/ 75 h 120"/>
                <a:gd name="T58" fmla="*/ 8 w 40"/>
                <a:gd name="T59" fmla="*/ 78 h 120"/>
                <a:gd name="T60" fmla="*/ 8 w 40"/>
                <a:gd name="T61" fmla="*/ 83 h 120"/>
                <a:gd name="T62" fmla="*/ 8 w 40"/>
                <a:gd name="T63" fmla="*/ 85 h 120"/>
                <a:gd name="T64" fmla="*/ 6 w 40"/>
                <a:gd name="T65" fmla="*/ 85 h 120"/>
                <a:gd name="T66" fmla="*/ 5 w 40"/>
                <a:gd name="T67" fmla="*/ 82 h 120"/>
                <a:gd name="T68" fmla="*/ 1 w 40"/>
                <a:gd name="T69" fmla="*/ 72 h 120"/>
                <a:gd name="T70" fmla="*/ 1 w 40"/>
                <a:gd name="T71" fmla="*/ 70 h 120"/>
                <a:gd name="T72" fmla="*/ 0 w 40"/>
                <a:gd name="T73" fmla="*/ 67 h 120"/>
                <a:gd name="T74" fmla="*/ 0 w 40"/>
                <a:gd name="T75" fmla="*/ 60 h 120"/>
                <a:gd name="T76" fmla="*/ 0 w 40"/>
                <a:gd name="T77" fmla="*/ 57 h 120"/>
                <a:gd name="T78" fmla="*/ 0 w 40"/>
                <a:gd name="T79" fmla="*/ 55 h 120"/>
                <a:gd name="T80" fmla="*/ 0 w 40"/>
                <a:gd name="T81" fmla="*/ 52 h 120"/>
                <a:gd name="T82" fmla="*/ 0 w 40"/>
                <a:gd name="T83" fmla="*/ 50 h 120"/>
                <a:gd name="T84" fmla="*/ 0 w 40"/>
                <a:gd name="T85" fmla="*/ 49 h 120"/>
                <a:gd name="T86" fmla="*/ 1 w 40"/>
                <a:gd name="T87" fmla="*/ 42 h 120"/>
                <a:gd name="T88" fmla="*/ 8 w 40"/>
                <a:gd name="T89" fmla="*/ 38 h 120"/>
                <a:gd name="T90" fmla="*/ 8 w 40"/>
                <a:gd name="T91" fmla="*/ 26 h 120"/>
                <a:gd name="T92" fmla="*/ 15 w 40"/>
                <a:gd name="T93" fmla="*/ 20 h 120"/>
                <a:gd name="T94" fmla="*/ 17 w 40"/>
                <a:gd name="T95" fmla="*/ 20 h 120"/>
                <a:gd name="T96" fmla="*/ 17 w 40"/>
                <a:gd name="T97" fmla="*/ 20 h 120"/>
                <a:gd name="T98" fmla="*/ 17 w 40"/>
                <a:gd name="T99" fmla="*/ 20 h 120"/>
                <a:gd name="T100" fmla="*/ 13 w 40"/>
                <a:gd name="T101" fmla="*/ 20 h 120"/>
                <a:gd name="T102" fmla="*/ 11 w 40"/>
                <a:gd name="T103" fmla="*/ 18 h 120"/>
                <a:gd name="T104" fmla="*/ 8 w 40"/>
                <a:gd name="T105" fmla="*/ 17 h 120"/>
                <a:gd name="T106" fmla="*/ 8 w 40"/>
                <a:gd name="T107" fmla="*/ 17 h 120"/>
                <a:gd name="T108" fmla="*/ 8 w 40"/>
                <a:gd name="T109" fmla="*/ 17 h 120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w 40"/>
                <a:gd name="T166" fmla="*/ 0 h 120"/>
                <a:gd name="T167" fmla="*/ 40 w 40"/>
                <a:gd name="T168" fmla="*/ 120 h 120"/>
              </a:gdLst>
              <a:ahLst/>
              <a:cxnLst>
                <a:cxn ang="T110">
                  <a:pos x="T0" y="T1"/>
                </a:cxn>
                <a:cxn ang="T111">
                  <a:pos x="T2" y="T3"/>
                </a:cxn>
                <a:cxn ang="T112">
                  <a:pos x="T4" y="T5"/>
                </a:cxn>
                <a:cxn ang="T113">
                  <a:pos x="T6" y="T7"/>
                </a:cxn>
                <a:cxn ang="T114">
                  <a:pos x="T8" y="T9"/>
                </a:cxn>
                <a:cxn ang="T115">
                  <a:pos x="T10" y="T11"/>
                </a:cxn>
                <a:cxn ang="T116">
                  <a:pos x="T12" y="T13"/>
                </a:cxn>
                <a:cxn ang="T117">
                  <a:pos x="T14" y="T15"/>
                </a:cxn>
                <a:cxn ang="T118">
                  <a:pos x="T16" y="T17"/>
                </a:cxn>
                <a:cxn ang="T119">
                  <a:pos x="T18" y="T19"/>
                </a:cxn>
                <a:cxn ang="T120">
                  <a:pos x="T20" y="T21"/>
                </a:cxn>
                <a:cxn ang="T121">
                  <a:pos x="T22" y="T23"/>
                </a:cxn>
                <a:cxn ang="T122">
                  <a:pos x="T24" y="T25"/>
                </a:cxn>
                <a:cxn ang="T123">
                  <a:pos x="T26" y="T27"/>
                </a:cxn>
                <a:cxn ang="T124">
                  <a:pos x="T28" y="T29"/>
                </a:cxn>
                <a:cxn ang="T125">
                  <a:pos x="T30" y="T31"/>
                </a:cxn>
                <a:cxn ang="T126">
                  <a:pos x="T32" y="T33"/>
                </a:cxn>
                <a:cxn ang="T127">
                  <a:pos x="T34" y="T35"/>
                </a:cxn>
                <a:cxn ang="T128">
                  <a:pos x="T36" y="T37"/>
                </a:cxn>
                <a:cxn ang="T129">
                  <a:pos x="T38" y="T39"/>
                </a:cxn>
                <a:cxn ang="T130">
                  <a:pos x="T40" y="T41"/>
                </a:cxn>
                <a:cxn ang="T131">
                  <a:pos x="T42" y="T43"/>
                </a:cxn>
                <a:cxn ang="T132">
                  <a:pos x="T44" y="T45"/>
                </a:cxn>
                <a:cxn ang="T133">
                  <a:pos x="T46" y="T47"/>
                </a:cxn>
                <a:cxn ang="T134">
                  <a:pos x="T48" y="T49"/>
                </a:cxn>
                <a:cxn ang="T135">
                  <a:pos x="T50" y="T51"/>
                </a:cxn>
                <a:cxn ang="T136">
                  <a:pos x="T52" y="T53"/>
                </a:cxn>
                <a:cxn ang="T137">
                  <a:pos x="T54" y="T55"/>
                </a:cxn>
                <a:cxn ang="T138">
                  <a:pos x="T56" y="T57"/>
                </a:cxn>
                <a:cxn ang="T139">
                  <a:pos x="T58" y="T59"/>
                </a:cxn>
                <a:cxn ang="T140">
                  <a:pos x="T60" y="T61"/>
                </a:cxn>
                <a:cxn ang="T141">
                  <a:pos x="T62" y="T63"/>
                </a:cxn>
                <a:cxn ang="T142">
                  <a:pos x="T64" y="T65"/>
                </a:cxn>
                <a:cxn ang="T143">
                  <a:pos x="T66" y="T67"/>
                </a:cxn>
                <a:cxn ang="T144">
                  <a:pos x="T68" y="T69"/>
                </a:cxn>
                <a:cxn ang="T145">
                  <a:pos x="T70" y="T71"/>
                </a:cxn>
                <a:cxn ang="T146">
                  <a:pos x="T72" y="T73"/>
                </a:cxn>
                <a:cxn ang="T147">
                  <a:pos x="T74" y="T75"/>
                </a:cxn>
                <a:cxn ang="T148">
                  <a:pos x="T76" y="T77"/>
                </a:cxn>
                <a:cxn ang="T149">
                  <a:pos x="T78" y="T79"/>
                </a:cxn>
                <a:cxn ang="T150">
                  <a:pos x="T80" y="T81"/>
                </a:cxn>
                <a:cxn ang="T151">
                  <a:pos x="T82" y="T83"/>
                </a:cxn>
                <a:cxn ang="T152">
                  <a:pos x="T84" y="T85"/>
                </a:cxn>
                <a:cxn ang="T153">
                  <a:pos x="T86" y="T87"/>
                </a:cxn>
                <a:cxn ang="T154">
                  <a:pos x="T88" y="T89"/>
                </a:cxn>
                <a:cxn ang="T155">
                  <a:pos x="T90" y="T91"/>
                </a:cxn>
                <a:cxn ang="T156">
                  <a:pos x="T92" y="T93"/>
                </a:cxn>
                <a:cxn ang="T157">
                  <a:pos x="T94" y="T95"/>
                </a:cxn>
                <a:cxn ang="T158">
                  <a:pos x="T96" y="T97"/>
                </a:cxn>
                <a:cxn ang="T159">
                  <a:pos x="T98" y="T99"/>
                </a:cxn>
                <a:cxn ang="T160">
                  <a:pos x="T100" y="T101"/>
                </a:cxn>
                <a:cxn ang="T161">
                  <a:pos x="T102" y="T103"/>
                </a:cxn>
                <a:cxn ang="T162">
                  <a:pos x="T104" y="T105"/>
                </a:cxn>
                <a:cxn ang="T163">
                  <a:pos x="T106" y="T107"/>
                </a:cxn>
                <a:cxn ang="T164">
                  <a:pos x="T108" y="T109"/>
                </a:cxn>
              </a:cxnLst>
              <a:rect l="T165" t="T166" r="T167" b="T168"/>
              <a:pathLst>
                <a:path w="40" h="120">
                  <a:moveTo>
                    <a:pt x="8" y="17"/>
                  </a:moveTo>
                  <a:lnTo>
                    <a:pt x="11" y="13"/>
                  </a:lnTo>
                  <a:lnTo>
                    <a:pt x="13" y="12"/>
                  </a:lnTo>
                  <a:lnTo>
                    <a:pt x="17" y="8"/>
                  </a:lnTo>
                  <a:lnTo>
                    <a:pt x="20" y="7"/>
                  </a:lnTo>
                  <a:lnTo>
                    <a:pt x="23" y="3"/>
                  </a:lnTo>
                  <a:lnTo>
                    <a:pt x="27" y="1"/>
                  </a:lnTo>
                  <a:lnTo>
                    <a:pt x="32" y="0"/>
                  </a:lnTo>
                  <a:lnTo>
                    <a:pt x="39" y="0"/>
                  </a:lnTo>
                  <a:lnTo>
                    <a:pt x="39" y="1"/>
                  </a:lnTo>
                  <a:lnTo>
                    <a:pt x="39" y="5"/>
                  </a:lnTo>
                  <a:lnTo>
                    <a:pt x="40" y="7"/>
                  </a:lnTo>
                  <a:lnTo>
                    <a:pt x="40" y="10"/>
                  </a:lnTo>
                  <a:lnTo>
                    <a:pt x="40" y="12"/>
                  </a:lnTo>
                  <a:lnTo>
                    <a:pt x="40" y="13"/>
                  </a:lnTo>
                  <a:lnTo>
                    <a:pt x="40" y="15"/>
                  </a:lnTo>
                  <a:lnTo>
                    <a:pt x="35" y="23"/>
                  </a:lnTo>
                  <a:lnTo>
                    <a:pt x="33" y="30"/>
                  </a:lnTo>
                  <a:lnTo>
                    <a:pt x="35" y="37"/>
                  </a:lnTo>
                  <a:lnTo>
                    <a:pt x="32" y="49"/>
                  </a:lnTo>
                  <a:lnTo>
                    <a:pt x="27" y="57"/>
                  </a:lnTo>
                  <a:lnTo>
                    <a:pt x="25" y="64"/>
                  </a:lnTo>
                  <a:lnTo>
                    <a:pt x="15" y="73"/>
                  </a:lnTo>
                  <a:lnTo>
                    <a:pt x="15" y="81"/>
                  </a:lnTo>
                  <a:lnTo>
                    <a:pt x="8" y="93"/>
                  </a:lnTo>
                  <a:lnTo>
                    <a:pt x="8" y="98"/>
                  </a:lnTo>
                  <a:lnTo>
                    <a:pt x="8" y="100"/>
                  </a:lnTo>
                  <a:lnTo>
                    <a:pt x="8" y="105"/>
                  </a:lnTo>
                  <a:lnTo>
                    <a:pt x="8" y="110"/>
                  </a:lnTo>
                  <a:lnTo>
                    <a:pt x="8" y="117"/>
                  </a:lnTo>
                  <a:lnTo>
                    <a:pt x="8" y="120"/>
                  </a:lnTo>
                  <a:lnTo>
                    <a:pt x="6" y="120"/>
                  </a:lnTo>
                  <a:lnTo>
                    <a:pt x="5" y="115"/>
                  </a:lnTo>
                  <a:lnTo>
                    <a:pt x="1" y="101"/>
                  </a:lnTo>
                  <a:lnTo>
                    <a:pt x="1" y="98"/>
                  </a:lnTo>
                  <a:lnTo>
                    <a:pt x="0" y="95"/>
                  </a:lnTo>
                  <a:lnTo>
                    <a:pt x="0" y="88"/>
                  </a:lnTo>
                  <a:lnTo>
                    <a:pt x="0" y="83"/>
                  </a:lnTo>
                  <a:lnTo>
                    <a:pt x="0" y="78"/>
                  </a:lnTo>
                  <a:lnTo>
                    <a:pt x="0" y="73"/>
                  </a:lnTo>
                  <a:lnTo>
                    <a:pt x="0" y="69"/>
                  </a:lnTo>
                  <a:lnTo>
                    <a:pt x="0" y="67"/>
                  </a:lnTo>
                  <a:lnTo>
                    <a:pt x="1" y="56"/>
                  </a:lnTo>
                  <a:lnTo>
                    <a:pt x="8" y="52"/>
                  </a:lnTo>
                  <a:lnTo>
                    <a:pt x="8" y="40"/>
                  </a:lnTo>
                  <a:lnTo>
                    <a:pt x="15" y="30"/>
                  </a:lnTo>
                  <a:lnTo>
                    <a:pt x="17" y="27"/>
                  </a:lnTo>
                  <a:lnTo>
                    <a:pt x="17" y="23"/>
                  </a:lnTo>
                  <a:lnTo>
                    <a:pt x="17" y="20"/>
                  </a:lnTo>
                  <a:lnTo>
                    <a:pt x="13" y="20"/>
                  </a:lnTo>
                  <a:lnTo>
                    <a:pt x="11" y="18"/>
                  </a:lnTo>
                  <a:lnTo>
                    <a:pt x="8" y="17"/>
                  </a:lnTo>
                  <a:close/>
                </a:path>
              </a:pathLst>
            </a:custGeom>
            <a:solidFill>
              <a:srgbClr val="FF9933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7" name="Freeform 53"/>
            <p:cNvSpPr>
              <a:spLocks/>
            </p:cNvSpPr>
            <p:nvPr/>
          </p:nvSpPr>
          <p:spPr bwMode="auto">
            <a:xfrm>
              <a:off x="4629" y="2257"/>
              <a:ext cx="39" cy="117"/>
            </a:xfrm>
            <a:custGeom>
              <a:avLst/>
              <a:gdLst>
                <a:gd name="T0" fmla="*/ 8 w 40"/>
                <a:gd name="T1" fmla="*/ 17 h 120"/>
                <a:gd name="T2" fmla="*/ 8 w 40"/>
                <a:gd name="T3" fmla="*/ 17 h 120"/>
                <a:gd name="T4" fmla="*/ 11 w 40"/>
                <a:gd name="T5" fmla="*/ 13 h 120"/>
                <a:gd name="T6" fmla="*/ 13 w 40"/>
                <a:gd name="T7" fmla="*/ 12 h 120"/>
                <a:gd name="T8" fmla="*/ 17 w 40"/>
                <a:gd name="T9" fmla="*/ 8 h 120"/>
                <a:gd name="T10" fmla="*/ 20 w 40"/>
                <a:gd name="T11" fmla="*/ 7 h 120"/>
                <a:gd name="T12" fmla="*/ 20 w 40"/>
                <a:gd name="T13" fmla="*/ 3 h 120"/>
                <a:gd name="T14" fmla="*/ 20 w 40"/>
                <a:gd name="T15" fmla="*/ 1 h 120"/>
                <a:gd name="T16" fmla="*/ 20 w 40"/>
                <a:gd name="T17" fmla="*/ 0 h 120"/>
                <a:gd name="T18" fmla="*/ 25 w 40"/>
                <a:gd name="T19" fmla="*/ 0 h 120"/>
                <a:gd name="T20" fmla="*/ 25 w 40"/>
                <a:gd name="T21" fmla="*/ 0 h 120"/>
                <a:gd name="T22" fmla="*/ 25 w 40"/>
                <a:gd name="T23" fmla="*/ 0 h 120"/>
                <a:gd name="T24" fmla="*/ 25 w 40"/>
                <a:gd name="T25" fmla="*/ 1 h 120"/>
                <a:gd name="T26" fmla="*/ 25 w 40"/>
                <a:gd name="T27" fmla="*/ 5 h 120"/>
                <a:gd name="T28" fmla="*/ 26 w 40"/>
                <a:gd name="T29" fmla="*/ 7 h 120"/>
                <a:gd name="T30" fmla="*/ 26 w 40"/>
                <a:gd name="T31" fmla="*/ 10 h 120"/>
                <a:gd name="T32" fmla="*/ 26 w 40"/>
                <a:gd name="T33" fmla="*/ 12 h 120"/>
                <a:gd name="T34" fmla="*/ 26 w 40"/>
                <a:gd name="T35" fmla="*/ 13 h 120"/>
                <a:gd name="T36" fmla="*/ 26 w 40"/>
                <a:gd name="T37" fmla="*/ 15 h 120"/>
                <a:gd name="T38" fmla="*/ 21 w 40"/>
                <a:gd name="T39" fmla="*/ 20 h 120"/>
                <a:gd name="T40" fmla="*/ 20 w 40"/>
                <a:gd name="T41" fmla="*/ 20 h 120"/>
                <a:gd name="T42" fmla="*/ 21 w 40"/>
                <a:gd name="T43" fmla="*/ 23 h 120"/>
                <a:gd name="T44" fmla="*/ 20 w 40"/>
                <a:gd name="T45" fmla="*/ 35 h 120"/>
                <a:gd name="T46" fmla="*/ 20 w 40"/>
                <a:gd name="T47" fmla="*/ 43 h 120"/>
                <a:gd name="T48" fmla="*/ 20 w 40"/>
                <a:gd name="T49" fmla="*/ 48 h 120"/>
                <a:gd name="T50" fmla="*/ 15 w 40"/>
                <a:gd name="T51" fmla="*/ 52 h 120"/>
                <a:gd name="T52" fmla="*/ 15 w 40"/>
                <a:gd name="T53" fmla="*/ 56 h 120"/>
                <a:gd name="T54" fmla="*/ 8 w 40"/>
                <a:gd name="T55" fmla="*/ 65 h 120"/>
                <a:gd name="T56" fmla="*/ 8 w 40"/>
                <a:gd name="T57" fmla="*/ 70 h 120"/>
                <a:gd name="T58" fmla="*/ 8 w 40"/>
                <a:gd name="T59" fmla="*/ 70 h 120"/>
                <a:gd name="T60" fmla="*/ 8 w 40"/>
                <a:gd name="T61" fmla="*/ 72 h 120"/>
                <a:gd name="T62" fmla="*/ 8 w 40"/>
                <a:gd name="T63" fmla="*/ 75 h 120"/>
                <a:gd name="T64" fmla="*/ 8 w 40"/>
                <a:gd name="T65" fmla="*/ 78 h 120"/>
                <a:gd name="T66" fmla="*/ 8 w 40"/>
                <a:gd name="T67" fmla="*/ 83 h 120"/>
                <a:gd name="T68" fmla="*/ 8 w 40"/>
                <a:gd name="T69" fmla="*/ 85 h 120"/>
                <a:gd name="T70" fmla="*/ 6 w 40"/>
                <a:gd name="T71" fmla="*/ 85 h 120"/>
                <a:gd name="T72" fmla="*/ 5 w 40"/>
                <a:gd name="T73" fmla="*/ 82 h 120"/>
                <a:gd name="T74" fmla="*/ 1 w 40"/>
                <a:gd name="T75" fmla="*/ 72 h 120"/>
                <a:gd name="T76" fmla="*/ 1 w 40"/>
                <a:gd name="T77" fmla="*/ 72 h 120"/>
                <a:gd name="T78" fmla="*/ 1 w 40"/>
                <a:gd name="T79" fmla="*/ 70 h 120"/>
                <a:gd name="T80" fmla="*/ 0 w 40"/>
                <a:gd name="T81" fmla="*/ 67 h 120"/>
                <a:gd name="T82" fmla="*/ 0 w 40"/>
                <a:gd name="T83" fmla="*/ 60 h 120"/>
                <a:gd name="T84" fmla="*/ 0 w 40"/>
                <a:gd name="T85" fmla="*/ 57 h 120"/>
                <a:gd name="T86" fmla="*/ 0 w 40"/>
                <a:gd name="T87" fmla="*/ 55 h 120"/>
                <a:gd name="T88" fmla="*/ 0 w 40"/>
                <a:gd name="T89" fmla="*/ 52 h 120"/>
                <a:gd name="T90" fmla="*/ 0 w 40"/>
                <a:gd name="T91" fmla="*/ 50 h 120"/>
                <a:gd name="T92" fmla="*/ 0 w 40"/>
                <a:gd name="T93" fmla="*/ 49 h 120"/>
                <a:gd name="T94" fmla="*/ 1 w 40"/>
                <a:gd name="T95" fmla="*/ 42 h 120"/>
                <a:gd name="T96" fmla="*/ 8 w 40"/>
                <a:gd name="T97" fmla="*/ 38 h 120"/>
                <a:gd name="T98" fmla="*/ 8 w 40"/>
                <a:gd name="T99" fmla="*/ 26 h 120"/>
                <a:gd name="T100" fmla="*/ 15 w 40"/>
                <a:gd name="T101" fmla="*/ 20 h 120"/>
                <a:gd name="T102" fmla="*/ 15 w 40"/>
                <a:gd name="T103" fmla="*/ 20 h 120"/>
                <a:gd name="T104" fmla="*/ 17 w 40"/>
                <a:gd name="T105" fmla="*/ 20 h 120"/>
                <a:gd name="T106" fmla="*/ 17 w 40"/>
                <a:gd name="T107" fmla="*/ 20 h 120"/>
                <a:gd name="T108" fmla="*/ 17 w 40"/>
                <a:gd name="T109" fmla="*/ 20 h 120"/>
                <a:gd name="T110" fmla="*/ 13 w 40"/>
                <a:gd name="T111" fmla="*/ 20 h 120"/>
                <a:gd name="T112" fmla="*/ 11 w 40"/>
                <a:gd name="T113" fmla="*/ 18 h 120"/>
                <a:gd name="T114" fmla="*/ 8 w 40"/>
                <a:gd name="T115" fmla="*/ 17 h 120"/>
                <a:gd name="T116" fmla="*/ 8 w 40"/>
                <a:gd name="T117" fmla="*/ 17 h 120"/>
                <a:gd name="T118" fmla="*/ 8 w 40"/>
                <a:gd name="T119" fmla="*/ 17 h 120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w 40"/>
                <a:gd name="T181" fmla="*/ 0 h 120"/>
                <a:gd name="T182" fmla="*/ 40 w 40"/>
                <a:gd name="T183" fmla="*/ 120 h 120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T180" t="T181" r="T182" b="T183"/>
              <a:pathLst>
                <a:path w="40" h="120">
                  <a:moveTo>
                    <a:pt x="8" y="17"/>
                  </a:moveTo>
                  <a:lnTo>
                    <a:pt x="8" y="17"/>
                  </a:lnTo>
                  <a:lnTo>
                    <a:pt x="11" y="13"/>
                  </a:lnTo>
                  <a:lnTo>
                    <a:pt x="13" y="12"/>
                  </a:lnTo>
                  <a:lnTo>
                    <a:pt x="17" y="8"/>
                  </a:lnTo>
                  <a:lnTo>
                    <a:pt x="20" y="7"/>
                  </a:lnTo>
                  <a:lnTo>
                    <a:pt x="23" y="3"/>
                  </a:lnTo>
                  <a:lnTo>
                    <a:pt x="27" y="1"/>
                  </a:lnTo>
                  <a:lnTo>
                    <a:pt x="32" y="0"/>
                  </a:lnTo>
                  <a:lnTo>
                    <a:pt x="39" y="0"/>
                  </a:lnTo>
                  <a:lnTo>
                    <a:pt x="39" y="1"/>
                  </a:lnTo>
                  <a:lnTo>
                    <a:pt x="39" y="5"/>
                  </a:lnTo>
                  <a:lnTo>
                    <a:pt x="40" y="7"/>
                  </a:lnTo>
                  <a:lnTo>
                    <a:pt x="40" y="10"/>
                  </a:lnTo>
                  <a:lnTo>
                    <a:pt x="40" y="12"/>
                  </a:lnTo>
                  <a:lnTo>
                    <a:pt x="40" y="13"/>
                  </a:lnTo>
                  <a:lnTo>
                    <a:pt x="40" y="15"/>
                  </a:lnTo>
                  <a:lnTo>
                    <a:pt x="35" y="23"/>
                  </a:lnTo>
                  <a:lnTo>
                    <a:pt x="33" y="30"/>
                  </a:lnTo>
                  <a:lnTo>
                    <a:pt x="35" y="37"/>
                  </a:lnTo>
                  <a:lnTo>
                    <a:pt x="32" y="49"/>
                  </a:lnTo>
                  <a:lnTo>
                    <a:pt x="27" y="57"/>
                  </a:lnTo>
                  <a:lnTo>
                    <a:pt x="25" y="64"/>
                  </a:lnTo>
                  <a:lnTo>
                    <a:pt x="15" y="73"/>
                  </a:lnTo>
                  <a:lnTo>
                    <a:pt x="15" y="81"/>
                  </a:lnTo>
                  <a:lnTo>
                    <a:pt x="8" y="93"/>
                  </a:lnTo>
                  <a:lnTo>
                    <a:pt x="8" y="98"/>
                  </a:lnTo>
                  <a:lnTo>
                    <a:pt x="8" y="100"/>
                  </a:lnTo>
                  <a:lnTo>
                    <a:pt x="8" y="105"/>
                  </a:lnTo>
                  <a:lnTo>
                    <a:pt x="8" y="110"/>
                  </a:lnTo>
                  <a:lnTo>
                    <a:pt x="8" y="117"/>
                  </a:lnTo>
                  <a:lnTo>
                    <a:pt x="8" y="120"/>
                  </a:lnTo>
                  <a:lnTo>
                    <a:pt x="6" y="120"/>
                  </a:lnTo>
                  <a:lnTo>
                    <a:pt x="5" y="115"/>
                  </a:lnTo>
                  <a:lnTo>
                    <a:pt x="1" y="101"/>
                  </a:lnTo>
                  <a:lnTo>
                    <a:pt x="1" y="98"/>
                  </a:lnTo>
                  <a:lnTo>
                    <a:pt x="0" y="95"/>
                  </a:lnTo>
                  <a:lnTo>
                    <a:pt x="0" y="88"/>
                  </a:lnTo>
                  <a:lnTo>
                    <a:pt x="0" y="83"/>
                  </a:lnTo>
                  <a:lnTo>
                    <a:pt x="0" y="78"/>
                  </a:lnTo>
                  <a:lnTo>
                    <a:pt x="0" y="73"/>
                  </a:lnTo>
                  <a:lnTo>
                    <a:pt x="0" y="69"/>
                  </a:lnTo>
                  <a:lnTo>
                    <a:pt x="0" y="67"/>
                  </a:lnTo>
                  <a:lnTo>
                    <a:pt x="1" y="56"/>
                  </a:lnTo>
                  <a:lnTo>
                    <a:pt x="8" y="52"/>
                  </a:lnTo>
                  <a:lnTo>
                    <a:pt x="8" y="40"/>
                  </a:lnTo>
                  <a:lnTo>
                    <a:pt x="15" y="30"/>
                  </a:lnTo>
                  <a:lnTo>
                    <a:pt x="17" y="27"/>
                  </a:lnTo>
                  <a:lnTo>
                    <a:pt x="17" y="23"/>
                  </a:lnTo>
                  <a:lnTo>
                    <a:pt x="17" y="20"/>
                  </a:lnTo>
                  <a:lnTo>
                    <a:pt x="13" y="20"/>
                  </a:lnTo>
                  <a:lnTo>
                    <a:pt x="11" y="18"/>
                  </a:lnTo>
                  <a:lnTo>
                    <a:pt x="8" y="17"/>
                  </a:lnTo>
                </a:path>
              </a:pathLst>
            </a:custGeom>
            <a:solidFill>
              <a:srgbClr val="DDDDDD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8" name="Freeform 54"/>
            <p:cNvSpPr>
              <a:spLocks/>
            </p:cNvSpPr>
            <p:nvPr/>
          </p:nvSpPr>
          <p:spPr bwMode="auto">
            <a:xfrm>
              <a:off x="3888" y="2151"/>
              <a:ext cx="768" cy="436"/>
            </a:xfrm>
            <a:custGeom>
              <a:avLst/>
              <a:gdLst>
                <a:gd name="T0" fmla="*/ 660 w 776"/>
                <a:gd name="T1" fmla="*/ 262 h 440"/>
                <a:gd name="T2" fmla="*/ 669 w 776"/>
                <a:gd name="T3" fmla="*/ 269 h 440"/>
                <a:gd name="T4" fmla="*/ 641 w 776"/>
                <a:gd name="T5" fmla="*/ 240 h 440"/>
                <a:gd name="T6" fmla="*/ 626 w 776"/>
                <a:gd name="T7" fmla="*/ 236 h 440"/>
                <a:gd name="T8" fmla="*/ 628 w 776"/>
                <a:gd name="T9" fmla="*/ 247 h 440"/>
                <a:gd name="T10" fmla="*/ 620 w 776"/>
                <a:gd name="T11" fmla="*/ 249 h 440"/>
                <a:gd name="T12" fmla="*/ 574 w 776"/>
                <a:gd name="T13" fmla="*/ 221 h 440"/>
                <a:gd name="T14" fmla="*/ 624 w 776"/>
                <a:gd name="T15" fmla="*/ 224 h 440"/>
                <a:gd name="T16" fmla="*/ 606 w 776"/>
                <a:gd name="T17" fmla="*/ 206 h 440"/>
                <a:gd name="T18" fmla="*/ 609 w 776"/>
                <a:gd name="T19" fmla="*/ 170 h 440"/>
                <a:gd name="T20" fmla="*/ 591 w 776"/>
                <a:gd name="T21" fmla="*/ 160 h 440"/>
                <a:gd name="T22" fmla="*/ 599 w 776"/>
                <a:gd name="T23" fmla="*/ 132 h 440"/>
                <a:gd name="T24" fmla="*/ 571 w 776"/>
                <a:gd name="T25" fmla="*/ 113 h 440"/>
                <a:gd name="T26" fmla="*/ 535 w 776"/>
                <a:gd name="T27" fmla="*/ 98 h 440"/>
                <a:gd name="T28" fmla="*/ 524 w 776"/>
                <a:gd name="T29" fmla="*/ 98 h 440"/>
                <a:gd name="T30" fmla="*/ 510 w 776"/>
                <a:gd name="T31" fmla="*/ 96 h 440"/>
                <a:gd name="T32" fmla="*/ 510 w 776"/>
                <a:gd name="T33" fmla="*/ 66 h 440"/>
                <a:gd name="T34" fmla="*/ 524 w 776"/>
                <a:gd name="T35" fmla="*/ 55 h 440"/>
                <a:gd name="T36" fmla="*/ 500 w 776"/>
                <a:gd name="T37" fmla="*/ 29 h 440"/>
                <a:gd name="T38" fmla="*/ 481 w 776"/>
                <a:gd name="T39" fmla="*/ 14 h 440"/>
                <a:gd name="T40" fmla="*/ 469 w 776"/>
                <a:gd name="T41" fmla="*/ 4 h 440"/>
                <a:gd name="T42" fmla="*/ 461 w 776"/>
                <a:gd name="T43" fmla="*/ 10 h 440"/>
                <a:gd name="T44" fmla="*/ 442 w 776"/>
                <a:gd name="T45" fmla="*/ 19 h 440"/>
                <a:gd name="T46" fmla="*/ 415 w 776"/>
                <a:gd name="T47" fmla="*/ 4 h 440"/>
                <a:gd name="T48" fmla="*/ 401 w 776"/>
                <a:gd name="T49" fmla="*/ 41 h 440"/>
                <a:gd name="T50" fmla="*/ 388 w 776"/>
                <a:gd name="T51" fmla="*/ 57 h 440"/>
                <a:gd name="T52" fmla="*/ 381 w 776"/>
                <a:gd name="T53" fmla="*/ 74 h 440"/>
                <a:gd name="T54" fmla="*/ 368 w 776"/>
                <a:gd name="T55" fmla="*/ 71 h 440"/>
                <a:gd name="T56" fmla="*/ 358 w 776"/>
                <a:gd name="T57" fmla="*/ 93 h 440"/>
                <a:gd name="T58" fmla="*/ 355 w 776"/>
                <a:gd name="T59" fmla="*/ 105 h 440"/>
                <a:gd name="T60" fmla="*/ 345 w 776"/>
                <a:gd name="T61" fmla="*/ 125 h 440"/>
                <a:gd name="T62" fmla="*/ 320 w 776"/>
                <a:gd name="T63" fmla="*/ 113 h 440"/>
                <a:gd name="T64" fmla="*/ 315 w 776"/>
                <a:gd name="T65" fmla="*/ 137 h 440"/>
                <a:gd name="T66" fmla="*/ 311 w 776"/>
                <a:gd name="T67" fmla="*/ 150 h 440"/>
                <a:gd name="T68" fmla="*/ 306 w 776"/>
                <a:gd name="T69" fmla="*/ 159 h 440"/>
                <a:gd name="T70" fmla="*/ 300 w 776"/>
                <a:gd name="T71" fmla="*/ 182 h 440"/>
                <a:gd name="T72" fmla="*/ 284 w 776"/>
                <a:gd name="T73" fmla="*/ 213 h 440"/>
                <a:gd name="T74" fmla="*/ 284 w 776"/>
                <a:gd name="T75" fmla="*/ 224 h 440"/>
                <a:gd name="T76" fmla="*/ 271 w 776"/>
                <a:gd name="T77" fmla="*/ 253 h 440"/>
                <a:gd name="T78" fmla="*/ 254 w 776"/>
                <a:gd name="T79" fmla="*/ 253 h 440"/>
                <a:gd name="T80" fmla="*/ 237 w 776"/>
                <a:gd name="T81" fmla="*/ 257 h 440"/>
                <a:gd name="T82" fmla="*/ 234 w 776"/>
                <a:gd name="T83" fmla="*/ 268 h 440"/>
                <a:gd name="T84" fmla="*/ 226 w 776"/>
                <a:gd name="T85" fmla="*/ 271 h 440"/>
                <a:gd name="T86" fmla="*/ 205 w 776"/>
                <a:gd name="T87" fmla="*/ 276 h 440"/>
                <a:gd name="T88" fmla="*/ 192 w 776"/>
                <a:gd name="T89" fmla="*/ 280 h 440"/>
                <a:gd name="T90" fmla="*/ 165 w 776"/>
                <a:gd name="T91" fmla="*/ 285 h 440"/>
                <a:gd name="T92" fmla="*/ 142 w 776"/>
                <a:gd name="T93" fmla="*/ 267 h 440"/>
                <a:gd name="T94" fmla="*/ 126 w 776"/>
                <a:gd name="T95" fmla="*/ 282 h 440"/>
                <a:gd name="T96" fmla="*/ 128 w 776"/>
                <a:gd name="T97" fmla="*/ 278 h 440"/>
                <a:gd name="T98" fmla="*/ 99 w 776"/>
                <a:gd name="T99" fmla="*/ 302 h 440"/>
                <a:gd name="T100" fmla="*/ 84 w 776"/>
                <a:gd name="T101" fmla="*/ 326 h 440"/>
                <a:gd name="T102" fmla="*/ 75 w 776"/>
                <a:gd name="T103" fmla="*/ 339 h 440"/>
                <a:gd name="T104" fmla="*/ 70 w 776"/>
                <a:gd name="T105" fmla="*/ 347 h 440"/>
                <a:gd name="T106" fmla="*/ 50 w 776"/>
                <a:gd name="T107" fmla="*/ 358 h 440"/>
                <a:gd name="T108" fmla="*/ 48 w 776"/>
                <a:gd name="T109" fmla="*/ 364 h 440"/>
                <a:gd name="T110" fmla="*/ 22 w 776"/>
                <a:gd name="T111" fmla="*/ 375 h 440"/>
                <a:gd name="T112" fmla="*/ 0 w 776"/>
                <a:gd name="T113" fmla="*/ 384 h 440"/>
                <a:gd name="T114" fmla="*/ 182 w 776"/>
                <a:gd name="T115" fmla="*/ 358 h 440"/>
                <a:gd name="T116" fmla="*/ 218 w 776"/>
                <a:gd name="T117" fmla="*/ 356 h 440"/>
                <a:gd name="T118" fmla="*/ 284 w 776"/>
                <a:gd name="T119" fmla="*/ 349 h 440"/>
                <a:gd name="T120" fmla="*/ 384 w 776"/>
                <a:gd name="T121" fmla="*/ 334 h 440"/>
                <a:gd name="T122" fmla="*/ 506 w 776"/>
                <a:gd name="T123" fmla="*/ 309 h 440"/>
                <a:gd name="T124" fmla="*/ 654 w 776"/>
                <a:gd name="T125" fmla="*/ 271 h 440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  <a:gd name="T189" fmla="*/ 0 w 776"/>
                <a:gd name="T190" fmla="*/ 0 h 440"/>
                <a:gd name="T191" fmla="*/ 776 w 776"/>
                <a:gd name="T192" fmla="*/ 440 h 440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T189" t="T190" r="T191" b="T192"/>
              <a:pathLst>
                <a:path w="776" h="440">
                  <a:moveTo>
                    <a:pt x="761" y="310"/>
                  </a:moveTo>
                  <a:lnTo>
                    <a:pt x="763" y="310"/>
                  </a:lnTo>
                  <a:lnTo>
                    <a:pt x="765" y="312"/>
                  </a:lnTo>
                  <a:lnTo>
                    <a:pt x="766" y="312"/>
                  </a:lnTo>
                  <a:lnTo>
                    <a:pt x="766" y="310"/>
                  </a:lnTo>
                  <a:lnTo>
                    <a:pt x="763" y="298"/>
                  </a:lnTo>
                  <a:lnTo>
                    <a:pt x="763" y="293"/>
                  </a:lnTo>
                  <a:lnTo>
                    <a:pt x="765" y="295"/>
                  </a:lnTo>
                  <a:lnTo>
                    <a:pt x="768" y="298"/>
                  </a:lnTo>
                  <a:lnTo>
                    <a:pt x="770" y="305"/>
                  </a:lnTo>
                  <a:lnTo>
                    <a:pt x="773" y="308"/>
                  </a:lnTo>
                  <a:lnTo>
                    <a:pt x="773" y="310"/>
                  </a:lnTo>
                  <a:lnTo>
                    <a:pt x="776" y="305"/>
                  </a:lnTo>
                  <a:lnTo>
                    <a:pt x="758" y="264"/>
                  </a:lnTo>
                  <a:lnTo>
                    <a:pt x="749" y="263"/>
                  </a:lnTo>
                  <a:lnTo>
                    <a:pt x="743" y="268"/>
                  </a:lnTo>
                  <a:lnTo>
                    <a:pt x="741" y="268"/>
                  </a:lnTo>
                  <a:lnTo>
                    <a:pt x="739" y="268"/>
                  </a:lnTo>
                  <a:lnTo>
                    <a:pt x="736" y="268"/>
                  </a:lnTo>
                  <a:lnTo>
                    <a:pt x="734" y="268"/>
                  </a:lnTo>
                  <a:lnTo>
                    <a:pt x="729" y="264"/>
                  </a:lnTo>
                  <a:lnTo>
                    <a:pt x="726" y="263"/>
                  </a:lnTo>
                  <a:lnTo>
                    <a:pt x="724" y="264"/>
                  </a:lnTo>
                  <a:lnTo>
                    <a:pt x="722" y="266"/>
                  </a:lnTo>
                  <a:lnTo>
                    <a:pt x="722" y="268"/>
                  </a:lnTo>
                  <a:lnTo>
                    <a:pt x="722" y="269"/>
                  </a:lnTo>
                  <a:lnTo>
                    <a:pt x="722" y="271"/>
                  </a:lnTo>
                  <a:lnTo>
                    <a:pt x="722" y="273"/>
                  </a:lnTo>
                  <a:lnTo>
                    <a:pt x="726" y="276"/>
                  </a:lnTo>
                  <a:lnTo>
                    <a:pt x="727" y="280"/>
                  </a:lnTo>
                  <a:lnTo>
                    <a:pt x="726" y="280"/>
                  </a:lnTo>
                  <a:lnTo>
                    <a:pt x="724" y="280"/>
                  </a:lnTo>
                  <a:lnTo>
                    <a:pt x="722" y="280"/>
                  </a:lnTo>
                  <a:lnTo>
                    <a:pt x="719" y="278"/>
                  </a:lnTo>
                  <a:lnTo>
                    <a:pt x="717" y="278"/>
                  </a:lnTo>
                  <a:lnTo>
                    <a:pt x="717" y="276"/>
                  </a:lnTo>
                  <a:lnTo>
                    <a:pt x="707" y="276"/>
                  </a:lnTo>
                  <a:lnTo>
                    <a:pt x="700" y="269"/>
                  </a:lnTo>
                  <a:lnTo>
                    <a:pt x="692" y="266"/>
                  </a:lnTo>
                  <a:lnTo>
                    <a:pt x="682" y="251"/>
                  </a:lnTo>
                  <a:lnTo>
                    <a:pt x="663" y="249"/>
                  </a:lnTo>
                  <a:lnTo>
                    <a:pt x="651" y="247"/>
                  </a:lnTo>
                  <a:lnTo>
                    <a:pt x="633" y="241"/>
                  </a:lnTo>
                  <a:lnTo>
                    <a:pt x="648" y="239"/>
                  </a:lnTo>
                  <a:lnTo>
                    <a:pt x="685" y="244"/>
                  </a:lnTo>
                  <a:lnTo>
                    <a:pt x="710" y="266"/>
                  </a:lnTo>
                  <a:lnTo>
                    <a:pt x="722" y="252"/>
                  </a:lnTo>
                  <a:lnTo>
                    <a:pt x="704" y="239"/>
                  </a:lnTo>
                  <a:lnTo>
                    <a:pt x="683" y="230"/>
                  </a:lnTo>
                  <a:lnTo>
                    <a:pt x="663" y="212"/>
                  </a:lnTo>
                  <a:lnTo>
                    <a:pt x="670" y="214"/>
                  </a:lnTo>
                  <a:lnTo>
                    <a:pt x="690" y="229"/>
                  </a:lnTo>
                  <a:lnTo>
                    <a:pt x="700" y="234"/>
                  </a:lnTo>
                  <a:lnTo>
                    <a:pt x="707" y="229"/>
                  </a:lnTo>
                  <a:lnTo>
                    <a:pt x="699" y="222"/>
                  </a:lnTo>
                  <a:lnTo>
                    <a:pt x="699" y="212"/>
                  </a:lnTo>
                  <a:lnTo>
                    <a:pt x="716" y="220"/>
                  </a:lnTo>
                  <a:lnTo>
                    <a:pt x="716" y="207"/>
                  </a:lnTo>
                  <a:lnTo>
                    <a:pt x="704" y="198"/>
                  </a:lnTo>
                  <a:lnTo>
                    <a:pt x="700" y="190"/>
                  </a:lnTo>
                  <a:lnTo>
                    <a:pt x="682" y="188"/>
                  </a:lnTo>
                  <a:lnTo>
                    <a:pt x="656" y="170"/>
                  </a:lnTo>
                  <a:lnTo>
                    <a:pt x="639" y="151"/>
                  </a:lnTo>
                  <a:lnTo>
                    <a:pt x="661" y="168"/>
                  </a:lnTo>
                  <a:lnTo>
                    <a:pt x="683" y="183"/>
                  </a:lnTo>
                  <a:lnTo>
                    <a:pt x="700" y="185"/>
                  </a:lnTo>
                  <a:lnTo>
                    <a:pt x="700" y="163"/>
                  </a:lnTo>
                  <a:lnTo>
                    <a:pt x="707" y="154"/>
                  </a:lnTo>
                  <a:lnTo>
                    <a:pt x="707" y="149"/>
                  </a:lnTo>
                  <a:lnTo>
                    <a:pt x="700" y="149"/>
                  </a:lnTo>
                  <a:lnTo>
                    <a:pt x="692" y="146"/>
                  </a:lnTo>
                  <a:lnTo>
                    <a:pt x="685" y="142"/>
                  </a:lnTo>
                  <a:lnTo>
                    <a:pt x="677" y="139"/>
                  </a:lnTo>
                  <a:lnTo>
                    <a:pt x="672" y="134"/>
                  </a:lnTo>
                  <a:lnTo>
                    <a:pt x="665" y="131"/>
                  </a:lnTo>
                  <a:lnTo>
                    <a:pt x="661" y="129"/>
                  </a:lnTo>
                  <a:lnTo>
                    <a:pt x="660" y="127"/>
                  </a:lnTo>
                  <a:lnTo>
                    <a:pt x="648" y="127"/>
                  </a:lnTo>
                  <a:lnTo>
                    <a:pt x="638" y="124"/>
                  </a:lnTo>
                  <a:lnTo>
                    <a:pt x="629" y="122"/>
                  </a:lnTo>
                  <a:lnTo>
                    <a:pt x="624" y="119"/>
                  </a:lnTo>
                  <a:lnTo>
                    <a:pt x="621" y="115"/>
                  </a:lnTo>
                  <a:lnTo>
                    <a:pt x="619" y="112"/>
                  </a:lnTo>
                  <a:lnTo>
                    <a:pt x="617" y="110"/>
                  </a:lnTo>
                  <a:lnTo>
                    <a:pt x="614" y="110"/>
                  </a:lnTo>
                  <a:lnTo>
                    <a:pt x="611" y="112"/>
                  </a:lnTo>
                  <a:lnTo>
                    <a:pt x="607" y="112"/>
                  </a:lnTo>
                  <a:lnTo>
                    <a:pt x="604" y="114"/>
                  </a:lnTo>
                  <a:lnTo>
                    <a:pt x="600" y="114"/>
                  </a:lnTo>
                  <a:lnTo>
                    <a:pt x="597" y="115"/>
                  </a:lnTo>
                  <a:lnTo>
                    <a:pt x="592" y="114"/>
                  </a:lnTo>
                  <a:lnTo>
                    <a:pt x="590" y="110"/>
                  </a:lnTo>
                  <a:lnTo>
                    <a:pt x="589" y="104"/>
                  </a:lnTo>
                  <a:lnTo>
                    <a:pt x="589" y="98"/>
                  </a:lnTo>
                  <a:lnTo>
                    <a:pt x="589" y="92"/>
                  </a:lnTo>
                  <a:lnTo>
                    <a:pt x="589" y="87"/>
                  </a:lnTo>
                  <a:lnTo>
                    <a:pt x="590" y="82"/>
                  </a:lnTo>
                  <a:lnTo>
                    <a:pt x="590" y="80"/>
                  </a:lnTo>
                  <a:lnTo>
                    <a:pt x="592" y="80"/>
                  </a:lnTo>
                  <a:lnTo>
                    <a:pt x="594" y="78"/>
                  </a:lnTo>
                  <a:lnTo>
                    <a:pt x="597" y="76"/>
                  </a:lnTo>
                  <a:lnTo>
                    <a:pt x="599" y="75"/>
                  </a:lnTo>
                  <a:lnTo>
                    <a:pt x="606" y="65"/>
                  </a:lnTo>
                  <a:lnTo>
                    <a:pt x="607" y="56"/>
                  </a:lnTo>
                  <a:lnTo>
                    <a:pt x="606" y="48"/>
                  </a:lnTo>
                  <a:lnTo>
                    <a:pt x="600" y="41"/>
                  </a:lnTo>
                  <a:lnTo>
                    <a:pt x="594" y="36"/>
                  </a:lnTo>
                  <a:lnTo>
                    <a:pt x="587" y="32"/>
                  </a:lnTo>
                  <a:lnTo>
                    <a:pt x="582" y="31"/>
                  </a:lnTo>
                  <a:lnTo>
                    <a:pt x="578" y="29"/>
                  </a:lnTo>
                  <a:lnTo>
                    <a:pt x="567" y="29"/>
                  </a:lnTo>
                  <a:lnTo>
                    <a:pt x="560" y="26"/>
                  </a:lnTo>
                  <a:lnTo>
                    <a:pt x="555" y="24"/>
                  </a:lnTo>
                  <a:lnTo>
                    <a:pt x="555" y="19"/>
                  </a:lnTo>
                  <a:lnTo>
                    <a:pt x="555" y="16"/>
                  </a:lnTo>
                  <a:lnTo>
                    <a:pt x="555" y="14"/>
                  </a:lnTo>
                  <a:lnTo>
                    <a:pt x="556" y="10"/>
                  </a:lnTo>
                  <a:lnTo>
                    <a:pt x="556" y="9"/>
                  </a:lnTo>
                  <a:lnTo>
                    <a:pt x="553" y="5"/>
                  </a:lnTo>
                  <a:lnTo>
                    <a:pt x="550" y="2"/>
                  </a:lnTo>
                  <a:lnTo>
                    <a:pt x="545" y="2"/>
                  </a:lnTo>
                  <a:lnTo>
                    <a:pt x="541" y="4"/>
                  </a:lnTo>
                  <a:lnTo>
                    <a:pt x="536" y="5"/>
                  </a:lnTo>
                  <a:lnTo>
                    <a:pt x="533" y="5"/>
                  </a:lnTo>
                  <a:lnTo>
                    <a:pt x="531" y="7"/>
                  </a:lnTo>
                  <a:lnTo>
                    <a:pt x="529" y="9"/>
                  </a:lnTo>
                  <a:lnTo>
                    <a:pt x="531" y="9"/>
                  </a:lnTo>
                  <a:lnTo>
                    <a:pt x="531" y="10"/>
                  </a:lnTo>
                  <a:lnTo>
                    <a:pt x="531" y="14"/>
                  </a:lnTo>
                  <a:lnTo>
                    <a:pt x="531" y="17"/>
                  </a:lnTo>
                  <a:lnTo>
                    <a:pt x="529" y="19"/>
                  </a:lnTo>
                  <a:lnTo>
                    <a:pt x="526" y="21"/>
                  </a:lnTo>
                  <a:lnTo>
                    <a:pt x="521" y="22"/>
                  </a:lnTo>
                  <a:lnTo>
                    <a:pt x="512" y="19"/>
                  </a:lnTo>
                  <a:lnTo>
                    <a:pt x="499" y="14"/>
                  </a:lnTo>
                  <a:lnTo>
                    <a:pt x="497" y="12"/>
                  </a:lnTo>
                  <a:lnTo>
                    <a:pt x="494" y="10"/>
                  </a:lnTo>
                  <a:lnTo>
                    <a:pt x="489" y="9"/>
                  </a:lnTo>
                  <a:lnTo>
                    <a:pt x="484" y="7"/>
                  </a:lnTo>
                  <a:lnTo>
                    <a:pt x="480" y="4"/>
                  </a:lnTo>
                  <a:lnTo>
                    <a:pt x="475" y="2"/>
                  </a:lnTo>
                  <a:lnTo>
                    <a:pt x="472" y="0"/>
                  </a:lnTo>
                  <a:lnTo>
                    <a:pt x="468" y="34"/>
                  </a:lnTo>
                  <a:lnTo>
                    <a:pt x="463" y="39"/>
                  </a:lnTo>
                  <a:lnTo>
                    <a:pt x="463" y="41"/>
                  </a:lnTo>
                  <a:lnTo>
                    <a:pt x="462" y="46"/>
                  </a:lnTo>
                  <a:lnTo>
                    <a:pt x="460" y="51"/>
                  </a:lnTo>
                  <a:lnTo>
                    <a:pt x="457" y="58"/>
                  </a:lnTo>
                  <a:lnTo>
                    <a:pt x="453" y="65"/>
                  </a:lnTo>
                  <a:lnTo>
                    <a:pt x="450" y="68"/>
                  </a:lnTo>
                  <a:lnTo>
                    <a:pt x="446" y="71"/>
                  </a:lnTo>
                  <a:lnTo>
                    <a:pt x="443" y="70"/>
                  </a:lnTo>
                  <a:lnTo>
                    <a:pt x="443" y="71"/>
                  </a:lnTo>
                  <a:lnTo>
                    <a:pt x="443" y="75"/>
                  </a:lnTo>
                  <a:lnTo>
                    <a:pt x="441" y="78"/>
                  </a:lnTo>
                  <a:lnTo>
                    <a:pt x="440" y="83"/>
                  </a:lnTo>
                  <a:lnTo>
                    <a:pt x="438" y="88"/>
                  </a:lnTo>
                  <a:lnTo>
                    <a:pt x="435" y="92"/>
                  </a:lnTo>
                  <a:lnTo>
                    <a:pt x="433" y="92"/>
                  </a:lnTo>
                  <a:lnTo>
                    <a:pt x="430" y="88"/>
                  </a:lnTo>
                  <a:lnTo>
                    <a:pt x="428" y="88"/>
                  </a:lnTo>
                  <a:lnTo>
                    <a:pt x="426" y="87"/>
                  </a:lnTo>
                  <a:lnTo>
                    <a:pt x="424" y="85"/>
                  </a:lnTo>
                  <a:lnTo>
                    <a:pt x="421" y="85"/>
                  </a:lnTo>
                  <a:lnTo>
                    <a:pt x="419" y="87"/>
                  </a:lnTo>
                  <a:lnTo>
                    <a:pt x="416" y="88"/>
                  </a:lnTo>
                  <a:lnTo>
                    <a:pt x="414" y="95"/>
                  </a:lnTo>
                  <a:lnTo>
                    <a:pt x="414" y="105"/>
                  </a:lnTo>
                  <a:lnTo>
                    <a:pt x="414" y="107"/>
                  </a:lnTo>
                  <a:lnTo>
                    <a:pt x="414" y="109"/>
                  </a:lnTo>
                  <a:lnTo>
                    <a:pt x="413" y="112"/>
                  </a:lnTo>
                  <a:lnTo>
                    <a:pt x="413" y="114"/>
                  </a:lnTo>
                  <a:lnTo>
                    <a:pt x="411" y="115"/>
                  </a:lnTo>
                  <a:lnTo>
                    <a:pt x="411" y="117"/>
                  </a:lnTo>
                  <a:lnTo>
                    <a:pt x="411" y="119"/>
                  </a:lnTo>
                  <a:lnTo>
                    <a:pt x="411" y="120"/>
                  </a:lnTo>
                  <a:lnTo>
                    <a:pt x="409" y="124"/>
                  </a:lnTo>
                  <a:lnTo>
                    <a:pt x="408" y="131"/>
                  </a:lnTo>
                  <a:lnTo>
                    <a:pt x="406" y="136"/>
                  </a:lnTo>
                  <a:lnTo>
                    <a:pt x="401" y="139"/>
                  </a:lnTo>
                  <a:lnTo>
                    <a:pt x="396" y="141"/>
                  </a:lnTo>
                  <a:lnTo>
                    <a:pt x="389" y="139"/>
                  </a:lnTo>
                  <a:lnTo>
                    <a:pt x="379" y="132"/>
                  </a:lnTo>
                  <a:lnTo>
                    <a:pt x="377" y="131"/>
                  </a:lnTo>
                  <a:lnTo>
                    <a:pt x="374" y="129"/>
                  </a:lnTo>
                  <a:lnTo>
                    <a:pt x="370" y="127"/>
                  </a:lnTo>
                  <a:lnTo>
                    <a:pt x="367" y="127"/>
                  </a:lnTo>
                  <a:lnTo>
                    <a:pt x="364" y="129"/>
                  </a:lnTo>
                  <a:lnTo>
                    <a:pt x="362" y="132"/>
                  </a:lnTo>
                  <a:lnTo>
                    <a:pt x="362" y="139"/>
                  </a:lnTo>
                  <a:lnTo>
                    <a:pt x="364" y="149"/>
                  </a:lnTo>
                  <a:lnTo>
                    <a:pt x="364" y="151"/>
                  </a:lnTo>
                  <a:lnTo>
                    <a:pt x="364" y="154"/>
                  </a:lnTo>
                  <a:lnTo>
                    <a:pt x="362" y="156"/>
                  </a:lnTo>
                  <a:lnTo>
                    <a:pt x="360" y="158"/>
                  </a:lnTo>
                  <a:lnTo>
                    <a:pt x="360" y="161"/>
                  </a:lnTo>
                  <a:lnTo>
                    <a:pt x="358" y="163"/>
                  </a:lnTo>
                  <a:lnTo>
                    <a:pt x="358" y="164"/>
                  </a:lnTo>
                  <a:lnTo>
                    <a:pt x="357" y="164"/>
                  </a:lnTo>
                  <a:lnTo>
                    <a:pt x="355" y="176"/>
                  </a:lnTo>
                  <a:lnTo>
                    <a:pt x="353" y="178"/>
                  </a:lnTo>
                  <a:lnTo>
                    <a:pt x="352" y="180"/>
                  </a:lnTo>
                  <a:lnTo>
                    <a:pt x="352" y="181"/>
                  </a:lnTo>
                  <a:lnTo>
                    <a:pt x="350" y="185"/>
                  </a:lnTo>
                  <a:lnTo>
                    <a:pt x="348" y="190"/>
                  </a:lnTo>
                  <a:lnTo>
                    <a:pt x="347" y="197"/>
                  </a:lnTo>
                  <a:lnTo>
                    <a:pt x="347" y="203"/>
                  </a:lnTo>
                  <a:lnTo>
                    <a:pt x="347" y="207"/>
                  </a:lnTo>
                  <a:lnTo>
                    <a:pt x="343" y="210"/>
                  </a:lnTo>
                  <a:lnTo>
                    <a:pt x="340" y="215"/>
                  </a:lnTo>
                  <a:lnTo>
                    <a:pt x="336" y="220"/>
                  </a:lnTo>
                  <a:lnTo>
                    <a:pt x="333" y="225"/>
                  </a:lnTo>
                  <a:lnTo>
                    <a:pt x="330" y="230"/>
                  </a:lnTo>
                  <a:lnTo>
                    <a:pt x="328" y="236"/>
                  </a:lnTo>
                  <a:lnTo>
                    <a:pt x="326" y="241"/>
                  </a:lnTo>
                  <a:lnTo>
                    <a:pt x="326" y="242"/>
                  </a:lnTo>
                  <a:lnTo>
                    <a:pt x="326" y="244"/>
                  </a:lnTo>
                  <a:lnTo>
                    <a:pt x="326" y="246"/>
                  </a:lnTo>
                  <a:lnTo>
                    <a:pt x="326" y="249"/>
                  </a:lnTo>
                  <a:lnTo>
                    <a:pt x="326" y="251"/>
                  </a:lnTo>
                  <a:lnTo>
                    <a:pt x="326" y="252"/>
                  </a:lnTo>
                  <a:lnTo>
                    <a:pt x="326" y="254"/>
                  </a:lnTo>
                  <a:lnTo>
                    <a:pt x="331" y="258"/>
                  </a:lnTo>
                  <a:lnTo>
                    <a:pt x="325" y="266"/>
                  </a:lnTo>
                  <a:lnTo>
                    <a:pt x="330" y="273"/>
                  </a:lnTo>
                  <a:lnTo>
                    <a:pt x="313" y="285"/>
                  </a:lnTo>
                  <a:lnTo>
                    <a:pt x="311" y="285"/>
                  </a:lnTo>
                  <a:lnTo>
                    <a:pt x="308" y="283"/>
                  </a:lnTo>
                  <a:lnTo>
                    <a:pt x="304" y="283"/>
                  </a:lnTo>
                  <a:lnTo>
                    <a:pt x="299" y="283"/>
                  </a:lnTo>
                  <a:lnTo>
                    <a:pt x="296" y="285"/>
                  </a:lnTo>
                  <a:lnTo>
                    <a:pt x="291" y="290"/>
                  </a:lnTo>
                  <a:lnTo>
                    <a:pt x="289" y="296"/>
                  </a:lnTo>
                  <a:lnTo>
                    <a:pt x="287" y="295"/>
                  </a:lnTo>
                  <a:lnTo>
                    <a:pt x="286" y="293"/>
                  </a:lnTo>
                  <a:lnTo>
                    <a:pt x="282" y="293"/>
                  </a:lnTo>
                  <a:lnTo>
                    <a:pt x="277" y="291"/>
                  </a:lnTo>
                  <a:lnTo>
                    <a:pt x="274" y="291"/>
                  </a:lnTo>
                  <a:lnTo>
                    <a:pt x="272" y="293"/>
                  </a:lnTo>
                  <a:lnTo>
                    <a:pt x="272" y="296"/>
                  </a:lnTo>
                  <a:lnTo>
                    <a:pt x="274" y="303"/>
                  </a:lnTo>
                  <a:lnTo>
                    <a:pt x="274" y="305"/>
                  </a:lnTo>
                  <a:lnTo>
                    <a:pt x="272" y="307"/>
                  </a:lnTo>
                  <a:lnTo>
                    <a:pt x="270" y="307"/>
                  </a:lnTo>
                  <a:lnTo>
                    <a:pt x="267" y="308"/>
                  </a:lnTo>
                  <a:lnTo>
                    <a:pt x="264" y="310"/>
                  </a:lnTo>
                  <a:lnTo>
                    <a:pt x="262" y="312"/>
                  </a:lnTo>
                  <a:lnTo>
                    <a:pt x="260" y="312"/>
                  </a:lnTo>
                  <a:lnTo>
                    <a:pt x="259" y="313"/>
                  </a:lnTo>
                  <a:lnTo>
                    <a:pt x="255" y="315"/>
                  </a:lnTo>
                  <a:lnTo>
                    <a:pt x="250" y="317"/>
                  </a:lnTo>
                  <a:lnTo>
                    <a:pt x="243" y="318"/>
                  </a:lnTo>
                  <a:lnTo>
                    <a:pt x="238" y="318"/>
                  </a:lnTo>
                  <a:lnTo>
                    <a:pt x="233" y="318"/>
                  </a:lnTo>
                  <a:lnTo>
                    <a:pt x="230" y="317"/>
                  </a:lnTo>
                  <a:lnTo>
                    <a:pt x="228" y="312"/>
                  </a:lnTo>
                  <a:lnTo>
                    <a:pt x="226" y="315"/>
                  </a:lnTo>
                  <a:lnTo>
                    <a:pt x="223" y="318"/>
                  </a:lnTo>
                  <a:lnTo>
                    <a:pt x="220" y="322"/>
                  </a:lnTo>
                  <a:lnTo>
                    <a:pt x="215" y="327"/>
                  </a:lnTo>
                  <a:lnTo>
                    <a:pt x="210" y="329"/>
                  </a:lnTo>
                  <a:lnTo>
                    <a:pt x="204" y="329"/>
                  </a:lnTo>
                  <a:lnTo>
                    <a:pt x="198" y="327"/>
                  </a:lnTo>
                  <a:lnTo>
                    <a:pt x="196" y="327"/>
                  </a:lnTo>
                  <a:lnTo>
                    <a:pt x="193" y="327"/>
                  </a:lnTo>
                  <a:lnTo>
                    <a:pt x="189" y="325"/>
                  </a:lnTo>
                  <a:lnTo>
                    <a:pt x="186" y="324"/>
                  </a:lnTo>
                  <a:lnTo>
                    <a:pt x="181" y="322"/>
                  </a:lnTo>
                  <a:lnTo>
                    <a:pt x="176" y="317"/>
                  </a:lnTo>
                  <a:lnTo>
                    <a:pt x="171" y="312"/>
                  </a:lnTo>
                  <a:lnTo>
                    <a:pt x="167" y="305"/>
                  </a:lnTo>
                  <a:lnTo>
                    <a:pt x="166" y="302"/>
                  </a:lnTo>
                  <a:lnTo>
                    <a:pt x="166" y="298"/>
                  </a:lnTo>
                  <a:lnTo>
                    <a:pt x="166" y="295"/>
                  </a:lnTo>
                  <a:lnTo>
                    <a:pt x="164" y="293"/>
                  </a:lnTo>
                  <a:lnTo>
                    <a:pt x="140" y="325"/>
                  </a:lnTo>
                  <a:lnTo>
                    <a:pt x="140" y="324"/>
                  </a:lnTo>
                  <a:lnTo>
                    <a:pt x="142" y="324"/>
                  </a:lnTo>
                  <a:lnTo>
                    <a:pt x="142" y="322"/>
                  </a:lnTo>
                  <a:lnTo>
                    <a:pt x="144" y="320"/>
                  </a:lnTo>
                  <a:lnTo>
                    <a:pt x="145" y="318"/>
                  </a:lnTo>
                  <a:lnTo>
                    <a:pt x="144" y="318"/>
                  </a:lnTo>
                  <a:lnTo>
                    <a:pt x="142" y="320"/>
                  </a:lnTo>
                  <a:lnTo>
                    <a:pt x="140" y="325"/>
                  </a:lnTo>
                  <a:lnTo>
                    <a:pt x="135" y="330"/>
                  </a:lnTo>
                  <a:lnTo>
                    <a:pt x="130" y="334"/>
                  </a:lnTo>
                  <a:lnTo>
                    <a:pt x="125" y="337"/>
                  </a:lnTo>
                  <a:lnTo>
                    <a:pt x="118" y="340"/>
                  </a:lnTo>
                  <a:lnTo>
                    <a:pt x="113" y="344"/>
                  </a:lnTo>
                  <a:lnTo>
                    <a:pt x="108" y="347"/>
                  </a:lnTo>
                  <a:lnTo>
                    <a:pt x="105" y="351"/>
                  </a:lnTo>
                  <a:lnTo>
                    <a:pt x="103" y="357"/>
                  </a:lnTo>
                  <a:lnTo>
                    <a:pt x="101" y="361"/>
                  </a:lnTo>
                  <a:lnTo>
                    <a:pt x="100" y="364"/>
                  </a:lnTo>
                  <a:lnTo>
                    <a:pt x="98" y="368"/>
                  </a:lnTo>
                  <a:lnTo>
                    <a:pt x="96" y="371"/>
                  </a:lnTo>
                  <a:lnTo>
                    <a:pt x="94" y="373"/>
                  </a:lnTo>
                  <a:lnTo>
                    <a:pt x="93" y="374"/>
                  </a:lnTo>
                  <a:lnTo>
                    <a:pt x="91" y="376"/>
                  </a:lnTo>
                  <a:lnTo>
                    <a:pt x="89" y="379"/>
                  </a:lnTo>
                  <a:lnTo>
                    <a:pt x="89" y="381"/>
                  </a:lnTo>
                  <a:lnTo>
                    <a:pt x="88" y="383"/>
                  </a:lnTo>
                  <a:lnTo>
                    <a:pt x="88" y="384"/>
                  </a:lnTo>
                  <a:lnTo>
                    <a:pt x="88" y="388"/>
                  </a:lnTo>
                  <a:lnTo>
                    <a:pt x="86" y="388"/>
                  </a:lnTo>
                  <a:lnTo>
                    <a:pt x="84" y="390"/>
                  </a:lnTo>
                  <a:lnTo>
                    <a:pt x="84" y="391"/>
                  </a:lnTo>
                  <a:lnTo>
                    <a:pt x="81" y="391"/>
                  </a:lnTo>
                  <a:lnTo>
                    <a:pt x="76" y="395"/>
                  </a:lnTo>
                  <a:lnTo>
                    <a:pt x="71" y="396"/>
                  </a:lnTo>
                  <a:lnTo>
                    <a:pt x="67" y="400"/>
                  </a:lnTo>
                  <a:lnTo>
                    <a:pt x="66" y="401"/>
                  </a:lnTo>
                  <a:lnTo>
                    <a:pt x="64" y="405"/>
                  </a:lnTo>
                  <a:lnTo>
                    <a:pt x="62" y="406"/>
                  </a:lnTo>
                  <a:lnTo>
                    <a:pt x="62" y="408"/>
                  </a:lnTo>
                  <a:lnTo>
                    <a:pt x="61" y="410"/>
                  </a:lnTo>
                  <a:lnTo>
                    <a:pt x="59" y="410"/>
                  </a:lnTo>
                  <a:lnTo>
                    <a:pt x="56" y="412"/>
                  </a:lnTo>
                  <a:lnTo>
                    <a:pt x="52" y="413"/>
                  </a:lnTo>
                  <a:lnTo>
                    <a:pt x="47" y="417"/>
                  </a:lnTo>
                  <a:lnTo>
                    <a:pt x="42" y="418"/>
                  </a:lnTo>
                  <a:lnTo>
                    <a:pt x="37" y="422"/>
                  </a:lnTo>
                  <a:lnTo>
                    <a:pt x="32" y="423"/>
                  </a:lnTo>
                  <a:lnTo>
                    <a:pt x="27" y="427"/>
                  </a:lnTo>
                  <a:lnTo>
                    <a:pt x="22" y="428"/>
                  </a:lnTo>
                  <a:lnTo>
                    <a:pt x="17" y="432"/>
                  </a:lnTo>
                  <a:lnTo>
                    <a:pt x="12" y="434"/>
                  </a:lnTo>
                  <a:lnTo>
                    <a:pt x="8" y="435"/>
                  </a:lnTo>
                  <a:lnTo>
                    <a:pt x="5" y="437"/>
                  </a:lnTo>
                  <a:lnTo>
                    <a:pt x="1" y="439"/>
                  </a:lnTo>
                  <a:lnTo>
                    <a:pt x="0" y="440"/>
                  </a:lnTo>
                  <a:lnTo>
                    <a:pt x="181" y="413"/>
                  </a:lnTo>
                  <a:lnTo>
                    <a:pt x="193" y="406"/>
                  </a:lnTo>
                  <a:lnTo>
                    <a:pt x="208" y="406"/>
                  </a:lnTo>
                  <a:lnTo>
                    <a:pt x="210" y="406"/>
                  </a:lnTo>
                  <a:lnTo>
                    <a:pt x="213" y="406"/>
                  </a:lnTo>
                  <a:lnTo>
                    <a:pt x="218" y="406"/>
                  </a:lnTo>
                  <a:lnTo>
                    <a:pt x="223" y="405"/>
                  </a:lnTo>
                  <a:lnTo>
                    <a:pt x="230" y="405"/>
                  </a:lnTo>
                  <a:lnTo>
                    <a:pt x="238" y="403"/>
                  </a:lnTo>
                  <a:lnTo>
                    <a:pt x="248" y="403"/>
                  </a:lnTo>
                  <a:lnTo>
                    <a:pt x="259" y="401"/>
                  </a:lnTo>
                  <a:lnTo>
                    <a:pt x="270" y="400"/>
                  </a:lnTo>
                  <a:lnTo>
                    <a:pt x="282" y="398"/>
                  </a:lnTo>
                  <a:lnTo>
                    <a:pt x="296" y="396"/>
                  </a:lnTo>
                  <a:lnTo>
                    <a:pt x="311" y="395"/>
                  </a:lnTo>
                  <a:lnTo>
                    <a:pt x="326" y="393"/>
                  </a:lnTo>
                  <a:lnTo>
                    <a:pt x="343" y="391"/>
                  </a:lnTo>
                  <a:lnTo>
                    <a:pt x="360" y="388"/>
                  </a:lnTo>
                  <a:lnTo>
                    <a:pt x="379" y="386"/>
                  </a:lnTo>
                  <a:lnTo>
                    <a:pt x="399" y="383"/>
                  </a:lnTo>
                  <a:lnTo>
                    <a:pt x="419" y="379"/>
                  </a:lnTo>
                  <a:lnTo>
                    <a:pt x="441" y="376"/>
                  </a:lnTo>
                  <a:lnTo>
                    <a:pt x="463" y="373"/>
                  </a:lnTo>
                  <a:lnTo>
                    <a:pt x="485" y="368"/>
                  </a:lnTo>
                  <a:lnTo>
                    <a:pt x="509" y="364"/>
                  </a:lnTo>
                  <a:lnTo>
                    <a:pt x="534" y="359"/>
                  </a:lnTo>
                  <a:lnTo>
                    <a:pt x="560" y="356"/>
                  </a:lnTo>
                  <a:lnTo>
                    <a:pt x="585" y="351"/>
                  </a:lnTo>
                  <a:lnTo>
                    <a:pt x="612" y="344"/>
                  </a:lnTo>
                  <a:lnTo>
                    <a:pt x="639" y="339"/>
                  </a:lnTo>
                  <a:lnTo>
                    <a:pt x="668" y="332"/>
                  </a:lnTo>
                  <a:lnTo>
                    <a:pt x="697" y="327"/>
                  </a:lnTo>
                  <a:lnTo>
                    <a:pt x="726" y="320"/>
                  </a:lnTo>
                  <a:lnTo>
                    <a:pt x="756" y="312"/>
                  </a:lnTo>
                  <a:lnTo>
                    <a:pt x="761" y="310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9" name="Freeform 56"/>
            <p:cNvSpPr>
              <a:spLocks/>
            </p:cNvSpPr>
            <p:nvPr/>
          </p:nvSpPr>
          <p:spPr bwMode="auto">
            <a:xfrm>
              <a:off x="2028" y="1485"/>
              <a:ext cx="671" cy="471"/>
            </a:xfrm>
            <a:custGeom>
              <a:avLst/>
              <a:gdLst>
                <a:gd name="T0" fmla="*/ 341 w 690"/>
                <a:gd name="T1" fmla="*/ 339 h 476"/>
                <a:gd name="T2" fmla="*/ 355 w 690"/>
                <a:gd name="T3" fmla="*/ 352 h 476"/>
                <a:gd name="T4" fmla="*/ 363 w 690"/>
                <a:gd name="T5" fmla="*/ 361 h 476"/>
                <a:gd name="T6" fmla="*/ 371 w 690"/>
                <a:gd name="T7" fmla="*/ 366 h 476"/>
                <a:gd name="T8" fmla="*/ 377 w 690"/>
                <a:gd name="T9" fmla="*/ 357 h 476"/>
                <a:gd name="T10" fmla="*/ 415 w 690"/>
                <a:gd name="T11" fmla="*/ 354 h 476"/>
                <a:gd name="T12" fmla="*/ 429 w 690"/>
                <a:gd name="T13" fmla="*/ 366 h 476"/>
                <a:gd name="T14" fmla="*/ 435 w 690"/>
                <a:gd name="T15" fmla="*/ 369 h 476"/>
                <a:gd name="T16" fmla="*/ 448 w 690"/>
                <a:gd name="T17" fmla="*/ 377 h 476"/>
                <a:gd name="T18" fmla="*/ 453 w 690"/>
                <a:gd name="T19" fmla="*/ 389 h 476"/>
                <a:gd name="T20" fmla="*/ 456 w 690"/>
                <a:gd name="T21" fmla="*/ 396 h 476"/>
                <a:gd name="T22" fmla="*/ 463 w 690"/>
                <a:gd name="T23" fmla="*/ 404 h 476"/>
                <a:gd name="T24" fmla="*/ 467 w 690"/>
                <a:gd name="T25" fmla="*/ 410 h 476"/>
                <a:gd name="T26" fmla="*/ 462 w 690"/>
                <a:gd name="T27" fmla="*/ 381 h 476"/>
                <a:gd name="T28" fmla="*/ 466 w 690"/>
                <a:gd name="T29" fmla="*/ 315 h 476"/>
                <a:gd name="T30" fmla="*/ 460 w 690"/>
                <a:gd name="T31" fmla="*/ 305 h 476"/>
                <a:gd name="T32" fmla="*/ 458 w 690"/>
                <a:gd name="T33" fmla="*/ 288 h 476"/>
                <a:gd name="T34" fmla="*/ 465 w 690"/>
                <a:gd name="T35" fmla="*/ 86 h 476"/>
                <a:gd name="T36" fmla="*/ 456 w 690"/>
                <a:gd name="T37" fmla="*/ 76 h 476"/>
                <a:gd name="T38" fmla="*/ 448 w 690"/>
                <a:gd name="T39" fmla="*/ 66 h 476"/>
                <a:gd name="T40" fmla="*/ 442 w 690"/>
                <a:gd name="T41" fmla="*/ 59 h 476"/>
                <a:gd name="T42" fmla="*/ 445 w 690"/>
                <a:gd name="T43" fmla="*/ 47 h 476"/>
                <a:gd name="T44" fmla="*/ 449 w 690"/>
                <a:gd name="T45" fmla="*/ 47 h 476"/>
                <a:gd name="T46" fmla="*/ 459 w 690"/>
                <a:gd name="T47" fmla="*/ 26 h 476"/>
                <a:gd name="T48" fmla="*/ 454 w 690"/>
                <a:gd name="T49" fmla="*/ 27 h 476"/>
                <a:gd name="T50" fmla="*/ 433 w 690"/>
                <a:gd name="T51" fmla="*/ 26 h 476"/>
                <a:gd name="T52" fmla="*/ 395 w 690"/>
                <a:gd name="T53" fmla="*/ 24 h 476"/>
                <a:gd name="T54" fmla="*/ 348 w 690"/>
                <a:gd name="T55" fmla="*/ 22 h 476"/>
                <a:gd name="T56" fmla="*/ 292 w 690"/>
                <a:gd name="T57" fmla="*/ 19 h 476"/>
                <a:gd name="T58" fmla="*/ 234 w 690"/>
                <a:gd name="T59" fmla="*/ 17 h 476"/>
                <a:gd name="T60" fmla="*/ 177 w 690"/>
                <a:gd name="T61" fmla="*/ 14 h 476"/>
                <a:gd name="T62" fmla="*/ 122 w 690"/>
                <a:gd name="T63" fmla="*/ 10 h 476"/>
                <a:gd name="T64" fmla="*/ 76 w 690"/>
                <a:gd name="T65" fmla="*/ 7 h 476"/>
                <a:gd name="T66" fmla="*/ 43 w 690"/>
                <a:gd name="T67" fmla="*/ 4 h 476"/>
                <a:gd name="T68" fmla="*/ 18 w 690"/>
                <a:gd name="T69" fmla="*/ 0 h 476"/>
                <a:gd name="T70" fmla="*/ 0 w 690"/>
                <a:gd name="T71" fmla="*/ 315 h 476"/>
                <a:gd name="T72" fmla="*/ 18 w 690"/>
                <a:gd name="T73" fmla="*/ 318 h 476"/>
                <a:gd name="T74" fmla="*/ 45 w 690"/>
                <a:gd name="T75" fmla="*/ 321 h 476"/>
                <a:gd name="T76" fmla="*/ 80 w 690"/>
                <a:gd name="T77" fmla="*/ 321 h 476"/>
                <a:gd name="T78" fmla="*/ 121 w 690"/>
                <a:gd name="T79" fmla="*/ 324 h 476"/>
                <a:gd name="T80" fmla="*/ 165 w 690"/>
                <a:gd name="T81" fmla="*/ 327 h 476"/>
                <a:gd name="T82" fmla="*/ 211 w 690"/>
                <a:gd name="T83" fmla="*/ 329 h 476"/>
                <a:gd name="T84" fmla="*/ 254 w 690"/>
                <a:gd name="T85" fmla="*/ 330 h 476"/>
                <a:gd name="T86" fmla="*/ 289 w 690"/>
                <a:gd name="T87" fmla="*/ 332 h 476"/>
                <a:gd name="T88" fmla="*/ 317 w 690"/>
                <a:gd name="T89" fmla="*/ 334 h 476"/>
                <a:gd name="T90" fmla="*/ 333 w 690"/>
                <a:gd name="T91" fmla="*/ 335 h 47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w 690"/>
                <a:gd name="T139" fmla="*/ 0 h 476"/>
                <a:gd name="T140" fmla="*/ 690 w 690"/>
                <a:gd name="T141" fmla="*/ 476 h 47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T138" t="T139" r="T140" b="T141"/>
              <a:pathLst>
                <a:path w="690" h="476">
                  <a:moveTo>
                    <a:pt x="497" y="391"/>
                  </a:moveTo>
                  <a:lnTo>
                    <a:pt x="499" y="391"/>
                  </a:lnTo>
                  <a:lnTo>
                    <a:pt x="504" y="395"/>
                  </a:lnTo>
                  <a:lnTo>
                    <a:pt x="511" y="398"/>
                  </a:lnTo>
                  <a:lnTo>
                    <a:pt x="518" y="403"/>
                  </a:lnTo>
                  <a:lnTo>
                    <a:pt x="525" y="408"/>
                  </a:lnTo>
                  <a:lnTo>
                    <a:pt x="531" y="412"/>
                  </a:lnTo>
                  <a:lnTo>
                    <a:pt x="536" y="415"/>
                  </a:lnTo>
                  <a:lnTo>
                    <a:pt x="538" y="417"/>
                  </a:lnTo>
                  <a:lnTo>
                    <a:pt x="541" y="420"/>
                  </a:lnTo>
                  <a:lnTo>
                    <a:pt x="545" y="422"/>
                  </a:lnTo>
                  <a:lnTo>
                    <a:pt x="548" y="422"/>
                  </a:lnTo>
                  <a:lnTo>
                    <a:pt x="552" y="418"/>
                  </a:lnTo>
                  <a:lnTo>
                    <a:pt x="555" y="417"/>
                  </a:lnTo>
                  <a:lnTo>
                    <a:pt x="558" y="413"/>
                  </a:lnTo>
                  <a:lnTo>
                    <a:pt x="560" y="412"/>
                  </a:lnTo>
                  <a:lnTo>
                    <a:pt x="560" y="410"/>
                  </a:lnTo>
                  <a:lnTo>
                    <a:pt x="613" y="410"/>
                  </a:lnTo>
                  <a:lnTo>
                    <a:pt x="624" y="420"/>
                  </a:lnTo>
                  <a:lnTo>
                    <a:pt x="635" y="420"/>
                  </a:lnTo>
                  <a:lnTo>
                    <a:pt x="635" y="422"/>
                  </a:lnTo>
                  <a:lnTo>
                    <a:pt x="638" y="423"/>
                  </a:lnTo>
                  <a:lnTo>
                    <a:pt x="641" y="425"/>
                  </a:lnTo>
                  <a:lnTo>
                    <a:pt x="643" y="425"/>
                  </a:lnTo>
                  <a:lnTo>
                    <a:pt x="651" y="427"/>
                  </a:lnTo>
                  <a:lnTo>
                    <a:pt x="657" y="430"/>
                  </a:lnTo>
                  <a:lnTo>
                    <a:pt x="662" y="435"/>
                  </a:lnTo>
                  <a:lnTo>
                    <a:pt x="665" y="440"/>
                  </a:lnTo>
                  <a:lnTo>
                    <a:pt x="668" y="445"/>
                  </a:lnTo>
                  <a:lnTo>
                    <a:pt x="670" y="450"/>
                  </a:lnTo>
                  <a:lnTo>
                    <a:pt x="672" y="454"/>
                  </a:lnTo>
                  <a:lnTo>
                    <a:pt x="673" y="456"/>
                  </a:lnTo>
                  <a:lnTo>
                    <a:pt x="675" y="459"/>
                  </a:lnTo>
                  <a:lnTo>
                    <a:pt x="679" y="461"/>
                  </a:lnTo>
                  <a:lnTo>
                    <a:pt x="682" y="466"/>
                  </a:lnTo>
                  <a:lnTo>
                    <a:pt x="684" y="469"/>
                  </a:lnTo>
                  <a:lnTo>
                    <a:pt x="687" y="471"/>
                  </a:lnTo>
                  <a:lnTo>
                    <a:pt x="689" y="474"/>
                  </a:lnTo>
                  <a:lnTo>
                    <a:pt x="690" y="476"/>
                  </a:lnTo>
                  <a:lnTo>
                    <a:pt x="690" y="461"/>
                  </a:lnTo>
                  <a:lnTo>
                    <a:pt x="682" y="440"/>
                  </a:lnTo>
                  <a:lnTo>
                    <a:pt x="673" y="428"/>
                  </a:lnTo>
                  <a:lnTo>
                    <a:pt x="675" y="420"/>
                  </a:lnTo>
                  <a:lnTo>
                    <a:pt x="689" y="366"/>
                  </a:lnTo>
                  <a:lnTo>
                    <a:pt x="675" y="366"/>
                  </a:lnTo>
                  <a:lnTo>
                    <a:pt x="677" y="357"/>
                  </a:lnTo>
                  <a:lnTo>
                    <a:pt x="680" y="352"/>
                  </a:lnTo>
                  <a:lnTo>
                    <a:pt x="679" y="344"/>
                  </a:lnTo>
                  <a:lnTo>
                    <a:pt x="675" y="335"/>
                  </a:lnTo>
                  <a:lnTo>
                    <a:pt x="677" y="330"/>
                  </a:lnTo>
                  <a:lnTo>
                    <a:pt x="689" y="330"/>
                  </a:lnTo>
                  <a:lnTo>
                    <a:pt x="689" y="102"/>
                  </a:lnTo>
                  <a:lnTo>
                    <a:pt x="687" y="100"/>
                  </a:lnTo>
                  <a:lnTo>
                    <a:pt x="685" y="98"/>
                  </a:lnTo>
                  <a:lnTo>
                    <a:pt x="680" y="95"/>
                  </a:lnTo>
                  <a:lnTo>
                    <a:pt x="675" y="90"/>
                  </a:lnTo>
                  <a:lnTo>
                    <a:pt x="670" y="87"/>
                  </a:lnTo>
                  <a:lnTo>
                    <a:pt x="665" y="83"/>
                  </a:lnTo>
                  <a:lnTo>
                    <a:pt x="662" y="80"/>
                  </a:lnTo>
                  <a:lnTo>
                    <a:pt x="660" y="80"/>
                  </a:lnTo>
                  <a:lnTo>
                    <a:pt x="657" y="76"/>
                  </a:lnTo>
                  <a:lnTo>
                    <a:pt x="655" y="73"/>
                  </a:lnTo>
                  <a:lnTo>
                    <a:pt x="655" y="68"/>
                  </a:lnTo>
                  <a:lnTo>
                    <a:pt x="657" y="65"/>
                  </a:lnTo>
                  <a:lnTo>
                    <a:pt x="658" y="61"/>
                  </a:lnTo>
                  <a:lnTo>
                    <a:pt x="660" y="58"/>
                  </a:lnTo>
                  <a:lnTo>
                    <a:pt x="662" y="56"/>
                  </a:lnTo>
                  <a:lnTo>
                    <a:pt x="663" y="54"/>
                  </a:lnTo>
                  <a:lnTo>
                    <a:pt x="679" y="36"/>
                  </a:lnTo>
                  <a:lnTo>
                    <a:pt x="677" y="27"/>
                  </a:lnTo>
                  <a:lnTo>
                    <a:pt x="679" y="26"/>
                  </a:lnTo>
                  <a:lnTo>
                    <a:pt x="679" y="27"/>
                  </a:lnTo>
                  <a:lnTo>
                    <a:pt x="677" y="27"/>
                  </a:lnTo>
                  <a:lnTo>
                    <a:pt x="672" y="27"/>
                  </a:lnTo>
                  <a:lnTo>
                    <a:pt x="663" y="26"/>
                  </a:lnTo>
                  <a:lnTo>
                    <a:pt x="653" y="26"/>
                  </a:lnTo>
                  <a:lnTo>
                    <a:pt x="640" y="26"/>
                  </a:lnTo>
                  <a:lnTo>
                    <a:pt x="623" y="26"/>
                  </a:lnTo>
                  <a:lnTo>
                    <a:pt x="606" y="24"/>
                  </a:lnTo>
                  <a:lnTo>
                    <a:pt x="585" y="24"/>
                  </a:lnTo>
                  <a:lnTo>
                    <a:pt x="563" y="24"/>
                  </a:lnTo>
                  <a:lnTo>
                    <a:pt x="540" y="22"/>
                  </a:lnTo>
                  <a:lnTo>
                    <a:pt x="514" y="22"/>
                  </a:lnTo>
                  <a:lnTo>
                    <a:pt x="489" y="22"/>
                  </a:lnTo>
                  <a:lnTo>
                    <a:pt x="462" y="21"/>
                  </a:lnTo>
                  <a:lnTo>
                    <a:pt x="433" y="19"/>
                  </a:lnTo>
                  <a:lnTo>
                    <a:pt x="404" y="19"/>
                  </a:lnTo>
                  <a:lnTo>
                    <a:pt x="376" y="17"/>
                  </a:lnTo>
                  <a:lnTo>
                    <a:pt x="347" y="17"/>
                  </a:lnTo>
                  <a:lnTo>
                    <a:pt x="318" y="16"/>
                  </a:lnTo>
                  <a:lnTo>
                    <a:pt x="289" y="14"/>
                  </a:lnTo>
                  <a:lnTo>
                    <a:pt x="261" y="14"/>
                  </a:lnTo>
                  <a:lnTo>
                    <a:pt x="233" y="12"/>
                  </a:lnTo>
                  <a:lnTo>
                    <a:pt x="206" y="10"/>
                  </a:lnTo>
                  <a:lnTo>
                    <a:pt x="181" y="10"/>
                  </a:lnTo>
                  <a:lnTo>
                    <a:pt x="156" y="9"/>
                  </a:lnTo>
                  <a:lnTo>
                    <a:pt x="134" y="9"/>
                  </a:lnTo>
                  <a:lnTo>
                    <a:pt x="112" y="7"/>
                  </a:lnTo>
                  <a:lnTo>
                    <a:pt x="93" y="5"/>
                  </a:lnTo>
                  <a:lnTo>
                    <a:pt x="76" y="4"/>
                  </a:lnTo>
                  <a:lnTo>
                    <a:pt x="61" y="4"/>
                  </a:lnTo>
                  <a:lnTo>
                    <a:pt x="49" y="2"/>
                  </a:lnTo>
                  <a:lnTo>
                    <a:pt x="39" y="0"/>
                  </a:lnTo>
                  <a:lnTo>
                    <a:pt x="32" y="0"/>
                  </a:lnTo>
                  <a:lnTo>
                    <a:pt x="22" y="119"/>
                  </a:lnTo>
                  <a:lnTo>
                    <a:pt x="22" y="117"/>
                  </a:lnTo>
                  <a:lnTo>
                    <a:pt x="0" y="366"/>
                  </a:lnTo>
                  <a:lnTo>
                    <a:pt x="7" y="368"/>
                  </a:lnTo>
                  <a:lnTo>
                    <a:pt x="13" y="368"/>
                  </a:lnTo>
                  <a:lnTo>
                    <a:pt x="24" y="369"/>
                  </a:lnTo>
                  <a:lnTo>
                    <a:pt x="35" y="369"/>
                  </a:lnTo>
                  <a:lnTo>
                    <a:pt x="49" y="371"/>
                  </a:lnTo>
                  <a:lnTo>
                    <a:pt x="64" y="373"/>
                  </a:lnTo>
                  <a:lnTo>
                    <a:pt x="81" y="373"/>
                  </a:lnTo>
                  <a:lnTo>
                    <a:pt x="98" y="374"/>
                  </a:lnTo>
                  <a:lnTo>
                    <a:pt x="118" y="374"/>
                  </a:lnTo>
                  <a:lnTo>
                    <a:pt x="137" y="376"/>
                  </a:lnTo>
                  <a:lnTo>
                    <a:pt x="157" y="378"/>
                  </a:lnTo>
                  <a:lnTo>
                    <a:pt x="179" y="378"/>
                  </a:lnTo>
                  <a:lnTo>
                    <a:pt x="201" y="379"/>
                  </a:lnTo>
                  <a:lnTo>
                    <a:pt x="223" y="379"/>
                  </a:lnTo>
                  <a:lnTo>
                    <a:pt x="245" y="381"/>
                  </a:lnTo>
                  <a:lnTo>
                    <a:pt x="267" y="381"/>
                  </a:lnTo>
                  <a:lnTo>
                    <a:pt x="289" y="383"/>
                  </a:lnTo>
                  <a:lnTo>
                    <a:pt x="311" y="384"/>
                  </a:lnTo>
                  <a:lnTo>
                    <a:pt x="333" y="384"/>
                  </a:lnTo>
                  <a:lnTo>
                    <a:pt x="354" y="386"/>
                  </a:lnTo>
                  <a:lnTo>
                    <a:pt x="374" y="386"/>
                  </a:lnTo>
                  <a:lnTo>
                    <a:pt x="393" y="386"/>
                  </a:lnTo>
                  <a:lnTo>
                    <a:pt x="409" y="388"/>
                  </a:lnTo>
                  <a:lnTo>
                    <a:pt x="426" y="388"/>
                  </a:lnTo>
                  <a:lnTo>
                    <a:pt x="443" y="390"/>
                  </a:lnTo>
                  <a:lnTo>
                    <a:pt x="457" y="390"/>
                  </a:lnTo>
                  <a:lnTo>
                    <a:pt x="469" y="390"/>
                  </a:lnTo>
                  <a:lnTo>
                    <a:pt x="479" y="390"/>
                  </a:lnTo>
                  <a:lnTo>
                    <a:pt x="487" y="390"/>
                  </a:lnTo>
                  <a:lnTo>
                    <a:pt x="492" y="391"/>
                  </a:lnTo>
                  <a:lnTo>
                    <a:pt x="496" y="391"/>
                  </a:lnTo>
                  <a:lnTo>
                    <a:pt x="497" y="391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0" name="Freeform 57"/>
            <p:cNvSpPr>
              <a:spLocks/>
            </p:cNvSpPr>
            <p:nvPr/>
          </p:nvSpPr>
          <p:spPr bwMode="auto">
            <a:xfrm>
              <a:off x="2059" y="1121"/>
              <a:ext cx="630" cy="394"/>
            </a:xfrm>
            <a:custGeom>
              <a:avLst/>
              <a:gdLst>
                <a:gd name="T0" fmla="*/ 0 w 648"/>
                <a:gd name="T1" fmla="*/ 246 h 406"/>
                <a:gd name="T2" fmla="*/ 0 w 648"/>
                <a:gd name="T3" fmla="*/ 233 h 406"/>
                <a:gd name="T4" fmla="*/ 3 w 648"/>
                <a:gd name="T5" fmla="*/ 209 h 406"/>
                <a:gd name="T6" fmla="*/ 7 w 648"/>
                <a:gd name="T7" fmla="*/ 180 h 406"/>
                <a:gd name="T8" fmla="*/ 10 w 648"/>
                <a:gd name="T9" fmla="*/ 147 h 406"/>
                <a:gd name="T10" fmla="*/ 15 w 648"/>
                <a:gd name="T11" fmla="*/ 112 h 406"/>
                <a:gd name="T12" fmla="*/ 18 w 648"/>
                <a:gd name="T13" fmla="*/ 79 h 406"/>
                <a:gd name="T14" fmla="*/ 18 w 648"/>
                <a:gd name="T15" fmla="*/ 47 h 406"/>
                <a:gd name="T16" fmla="*/ 18 w 648"/>
                <a:gd name="T17" fmla="*/ 22 h 406"/>
                <a:gd name="T18" fmla="*/ 18 w 648"/>
                <a:gd name="T19" fmla="*/ 9 h 406"/>
                <a:gd name="T20" fmla="*/ 18 w 648"/>
                <a:gd name="T21" fmla="*/ 0 h 406"/>
                <a:gd name="T22" fmla="*/ 22 w 648"/>
                <a:gd name="T23" fmla="*/ 4 h 406"/>
                <a:gd name="T24" fmla="*/ 44 w 648"/>
                <a:gd name="T25" fmla="*/ 4 h 406"/>
                <a:gd name="T26" fmla="*/ 73 w 648"/>
                <a:gd name="T27" fmla="*/ 7 h 406"/>
                <a:gd name="T28" fmla="*/ 111 w 648"/>
                <a:gd name="T29" fmla="*/ 9 h 406"/>
                <a:gd name="T30" fmla="*/ 157 w 648"/>
                <a:gd name="T31" fmla="*/ 12 h 406"/>
                <a:gd name="T32" fmla="*/ 207 w 648"/>
                <a:gd name="T33" fmla="*/ 15 h 406"/>
                <a:gd name="T34" fmla="*/ 256 w 648"/>
                <a:gd name="T35" fmla="*/ 16 h 406"/>
                <a:gd name="T36" fmla="*/ 303 w 648"/>
                <a:gd name="T37" fmla="*/ 16 h 406"/>
                <a:gd name="T38" fmla="*/ 345 w 648"/>
                <a:gd name="T39" fmla="*/ 16 h 406"/>
                <a:gd name="T40" fmla="*/ 379 w 648"/>
                <a:gd name="T41" fmla="*/ 16 h 406"/>
                <a:gd name="T42" fmla="*/ 401 w 648"/>
                <a:gd name="T43" fmla="*/ 16 h 406"/>
                <a:gd name="T44" fmla="*/ 405 w 648"/>
                <a:gd name="T45" fmla="*/ 44 h 406"/>
                <a:gd name="T46" fmla="*/ 403 w 648"/>
                <a:gd name="T47" fmla="*/ 56 h 406"/>
                <a:gd name="T48" fmla="*/ 403 w 648"/>
                <a:gd name="T49" fmla="*/ 73 h 406"/>
                <a:gd name="T50" fmla="*/ 405 w 648"/>
                <a:gd name="T51" fmla="*/ 91 h 406"/>
                <a:gd name="T52" fmla="*/ 410 w 648"/>
                <a:gd name="T53" fmla="*/ 108 h 406"/>
                <a:gd name="T54" fmla="*/ 415 w 648"/>
                <a:gd name="T55" fmla="*/ 116 h 406"/>
                <a:gd name="T56" fmla="*/ 417 w 648"/>
                <a:gd name="T57" fmla="*/ 128 h 406"/>
                <a:gd name="T58" fmla="*/ 421 w 648"/>
                <a:gd name="T59" fmla="*/ 147 h 406"/>
                <a:gd name="T60" fmla="*/ 422 w 648"/>
                <a:gd name="T61" fmla="*/ 159 h 406"/>
                <a:gd name="T62" fmla="*/ 422 w 648"/>
                <a:gd name="T63" fmla="*/ 173 h 406"/>
                <a:gd name="T64" fmla="*/ 422 w 648"/>
                <a:gd name="T65" fmla="*/ 180 h 406"/>
                <a:gd name="T66" fmla="*/ 426 w 648"/>
                <a:gd name="T67" fmla="*/ 224 h 406"/>
                <a:gd name="T68" fmla="*/ 436 w 648"/>
                <a:gd name="T69" fmla="*/ 266 h 406"/>
                <a:gd name="T70" fmla="*/ 432 w 648"/>
                <a:gd name="T71" fmla="*/ 267 h 406"/>
                <a:gd name="T72" fmla="*/ 410 w 648"/>
                <a:gd name="T73" fmla="*/ 266 h 406"/>
                <a:gd name="T74" fmla="*/ 372 w 648"/>
                <a:gd name="T75" fmla="*/ 264 h 406"/>
                <a:gd name="T76" fmla="*/ 325 w 648"/>
                <a:gd name="T77" fmla="*/ 263 h 406"/>
                <a:gd name="T78" fmla="*/ 270 w 648"/>
                <a:gd name="T79" fmla="*/ 262 h 406"/>
                <a:gd name="T80" fmla="*/ 213 w 648"/>
                <a:gd name="T81" fmla="*/ 261 h 406"/>
                <a:gd name="T82" fmla="*/ 154 w 648"/>
                <a:gd name="T83" fmla="*/ 258 h 406"/>
                <a:gd name="T84" fmla="*/ 101 w 648"/>
                <a:gd name="T85" fmla="*/ 255 h 406"/>
                <a:gd name="T86" fmla="*/ 52 w 648"/>
                <a:gd name="T87" fmla="*/ 254 h 406"/>
                <a:gd name="T88" fmla="*/ 18 w 648"/>
                <a:gd name="T89" fmla="*/ 252 h 406"/>
                <a:gd name="T90" fmla="*/ 0 w 648"/>
                <a:gd name="T91" fmla="*/ 248 h 40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w 648"/>
                <a:gd name="T139" fmla="*/ 0 h 406"/>
                <a:gd name="T140" fmla="*/ 648 w 648"/>
                <a:gd name="T141" fmla="*/ 406 h 40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T138" t="T139" r="T140" b="T141"/>
              <a:pathLst>
                <a:path w="648" h="406">
                  <a:moveTo>
                    <a:pt x="0" y="379"/>
                  </a:moveTo>
                  <a:lnTo>
                    <a:pt x="0" y="378"/>
                  </a:lnTo>
                  <a:lnTo>
                    <a:pt x="0" y="374"/>
                  </a:lnTo>
                  <a:lnTo>
                    <a:pt x="0" y="369"/>
                  </a:lnTo>
                  <a:lnTo>
                    <a:pt x="0" y="362"/>
                  </a:lnTo>
                  <a:lnTo>
                    <a:pt x="0" y="354"/>
                  </a:lnTo>
                  <a:lnTo>
                    <a:pt x="2" y="344"/>
                  </a:lnTo>
                  <a:lnTo>
                    <a:pt x="2" y="332"/>
                  </a:lnTo>
                  <a:lnTo>
                    <a:pt x="3" y="318"/>
                  </a:lnTo>
                  <a:lnTo>
                    <a:pt x="3" y="305"/>
                  </a:lnTo>
                  <a:lnTo>
                    <a:pt x="5" y="291"/>
                  </a:lnTo>
                  <a:lnTo>
                    <a:pt x="7" y="274"/>
                  </a:lnTo>
                  <a:lnTo>
                    <a:pt x="9" y="259"/>
                  </a:lnTo>
                  <a:lnTo>
                    <a:pt x="9" y="242"/>
                  </a:lnTo>
                  <a:lnTo>
                    <a:pt x="10" y="224"/>
                  </a:lnTo>
                  <a:lnTo>
                    <a:pt x="12" y="207"/>
                  </a:lnTo>
                  <a:lnTo>
                    <a:pt x="14" y="190"/>
                  </a:lnTo>
                  <a:lnTo>
                    <a:pt x="15" y="171"/>
                  </a:lnTo>
                  <a:lnTo>
                    <a:pt x="17" y="154"/>
                  </a:lnTo>
                  <a:lnTo>
                    <a:pt x="17" y="137"/>
                  </a:lnTo>
                  <a:lnTo>
                    <a:pt x="19" y="120"/>
                  </a:lnTo>
                  <a:lnTo>
                    <a:pt x="20" y="103"/>
                  </a:lnTo>
                  <a:lnTo>
                    <a:pt x="22" y="88"/>
                  </a:lnTo>
                  <a:lnTo>
                    <a:pt x="24" y="73"/>
                  </a:lnTo>
                  <a:lnTo>
                    <a:pt x="25" y="59"/>
                  </a:lnTo>
                  <a:lnTo>
                    <a:pt x="25" y="46"/>
                  </a:lnTo>
                  <a:lnTo>
                    <a:pt x="27" y="36"/>
                  </a:lnTo>
                  <a:lnTo>
                    <a:pt x="27" y="26"/>
                  </a:lnTo>
                  <a:lnTo>
                    <a:pt x="29" y="17"/>
                  </a:lnTo>
                  <a:lnTo>
                    <a:pt x="29" y="9"/>
                  </a:lnTo>
                  <a:lnTo>
                    <a:pt x="29" y="5"/>
                  </a:lnTo>
                  <a:lnTo>
                    <a:pt x="31" y="2"/>
                  </a:lnTo>
                  <a:lnTo>
                    <a:pt x="31" y="0"/>
                  </a:lnTo>
                  <a:lnTo>
                    <a:pt x="31" y="2"/>
                  </a:lnTo>
                  <a:lnTo>
                    <a:pt x="32" y="2"/>
                  </a:lnTo>
                  <a:lnTo>
                    <a:pt x="36" y="4"/>
                  </a:lnTo>
                  <a:lnTo>
                    <a:pt x="42" y="4"/>
                  </a:lnTo>
                  <a:lnTo>
                    <a:pt x="51" y="4"/>
                  </a:lnTo>
                  <a:lnTo>
                    <a:pt x="63" y="4"/>
                  </a:lnTo>
                  <a:lnTo>
                    <a:pt x="75" y="5"/>
                  </a:lnTo>
                  <a:lnTo>
                    <a:pt x="90" y="5"/>
                  </a:lnTo>
                  <a:lnTo>
                    <a:pt x="107" y="7"/>
                  </a:lnTo>
                  <a:lnTo>
                    <a:pt x="125" y="7"/>
                  </a:lnTo>
                  <a:lnTo>
                    <a:pt x="144" y="9"/>
                  </a:lnTo>
                  <a:lnTo>
                    <a:pt x="164" y="9"/>
                  </a:lnTo>
                  <a:lnTo>
                    <a:pt x="186" y="10"/>
                  </a:lnTo>
                  <a:lnTo>
                    <a:pt x="210" y="12"/>
                  </a:lnTo>
                  <a:lnTo>
                    <a:pt x="232" y="12"/>
                  </a:lnTo>
                  <a:lnTo>
                    <a:pt x="257" y="14"/>
                  </a:lnTo>
                  <a:lnTo>
                    <a:pt x="281" y="14"/>
                  </a:lnTo>
                  <a:lnTo>
                    <a:pt x="306" y="15"/>
                  </a:lnTo>
                  <a:lnTo>
                    <a:pt x="330" y="17"/>
                  </a:lnTo>
                  <a:lnTo>
                    <a:pt x="355" y="17"/>
                  </a:lnTo>
                  <a:lnTo>
                    <a:pt x="379" y="19"/>
                  </a:lnTo>
                  <a:lnTo>
                    <a:pt x="403" y="21"/>
                  </a:lnTo>
                  <a:lnTo>
                    <a:pt x="427" y="21"/>
                  </a:lnTo>
                  <a:lnTo>
                    <a:pt x="450" y="22"/>
                  </a:lnTo>
                  <a:lnTo>
                    <a:pt x="471" y="22"/>
                  </a:lnTo>
                  <a:lnTo>
                    <a:pt x="491" y="24"/>
                  </a:lnTo>
                  <a:lnTo>
                    <a:pt x="511" y="24"/>
                  </a:lnTo>
                  <a:lnTo>
                    <a:pt x="530" y="24"/>
                  </a:lnTo>
                  <a:lnTo>
                    <a:pt x="547" y="26"/>
                  </a:lnTo>
                  <a:lnTo>
                    <a:pt x="562" y="26"/>
                  </a:lnTo>
                  <a:lnTo>
                    <a:pt x="574" y="26"/>
                  </a:lnTo>
                  <a:lnTo>
                    <a:pt x="586" y="26"/>
                  </a:lnTo>
                  <a:lnTo>
                    <a:pt x="594" y="26"/>
                  </a:lnTo>
                  <a:lnTo>
                    <a:pt x="601" y="63"/>
                  </a:lnTo>
                  <a:lnTo>
                    <a:pt x="601" y="65"/>
                  </a:lnTo>
                  <a:lnTo>
                    <a:pt x="601" y="66"/>
                  </a:lnTo>
                  <a:lnTo>
                    <a:pt x="601" y="71"/>
                  </a:lnTo>
                  <a:lnTo>
                    <a:pt x="599" y="78"/>
                  </a:lnTo>
                  <a:lnTo>
                    <a:pt x="599" y="85"/>
                  </a:lnTo>
                  <a:lnTo>
                    <a:pt x="599" y="92"/>
                  </a:lnTo>
                  <a:lnTo>
                    <a:pt x="599" y="102"/>
                  </a:lnTo>
                  <a:lnTo>
                    <a:pt x="599" y="110"/>
                  </a:lnTo>
                  <a:lnTo>
                    <a:pt x="599" y="120"/>
                  </a:lnTo>
                  <a:lnTo>
                    <a:pt x="601" y="131"/>
                  </a:lnTo>
                  <a:lnTo>
                    <a:pt x="601" y="139"/>
                  </a:lnTo>
                  <a:lnTo>
                    <a:pt x="603" y="147"/>
                  </a:lnTo>
                  <a:lnTo>
                    <a:pt x="604" y="156"/>
                  </a:lnTo>
                  <a:lnTo>
                    <a:pt x="608" y="164"/>
                  </a:lnTo>
                  <a:lnTo>
                    <a:pt x="611" y="171"/>
                  </a:lnTo>
                  <a:lnTo>
                    <a:pt x="616" y="176"/>
                  </a:lnTo>
                  <a:lnTo>
                    <a:pt x="616" y="178"/>
                  </a:lnTo>
                  <a:lnTo>
                    <a:pt x="616" y="181"/>
                  </a:lnTo>
                  <a:lnTo>
                    <a:pt x="618" y="186"/>
                  </a:lnTo>
                  <a:lnTo>
                    <a:pt x="619" y="195"/>
                  </a:lnTo>
                  <a:lnTo>
                    <a:pt x="621" y="203"/>
                  </a:lnTo>
                  <a:lnTo>
                    <a:pt x="623" y="213"/>
                  </a:lnTo>
                  <a:lnTo>
                    <a:pt x="623" y="224"/>
                  </a:lnTo>
                  <a:lnTo>
                    <a:pt x="625" y="234"/>
                  </a:lnTo>
                  <a:lnTo>
                    <a:pt x="625" y="237"/>
                  </a:lnTo>
                  <a:lnTo>
                    <a:pt x="625" y="242"/>
                  </a:lnTo>
                  <a:lnTo>
                    <a:pt x="625" y="249"/>
                  </a:lnTo>
                  <a:lnTo>
                    <a:pt x="625" y="256"/>
                  </a:lnTo>
                  <a:lnTo>
                    <a:pt x="625" y="263"/>
                  </a:lnTo>
                  <a:lnTo>
                    <a:pt x="625" y="268"/>
                  </a:lnTo>
                  <a:lnTo>
                    <a:pt x="625" y="273"/>
                  </a:lnTo>
                  <a:lnTo>
                    <a:pt x="625" y="274"/>
                  </a:lnTo>
                  <a:lnTo>
                    <a:pt x="633" y="288"/>
                  </a:lnTo>
                  <a:lnTo>
                    <a:pt x="630" y="310"/>
                  </a:lnTo>
                  <a:lnTo>
                    <a:pt x="633" y="340"/>
                  </a:lnTo>
                  <a:lnTo>
                    <a:pt x="643" y="354"/>
                  </a:lnTo>
                  <a:lnTo>
                    <a:pt x="648" y="367"/>
                  </a:lnTo>
                  <a:lnTo>
                    <a:pt x="647" y="405"/>
                  </a:lnTo>
                  <a:lnTo>
                    <a:pt x="647" y="406"/>
                  </a:lnTo>
                  <a:lnTo>
                    <a:pt x="645" y="406"/>
                  </a:lnTo>
                  <a:lnTo>
                    <a:pt x="640" y="406"/>
                  </a:lnTo>
                  <a:lnTo>
                    <a:pt x="631" y="405"/>
                  </a:lnTo>
                  <a:lnTo>
                    <a:pt x="621" y="405"/>
                  </a:lnTo>
                  <a:lnTo>
                    <a:pt x="608" y="405"/>
                  </a:lnTo>
                  <a:lnTo>
                    <a:pt x="591" y="405"/>
                  </a:lnTo>
                  <a:lnTo>
                    <a:pt x="574" y="403"/>
                  </a:lnTo>
                  <a:lnTo>
                    <a:pt x="553" y="403"/>
                  </a:lnTo>
                  <a:lnTo>
                    <a:pt x="531" y="403"/>
                  </a:lnTo>
                  <a:lnTo>
                    <a:pt x="508" y="401"/>
                  </a:lnTo>
                  <a:lnTo>
                    <a:pt x="482" y="401"/>
                  </a:lnTo>
                  <a:lnTo>
                    <a:pt x="457" y="401"/>
                  </a:lnTo>
                  <a:lnTo>
                    <a:pt x="430" y="400"/>
                  </a:lnTo>
                  <a:lnTo>
                    <a:pt x="401" y="398"/>
                  </a:lnTo>
                  <a:lnTo>
                    <a:pt x="372" y="398"/>
                  </a:lnTo>
                  <a:lnTo>
                    <a:pt x="344" y="396"/>
                  </a:lnTo>
                  <a:lnTo>
                    <a:pt x="315" y="396"/>
                  </a:lnTo>
                  <a:lnTo>
                    <a:pt x="286" y="395"/>
                  </a:lnTo>
                  <a:lnTo>
                    <a:pt x="257" y="393"/>
                  </a:lnTo>
                  <a:lnTo>
                    <a:pt x="229" y="393"/>
                  </a:lnTo>
                  <a:lnTo>
                    <a:pt x="201" y="391"/>
                  </a:lnTo>
                  <a:lnTo>
                    <a:pt x="174" y="389"/>
                  </a:lnTo>
                  <a:lnTo>
                    <a:pt x="149" y="389"/>
                  </a:lnTo>
                  <a:lnTo>
                    <a:pt x="124" y="388"/>
                  </a:lnTo>
                  <a:lnTo>
                    <a:pt x="102" y="388"/>
                  </a:lnTo>
                  <a:lnTo>
                    <a:pt x="80" y="386"/>
                  </a:lnTo>
                  <a:lnTo>
                    <a:pt x="61" y="384"/>
                  </a:lnTo>
                  <a:lnTo>
                    <a:pt x="44" y="383"/>
                  </a:lnTo>
                  <a:lnTo>
                    <a:pt x="29" y="383"/>
                  </a:lnTo>
                  <a:lnTo>
                    <a:pt x="17" y="381"/>
                  </a:lnTo>
                  <a:lnTo>
                    <a:pt x="7" y="379"/>
                  </a:lnTo>
                  <a:lnTo>
                    <a:pt x="0" y="37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1" name="Freeform 58"/>
            <p:cNvSpPr>
              <a:spLocks/>
            </p:cNvSpPr>
            <p:nvPr/>
          </p:nvSpPr>
          <p:spPr bwMode="auto">
            <a:xfrm>
              <a:off x="2682" y="1797"/>
              <a:ext cx="572" cy="385"/>
            </a:xfrm>
            <a:custGeom>
              <a:avLst/>
              <a:gdLst>
                <a:gd name="T0" fmla="*/ 47 w 588"/>
                <a:gd name="T1" fmla="*/ 239 h 397"/>
                <a:gd name="T2" fmla="*/ 46 w 588"/>
                <a:gd name="T3" fmla="*/ 227 h 397"/>
                <a:gd name="T4" fmla="*/ 47 w 588"/>
                <a:gd name="T5" fmla="*/ 211 h 397"/>
                <a:gd name="T6" fmla="*/ 48 w 588"/>
                <a:gd name="T7" fmla="*/ 204 h 397"/>
                <a:gd name="T8" fmla="*/ 42 w 588"/>
                <a:gd name="T9" fmla="*/ 174 h 397"/>
                <a:gd name="T10" fmla="*/ 32 w 588"/>
                <a:gd name="T11" fmla="*/ 162 h 397"/>
                <a:gd name="T12" fmla="*/ 34 w 588"/>
                <a:gd name="T13" fmla="*/ 153 h 397"/>
                <a:gd name="T14" fmla="*/ 27 w 588"/>
                <a:gd name="T15" fmla="*/ 136 h 397"/>
                <a:gd name="T16" fmla="*/ 20 w 588"/>
                <a:gd name="T17" fmla="*/ 130 h 397"/>
                <a:gd name="T18" fmla="*/ 18 w 588"/>
                <a:gd name="T19" fmla="*/ 119 h 397"/>
                <a:gd name="T20" fmla="*/ 18 w 588"/>
                <a:gd name="T21" fmla="*/ 112 h 397"/>
                <a:gd name="T22" fmla="*/ 0 w 588"/>
                <a:gd name="T23" fmla="*/ 73 h 397"/>
                <a:gd name="T24" fmla="*/ 4 w 588"/>
                <a:gd name="T25" fmla="*/ 26 h 397"/>
                <a:gd name="T26" fmla="*/ 4 w 588"/>
                <a:gd name="T27" fmla="*/ 13 h 397"/>
                <a:gd name="T28" fmla="*/ 18 w 588"/>
                <a:gd name="T29" fmla="*/ 12 h 397"/>
                <a:gd name="T30" fmla="*/ 46 w 588"/>
                <a:gd name="T31" fmla="*/ 12 h 397"/>
                <a:gd name="T32" fmla="*/ 89 w 588"/>
                <a:gd name="T33" fmla="*/ 12 h 397"/>
                <a:gd name="T34" fmla="*/ 141 w 588"/>
                <a:gd name="T35" fmla="*/ 10 h 397"/>
                <a:gd name="T36" fmla="*/ 197 w 588"/>
                <a:gd name="T37" fmla="*/ 10 h 397"/>
                <a:gd name="T38" fmla="*/ 251 w 588"/>
                <a:gd name="T39" fmla="*/ 8 h 397"/>
                <a:gd name="T40" fmla="*/ 294 w 588"/>
                <a:gd name="T41" fmla="*/ 5 h 397"/>
                <a:gd name="T42" fmla="*/ 322 w 588"/>
                <a:gd name="T43" fmla="*/ 1 h 397"/>
                <a:gd name="T44" fmla="*/ 333 w 588"/>
                <a:gd name="T45" fmla="*/ 16 h 397"/>
                <a:gd name="T46" fmla="*/ 337 w 588"/>
                <a:gd name="T47" fmla="*/ 16 h 397"/>
                <a:gd name="T48" fmla="*/ 331 w 588"/>
                <a:gd name="T49" fmla="*/ 36 h 397"/>
                <a:gd name="T50" fmla="*/ 333 w 588"/>
                <a:gd name="T51" fmla="*/ 45 h 397"/>
                <a:gd name="T52" fmla="*/ 339 w 588"/>
                <a:gd name="T53" fmla="*/ 55 h 397"/>
                <a:gd name="T54" fmla="*/ 340 w 588"/>
                <a:gd name="T55" fmla="*/ 63 h 397"/>
                <a:gd name="T56" fmla="*/ 357 w 588"/>
                <a:gd name="T57" fmla="*/ 69 h 397"/>
                <a:gd name="T58" fmla="*/ 362 w 588"/>
                <a:gd name="T59" fmla="*/ 71 h 397"/>
                <a:gd name="T60" fmla="*/ 367 w 588"/>
                <a:gd name="T61" fmla="*/ 80 h 397"/>
                <a:gd name="T62" fmla="*/ 368 w 588"/>
                <a:gd name="T63" fmla="*/ 84 h 397"/>
                <a:gd name="T64" fmla="*/ 378 w 588"/>
                <a:gd name="T65" fmla="*/ 91 h 397"/>
                <a:gd name="T66" fmla="*/ 383 w 588"/>
                <a:gd name="T67" fmla="*/ 98 h 397"/>
                <a:gd name="T68" fmla="*/ 382 w 588"/>
                <a:gd name="T69" fmla="*/ 101 h 397"/>
                <a:gd name="T70" fmla="*/ 393 w 588"/>
                <a:gd name="T71" fmla="*/ 108 h 397"/>
                <a:gd name="T72" fmla="*/ 400 w 588"/>
                <a:gd name="T73" fmla="*/ 123 h 397"/>
                <a:gd name="T74" fmla="*/ 391 w 588"/>
                <a:gd name="T75" fmla="*/ 140 h 397"/>
                <a:gd name="T76" fmla="*/ 388 w 588"/>
                <a:gd name="T77" fmla="*/ 146 h 397"/>
                <a:gd name="T78" fmla="*/ 388 w 588"/>
                <a:gd name="T79" fmla="*/ 156 h 397"/>
                <a:gd name="T80" fmla="*/ 381 w 588"/>
                <a:gd name="T81" fmla="*/ 161 h 397"/>
                <a:gd name="T82" fmla="*/ 375 w 588"/>
                <a:gd name="T83" fmla="*/ 162 h 397"/>
                <a:gd name="T84" fmla="*/ 369 w 588"/>
                <a:gd name="T85" fmla="*/ 166 h 397"/>
                <a:gd name="T86" fmla="*/ 351 w 588"/>
                <a:gd name="T87" fmla="*/ 171 h 397"/>
                <a:gd name="T88" fmla="*/ 345 w 588"/>
                <a:gd name="T89" fmla="*/ 183 h 397"/>
                <a:gd name="T90" fmla="*/ 355 w 588"/>
                <a:gd name="T91" fmla="*/ 201 h 397"/>
                <a:gd name="T92" fmla="*/ 354 w 588"/>
                <a:gd name="T93" fmla="*/ 211 h 397"/>
                <a:gd name="T94" fmla="*/ 348 w 588"/>
                <a:gd name="T95" fmla="*/ 220 h 397"/>
                <a:gd name="T96" fmla="*/ 347 w 588"/>
                <a:gd name="T97" fmla="*/ 225 h 397"/>
                <a:gd name="T98" fmla="*/ 345 w 588"/>
                <a:gd name="T99" fmla="*/ 229 h 397"/>
                <a:gd name="T100" fmla="*/ 339 w 588"/>
                <a:gd name="T101" fmla="*/ 234 h 397"/>
                <a:gd name="T102" fmla="*/ 329 w 588"/>
                <a:gd name="T103" fmla="*/ 241 h 397"/>
                <a:gd name="T104" fmla="*/ 330 w 588"/>
                <a:gd name="T105" fmla="*/ 248 h 397"/>
                <a:gd name="T106" fmla="*/ 331 w 588"/>
                <a:gd name="T107" fmla="*/ 252 h 397"/>
                <a:gd name="T108" fmla="*/ 327 w 588"/>
                <a:gd name="T109" fmla="*/ 257 h 397"/>
                <a:gd name="T110" fmla="*/ 321 w 588"/>
                <a:gd name="T111" fmla="*/ 254 h 397"/>
                <a:gd name="T112" fmla="*/ 310 w 588"/>
                <a:gd name="T113" fmla="*/ 241 h 397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w 588"/>
                <a:gd name="T172" fmla="*/ 0 h 397"/>
                <a:gd name="T173" fmla="*/ 588 w 588"/>
                <a:gd name="T174" fmla="*/ 397 h 397"/>
              </a:gdLst>
              <a:ahLst/>
              <a:cxnLst>
                <a:cxn ang="T114">
                  <a:pos x="T0" y="T1"/>
                </a:cxn>
                <a:cxn ang="T115">
                  <a:pos x="T2" y="T3"/>
                </a:cxn>
                <a:cxn ang="T116">
                  <a:pos x="T4" y="T5"/>
                </a:cxn>
                <a:cxn ang="T117">
                  <a:pos x="T6" y="T7"/>
                </a:cxn>
                <a:cxn ang="T118">
                  <a:pos x="T8" y="T9"/>
                </a:cxn>
                <a:cxn ang="T119">
                  <a:pos x="T10" y="T11"/>
                </a:cxn>
                <a:cxn ang="T120">
                  <a:pos x="T12" y="T13"/>
                </a:cxn>
                <a:cxn ang="T121">
                  <a:pos x="T14" y="T15"/>
                </a:cxn>
                <a:cxn ang="T122">
                  <a:pos x="T16" y="T17"/>
                </a:cxn>
                <a:cxn ang="T123">
                  <a:pos x="T18" y="T19"/>
                </a:cxn>
                <a:cxn ang="T124">
                  <a:pos x="T20" y="T21"/>
                </a:cxn>
                <a:cxn ang="T125">
                  <a:pos x="T22" y="T23"/>
                </a:cxn>
                <a:cxn ang="T126">
                  <a:pos x="T24" y="T25"/>
                </a:cxn>
                <a:cxn ang="T127">
                  <a:pos x="T26" y="T27"/>
                </a:cxn>
                <a:cxn ang="T128">
                  <a:pos x="T28" y="T29"/>
                </a:cxn>
                <a:cxn ang="T129">
                  <a:pos x="T30" y="T31"/>
                </a:cxn>
                <a:cxn ang="T130">
                  <a:pos x="T32" y="T33"/>
                </a:cxn>
                <a:cxn ang="T131">
                  <a:pos x="T34" y="T35"/>
                </a:cxn>
                <a:cxn ang="T132">
                  <a:pos x="T36" y="T37"/>
                </a:cxn>
                <a:cxn ang="T133">
                  <a:pos x="T38" y="T39"/>
                </a:cxn>
                <a:cxn ang="T134">
                  <a:pos x="T40" y="T41"/>
                </a:cxn>
                <a:cxn ang="T135">
                  <a:pos x="T42" y="T43"/>
                </a:cxn>
                <a:cxn ang="T136">
                  <a:pos x="T44" y="T45"/>
                </a:cxn>
                <a:cxn ang="T137">
                  <a:pos x="T46" y="T47"/>
                </a:cxn>
                <a:cxn ang="T138">
                  <a:pos x="T48" y="T49"/>
                </a:cxn>
                <a:cxn ang="T139">
                  <a:pos x="T50" y="T51"/>
                </a:cxn>
                <a:cxn ang="T140">
                  <a:pos x="T52" y="T53"/>
                </a:cxn>
                <a:cxn ang="T141">
                  <a:pos x="T54" y="T55"/>
                </a:cxn>
                <a:cxn ang="T142">
                  <a:pos x="T56" y="T57"/>
                </a:cxn>
                <a:cxn ang="T143">
                  <a:pos x="T58" y="T59"/>
                </a:cxn>
                <a:cxn ang="T144">
                  <a:pos x="T60" y="T61"/>
                </a:cxn>
                <a:cxn ang="T145">
                  <a:pos x="T62" y="T63"/>
                </a:cxn>
                <a:cxn ang="T146">
                  <a:pos x="T64" y="T65"/>
                </a:cxn>
                <a:cxn ang="T147">
                  <a:pos x="T66" y="T67"/>
                </a:cxn>
                <a:cxn ang="T148">
                  <a:pos x="T68" y="T69"/>
                </a:cxn>
                <a:cxn ang="T149">
                  <a:pos x="T70" y="T71"/>
                </a:cxn>
                <a:cxn ang="T150">
                  <a:pos x="T72" y="T73"/>
                </a:cxn>
                <a:cxn ang="T151">
                  <a:pos x="T74" y="T75"/>
                </a:cxn>
                <a:cxn ang="T152">
                  <a:pos x="T76" y="T77"/>
                </a:cxn>
                <a:cxn ang="T153">
                  <a:pos x="T78" y="T79"/>
                </a:cxn>
                <a:cxn ang="T154">
                  <a:pos x="T80" y="T81"/>
                </a:cxn>
                <a:cxn ang="T155">
                  <a:pos x="T82" y="T83"/>
                </a:cxn>
                <a:cxn ang="T156">
                  <a:pos x="T84" y="T85"/>
                </a:cxn>
                <a:cxn ang="T157">
                  <a:pos x="T86" y="T87"/>
                </a:cxn>
                <a:cxn ang="T158">
                  <a:pos x="T88" y="T89"/>
                </a:cxn>
                <a:cxn ang="T159">
                  <a:pos x="T90" y="T91"/>
                </a:cxn>
                <a:cxn ang="T160">
                  <a:pos x="T92" y="T93"/>
                </a:cxn>
                <a:cxn ang="T161">
                  <a:pos x="T94" y="T95"/>
                </a:cxn>
                <a:cxn ang="T162">
                  <a:pos x="T96" y="T97"/>
                </a:cxn>
                <a:cxn ang="T163">
                  <a:pos x="T98" y="T99"/>
                </a:cxn>
                <a:cxn ang="T164">
                  <a:pos x="T100" y="T101"/>
                </a:cxn>
                <a:cxn ang="T165">
                  <a:pos x="T102" y="T103"/>
                </a:cxn>
                <a:cxn ang="T166">
                  <a:pos x="T104" y="T105"/>
                </a:cxn>
                <a:cxn ang="T167">
                  <a:pos x="T106" y="T107"/>
                </a:cxn>
                <a:cxn ang="T168">
                  <a:pos x="T108" y="T109"/>
                </a:cxn>
                <a:cxn ang="T169">
                  <a:pos x="T110" y="T111"/>
                </a:cxn>
                <a:cxn ang="T170">
                  <a:pos x="T112" y="T113"/>
                </a:cxn>
              </a:cxnLst>
              <a:rect l="T171" t="T172" r="T173" b="T174"/>
              <a:pathLst>
                <a:path w="588" h="397">
                  <a:moveTo>
                    <a:pt x="75" y="379"/>
                  </a:moveTo>
                  <a:lnTo>
                    <a:pt x="72" y="375"/>
                  </a:lnTo>
                  <a:lnTo>
                    <a:pt x="70" y="372"/>
                  </a:lnTo>
                  <a:lnTo>
                    <a:pt x="68" y="367"/>
                  </a:lnTo>
                  <a:lnTo>
                    <a:pt x="68" y="362"/>
                  </a:lnTo>
                  <a:lnTo>
                    <a:pt x="66" y="357"/>
                  </a:lnTo>
                  <a:lnTo>
                    <a:pt x="66" y="352"/>
                  </a:lnTo>
                  <a:lnTo>
                    <a:pt x="66" y="347"/>
                  </a:lnTo>
                  <a:lnTo>
                    <a:pt x="66" y="340"/>
                  </a:lnTo>
                  <a:lnTo>
                    <a:pt x="68" y="335"/>
                  </a:lnTo>
                  <a:lnTo>
                    <a:pt x="68" y="330"/>
                  </a:lnTo>
                  <a:lnTo>
                    <a:pt x="68" y="325"/>
                  </a:lnTo>
                  <a:lnTo>
                    <a:pt x="68" y="321"/>
                  </a:lnTo>
                  <a:lnTo>
                    <a:pt x="70" y="318"/>
                  </a:lnTo>
                  <a:lnTo>
                    <a:pt x="70" y="315"/>
                  </a:lnTo>
                  <a:lnTo>
                    <a:pt x="70" y="313"/>
                  </a:lnTo>
                  <a:lnTo>
                    <a:pt x="63" y="304"/>
                  </a:lnTo>
                  <a:lnTo>
                    <a:pt x="61" y="272"/>
                  </a:lnTo>
                  <a:lnTo>
                    <a:pt x="58" y="267"/>
                  </a:lnTo>
                  <a:lnTo>
                    <a:pt x="53" y="264"/>
                  </a:lnTo>
                  <a:lnTo>
                    <a:pt x="50" y="259"/>
                  </a:lnTo>
                  <a:lnTo>
                    <a:pt x="46" y="254"/>
                  </a:lnTo>
                  <a:lnTo>
                    <a:pt x="46" y="249"/>
                  </a:lnTo>
                  <a:lnTo>
                    <a:pt x="46" y="243"/>
                  </a:lnTo>
                  <a:lnTo>
                    <a:pt x="46" y="240"/>
                  </a:lnTo>
                  <a:lnTo>
                    <a:pt x="46" y="237"/>
                  </a:lnTo>
                  <a:lnTo>
                    <a:pt x="48" y="235"/>
                  </a:lnTo>
                  <a:lnTo>
                    <a:pt x="46" y="227"/>
                  </a:lnTo>
                  <a:lnTo>
                    <a:pt x="46" y="218"/>
                  </a:lnTo>
                  <a:lnTo>
                    <a:pt x="44" y="213"/>
                  </a:lnTo>
                  <a:lnTo>
                    <a:pt x="41" y="208"/>
                  </a:lnTo>
                  <a:lnTo>
                    <a:pt x="39" y="205"/>
                  </a:lnTo>
                  <a:lnTo>
                    <a:pt x="38" y="203"/>
                  </a:lnTo>
                  <a:lnTo>
                    <a:pt x="36" y="201"/>
                  </a:lnTo>
                  <a:lnTo>
                    <a:pt x="34" y="199"/>
                  </a:lnTo>
                  <a:lnTo>
                    <a:pt x="29" y="196"/>
                  </a:lnTo>
                  <a:lnTo>
                    <a:pt x="28" y="193"/>
                  </a:lnTo>
                  <a:lnTo>
                    <a:pt x="24" y="188"/>
                  </a:lnTo>
                  <a:lnTo>
                    <a:pt x="24" y="183"/>
                  </a:lnTo>
                  <a:lnTo>
                    <a:pt x="22" y="179"/>
                  </a:lnTo>
                  <a:lnTo>
                    <a:pt x="22" y="174"/>
                  </a:lnTo>
                  <a:lnTo>
                    <a:pt x="22" y="172"/>
                  </a:lnTo>
                  <a:lnTo>
                    <a:pt x="17" y="159"/>
                  </a:lnTo>
                  <a:lnTo>
                    <a:pt x="17" y="144"/>
                  </a:lnTo>
                  <a:lnTo>
                    <a:pt x="9" y="123"/>
                  </a:lnTo>
                  <a:lnTo>
                    <a:pt x="0" y="111"/>
                  </a:lnTo>
                  <a:lnTo>
                    <a:pt x="2" y="103"/>
                  </a:lnTo>
                  <a:lnTo>
                    <a:pt x="16" y="49"/>
                  </a:lnTo>
                  <a:lnTo>
                    <a:pt x="2" y="49"/>
                  </a:lnTo>
                  <a:lnTo>
                    <a:pt x="4" y="40"/>
                  </a:lnTo>
                  <a:lnTo>
                    <a:pt x="7" y="35"/>
                  </a:lnTo>
                  <a:lnTo>
                    <a:pt x="6" y="27"/>
                  </a:lnTo>
                  <a:lnTo>
                    <a:pt x="2" y="18"/>
                  </a:lnTo>
                  <a:lnTo>
                    <a:pt x="4" y="13"/>
                  </a:lnTo>
                  <a:lnTo>
                    <a:pt x="16" y="13"/>
                  </a:lnTo>
                  <a:lnTo>
                    <a:pt x="16" y="12"/>
                  </a:lnTo>
                  <a:lnTo>
                    <a:pt x="19" y="12"/>
                  </a:lnTo>
                  <a:lnTo>
                    <a:pt x="26" y="12"/>
                  </a:lnTo>
                  <a:lnTo>
                    <a:pt x="33" y="12"/>
                  </a:lnTo>
                  <a:lnTo>
                    <a:pt x="43" y="12"/>
                  </a:lnTo>
                  <a:lnTo>
                    <a:pt x="53" y="12"/>
                  </a:lnTo>
                  <a:lnTo>
                    <a:pt x="66" y="12"/>
                  </a:lnTo>
                  <a:lnTo>
                    <a:pt x="80" y="12"/>
                  </a:lnTo>
                  <a:lnTo>
                    <a:pt x="97" y="12"/>
                  </a:lnTo>
                  <a:lnTo>
                    <a:pt x="112" y="12"/>
                  </a:lnTo>
                  <a:lnTo>
                    <a:pt x="131" y="12"/>
                  </a:lnTo>
                  <a:lnTo>
                    <a:pt x="149" y="12"/>
                  </a:lnTo>
                  <a:lnTo>
                    <a:pt x="168" y="12"/>
                  </a:lnTo>
                  <a:lnTo>
                    <a:pt x="188" y="10"/>
                  </a:lnTo>
                  <a:lnTo>
                    <a:pt x="207" y="10"/>
                  </a:lnTo>
                  <a:lnTo>
                    <a:pt x="227" y="10"/>
                  </a:lnTo>
                  <a:lnTo>
                    <a:pt x="249" y="10"/>
                  </a:lnTo>
                  <a:lnTo>
                    <a:pt x="270" y="10"/>
                  </a:lnTo>
                  <a:lnTo>
                    <a:pt x="290" y="10"/>
                  </a:lnTo>
                  <a:lnTo>
                    <a:pt x="310" y="8"/>
                  </a:lnTo>
                  <a:lnTo>
                    <a:pt x="329" y="8"/>
                  </a:lnTo>
                  <a:lnTo>
                    <a:pt x="349" y="8"/>
                  </a:lnTo>
                  <a:lnTo>
                    <a:pt x="368" y="8"/>
                  </a:lnTo>
                  <a:lnTo>
                    <a:pt x="385" y="7"/>
                  </a:lnTo>
                  <a:lnTo>
                    <a:pt x="402" y="7"/>
                  </a:lnTo>
                  <a:lnTo>
                    <a:pt x="418" y="7"/>
                  </a:lnTo>
                  <a:lnTo>
                    <a:pt x="432" y="5"/>
                  </a:lnTo>
                  <a:lnTo>
                    <a:pt x="446" y="5"/>
                  </a:lnTo>
                  <a:lnTo>
                    <a:pt x="456" y="3"/>
                  </a:lnTo>
                  <a:lnTo>
                    <a:pt x="466" y="3"/>
                  </a:lnTo>
                  <a:lnTo>
                    <a:pt x="474" y="1"/>
                  </a:lnTo>
                  <a:lnTo>
                    <a:pt x="479" y="0"/>
                  </a:lnTo>
                  <a:lnTo>
                    <a:pt x="479" y="1"/>
                  </a:lnTo>
                  <a:lnTo>
                    <a:pt x="488" y="22"/>
                  </a:lnTo>
                  <a:lnTo>
                    <a:pt x="490" y="22"/>
                  </a:lnTo>
                  <a:lnTo>
                    <a:pt x="490" y="23"/>
                  </a:lnTo>
                  <a:lnTo>
                    <a:pt x="491" y="23"/>
                  </a:lnTo>
                  <a:lnTo>
                    <a:pt x="493" y="25"/>
                  </a:lnTo>
                  <a:lnTo>
                    <a:pt x="495" y="29"/>
                  </a:lnTo>
                  <a:lnTo>
                    <a:pt x="495" y="34"/>
                  </a:lnTo>
                  <a:lnTo>
                    <a:pt x="493" y="39"/>
                  </a:lnTo>
                  <a:lnTo>
                    <a:pt x="490" y="47"/>
                  </a:lnTo>
                  <a:lnTo>
                    <a:pt x="488" y="52"/>
                  </a:lnTo>
                  <a:lnTo>
                    <a:pt x="486" y="56"/>
                  </a:lnTo>
                  <a:lnTo>
                    <a:pt x="488" y="61"/>
                  </a:lnTo>
                  <a:lnTo>
                    <a:pt x="488" y="64"/>
                  </a:lnTo>
                  <a:lnTo>
                    <a:pt x="490" y="69"/>
                  </a:lnTo>
                  <a:lnTo>
                    <a:pt x="491" y="73"/>
                  </a:lnTo>
                  <a:lnTo>
                    <a:pt x="495" y="76"/>
                  </a:lnTo>
                  <a:lnTo>
                    <a:pt x="496" y="81"/>
                  </a:lnTo>
                  <a:lnTo>
                    <a:pt x="500" y="84"/>
                  </a:lnTo>
                  <a:lnTo>
                    <a:pt x="501" y="89"/>
                  </a:lnTo>
                  <a:lnTo>
                    <a:pt x="501" y="91"/>
                  </a:lnTo>
                  <a:lnTo>
                    <a:pt x="501" y="95"/>
                  </a:lnTo>
                  <a:lnTo>
                    <a:pt x="501" y="96"/>
                  </a:lnTo>
                  <a:lnTo>
                    <a:pt x="501" y="98"/>
                  </a:lnTo>
                  <a:lnTo>
                    <a:pt x="525" y="105"/>
                  </a:lnTo>
                  <a:lnTo>
                    <a:pt x="527" y="106"/>
                  </a:lnTo>
                  <a:lnTo>
                    <a:pt x="530" y="106"/>
                  </a:lnTo>
                  <a:lnTo>
                    <a:pt x="532" y="108"/>
                  </a:lnTo>
                  <a:lnTo>
                    <a:pt x="535" y="111"/>
                  </a:lnTo>
                  <a:lnTo>
                    <a:pt x="537" y="115"/>
                  </a:lnTo>
                  <a:lnTo>
                    <a:pt x="539" y="120"/>
                  </a:lnTo>
                  <a:lnTo>
                    <a:pt x="540" y="125"/>
                  </a:lnTo>
                  <a:lnTo>
                    <a:pt x="540" y="127"/>
                  </a:lnTo>
                  <a:lnTo>
                    <a:pt x="540" y="128"/>
                  </a:lnTo>
                  <a:lnTo>
                    <a:pt x="542" y="130"/>
                  </a:lnTo>
                  <a:lnTo>
                    <a:pt x="545" y="132"/>
                  </a:lnTo>
                  <a:lnTo>
                    <a:pt x="547" y="133"/>
                  </a:lnTo>
                  <a:lnTo>
                    <a:pt x="552" y="135"/>
                  </a:lnTo>
                  <a:lnTo>
                    <a:pt x="556" y="139"/>
                  </a:lnTo>
                  <a:lnTo>
                    <a:pt x="561" y="142"/>
                  </a:lnTo>
                  <a:lnTo>
                    <a:pt x="564" y="145"/>
                  </a:lnTo>
                  <a:lnTo>
                    <a:pt x="564" y="149"/>
                  </a:lnTo>
                  <a:lnTo>
                    <a:pt x="564" y="150"/>
                  </a:lnTo>
                  <a:lnTo>
                    <a:pt x="564" y="152"/>
                  </a:lnTo>
                  <a:lnTo>
                    <a:pt x="562" y="154"/>
                  </a:lnTo>
                  <a:lnTo>
                    <a:pt x="562" y="155"/>
                  </a:lnTo>
                  <a:lnTo>
                    <a:pt x="572" y="162"/>
                  </a:lnTo>
                  <a:lnTo>
                    <a:pt x="574" y="162"/>
                  </a:lnTo>
                  <a:lnTo>
                    <a:pt x="576" y="164"/>
                  </a:lnTo>
                  <a:lnTo>
                    <a:pt x="579" y="166"/>
                  </a:lnTo>
                  <a:lnTo>
                    <a:pt x="584" y="169"/>
                  </a:lnTo>
                  <a:lnTo>
                    <a:pt x="586" y="174"/>
                  </a:lnTo>
                  <a:lnTo>
                    <a:pt x="588" y="181"/>
                  </a:lnTo>
                  <a:lnTo>
                    <a:pt x="588" y="189"/>
                  </a:lnTo>
                  <a:lnTo>
                    <a:pt x="586" y="201"/>
                  </a:lnTo>
                  <a:lnTo>
                    <a:pt x="583" y="210"/>
                  </a:lnTo>
                  <a:lnTo>
                    <a:pt x="579" y="213"/>
                  </a:lnTo>
                  <a:lnTo>
                    <a:pt x="576" y="215"/>
                  </a:lnTo>
                  <a:lnTo>
                    <a:pt x="574" y="213"/>
                  </a:lnTo>
                  <a:lnTo>
                    <a:pt x="572" y="215"/>
                  </a:lnTo>
                  <a:lnTo>
                    <a:pt x="572" y="216"/>
                  </a:lnTo>
                  <a:lnTo>
                    <a:pt x="571" y="225"/>
                  </a:lnTo>
                  <a:lnTo>
                    <a:pt x="571" y="238"/>
                  </a:lnTo>
                  <a:lnTo>
                    <a:pt x="571" y="240"/>
                  </a:lnTo>
                  <a:lnTo>
                    <a:pt x="569" y="242"/>
                  </a:lnTo>
                  <a:lnTo>
                    <a:pt x="567" y="243"/>
                  </a:lnTo>
                  <a:lnTo>
                    <a:pt x="564" y="245"/>
                  </a:lnTo>
                  <a:lnTo>
                    <a:pt x="561" y="247"/>
                  </a:lnTo>
                  <a:lnTo>
                    <a:pt x="554" y="247"/>
                  </a:lnTo>
                  <a:lnTo>
                    <a:pt x="552" y="247"/>
                  </a:lnTo>
                  <a:lnTo>
                    <a:pt x="552" y="249"/>
                  </a:lnTo>
                  <a:lnTo>
                    <a:pt x="552" y="250"/>
                  </a:lnTo>
                  <a:lnTo>
                    <a:pt x="550" y="252"/>
                  </a:lnTo>
                  <a:lnTo>
                    <a:pt x="549" y="254"/>
                  </a:lnTo>
                  <a:lnTo>
                    <a:pt x="544" y="255"/>
                  </a:lnTo>
                  <a:lnTo>
                    <a:pt x="537" y="257"/>
                  </a:lnTo>
                  <a:lnTo>
                    <a:pt x="530" y="257"/>
                  </a:lnTo>
                  <a:lnTo>
                    <a:pt x="523" y="259"/>
                  </a:lnTo>
                  <a:lnTo>
                    <a:pt x="517" y="262"/>
                  </a:lnTo>
                  <a:lnTo>
                    <a:pt x="512" y="265"/>
                  </a:lnTo>
                  <a:lnTo>
                    <a:pt x="508" y="269"/>
                  </a:lnTo>
                  <a:lnTo>
                    <a:pt x="508" y="276"/>
                  </a:lnTo>
                  <a:lnTo>
                    <a:pt x="508" y="282"/>
                  </a:lnTo>
                  <a:lnTo>
                    <a:pt x="512" y="291"/>
                  </a:lnTo>
                  <a:lnTo>
                    <a:pt x="515" y="299"/>
                  </a:lnTo>
                  <a:lnTo>
                    <a:pt x="520" y="304"/>
                  </a:lnTo>
                  <a:lnTo>
                    <a:pt x="522" y="309"/>
                  </a:lnTo>
                  <a:lnTo>
                    <a:pt x="523" y="313"/>
                  </a:lnTo>
                  <a:lnTo>
                    <a:pt x="525" y="318"/>
                  </a:lnTo>
                  <a:lnTo>
                    <a:pt x="523" y="321"/>
                  </a:lnTo>
                  <a:lnTo>
                    <a:pt x="520" y="325"/>
                  </a:lnTo>
                  <a:lnTo>
                    <a:pt x="515" y="331"/>
                  </a:lnTo>
                  <a:lnTo>
                    <a:pt x="515" y="335"/>
                  </a:lnTo>
                  <a:lnTo>
                    <a:pt x="513" y="337"/>
                  </a:lnTo>
                  <a:lnTo>
                    <a:pt x="512" y="340"/>
                  </a:lnTo>
                  <a:lnTo>
                    <a:pt x="512" y="342"/>
                  </a:lnTo>
                  <a:lnTo>
                    <a:pt x="510" y="343"/>
                  </a:lnTo>
                  <a:lnTo>
                    <a:pt x="510" y="345"/>
                  </a:lnTo>
                  <a:lnTo>
                    <a:pt x="510" y="347"/>
                  </a:lnTo>
                  <a:lnTo>
                    <a:pt x="508" y="348"/>
                  </a:lnTo>
                  <a:lnTo>
                    <a:pt x="508" y="352"/>
                  </a:lnTo>
                  <a:lnTo>
                    <a:pt x="508" y="353"/>
                  </a:lnTo>
                  <a:lnTo>
                    <a:pt x="506" y="357"/>
                  </a:lnTo>
                  <a:lnTo>
                    <a:pt x="503" y="359"/>
                  </a:lnTo>
                  <a:lnTo>
                    <a:pt x="498" y="360"/>
                  </a:lnTo>
                  <a:lnTo>
                    <a:pt x="493" y="362"/>
                  </a:lnTo>
                  <a:lnTo>
                    <a:pt x="488" y="364"/>
                  </a:lnTo>
                  <a:lnTo>
                    <a:pt x="484" y="365"/>
                  </a:lnTo>
                  <a:lnTo>
                    <a:pt x="483" y="369"/>
                  </a:lnTo>
                  <a:lnTo>
                    <a:pt x="483" y="372"/>
                  </a:lnTo>
                  <a:lnTo>
                    <a:pt x="483" y="375"/>
                  </a:lnTo>
                  <a:lnTo>
                    <a:pt x="484" y="377"/>
                  </a:lnTo>
                  <a:lnTo>
                    <a:pt x="486" y="381"/>
                  </a:lnTo>
                  <a:lnTo>
                    <a:pt x="488" y="382"/>
                  </a:lnTo>
                  <a:lnTo>
                    <a:pt x="488" y="384"/>
                  </a:lnTo>
                  <a:lnTo>
                    <a:pt x="488" y="387"/>
                  </a:lnTo>
                  <a:lnTo>
                    <a:pt x="486" y="389"/>
                  </a:lnTo>
                  <a:lnTo>
                    <a:pt x="484" y="392"/>
                  </a:lnTo>
                  <a:lnTo>
                    <a:pt x="483" y="394"/>
                  </a:lnTo>
                  <a:lnTo>
                    <a:pt x="481" y="396"/>
                  </a:lnTo>
                  <a:lnTo>
                    <a:pt x="479" y="397"/>
                  </a:lnTo>
                  <a:lnTo>
                    <a:pt x="478" y="397"/>
                  </a:lnTo>
                  <a:lnTo>
                    <a:pt x="476" y="394"/>
                  </a:lnTo>
                  <a:lnTo>
                    <a:pt x="471" y="389"/>
                  </a:lnTo>
                  <a:lnTo>
                    <a:pt x="466" y="384"/>
                  </a:lnTo>
                  <a:lnTo>
                    <a:pt x="462" y="379"/>
                  </a:lnTo>
                  <a:lnTo>
                    <a:pt x="457" y="374"/>
                  </a:lnTo>
                  <a:lnTo>
                    <a:pt x="456" y="370"/>
                  </a:lnTo>
                  <a:lnTo>
                    <a:pt x="454" y="369"/>
                  </a:lnTo>
                  <a:lnTo>
                    <a:pt x="75" y="37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2" name="Freeform 59"/>
            <p:cNvSpPr>
              <a:spLocks/>
            </p:cNvSpPr>
            <p:nvPr/>
          </p:nvSpPr>
          <p:spPr bwMode="auto">
            <a:xfrm>
              <a:off x="2869" y="2644"/>
              <a:ext cx="478" cy="439"/>
            </a:xfrm>
            <a:custGeom>
              <a:avLst/>
              <a:gdLst>
                <a:gd name="T0" fmla="*/ 242 w 492"/>
                <a:gd name="T1" fmla="*/ 294 h 452"/>
                <a:gd name="T2" fmla="*/ 243 w 492"/>
                <a:gd name="T3" fmla="*/ 287 h 452"/>
                <a:gd name="T4" fmla="*/ 244 w 492"/>
                <a:gd name="T5" fmla="*/ 283 h 452"/>
                <a:gd name="T6" fmla="*/ 247 w 492"/>
                <a:gd name="T7" fmla="*/ 280 h 452"/>
                <a:gd name="T8" fmla="*/ 247 w 492"/>
                <a:gd name="T9" fmla="*/ 276 h 452"/>
                <a:gd name="T10" fmla="*/ 242 w 492"/>
                <a:gd name="T11" fmla="*/ 262 h 452"/>
                <a:gd name="T12" fmla="*/ 237 w 492"/>
                <a:gd name="T13" fmla="*/ 246 h 452"/>
                <a:gd name="T14" fmla="*/ 239 w 492"/>
                <a:gd name="T15" fmla="*/ 241 h 452"/>
                <a:gd name="T16" fmla="*/ 247 w 492"/>
                <a:gd name="T17" fmla="*/ 238 h 452"/>
                <a:gd name="T18" fmla="*/ 247 w 492"/>
                <a:gd name="T19" fmla="*/ 234 h 452"/>
                <a:gd name="T20" fmla="*/ 243 w 492"/>
                <a:gd name="T21" fmla="*/ 233 h 452"/>
                <a:gd name="T22" fmla="*/ 243 w 492"/>
                <a:gd name="T23" fmla="*/ 231 h 452"/>
                <a:gd name="T24" fmla="*/ 247 w 492"/>
                <a:gd name="T25" fmla="*/ 226 h 452"/>
                <a:gd name="T26" fmla="*/ 247 w 492"/>
                <a:gd name="T27" fmla="*/ 222 h 452"/>
                <a:gd name="T28" fmla="*/ 245 w 492"/>
                <a:gd name="T29" fmla="*/ 218 h 452"/>
                <a:gd name="T30" fmla="*/ 247 w 492"/>
                <a:gd name="T31" fmla="*/ 213 h 452"/>
                <a:gd name="T32" fmla="*/ 251 w 492"/>
                <a:gd name="T33" fmla="*/ 210 h 452"/>
                <a:gd name="T34" fmla="*/ 254 w 492"/>
                <a:gd name="T35" fmla="*/ 207 h 452"/>
                <a:gd name="T36" fmla="*/ 253 w 492"/>
                <a:gd name="T37" fmla="*/ 202 h 452"/>
                <a:gd name="T38" fmla="*/ 258 w 492"/>
                <a:gd name="T39" fmla="*/ 190 h 452"/>
                <a:gd name="T40" fmla="*/ 278 w 492"/>
                <a:gd name="T41" fmla="*/ 175 h 452"/>
                <a:gd name="T42" fmla="*/ 294 w 492"/>
                <a:gd name="T43" fmla="*/ 136 h 452"/>
                <a:gd name="T44" fmla="*/ 295 w 492"/>
                <a:gd name="T45" fmla="*/ 134 h 452"/>
                <a:gd name="T46" fmla="*/ 297 w 492"/>
                <a:gd name="T47" fmla="*/ 130 h 452"/>
                <a:gd name="T48" fmla="*/ 293 w 492"/>
                <a:gd name="T49" fmla="*/ 128 h 452"/>
                <a:gd name="T50" fmla="*/ 294 w 492"/>
                <a:gd name="T51" fmla="*/ 125 h 452"/>
                <a:gd name="T52" fmla="*/ 301 w 492"/>
                <a:gd name="T53" fmla="*/ 120 h 452"/>
                <a:gd name="T54" fmla="*/ 306 w 492"/>
                <a:gd name="T55" fmla="*/ 112 h 452"/>
                <a:gd name="T56" fmla="*/ 305 w 492"/>
                <a:gd name="T57" fmla="*/ 103 h 452"/>
                <a:gd name="T58" fmla="*/ 302 w 492"/>
                <a:gd name="T59" fmla="*/ 100 h 452"/>
                <a:gd name="T60" fmla="*/ 307 w 492"/>
                <a:gd name="T61" fmla="*/ 88 h 452"/>
                <a:gd name="T62" fmla="*/ 312 w 492"/>
                <a:gd name="T63" fmla="*/ 83 h 452"/>
                <a:gd name="T64" fmla="*/ 315 w 492"/>
                <a:gd name="T65" fmla="*/ 80 h 452"/>
                <a:gd name="T66" fmla="*/ 320 w 492"/>
                <a:gd name="T67" fmla="*/ 72 h 452"/>
                <a:gd name="T68" fmla="*/ 314 w 492"/>
                <a:gd name="T69" fmla="*/ 68 h 452"/>
                <a:gd name="T70" fmla="*/ 312 w 492"/>
                <a:gd name="T71" fmla="*/ 68 h 452"/>
                <a:gd name="T72" fmla="*/ 317 w 492"/>
                <a:gd name="T73" fmla="*/ 64 h 452"/>
                <a:gd name="T74" fmla="*/ 320 w 492"/>
                <a:gd name="T75" fmla="*/ 60 h 452"/>
                <a:gd name="T76" fmla="*/ 327 w 492"/>
                <a:gd name="T77" fmla="*/ 50 h 452"/>
                <a:gd name="T78" fmla="*/ 329 w 492"/>
                <a:gd name="T79" fmla="*/ 45 h 452"/>
                <a:gd name="T80" fmla="*/ 326 w 492"/>
                <a:gd name="T81" fmla="*/ 43 h 452"/>
                <a:gd name="T82" fmla="*/ 283 w 492"/>
                <a:gd name="T83" fmla="*/ 44 h 452"/>
                <a:gd name="T84" fmla="*/ 287 w 492"/>
                <a:gd name="T85" fmla="*/ 37 h 452"/>
                <a:gd name="T86" fmla="*/ 293 w 492"/>
                <a:gd name="T87" fmla="*/ 20 h 452"/>
                <a:gd name="T88" fmla="*/ 302 w 492"/>
                <a:gd name="T89" fmla="*/ 17 h 452"/>
                <a:gd name="T90" fmla="*/ 295 w 492"/>
                <a:gd name="T91" fmla="*/ 5 h 452"/>
                <a:gd name="T92" fmla="*/ 288 w 492"/>
                <a:gd name="T93" fmla="*/ 0 h 452"/>
                <a:gd name="T94" fmla="*/ 280 w 492"/>
                <a:gd name="T95" fmla="*/ 2 h 452"/>
                <a:gd name="T96" fmla="*/ 261 w 492"/>
                <a:gd name="T97" fmla="*/ 3 h 452"/>
                <a:gd name="T98" fmla="*/ 232 w 492"/>
                <a:gd name="T99" fmla="*/ 5 h 452"/>
                <a:gd name="T100" fmla="*/ 198 w 492"/>
                <a:gd name="T101" fmla="*/ 7 h 452"/>
                <a:gd name="T102" fmla="*/ 158 w 492"/>
                <a:gd name="T103" fmla="*/ 10 h 452"/>
                <a:gd name="T104" fmla="*/ 119 w 492"/>
                <a:gd name="T105" fmla="*/ 12 h 452"/>
                <a:gd name="T106" fmla="*/ 83 w 492"/>
                <a:gd name="T107" fmla="*/ 15 h 452"/>
                <a:gd name="T108" fmla="*/ 48 w 492"/>
                <a:gd name="T109" fmla="*/ 17 h 452"/>
                <a:gd name="T110" fmla="*/ 18 w 492"/>
                <a:gd name="T111" fmla="*/ 17 h 452"/>
                <a:gd name="T112" fmla="*/ 6 w 492"/>
                <a:gd name="T113" fmla="*/ 17 h 452"/>
                <a:gd name="T114" fmla="*/ 17 w 492"/>
                <a:gd name="T115" fmla="*/ 106 h 452"/>
                <a:gd name="T116" fmla="*/ 17 w 492"/>
                <a:gd name="T117" fmla="*/ 258 h 452"/>
                <a:gd name="T118" fmla="*/ 44 w 492"/>
                <a:gd name="T119" fmla="*/ 300 h 452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w 492"/>
                <a:gd name="T181" fmla="*/ 0 h 452"/>
                <a:gd name="T182" fmla="*/ 492 w 492"/>
                <a:gd name="T183" fmla="*/ 452 h 452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T180" t="T181" r="T182" b="T183"/>
              <a:pathLst>
                <a:path w="492" h="452">
                  <a:moveTo>
                    <a:pt x="362" y="443"/>
                  </a:moveTo>
                  <a:lnTo>
                    <a:pt x="362" y="443"/>
                  </a:lnTo>
                  <a:lnTo>
                    <a:pt x="362" y="442"/>
                  </a:lnTo>
                  <a:lnTo>
                    <a:pt x="362" y="438"/>
                  </a:lnTo>
                  <a:lnTo>
                    <a:pt x="362" y="435"/>
                  </a:lnTo>
                  <a:lnTo>
                    <a:pt x="364" y="432"/>
                  </a:lnTo>
                  <a:lnTo>
                    <a:pt x="364" y="428"/>
                  </a:lnTo>
                  <a:lnTo>
                    <a:pt x="365" y="426"/>
                  </a:lnTo>
                  <a:lnTo>
                    <a:pt x="369" y="425"/>
                  </a:lnTo>
                  <a:lnTo>
                    <a:pt x="370" y="423"/>
                  </a:lnTo>
                  <a:lnTo>
                    <a:pt x="370" y="421"/>
                  </a:lnTo>
                  <a:lnTo>
                    <a:pt x="370" y="420"/>
                  </a:lnTo>
                  <a:lnTo>
                    <a:pt x="369" y="416"/>
                  </a:lnTo>
                  <a:lnTo>
                    <a:pt x="369" y="415"/>
                  </a:lnTo>
                  <a:lnTo>
                    <a:pt x="367" y="413"/>
                  </a:lnTo>
                  <a:lnTo>
                    <a:pt x="362" y="393"/>
                  </a:lnTo>
                  <a:lnTo>
                    <a:pt x="360" y="386"/>
                  </a:lnTo>
                  <a:lnTo>
                    <a:pt x="352" y="377"/>
                  </a:lnTo>
                  <a:lnTo>
                    <a:pt x="355" y="369"/>
                  </a:lnTo>
                  <a:lnTo>
                    <a:pt x="355" y="364"/>
                  </a:lnTo>
                  <a:lnTo>
                    <a:pt x="357" y="362"/>
                  </a:lnTo>
                  <a:lnTo>
                    <a:pt x="358" y="362"/>
                  </a:lnTo>
                  <a:lnTo>
                    <a:pt x="362" y="360"/>
                  </a:lnTo>
                  <a:lnTo>
                    <a:pt x="364" y="360"/>
                  </a:lnTo>
                  <a:lnTo>
                    <a:pt x="369" y="357"/>
                  </a:lnTo>
                  <a:lnTo>
                    <a:pt x="370" y="355"/>
                  </a:lnTo>
                  <a:lnTo>
                    <a:pt x="370" y="354"/>
                  </a:lnTo>
                  <a:lnTo>
                    <a:pt x="369" y="352"/>
                  </a:lnTo>
                  <a:lnTo>
                    <a:pt x="367" y="350"/>
                  </a:lnTo>
                  <a:lnTo>
                    <a:pt x="365" y="350"/>
                  </a:lnTo>
                  <a:lnTo>
                    <a:pt x="364" y="350"/>
                  </a:lnTo>
                  <a:lnTo>
                    <a:pt x="362" y="350"/>
                  </a:lnTo>
                  <a:lnTo>
                    <a:pt x="362" y="349"/>
                  </a:lnTo>
                  <a:lnTo>
                    <a:pt x="364" y="347"/>
                  </a:lnTo>
                  <a:lnTo>
                    <a:pt x="365" y="345"/>
                  </a:lnTo>
                  <a:lnTo>
                    <a:pt x="367" y="344"/>
                  </a:lnTo>
                  <a:lnTo>
                    <a:pt x="369" y="340"/>
                  </a:lnTo>
                  <a:lnTo>
                    <a:pt x="370" y="338"/>
                  </a:lnTo>
                  <a:lnTo>
                    <a:pt x="370" y="337"/>
                  </a:lnTo>
                  <a:lnTo>
                    <a:pt x="370" y="335"/>
                  </a:lnTo>
                  <a:lnTo>
                    <a:pt x="369" y="332"/>
                  </a:lnTo>
                  <a:lnTo>
                    <a:pt x="367" y="330"/>
                  </a:lnTo>
                  <a:lnTo>
                    <a:pt x="367" y="327"/>
                  </a:lnTo>
                  <a:lnTo>
                    <a:pt x="367" y="323"/>
                  </a:lnTo>
                  <a:lnTo>
                    <a:pt x="367" y="322"/>
                  </a:lnTo>
                  <a:lnTo>
                    <a:pt x="369" y="320"/>
                  </a:lnTo>
                  <a:lnTo>
                    <a:pt x="370" y="318"/>
                  </a:lnTo>
                  <a:lnTo>
                    <a:pt x="372" y="318"/>
                  </a:lnTo>
                  <a:lnTo>
                    <a:pt x="377" y="316"/>
                  </a:lnTo>
                  <a:lnTo>
                    <a:pt x="380" y="315"/>
                  </a:lnTo>
                  <a:lnTo>
                    <a:pt x="380" y="311"/>
                  </a:lnTo>
                  <a:lnTo>
                    <a:pt x="380" y="310"/>
                  </a:lnTo>
                  <a:lnTo>
                    <a:pt x="380" y="308"/>
                  </a:lnTo>
                  <a:lnTo>
                    <a:pt x="379" y="306"/>
                  </a:lnTo>
                  <a:lnTo>
                    <a:pt x="379" y="305"/>
                  </a:lnTo>
                  <a:lnTo>
                    <a:pt x="377" y="305"/>
                  </a:lnTo>
                  <a:lnTo>
                    <a:pt x="392" y="296"/>
                  </a:lnTo>
                  <a:lnTo>
                    <a:pt x="387" y="286"/>
                  </a:lnTo>
                  <a:lnTo>
                    <a:pt x="402" y="271"/>
                  </a:lnTo>
                  <a:lnTo>
                    <a:pt x="408" y="271"/>
                  </a:lnTo>
                  <a:lnTo>
                    <a:pt x="416" y="262"/>
                  </a:lnTo>
                  <a:lnTo>
                    <a:pt x="416" y="232"/>
                  </a:lnTo>
                  <a:lnTo>
                    <a:pt x="426" y="217"/>
                  </a:lnTo>
                  <a:lnTo>
                    <a:pt x="441" y="205"/>
                  </a:lnTo>
                  <a:lnTo>
                    <a:pt x="441" y="203"/>
                  </a:lnTo>
                  <a:lnTo>
                    <a:pt x="443" y="201"/>
                  </a:lnTo>
                  <a:lnTo>
                    <a:pt x="443" y="198"/>
                  </a:lnTo>
                  <a:lnTo>
                    <a:pt x="443" y="196"/>
                  </a:lnTo>
                  <a:lnTo>
                    <a:pt x="445" y="195"/>
                  </a:lnTo>
                  <a:lnTo>
                    <a:pt x="445" y="193"/>
                  </a:lnTo>
                  <a:lnTo>
                    <a:pt x="440" y="193"/>
                  </a:lnTo>
                  <a:lnTo>
                    <a:pt x="438" y="191"/>
                  </a:lnTo>
                  <a:lnTo>
                    <a:pt x="438" y="190"/>
                  </a:lnTo>
                  <a:lnTo>
                    <a:pt x="441" y="188"/>
                  </a:lnTo>
                  <a:lnTo>
                    <a:pt x="445" y="184"/>
                  </a:lnTo>
                  <a:lnTo>
                    <a:pt x="446" y="183"/>
                  </a:lnTo>
                  <a:lnTo>
                    <a:pt x="450" y="181"/>
                  </a:lnTo>
                  <a:lnTo>
                    <a:pt x="452" y="181"/>
                  </a:lnTo>
                  <a:lnTo>
                    <a:pt x="457" y="174"/>
                  </a:lnTo>
                  <a:lnTo>
                    <a:pt x="458" y="168"/>
                  </a:lnTo>
                  <a:lnTo>
                    <a:pt x="460" y="162"/>
                  </a:lnTo>
                  <a:lnTo>
                    <a:pt x="458" y="157"/>
                  </a:lnTo>
                  <a:lnTo>
                    <a:pt x="457" y="154"/>
                  </a:lnTo>
                  <a:lnTo>
                    <a:pt x="455" y="152"/>
                  </a:lnTo>
                  <a:lnTo>
                    <a:pt x="453" y="149"/>
                  </a:lnTo>
                  <a:lnTo>
                    <a:pt x="458" y="137"/>
                  </a:lnTo>
                  <a:lnTo>
                    <a:pt x="458" y="135"/>
                  </a:lnTo>
                  <a:lnTo>
                    <a:pt x="460" y="134"/>
                  </a:lnTo>
                  <a:lnTo>
                    <a:pt x="462" y="132"/>
                  </a:lnTo>
                  <a:lnTo>
                    <a:pt x="463" y="129"/>
                  </a:lnTo>
                  <a:lnTo>
                    <a:pt x="467" y="125"/>
                  </a:lnTo>
                  <a:lnTo>
                    <a:pt x="468" y="122"/>
                  </a:lnTo>
                  <a:lnTo>
                    <a:pt x="470" y="120"/>
                  </a:lnTo>
                  <a:lnTo>
                    <a:pt x="472" y="120"/>
                  </a:lnTo>
                  <a:lnTo>
                    <a:pt x="477" y="113"/>
                  </a:lnTo>
                  <a:lnTo>
                    <a:pt x="479" y="108"/>
                  </a:lnTo>
                  <a:lnTo>
                    <a:pt x="479" y="107"/>
                  </a:lnTo>
                  <a:lnTo>
                    <a:pt x="477" y="103"/>
                  </a:lnTo>
                  <a:lnTo>
                    <a:pt x="474" y="103"/>
                  </a:lnTo>
                  <a:lnTo>
                    <a:pt x="470" y="102"/>
                  </a:lnTo>
                  <a:lnTo>
                    <a:pt x="468" y="102"/>
                  </a:lnTo>
                  <a:lnTo>
                    <a:pt x="470" y="100"/>
                  </a:lnTo>
                  <a:lnTo>
                    <a:pt x="472" y="98"/>
                  </a:lnTo>
                  <a:lnTo>
                    <a:pt x="474" y="96"/>
                  </a:lnTo>
                  <a:lnTo>
                    <a:pt x="477" y="93"/>
                  </a:lnTo>
                  <a:lnTo>
                    <a:pt x="479" y="91"/>
                  </a:lnTo>
                  <a:lnTo>
                    <a:pt x="480" y="90"/>
                  </a:lnTo>
                  <a:lnTo>
                    <a:pt x="482" y="88"/>
                  </a:lnTo>
                  <a:lnTo>
                    <a:pt x="487" y="81"/>
                  </a:lnTo>
                  <a:lnTo>
                    <a:pt x="490" y="76"/>
                  </a:lnTo>
                  <a:lnTo>
                    <a:pt x="492" y="73"/>
                  </a:lnTo>
                  <a:lnTo>
                    <a:pt x="492" y="69"/>
                  </a:lnTo>
                  <a:lnTo>
                    <a:pt x="492" y="66"/>
                  </a:lnTo>
                  <a:lnTo>
                    <a:pt x="490" y="64"/>
                  </a:lnTo>
                  <a:lnTo>
                    <a:pt x="489" y="63"/>
                  </a:lnTo>
                  <a:lnTo>
                    <a:pt x="424" y="66"/>
                  </a:lnTo>
                  <a:lnTo>
                    <a:pt x="424" y="64"/>
                  </a:lnTo>
                  <a:lnTo>
                    <a:pt x="426" y="61"/>
                  </a:lnTo>
                  <a:lnTo>
                    <a:pt x="428" y="58"/>
                  </a:lnTo>
                  <a:lnTo>
                    <a:pt x="430" y="51"/>
                  </a:lnTo>
                  <a:lnTo>
                    <a:pt x="433" y="46"/>
                  </a:lnTo>
                  <a:lnTo>
                    <a:pt x="436" y="39"/>
                  </a:lnTo>
                  <a:lnTo>
                    <a:pt x="440" y="34"/>
                  </a:lnTo>
                  <a:lnTo>
                    <a:pt x="446" y="29"/>
                  </a:lnTo>
                  <a:lnTo>
                    <a:pt x="450" y="24"/>
                  </a:lnTo>
                  <a:lnTo>
                    <a:pt x="452" y="19"/>
                  </a:lnTo>
                  <a:lnTo>
                    <a:pt x="450" y="14"/>
                  </a:lnTo>
                  <a:lnTo>
                    <a:pt x="446" y="8"/>
                  </a:lnTo>
                  <a:lnTo>
                    <a:pt x="443" y="5"/>
                  </a:lnTo>
                  <a:lnTo>
                    <a:pt x="438" y="2"/>
                  </a:lnTo>
                  <a:lnTo>
                    <a:pt x="435" y="0"/>
                  </a:lnTo>
                  <a:lnTo>
                    <a:pt x="431" y="0"/>
                  </a:lnTo>
                  <a:lnTo>
                    <a:pt x="430" y="2"/>
                  </a:lnTo>
                  <a:lnTo>
                    <a:pt x="426" y="2"/>
                  </a:lnTo>
                  <a:lnTo>
                    <a:pt x="419" y="2"/>
                  </a:lnTo>
                  <a:lnTo>
                    <a:pt x="411" y="2"/>
                  </a:lnTo>
                  <a:lnTo>
                    <a:pt x="402" y="3"/>
                  </a:lnTo>
                  <a:lnTo>
                    <a:pt x="391" y="3"/>
                  </a:lnTo>
                  <a:lnTo>
                    <a:pt x="377" y="3"/>
                  </a:lnTo>
                  <a:lnTo>
                    <a:pt x="364" y="5"/>
                  </a:lnTo>
                  <a:lnTo>
                    <a:pt x="348" y="5"/>
                  </a:lnTo>
                  <a:lnTo>
                    <a:pt x="331" y="7"/>
                  </a:lnTo>
                  <a:lnTo>
                    <a:pt x="314" y="7"/>
                  </a:lnTo>
                  <a:lnTo>
                    <a:pt x="296" y="7"/>
                  </a:lnTo>
                  <a:lnTo>
                    <a:pt x="277" y="8"/>
                  </a:lnTo>
                  <a:lnTo>
                    <a:pt x="259" y="8"/>
                  </a:lnTo>
                  <a:lnTo>
                    <a:pt x="238" y="10"/>
                  </a:lnTo>
                  <a:lnTo>
                    <a:pt x="220" y="10"/>
                  </a:lnTo>
                  <a:lnTo>
                    <a:pt x="199" y="12"/>
                  </a:lnTo>
                  <a:lnTo>
                    <a:pt x="179" y="12"/>
                  </a:lnTo>
                  <a:lnTo>
                    <a:pt x="160" y="14"/>
                  </a:lnTo>
                  <a:lnTo>
                    <a:pt x="142" y="14"/>
                  </a:lnTo>
                  <a:lnTo>
                    <a:pt x="123" y="15"/>
                  </a:lnTo>
                  <a:lnTo>
                    <a:pt x="105" y="15"/>
                  </a:lnTo>
                  <a:lnTo>
                    <a:pt x="88" y="17"/>
                  </a:lnTo>
                  <a:lnTo>
                    <a:pt x="72" y="17"/>
                  </a:lnTo>
                  <a:lnTo>
                    <a:pt x="57" y="17"/>
                  </a:lnTo>
                  <a:lnTo>
                    <a:pt x="45" y="19"/>
                  </a:lnTo>
                  <a:lnTo>
                    <a:pt x="32" y="19"/>
                  </a:lnTo>
                  <a:lnTo>
                    <a:pt x="22" y="19"/>
                  </a:lnTo>
                  <a:lnTo>
                    <a:pt x="13" y="19"/>
                  </a:lnTo>
                  <a:lnTo>
                    <a:pt x="6" y="19"/>
                  </a:lnTo>
                  <a:lnTo>
                    <a:pt x="1" y="20"/>
                  </a:lnTo>
                  <a:lnTo>
                    <a:pt x="0" y="20"/>
                  </a:lnTo>
                  <a:lnTo>
                    <a:pt x="20" y="159"/>
                  </a:lnTo>
                  <a:lnTo>
                    <a:pt x="18" y="377"/>
                  </a:lnTo>
                  <a:lnTo>
                    <a:pt x="17" y="374"/>
                  </a:lnTo>
                  <a:lnTo>
                    <a:pt x="28" y="389"/>
                  </a:lnTo>
                  <a:lnTo>
                    <a:pt x="54" y="386"/>
                  </a:lnTo>
                  <a:lnTo>
                    <a:pt x="64" y="388"/>
                  </a:lnTo>
                  <a:lnTo>
                    <a:pt x="64" y="452"/>
                  </a:lnTo>
                  <a:lnTo>
                    <a:pt x="362" y="443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3" name="Freeform 60"/>
            <p:cNvSpPr>
              <a:spLocks/>
            </p:cNvSpPr>
            <p:nvPr/>
          </p:nvSpPr>
          <p:spPr bwMode="auto">
            <a:xfrm>
              <a:off x="2931" y="3072"/>
              <a:ext cx="540" cy="475"/>
            </a:xfrm>
            <a:custGeom>
              <a:avLst/>
              <a:gdLst>
                <a:gd name="T0" fmla="*/ 27 w 555"/>
                <a:gd name="T1" fmla="*/ 234 h 489"/>
                <a:gd name="T2" fmla="*/ 27 w 555"/>
                <a:gd name="T3" fmla="*/ 209 h 489"/>
                <a:gd name="T4" fmla="*/ 43 w 555"/>
                <a:gd name="T5" fmla="*/ 176 h 489"/>
                <a:gd name="T6" fmla="*/ 35 w 555"/>
                <a:gd name="T7" fmla="*/ 153 h 489"/>
                <a:gd name="T8" fmla="*/ 203 w 555"/>
                <a:gd name="T9" fmla="*/ 0 h 489"/>
                <a:gd name="T10" fmla="*/ 204 w 555"/>
                <a:gd name="T11" fmla="*/ 12 h 489"/>
                <a:gd name="T12" fmla="*/ 206 w 555"/>
                <a:gd name="T13" fmla="*/ 30 h 489"/>
                <a:gd name="T14" fmla="*/ 211 w 555"/>
                <a:gd name="T15" fmla="*/ 45 h 489"/>
                <a:gd name="T16" fmla="*/ 217 w 555"/>
                <a:gd name="T17" fmla="*/ 51 h 489"/>
                <a:gd name="T18" fmla="*/ 221 w 555"/>
                <a:gd name="T19" fmla="*/ 63 h 489"/>
                <a:gd name="T20" fmla="*/ 206 w 555"/>
                <a:gd name="T21" fmla="*/ 70 h 489"/>
                <a:gd name="T22" fmla="*/ 209 w 555"/>
                <a:gd name="T23" fmla="*/ 84 h 489"/>
                <a:gd name="T24" fmla="*/ 193 w 555"/>
                <a:gd name="T25" fmla="*/ 118 h 489"/>
                <a:gd name="T26" fmla="*/ 188 w 555"/>
                <a:gd name="T27" fmla="*/ 130 h 489"/>
                <a:gd name="T28" fmla="*/ 186 w 555"/>
                <a:gd name="T29" fmla="*/ 141 h 489"/>
                <a:gd name="T30" fmla="*/ 177 w 555"/>
                <a:gd name="T31" fmla="*/ 153 h 489"/>
                <a:gd name="T32" fmla="*/ 180 w 555"/>
                <a:gd name="T33" fmla="*/ 162 h 489"/>
                <a:gd name="T34" fmla="*/ 313 w 555"/>
                <a:gd name="T35" fmla="*/ 179 h 489"/>
                <a:gd name="T36" fmla="*/ 318 w 555"/>
                <a:gd name="T37" fmla="*/ 202 h 489"/>
                <a:gd name="T38" fmla="*/ 326 w 555"/>
                <a:gd name="T39" fmla="*/ 227 h 489"/>
                <a:gd name="T40" fmla="*/ 304 w 555"/>
                <a:gd name="T41" fmla="*/ 222 h 489"/>
                <a:gd name="T42" fmla="*/ 282 w 555"/>
                <a:gd name="T43" fmla="*/ 220 h 489"/>
                <a:gd name="T44" fmla="*/ 273 w 555"/>
                <a:gd name="T45" fmla="*/ 230 h 489"/>
                <a:gd name="T46" fmla="*/ 289 w 555"/>
                <a:gd name="T47" fmla="*/ 242 h 489"/>
                <a:gd name="T48" fmla="*/ 312 w 555"/>
                <a:gd name="T49" fmla="*/ 234 h 489"/>
                <a:gd name="T50" fmla="*/ 322 w 555"/>
                <a:gd name="T51" fmla="*/ 242 h 489"/>
                <a:gd name="T52" fmla="*/ 322 w 555"/>
                <a:gd name="T53" fmla="*/ 249 h 489"/>
                <a:gd name="T54" fmla="*/ 333 w 555"/>
                <a:gd name="T55" fmla="*/ 247 h 489"/>
                <a:gd name="T56" fmla="*/ 341 w 555"/>
                <a:gd name="T57" fmla="*/ 238 h 489"/>
                <a:gd name="T58" fmla="*/ 342 w 555"/>
                <a:gd name="T59" fmla="*/ 242 h 489"/>
                <a:gd name="T60" fmla="*/ 344 w 555"/>
                <a:gd name="T61" fmla="*/ 263 h 489"/>
                <a:gd name="T62" fmla="*/ 332 w 555"/>
                <a:gd name="T63" fmla="*/ 284 h 489"/>
                <a:gd name="T64" fmla="*/ 370 w 555"/>
                <a:gd name="T65" fmla="*/ 304 h 489"/>
                <a:gd name="T66" fmla="*/ 360 w 555"/>
                <a:gd name="T67" fmla="*/ 320 h 489"/>
                <a:gd name="T68" fmla="*/ 352 w 555"/>
                <a:gd name="T69" fmla="*/ 314 h 489"/>
                <a:gd name="T70" fmla="*/ 342 w 555"/>
                <a:gd name="T71" fmla="*/ 304 h 489"/>
                <a:gd name="T72" fmla="*/ 321 w 555"/>
                <a:gd name="T73" fmla="*/ 300 h 489"/>
                <a:gd name="T74" fmla="*/ 315 w 555"/>
                <a:gd name="T75" fmla="*/ 288 h 489"/>
                <a:gd name="T76" fmla="*/ 291 w 555"/>
                <a:gd name="T77" fmla="*/ 283 h 489"/>
                <a:gd name="T78" fmla="*/ 301 w 555"/>
                <a:gd name="T79" fmla="*/ 300 h 489"/>
                <a:gd name="T80" fmla="*/ 301 w 555"/>
                <a:gd name="T81" fmla="*/ 310 h 489"/>
                <a:gd name="T82" fmla="*/ 290 w 555"/>
                <a:gd name="T83" fmla="*/ 322 h 489"/>
                <a:gd name="T84" fmla="*/ 265 w 555"/>
                <a:gd name="T85" fmla="*/ 313 h 489"/>
                <a:gd name="T86" fmla="*/ 239 w 555"/>
                <a:gd name="T87" fmla="*/ 318 h 489"/>
                <a:gd name="T88" fmla="*/ 223 w 555"/>
                <a:gd name="T89" fmla="*/ 314 h 489"/>
                <a:gd name="T90" fmla="*/ 193 w 555"/>
                <a:gd name="T91" fmla="*/ 291 h 489"/>
                <a:gd name="T92" fmla="*/ 185 w 555"/>
                <a:gd name="T93" fmla="*/ 278 h 489"/>
                <a:gd name="T94" fmla="*/ 173 w 555"/>
                <a:gd name="T95" fmla="*/ 275 h 489"/>
                <a:gd name="T96" fmla="*/ 167 w 555"/>
                <a:gd name="T97" fmla="*/ 268 h 489"/>
                <a:gd name="T98" fmla="*/ 139 w 555"/>
                <a:gd name="T99" fmla="*/ 292 h 489"/>
                <a:gd name="T100" fmla="*/ 114 w 555"/>
                <a:gd name="T101" fmla="*/ 290 h 489"/>
                <a:gd name="T102" fmla="*/ 77 w 555"/>
                <a:gd name="T103" fmla="*/ 278 h 489"/>
                <a:gd name="T104" fmla="*/ 60 w 555"/>
                <a:gd name="T105" fmla="*/ 276 h 489"/>
                <a:gd name="T106" fmla="*/ 57 w 555"/>
                <a:gd name="T107" fmla="*/ 272 h 489"/>
                <a:gd name="T108" fmla="*/ 28 w 555"/>
                <a:gd name="T109" fmla="*/ 280 h 489"/>
                <a:gd name="T110" fmla="*/ 18 w 555"/>
                <a:gd name="T111" fmla="*/ 275 h 489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w 555"/>
                <a:gd name="T169" fmla="*/ 0 h 489"/>
                <a:gd name="T170" fmla="*/ 555 w 555"/>
                <a:gd name="T171" fmla="*/ 489 h 489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T168" t="T169" r="T170" b="T171"/>
              <a:pathLst>
                <a:path w="555" h="489">
                  <a:moveTo>
                    <a:pt x="41" y="390"/>
                  </a:moveTo>
                  <a:lnTo>
                    <a:pt x="47" y="381"/>
                  </a:lnTo>
                  <a:lnTo>
                    <a:pt x="51" y="373"/>
                  </a:lnTo>
                  <a:lnTo>
                    <a:pt x="51" y="366"/>
                  </a:lnTo>
                  <a:lnTo>
                    <a:pt x="49" y="361"/>
                  </a:lnTo>
                  <a:lnTo>
                    <a:pt x="46" y="356"/>
                  </a:lnTo>
                  <a:lnTo>
                    <a:pt x="44" y="352"/>
                  </a:lnTo>
                  <a:lnTo>
                    <a:pt x="41" y="351"/>
                  </a:lnTo>
                  <a:lnTo>
                    <a:pt x="44" y="329"/>
                  </a:lnTo>
                  <a:lnTo>
                    <a:pt x="42" y="327"/>
                  </a:lnTo>
                  <a:lnTo>
                    <a:pt x="41" y="325"/>
                  </a:lnTo>
                  <a:lnTo>
                    <a:pt x="39" y="322"/>
                  </a:lnTo>
                  <a:lnTo>
                    <a:pt x="39" y="319"/>
                  </a:lnTo>
                  <a:lnTo>
                    <a:pt x="41" y="313"/>
                  </a:lnTo>
                  <a:lnTo>
                    <a:pt x="44" y="307"/>
                  </a:lnTo>
                  <a:lnTo>
                    <a:pt x="51" y="298"/>
                  </a:lnTo>
                  <a:lnTo>
                    <a:pt x="54" y="293"/>
                  </a:lnTo>
                  <a:lnTo>
                    <a:pt x="56" y="288"/>
                  </a:lnTo>
                  <a:lnTo>
                    <a:pt x="58" y="281"/>
                  </a:lnTo>
                  <a:lnTo>
                    <a:pt x="59" y="276"/>
                  </a:lnTo>
                  <a:lnTo>
                    <a:pt x="59" y="271"/>
                  </a:lnTo>
                  <a:lnTo>
                    <a:pt x="59" y="264"/>
                  </a:lnTo>
                  <a:lnTo>
                    <a:pt x="59" y="259"/>
                  </a:lnTo>
                  <a:lnTo>
                    <a:pt x="58" y="254"/>
                  </a:lnTo>
                  <a:lnTo>
                    <a:pt x="56" y="249"/>
                  </a:lnTo>
                  <a:lnTo>
                    <a:pt x="54" y="244"/>
                  </a:lnTo>
                  <a:lnTo>
                    <a:pt x="54" y="241"/>
                  </a:lnTo>
                  <a:lnTo>
                    <a:pt x="52" y="236"/>
                  </a:lnTo>
                  <a:lnTo>
                    <a:pt x="51" y="232"/>
                  </a:lnTo>
                  <a:lnTo>
                    <a:pt x="49" y="231"/>
                  </a:lnTo>
                  <a:lnTo>
                    <a:pt x="49" y="229"/>
                  </a:lnTo>
                  <a:lnTo>
                    <a:pt x="42" y="209"/>
                  </a:lnTo>
                  <a:lnTo>
                    <a:pt x="29" y="195"/>
                  </a:lnTo>
                  <a:lnTo>
                    <a:pt x="29" y="165"/>
                  </a:lnTo>
                  <a:lnTo>
                    <a:pt x="5" y="134"/>
                  </a:lnTo>
                  <a:lnTo>
                    <a:pt x="0" y="9"/>
                  </a:lnTo>
                  <a:lnTo>
                    <a:pt x="298" y="0"/>
                  </a:lnTo>
                  <a:lnTo>
                    <a:pt x="296" y="0"/>
                  </a:lnTo>
                  <a:lnTo>
                    <a:pt x="296" y="2"/>
                  </a:lnTo>
                  <a:lnTo>
                    <a:pt x="296" y="4"/>
                  </a:lnTo>
                  <a:lnTo>
                    <a:pt x="296" y="5"/>
                  </a:lnTo>
                  <a:lnTo>
                    <a:pt x="296" y="9"/>
                  </a:lnTo>
                  <a:lnTo>
                    <a:pt x="296" y="11"/>
                  </a:lnTo>
                  <a:lnTo>
                    <a:pt x="298" y="12"/>
                  </a:lnTo>
                  <a:lnTo>
                    <a:pt x="300" y="12"/>
                  </a:lnTo>
                  <a:lnTo>
                    <a:pt x="301" y="11"/>
                  </a:lnTo>
                  <a:lnTo>
                    <a:pt x="303" y="11"/>
                  </a:lnTo>
                  <a:lnTo>
                    <a:pt x="305" y="14"/>
                  </a:lnTo>
                  <a:lnTo>
                    <a:pt x="305" y="16"/>
                  </a:lnTo>
                  <a:lnTo>
                    <a:pt x="306" y="17"/>
                  </a:lnTo>
                  <a:lnTo>
                    <a:pt x="305" y="29"/>
                  </a:lnTo>
                  <a:lnTo>
                    <a:pt x="311" y="34"/>
                  </a:lnTo>
                  <a:lnTo>
                    <a:pt x="303" y="44"/>
                  </a:lnTo>
                  <a:lnTo>
                    <a:pt x="305" y="49"/>
                  </a:lnTo>
                  <a:lnTo>
                    <a:pt x="316" y="48"/>
                  </a:lnTo>
                  <a:lnTo>
                    <a:pt x="316" y="60"/>
                  </a:lnTo>
                  <a:lnTo>
                    <a:pt x="315" y="60"/>
                  </a:lnTo>
                  <a:lnTo>
                    <a:pt x="315" y="61"/>
                  </a:lnTo>
                  <a:lnTo>
                    <a:pt x="313" y="63"/>
                  </a:lnTo>
                  <a:lnTo>
                    <a:pt x="311" y="65"/>
                  </a:lnTo>
                  <a:lnTo>
                    <a:pt x="310" y="66"/>
                  </a:lnTo>
                  <a:lnTo>
                    <a:pt x="311" y="68"/>
                  </a:lnTo>
                  <a:lnTo>
                    <a:pt x="313" y="70"/>
                  </a:lnTo>
                  <a:lnTo>
                    <a:pt x="320" y="70"/>
                  </a:lnTo>
                  <a:lnTo>
                    <a:pt x="320" y="71"/>
                  </a:lnTo>
                  <a:lnTo>
                    <a:pt x="320" y="73"/>
                  </a:lnTo>
                  <a:lnTo>
                    <a:pt x="318" y="75"/>
                  </a:lnTo>
                  <a:lnTo>
                    <a:pt x="318" y="78"/>
                  </a:lnTo>
                  <a:lnTo>
                    <a:pt x="320" y="80"/>
                  </a:lnTo>
                  <a:lnTo>
                    <a:pt x="323" y="82"/>
                  </a:lnTo>
                  <a:lnTo>
                    <a:pt x="328" y="82"/>
                  </a:lnTo>
                  <a:lnTo>
                    <a:pt x="327" y="85"/>
                  </a:lnTo>
                  <a:lnTo>
                    <a:pt x="325" y="87"/>
                  </a:lnTo>
                  <a:lnTo>
                    <a:pt x="325" y="90"/>
                  </a:lnTo>
                  <a:lnTo>
                    <a:pt x="323" y="93"/>
                  </a:lnTo>
                  <a:lnTo>
                    <a:pt x="322" y="97"/>
                  </a:lnTo>
                  <a:lnTo>
                    <a:pt x="320" y="99"/>
                  </a:lnTo>
                  <a:lnTo>
                    <a:pt x="320" y="100"/>
                  </a:lnTo>
                  <a:lnTo>
                    <a:pt x="318" y="100"/>
                  </a:lnTo>
                  <a:lnTo>
                    <a:pt x="315" y="100"/>
                  </a:lnTo>
                  <a:lnTo>
                    <a:pt x="310" y="102"/>
                  </a:lnTo>
                  <a:lnTo>
                    <a:pt x="306" y="102"/>
                  </a:lnTo>
                  <a:lnTo>
                    <a:pt x="303" y="104"/>
                  </a:lnTo>
                  <a:lnTo>
                    <a:pt x="303" y="105"/>
                  </a:lnTo>
                  <a:lnTo>
                    <a:pt x="306" y="107"/>
                  </a:lnTo>
                  <a:lnTo>
                    <a:pt x="313" y="110"/>
                  </a:lnTo>
                  <a:lnTo>
                    <a:pt x="313" y="112"/>
                  </a:lnTo>
                  <a:lnTo>
                    <a:pt x="313" y="114"/>
                  </a:lnTo>
                  <a:lnTo>
                    <a:pt x="311" y="119"/>
                  </a:lnTo>
                  <a:lnTo>
                    <a:pt x="308" y="122"/>
                  </a:lnTo>
                  <a:lnTo>
                    <a:pt x="306" y="126"/>
                  </a:lnTo>
                  <a:lnTo>
                    <a:pt x="303" y="129"/>
                  </a:lnTo>
                  <a:lnTo>
                    <a:pt x="303" y="132"/>
                  </a:lnTo>
                  <a:lnTo>
                    <a:pt x="301" y="134"/>
                  </a:lnTo>
                  <a:lnTo>
                    <a:pt x="300" y="146"/>
                  </a:lnTo>
                  <a:lnTo>
                    <a:pt x="291" y="146"/>
                  </a:lnTo>
                  <a:lnTo>
                    <a:pt x="284" y="173"/>
                  </a:lnTo>
                  <a:lnTo>
                    <a:pt x="276" y="178"/>
                  </a:lnTo>
                  <a:lnTo>
                    <a:pt x="284" y="178"/>
                  </a:lnTo>
                  <a:lnTo>
                    <a:pt x="284" y="180"/>
                  </a:lnTo>
                  <a:lnTo>
                    <a:pt x="283" y="180"/>
                  </a:lnTo>
                  <a:lnTo>
                    <a:pt x="279" y="183"/>
                  </a:lnTo>
                  <a:lnTo>
                    <a:pt x="278" y="185"/>
                  </a:lnTo>
                  <a:lnTo>
                    <a:pt x="274" y="188"/>
                  </a:lnTo>
                  <a:lnTo>
                    <a:pt x="274" y="190"/>
                  </a:lnTo>
                  <a:lnTo>
                    <a:pt x="274" y="193"/>
                  </a:lnTo>
                  <a:lnTo>
                    <a:pt x="276" y="195"/>
                  </a:lnTo>
                  <a:lnTo>
                    <a:pt x="276" y="197"/>
                  </a:lnTo>
                  <a:lnTo>
                    <a:pt x="274" y="198"/>
                  </a:lnTo>
                  <a:lnTo>
                    <a:pt x="272" y="200"/>
                  </a:lnTo>
                  <a:lnTo>
                    <a:pt x="269" y="203"/>
                  </a:lnTo>
                  <a:lnTo>
                    <a:pt x="269" y="207"/>
                  </a:lnTo>
                  <a:lnTo>
                    <a:pt x="267" y="209"/>
                  </a:lnTo>
                  <a:lnTo>
                    <a:pt x="269" y="210"/>
                  </a:lnTo>
                  <a:lnTo>
                    <a:pt x="272" y="210"/>
                  </a:lnTo>
                  <a:lnTo>
                    <a:pt x="274" y="212"/>
                  </a:lnTo>
                  <a:lnTo>
                    <a:pt x="274" y="215"/>
                  </a:lnTo>
                  <a:lnTo>
                    <a:pt x="272" y="217"/>
                  </a:lnTo>
                  <a:lnTo>
                    <a:pt x="267" y="222"/>
                  </a:lnTo>
                  <a:lnTo>
                    <a:pt x="264" y="224"/>
                  </a:lnTo>
                  <a:lnTo>
                    <a:pt x="261" y="225"/>
                  </a:lnTo>
                  <a:lnTo>
                    <a:pt x="259" y="227"/>
                  </a:lnTo>
                  <a:lnTo>
                    <a:pt x="259" y="231"/>
                  </a:lnTo>
                  <a:lnTo>
                    <a:pt x="259" y="232"/>
                  </a:lnTo>
                  <a:lnTo>
                    <a:pt x="261" y="234"/>
                  </a:lnTo>
                  <a:lnTo>
                    <a:pt x="262" y="236"/>
                  </a:lnTo>
                  <a:lnTo>
                    <a:pt x="264" y="236"/>
                  </a:lnTo>
                  <a:lnTo>
                    <a:pt x="266" y="237"/>
                  </a:lnTo>
                  <a:lnTo>
                    <a:pt x="264" y="239"/>
                  </a:lnTo>
                  <a:lnTo>
                    <a:pt x="264" y="242"/>
                  </a:lnTo>
                  <a:lnTo>
                    <a:pt x="264" y="244"/>
                  </a:lnTo>
                  <a:lnTo>
                    <a:pt x="262" y="247"/>
                  </a:lnTo>
                  <a:lnTo>
                    <a:pt x="262" y="251"/>
                  </a:lnTo>
                  <a:lnTo>
                    <a:pt x="262" y="253"/>
                  </a:lnTo>
                  <a:lnTo>
                    <a:pt x="262" y="254"/>
                  </a:lnTo>
                  <a:lnTo>
                    <a:pt x="462" y="241"/>
                  </a:lnTo>
                  <a:lnTo>
                    <a:pt x="462" y="264"/>
                  </a:lnTo>
                  <a:lnTo>
                    <a:pt x="460" y="264"/>
                  </a:lnTo>
                  <a:lnTo>
                    <a:pt x="459" y="268"/>
                  </a:lnTo>
                  <a:lnTo>
                    <a:pt x="457" y="273"/>
                  </a:lnTo>
                  <a:lnTo>
                    <a:pt x="455" y="276"/>
                  </a:lnTo>
                  <a:lnTo>
                    <a:pt x="454" y="283"/>
                  </a:lnTo>
                  <a:lnTo>
                    <a:pt x="454" y="288"/>
                  </a:lnTo>
                  <a:lnTo>
                    <a:pt x="457" y="293"/>
                  </a:lnTo>
                  <a:lnTo>
                    <a:pt x="462" y="297"/>
                  </a:lnTo>
                  <a:lnTo>
                    <a:pt x="464" y="298"/>
                  </a:lnTo>
                  <a:lnTo>
                    <a:pt x="467" y="302"/>
                  </a:lnTo>
                  <a:lnTo>
                    <a:pt x="470" y="307"/>
                  </a:lnTo>
                  <a:lnTo>
                    <a:pt x="476" y="313"/>
                  </a:lnTo>
                  <a:lnTo>
                    <a:pt x="479" y="320"/>
                  </a:lnTo>
                  <a:lnTo>
                    <a:pt x="482" y="327"/>
                  </a:lnTo>
                  <a:lnTo>
                    <a:pt x="482" y="335"/>
                  </a:lnTo>
                  <a:lnTo>
                    <a:pt x="481" y="342"/>
                  </a:lnTo>
                  <a:lnTo>
                    <a:pt x="479" y="342"/>
                  </a:lnTo>
                  <a:lnTo>
                    <a:pt x="477" y="342"/>
                  </a:lnTo>
                  <a:lnTo>
                    <a:pt x="474" y="342"/>
                  </a:lnTo>
                  <a:lnTo>
                    <a:pt x="472" y="342"/>
                  </a:lnTo>
                  <a:lnTo>
                    <a:pt x="470" y="342"/>
                  </a:lnTo>
                  <a:lnTo>
                    <a:pt x="469" y="342"/>
                  </a:lnTo>
                  <a:lnTo>
                    <a:pt x="467" y="342"/>
                  </a:lnTo>
                  <a:lnTo>
                    <a:pt x="450" y="334"/>
                  </a:lnTo>
                  <a:lnTo>
                    <a:pt x="445" y="335"/>
                  </a:lnTo>
                  <a:lnTo>
                    <a:pt x="443" y="334"/>
                  </a:lnTo>
                  <a:lnTo>
                    <a:pt x="442" y="332"/>
                  </a:lnTo>
                  <a:lnTo>
                    <a:pt x="440" y="329"/>
                  </a:lnTo>
                  <a:lnTo>
                    <a:pt x="437" y="325"/>
                  </a:lnTo>
                  <a:lnTo>
                    <a:pt x="432" y="322"/>
                  </a:lnTo>
                  <a:lnTo>
                    <a:pt x="426" y="322"/>
                  </a:lnTo>
                  <a:lnTo>
                    <a:pt x="421" y="324"/>
                  </a:lnTo>
                  <a:lnTo>
                    <a:pt x="415" y="329"/>
                  </a:lnTo>
                  <a:lnTo>
                    <a:pt x="413" y="330"/>
                  </a:lnTo>
                  <a:lnTo>
                    <a:pt x="411" y="332"/>
                  </a:lnTo>
                  <a:lnTo>
                    <a:pt x="410" y="335"/>
                  </a:lnTo>
                  <a:lnTo>
                    <a:pt x="408" y="339"/>
                  </a:lnTo>
                  <a:lnTo>
                    <a:pt x="404" y="341"/>
                  </a:lnTo>
                  <a:lnTo>
                    <a:pt x="403" y="344"/>
                  </a:lnTo>
                  <a:lnTo>
                    <a:pt x="403" y="346"/>
                  </a:lnTo>
                  <a:lnTo>
                    <a:pt x="401" y="346"/>
                  </a:lnTo>
                  <a:lnTo>
                    <a:pt x="401" y="347"/>
                  </a:lnTo>
                  <a:lnTo>
                    <a:pt x="399" y="349"/>
                  </a:lnTo>
                  <a:lnTo>
                    <a:pt x="398" y="352"/>
                  </a:lnTo>
                  <a:lnTo>
                    <a:pt x="398" y="356"/>
                  </a:lnTo>
                  <a:lnTo>
                    <a:pt x="399" y="359"/>
                  </a:lnTo>
                  <a:lnTo>
                    <a:pt x="403" y="361"/>
                  </a:lnTo>
                  <a:lnTo>
                    <a:pt x="411" y="364"/>
                  </a:lnTo>
                  <a:lnTo>
                    <a:pt x="423" y="364"/>
                  </a:lnTo>
                  <a:lnTo>
                    <a:pt x="426" y="366"/>
                  </a:lnTo>
                  <a:lnTo>
                    <a:pt x="428" y="366"/>
                  </a:lnTo>
                  <a:lnTo>
                    <a:pt x="433" y="366"/>
                  </a:lnTo>
                  <a:lnTo>
                    <a:pt x="437" y="364"/>
                  </a:lnTo>
                  <a:lnTo>
                    <a:pt x="443" y="363"/>
                  </a:lnTo>
                  <a:lnTo>
                    <a:pt x="450" y="359"/>
                  </a:lnTo>
                  <a:lnTo>
                    <a:pt x="457" y="352"/>
                  </a:lnTo>
                  <a:lnTo>
                    <a:pt x="459" y="352"/>
                  </a:lnTo>
                  <a:lnTo>
                    <a:pt x="462" y="352"/>
                  </a:lnTo>
                  <a:lnTo>
                    <a:pt x="464" y="356"/>
                  </a:lnTo>
                  <a:lnTo>
                    <a:pt x="465" y="356"/>
                  </a:lnTo>
                  <a:lnTo>
                    <a:pt x="474" y="347"/>
                  </a:lnTo>
                  <a:lnTo>
                    <a:pt x="481" y="352"/>
                  </a:lnTo>
                  <a:lnTo>
                    <a:pt x="474" y="363"/>
                  </a:lnTo>
                  <a:lnTo>
                    <a:pt x="472" y="363"/>
                  </a:lnTo>
                  <a:lnTo>
                    <a:pt x="469" y="364"/>
                  </a:lnTo>
                  <a:lnTo>
                    <a:pt x="465" y="366"/>
                  </a:lnTo>
                  <a:lnTo>
                    <a:pt x="462" y="368"/>
                  </a:lnTo>
                  <a:lnTo>
                    <a:pt x="460" y="369"/>
                  </a:lnTo>
                  <a:lnTo>
                    <a:pt x="459" y="373"/>
                  </a:lnTo>
                  <a:lnTo>
                    <a:pt x="462" y="373"/>
                  </a:lnTo>
                  <a:lnTo>
                    <a:pt x="470" y="374"/>
                  </a:lnTo>
                  <a:lnTo>
                    <a:pt x="472" y="374"/>
                  </a:lnTo>
                  <a:lnTo>
                    <a:pt x="474" y="376"/>
                  </a:lnTo>
                  <a:lnTo>
                    <a:pt x="479" y="378"/>
                  </a:lnTo>
                  <a:lnTo>
                    <a:pt x="484" y="379"/>
                  </a:lnTo>
                  <a:lnTo>
                    <a:pt x="487" y="381"/>
                  </a:lnTo>
                  <a:lnTo>
                    <a:pt x="491" y="379"/>
                  </a:lnTo>
                  <a:lnTo>
                    <a:pt x="491" y="378"/>
                  </a:lnTo>
                  <a:lnTo>
                    <a:pt x="489" y="373"/>
                  </a:lnTo>
                  <a:lnTo>
                    <a:pt x="489" y="371"/>
                  </a:lnTo>
                  <a:lnTo>
                    <a:pt x="491" y="369"/>
                  </a:lnTo>
                  <a:lnTo>
                    <a:pt x="492" y="368"/>
                  </a:lnTo>
                  <a:lnTo>
                    <a:pt x="494" y="364"/>
                  </a:lnTo>
                  <a:lnTo>
                    <a:pt x="496" y="363"/>
                  </a:lnTo>
                  <a:lnTo>
                    <a:pt x="496" y="361"/>
                  </a:lnTo>
                  <a:lnTo>
                    <a:pt x="498" y="359"/>
                  </a:lnTo>
                  <a:lnTo>
                    <a:pt x="499" y="357"/>
                  </a:lnTo>
                  <a:lnTo>
                    <a:pt x="503" y="357"/>
                  </a:lnTo>
                  <a:lnTo>
                    <a:pt x="504" y="357"/>
                  </a:lnTo>
                  <a:lnTo>
                    <a:pt x="506" y="357"/>
                  </a:lnTo>
                  <a:lnTo>
                    <a:pt x="504" y="359"/>
                  </a:lnTo>
                  <a:lnTo>
                    <a:pt x="503" y="361"/>
                  </a:lnTo>
                  <a:lnTo>
                    <a:pt x="503" y="364"/>
                  </a:lnTo>
                  <a:lnTo>
                    <a:pt x="504" y="366"/>
                  </a:lnTo>
                  <a:lnTo>
                    <a:pt x="506" y="369"/>
                  </a:lnTo>
                  <a:lnTo>
                    <a:pt x="508" y="369"/>
                  </a:lnTo>
                  <a:lnTo>
                    <a:pt x="506" y="383"/>
                  </a:lnTo>
                  <a:lnTo>
                    <a:pt x="509" y="388"/>
                  </a:lnTo>
                  <a:lnTo>
                    <a:pt x="523" y="388"/>
                  </a:lnTo>
                  <a:lnTo>
                    <a:pt x="521" y="395"/>
                  </a:lnTo>
                  <a:lnTo>
                    <a:pt x="506" y="395"/>
                  </a:lnTo>
                  <a:lnTo>
                    <a:pt x="499" y="400"/>
                  </a:lnTo>
                  <a:lnTo>
                    <a:pt x="486" y="400"/>
                  </a:lnTo>
                  <a:lnTo>
                    <a:pt x="486" y="417"/>
                  </a:lnTo>
                  <a:lnTo>
                    <a:pt x="486" y="418"/>
                  </a:lnTo>
                  <a:lnTo>
                    <a:pt x="486" y="422"/>
                  </a:lnTo>
                  <a:lnTo>
                    <a:pt x="486" y="423"/>
                  </a:lnTo>
                  <a:lnTo>
                    <a:pt x="486" y="427"/>
                  </a:lnTo>
                  <a:lnTo>
                    <a:pt x="487" y="429"/>
                  </a:lnTo>
                  <a:lnTo>
                    <a:pt x="489" y="430"/>
                  </a:lnTo>
                  <a:lnTo>
                    <a:pt x="494" y="432"/>
                  </a:lnTo>
                  <a:lnTo>
                    <a:pt x="499" y="437"/>
                  </a:lnTo>
                  <a:lnTo>
                    <a:pt x="504" y="442"/>
                  </a:lnTo>
                  <a:lnTo>
                    <a:pt x="516" y="442"/>
                  </a:lnTo>
                  <a:lnTo>
                    <a:pt x="523" y="449"/>
                  </a:lnTo>
                  <a:lnTo>
                    <a:pt x="543" y="456"/>
                  </a:lnTo>
                  <a:lnTo>
                    <a:pt x="542" y="462"/>
                  </a:lnTo>
                  <a:lnTo>
                    <a:pt x="555" y="462"/>
                  </a:lnTo>
                  <a:lnTo>
                    <a:pt x="553" y="474"/>
                  </a:lnTo>
                  <a:lnTo>
                    <a:pt x="542" y="479"/>
                  </a:lnTo>
                  <a:lnTo>
                    <a:pt x="540" y="486"/>
                  </a:lnTo>
                  <a:lnTo>
                    <a:pt x="531" y="478"/>
                  </a:lnTo>
                  <a:lnTo>
                    <a:pt x="530" y="478"/>
                  </a:lnTo>
                  <a:lnTo>
                    <a:pt x="528" y="481"/>
                  </a:lnTo>
                  <a:lnTo>
                    <a:pt x="525" y="484"/>
                  </a:lnTo>
                  <a:lnTo>
                    <a:pt x="521" y="488"/>
                  </a:lnTo>
                  <a:lnTo>
                    <a:pt x="520" y="489"/>
                  </a:lnTo>
                  <a:lnTo>
                    <a:pt x="518" y="489"/>
                  </a:lnTo>
                  <a:lnTo>
                    <a:pt x="518" y="486"/>
                  </a:lnTo>
                  <a:lnTo>
                    <a:pt x="521" y="478"/>
                  </a:lnTo>
                  <a:lnTo>
                    <a:pt x="521" y="474"/>
                  </a:lnTo>
                  <a:lnTo>
                    <a:pt x="518" y="471"/>
                  </a:lnTo>
                  <a:lnTo>
                    <a:pt x="514" y="469"/>
                  </a:lnTo>
                  <a:lnTo>
                    <a:pt x="513" y="467"/>
                  </a:lnTo>
                  <a:lnTo>
                    <a:pt x="513" y="466"/>
                  </a:lnTo>
                  <a:lnTo>
                    <a:pt x="513" y="464"/>
                  </a:lnTo>
                  <a:lnTo>
                    <a:pt x="511" y="462"/>
                  </a:lnTo>
                  <a:lnTo>
                    <a:pt x="508" y="461"/>
                  </a:lnTo>
                  <a:lnTo>
                    <a:pt x="503" y="457"/>
                  </a:lnTo>
                  <a:lnTo>
                    <a:pt x="494" y="456"/>
                  </a:lnTo>
                  <a:lnTo>
                    <a:pt x="484" y="454"/>
                  </a:lnTo>
                  <a:lnTo>
                    <a:pt x="481" y="454"/>
                  </a:lnTo>
                  <a:lnTo>
                    <a:pt x="477" y="454"/>
                  </a:lnTo>
                  <a:lnTo>
                    <a:pt x="476" y="452"/>
                  </a:lnTo>
                  <a:lnTo>
                    <a:pt x="472" y="452"/>
                  </a:lnTo>
                  <a:lnTo>
                    <a:pt x="470" y="452"/>
                  </a:lnTo>
                  <a:lnTo>
                    <a:pt x="469" y="451"/>
                  </a:lnTo>
                  <a:lnTo>
                    <a:pt x="469" y="447"/>
                  </a:lnTo>
                  <a:lnTo>
                    <a:pt x="467" y="442"/>
                  </a:lnTo>
                  <a:lnTo>
                    <a:pt x="465" y="439"/>
                  </a:lnTo>
                  <a:lnTo>
                    <a:pt x="464" y="435"/>
                  </a:lnTo>
                  <a:lnTo>
                    <a:pt x="462" y="432"/>
                  </a:lnTo>
                  <a:lnTo>
                    <a:pt x="459" y="432"/>
                  </a:lnTo>
                  <a:lnTo>
                    <a:pt x="454" y="435"/>
                  </a:lnTo>
                  <a:lnTo>
                    <a:pt x="452" y="435"/>
                  </a:lnTo>
                  <a:lnTo>
                    <a:pt x="447" y="432"/>
                  </a:lnTo>
                  <a:lnTo>
                    <a:pt x="440" y="429"/>
                  </a:lnTo>
                  <a:lnTo>
                    <a:pt x="435" y="425"/>
                  </a:lnTo>
                  <a:lnTo>
                    <a:pt x="430" y="423"/>
                  </a:lnTo>
                  <a:lnTo>
                    <a:pt x="428" y="425"/>
                  </a:lnTo>
                  <a:lnTo>
                    <a:pt x="433" y="430"/>
                  </a:lnTo>
                  <a:lnTo>
                    <a:pt x="443" y="440"/>
                  </a:lnTo>
                  <a:lnTo>
                    <a:pt x="443" y="444"/>
                  </a:lnTo>
                  <a:lnTo>
                    <a:pt x="443" y="445"/>
                  </a:lnTo>
                  <a:lnTo>
                    <a:pt x="445" y="449"/>
                  </a:lnTo>
                  <a:lnTo>
                    <a:pt x="445" y="451"/>
                  </a:lnTo>
                  <a:lnTo>
                    <a:pt x="443" y="451"/>
                  </a:lnTo>
                  <a:lnTo>
                    <a:pt x="442" y="451"/>
                  </a:lnTo>
                  <a:lnTo>
                    <a:pt x="438" y="449"/>
                  </a:lnTo>
                  <a:lnTo>
                    <a:pt x="435" y="451"/>
                  </a:lnTo>
                  <a:lnTo>
                    <a:pt x="433" y="451"/>
                  </a:lnTo>
                  <a:lnTo>
                    <a:pt x="432" y="452"/>
                  </a:lnTo>
                  <a:lnTo>
                    <a:pt x="433" y="456"/>
                  </a:lnTo>
                  <a:lnTo>
                    <a:pt x="437" y="461"/>
                  </a:lnTo>
                  <a:lnTo>
                    <a:pt x="438" y="462"/>
                  </a:lnTo>
                  <a:lnTo>
                    <a:pt x="442" y="466"/>
                  </a:lnTo>
                  <a:lnTo>
                    <a:pt x="445" y="469"/>
                  </a:lnTo>
                  <a:lnTo>
                    <a:pt x="445" y="471"/>
                  </a:lnTo>
                  <a:lnTo>
                    <a:pt x="432" y="484"/>
                  </a:lnTo>
                  <a:lnTo>
                    <a:pt x="430" y="484"/>
                  </a:lnTo>
                  <a:lnTo>
                    <a:pt x="428" y="484"/>
                  </a:lnTo>
                  <a:lnTo>
                    <a:pt x="425" y="483"/>
                  </a:lnTo>
                  <a:lnTo>
                    <a:pt x="425" y="481"/>
                  </a:lnTo>
                  <a:lnTo>
                    <a:pt x="423" y="478"/>
                  </a:lnTo>
                  <a:lnTo>
                    <a:pt x="423" y="473"/>
                  </a:lnTo>
                  <a:lnTo>
                    <a:pt x="411" y="459"/>
                  </a:lnTo>
                  <a:lnTo>
                    <a:pt x="401" y="454"/>
                  </a:lnTo>
                  <a:lnTo>
                    <a:pt x="393" y="462"/>
                  </a:lnTo>
                  <a:lnTo>
                    <a:pt x="386" y="459"/>
                  </a:lnTo>
                  <a:lnTo>
                    <a:pt x="388" y="469"/>
                  </a:lnTo>
                  <a:lnTo>
                    <a:pt x="369" y="484"/>
                  </a:lnTo>
                  <a:lnTo>
                    <a:pt x="366" y="486"/>
                  </a:lnTo>
                  <a:lnTo>
                    <a:pt x="362" y="486"/>
                  </a:lnTo>
                  <a:lnTo>
                    <a:pt x="359" y="486"/>
                  </a:lnTo>
                  <a:lnTo>
                    <a:pt x="355" y="484"/>
                  </a:lnTo>
                  <a:lnTo>
                    <a:pt x="352" y="481"/>
                  </a:lnTo>
                  <a:lnTo>
                    <a:pt x="352" y="478"/>
                  </a:lnTo>
                  <a:lnTo>
                    <a:pt x="355" y="471"/>
                  </a:lnTo>
                  <a:lnTo>
                    <a:pt x="355" y="469"/>
                  </a:lnTo>
                  <a:lnTo>
                    <a:pt x="359" y="467"/>
                  </a:lnTo>
                  <a:lnTo>
                    <a:pt x="360" y="466"/>
                  </a:lnTo>
                  <a:lnTo>
                    <a:pt x="362" y="466"/>
                  </a:lnTo>
                  <a:lnTo>
                    <a:pt x="345" y="467"/>
                  </a:lnTo>
                  <a:lnTo>
                    <a:pt x="342" y="478"/>
                  </a:lnTo>
                  <a:lnTo>
                    <a:pt x="327" y="471"/>
                  </a:lnTo>
                  <a:lnTo>
                    <a:pt x="330" y="462"/>
                  </a:lnTo>
                  <a:lnTo>
                    <a:pt x="308" y="440"/>
                  </a:lnTo>
                  <a:lnTo>
                    <a:pt x="301" y="440"/>
                  </a:lnTo>
                  <a:lnTo>
                    <a:pt x="289" y="435"/>
                  </a:lnTo>
                  <a:lnTo>
                    <a:pt x="288" y="437"/>
                  </a:lnTo>
                  <a:lnTo>
                    <a:pt x="286" y="437"/>
                  </a:lnTo>
                  <a:lnTo>
                    <a:pt x="284" y="439"/>
                  </a:lnTo>
                  <a:lnTo>
                    <a:pt x="281" y="439"/>
                  </a:lnTo>
                  <a:lnTo>
                    <a:pt x="281" y="437"/>
                  </a:lnTo>
                  <a:lnTo>
                    <a:pt x="279" y="435"/>
                  </a:lnTo>
                  <a:lnTo>
                    <a:pt x="278" y="432"/>
                  </a:lnTo>
                  <a:lnTo>
                    <a:pt x="278" y="423"/>
                  </a:lnTo>
                  <a:lnTo>
                    <a:pt x="271" y="420"/>
                  </a:lnTo>
                  <a:lnTo>
                    <a:pt x="271" y="418"/>
                  </a:lnTo>
                  <a:lnTo>
                    <a:pt x="271" y="417"/>
                  </a:lnTo>
                  <a:lnTo>
                    <a:pt x="269" y="413"/>
                  </a:lnTo>
                  <a:lnTo>
                    <a:pt x="269" y="412"/>
                  </a:lnTo>
                  <a:lnTo>
                    <a:pt x="267" y="408"/>
                  </a:lnTo>
                  <a:lnTo>
                    <a:pt x="264" y="407"/>
                  </a:lnTo>
                  <a:lnTo>
                    <a:pt x="261" y="408"/>
                  </a:lnTo>
                  <a:lnTo>
                    <a:pt x="256" y="412"/>
                  </a:lnTo>
                  <a:lnTo>
                    <a:pt x="254" y="413"/>
                  </a:lnTo>
                  <a:lnTo>
                    <a:pt x="252" y="415"/>
                  </a:lnTo>
                  <a:lnTo>
                    <a:pt x="250" y="417"/>
                  </a:lnTo>
                  <a:lnTo>
                    <a:pt x="247" y="417"/>
                  </a:lnTo>
                  <a:lnTo>
                    <a:pt x="245" y="415"/>
                  </a:lnTo>
                  <a:lnTo>
                    <a:pt x="244" y="412"/>
                  </a:lnTo>
                  <a:lnTo>
                    <a:pt x="244" y="405"/>
                  </a:lnTo>
                  <a:lnTo>
                    <a:pt x="245" y="403"/>
                  </a:lnTo>
                  <a:lnTo>
                    <a:pt x="245" y="401"/>
                  </a:lnTo>
                  <a:lnTo>
                    <a:pt x="245" y="400"/>
                  </a:lnTo>
                  <a:lnTo>
                    <a:pt x="232" y="401"/>
                  </a:lnTo>
                  <a:lnTo>
                    <a:pt x="215" y="412"/>
                  </a:lnTo>
                  <a:lnTo>
                    <a:pt x="210" y="415"/>
                  </a:lnTo>
                  <a:lnTo>
                    <a:pt x="225" y="429"/>
                  </a:lnTo>
                  <a:lnTo>
                    <a:pt x="223" y="435"/>
                  </a:lnTo>
                  <a:lnTo>
                    <a:pt x="203" y="440"/>
                  </a:lnTo>
                  <a:lnTo>
                    <a:pt x="200" y="440"/>
                  </a:lnTo>
                  <a:lnTo>
                    <a:pt x="196" y="440"/>
                  </a:lnTo>
                  <a:lnTo>
                    <a:pt x="193" y="440"/>
                  </a:lnTo>
                  <a:lnTo>
                    <a:pt x="186" y="440"/>
                  </a:lnTo>
                  <a:lnTo>
                    <a:pt x="179" y="439"/>
                  </a:lnTo>
                  <a:lnTo>
                    <a:pt x="173" y="439"/>
                  </a:lnTo>
                  <a:lnTo>
                    <a:pt x="166" y="437"/>
                  </a:lnTo>
                  <a:lnTo>
                    <a:pt x="159" y="435"/>
                  </a:lnTo>
                  <a:lnTo>
                    <a:pt x="151" y="434"/>
                  </a:lnTo>
                  <a:lnTo>
                    <a:pt x="142" y="432"/>
                  </a:lnTo>
                  <a:lnTo>
                    <a:pt x="135" y="430"/>
                  </a:lnTo>
                  <a:lnTo>
                    <a:pt x="129" y="427"/>
                  </a:lnTo>
                  <a:lnTo>
                    <a:pt x="122" y="423"/>
                  </a:lnTo>
                  <a:lnTo>
                    <a:pt x="117" y="420"/>
                  </a:lnTo>
                  <a:lnTo>
                    <a:pt x="112" y="417"/>
                  </a:lnTo>
                  <a:lnTo>
                    <a:pt x="108" y="417"/>
                  </a:lnTo>
                  <a:lnTo>
                    <a:pt x="105" y="417"/>
                  </a:lnTo>
                  <a:lnTo>
                    <a:pt x="100" y="415"/>
                  </a:lnTo>
                  <a:lnTo>
                    <a:pt x="95" y="415"/>
                  </a:lnTo>
                  <a:lnTo>
                    <a:pt x="91" y="415"/>
                  </a:lnTo>
                  <a:lnTo>
                    <a:pt x="90" y="415"/>
                  </a:lnTo>
                  <a:lnTo>
                    <a:pt x="88" y="415"/>
                  </a:lnTo>
                  <a:lnTo>
                    <a:pt x="90" y="407"/>
                  </a:lnTo>
                  <a:lnTo>
                    <a:pt x="98" y="400"/>
                  </a:lnTo>
                  <a:lnTo>
                    <a:pt x="88" y="381"/>
                  </a:lnTo>
                  <a:lnTo>
                    <a:pt x="81" y="391"/>
                  </a:lnTo>
                  <a:lnTo>
                    <a:pt x="85" y="396"/>
                  </a:lnTo>
                  <a:lnTo>
                    <a:pt x="81" y="400"/>
                  </a:lnTo>
                  <a:lnTo>
                    <a:pt x="76" y="405"/>
                  </a:lnTo>
                  <a:lnTo>
                    <a:pt x="85" y="408"/>
                  </a:lnTo>
                  <a:lnTo>
                    <a:pt x="81" y="417"/>
                  </a:lnTo>
                  <a:lnTo>
                    <a:pt x="76" y="417"/>
                  </a:lnTo>
                  <a:lnTo>
                    <a:pt x="71" y="417"/>
                  </a:lnTo>
                  <a:lnTo>
                    <a:pt x="64" y="417"/>
                  </a:lnTo>
                  <a:lnTo>
                    <a:pt x="56" y="417"/>
                  </a:lnTo>
                  <a:lnTo>
                    <a:pt x="49" y="418"/>
                  </a:lnTo>
                  <a:lnTo>
                    <a:pt x="42" y="420"/>
                  </a:lnTo>
                  <a:lnTo>
                    <a:pt x="36" y="423"/>
                  </a:lnTo>
                  <a:lnTo>
                    <a:pt x="34" y="423"/>
                  </a:lnTo>
                  <a:lnTo>
                    <a:pt x="32" y="422"/>
                  </a:lnTo>
                  <a:lnTo>
                    <a:pt x="32" y="420"/>
                  </a:lnTo>
                  <a:lnTo>
                    <a:pt x="30" y="417"/>
                  </a:lnTo>
                  <a:lnTo>
                    <a:pt x="29" y="415"/>
                  </a:lnTo>
                  <a:lnTo>
                    <a:pt x="29" y="413"/>
                  </a:lnTo>
                  <a:lnTo>
                    <a:pt x="27" y="413"/>
                  </a:lnTo>
                  <a:lnTo>
                    <a:pt x="39" y="400"/>
                  </a:lnTo>
                  <a:lnTo>
                    <a:pt x="41" y="390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4" name="Freeform 61"/>
            <p:cNvSpPr>
              <a:spLocks/>
            </p:cNvSpPr>
            <p:nvPr/>
          </p:nvSpPr>
          <p:spPr bwMode="auto">
            <a:xfrm>
              <a:off x="3486" y="1959"/>
              <a:ext cx="289" cy="512"/>
            </a:xfrm>
            <a:custGeom>
              <a:avLst/>
              <a:gdLst>
                <a:gd name="T0" fmla="*/ 0 w 298"/>
                <a:gd name="T1" fmla="*/ 333 h 528"/>
                <a:gd name="T2" fmla="*/ 5 w 298"/>
                <a:gd name="T3" fmla="*/ 327 h 528"/>
                <a:gd name="T4" fmla="*/ 7 w 298"/>
                <a:gd name="T5" fmla="*/ 317 h 528"/>
                <a:gd name="T6" fmla="*/ 10 w 298"/>
                <a:gd name="T7" fmla="*/ 307 h 528"/>
                <a:gd name="T8" fmla="*/ 16 w 298"/>
                <a:gd name="T9" fmla="*/ 297 h 528"/>
                <a:gd name="T10" fmla="*/ 20 w 298"/>
                <a:gd name="T11" fmla="*/ 277 h 528"/>
                <a:gd name="T12" fmla="*/ 24 w 298"/>
                <a:gd name="T13" fmla="*/ 271 h 528"/>
                <a:gd name="T14" fmla="*/ 29 w 298"/>
                <a:gd name="T15" fmla="*/ 255 h 528"/>
                <a:gd name="T16" fmla="*/ 18 w 298"/>
                <a:gd name="T17" fmla="*/ 238 h 528"/>
                <a:gd name="T18" fmla="*/ 16 w 298"/>
                <a:gd name="T19" fmla="*/ 217 h 528"/>
                <a:gd name="T20" fmla="*/ 18 w 298"/>
                <a:gd name="T21" fmla="*/ 208 h 528"/>
                <a:gd name="T22" fmla="*/ 16 w 298"/>
                <a:gd name="T23" fmla="*/ 189 h 528"/>
                <a:gd name="T24" fmla="*/ 16 w 298"/>
                <a:gd name="T25" fmla="*/ 161 h 528"/>
                <a:gd name="T26" fmla="*/ 16 w 298"/>
                <a:gd name="T27" fmla="*/ 127 h 528"/>
                <a:gd name="T28" fmla="*/ 16 w 298"/>
                <a:gd name="T29" fmla="*/ 91 h 528"/>
                <a:gd name="T30" fmla="*/ 12 w 298"/>
                <a:gd name="T31" fmla="*/ 59 h 528"/>
                <a:gd name="T32" fmla="*/ 9 w 298"/>
                <a:gd name="T33" fmla="*/ 37 h 528"/>
                <a:gd name="T34" fmla="*/ 7 w 298"/>
                <a:gd name="T35" fmla="*/ 20 h 528"/>
                <a:gd name="T36" fmla="*/ 9 w 298"/>
                <a:gd name="T37" fmla="*/ 22 h 528"/>
                <a:gd name="T38" fmla="*/ 16 w 298"/>
                <a:gd name="T39" fmla="*/ 29 h 528"/>
                <a:gd name="T40" fmla="*/ 18 w 298"/>
                <a:gd name="T41" fmla="*/ 30 h 528"/>
                <a:gd name="T42" fmla="*/ 41 w 298"/>
                <a:gd name="T43" fmla="*/ 16 h 528"/>
                <a:gd name="T44" fmla="*/ 168 w 298"/>
                <a:gd name="T45" fmla="*/ 16 h 528"/>
                <a:gd name="T46" fmla="*/ 191 w 298"/>
                <a:gd name="T47" fmla="*/ 218 h 528"/>
                <a:gd name="T48" fmla="*/ 189 w 298"/>
                <a:gd name="T49" fmla="*/ 228 h 528"/>
                <a:gd name="T50" fmla="*/ 192 w 298"/>
                <a:gd name="T51" fmla="*/ 238 h 528"/>
                <a:gd name="T52" fmla="*/ 193 w 298"/>
                <a:gd name="T53" fmla="*/ 245 h 528"/>
                <a:gd name="T54" fmla="*/ 179 w 298"/>
                <a:gd name="T55" fmla="*/ 247 h 528"/>
                <a:gd name="T56" fmla="*/ 170 w 298"/>
                <a:gd name="T57" fmla="*/ 249 h 528"/>
                <a:gd name="T58" fmla="*/ 166 w 298"/>
                <a:gd name="T59" fmla="*/ 249 h 528"/>
                <a:gd name="T60" fmla="*/ 156 w 298"/>
                <a:gd name="T61" fmla="*/ 256 h 528"/>
                <a:gd name="T62" fmla="*/ 159 w 298"/>
                <a:gd name="T63" fmla="*/ 267 h 528"/>
                <a:gd name="T64" fmla="*/ 156 w 298"/>
                <a:gd name="T65" fmla="*/ 271 h 528"/>
                <a:gd name="T66" fmla="*/ 149 w 298"/>
                <a:gd name="T67" fmla="*/ 278 h 528"/>
                <a:gd name="T68" fmla="*/ 146 w 298"/>
                <a:gd name="T69" fmla="*/ 286 h 528"/>
                <a:gd name="T70" fmla="*/ 146 w 298"/>
                <a:gd name="T71" fmla="*/ 288 h 528"/>
                <a:gd name="T72" fmla="*/ 143 w 298"/>
                <a:gd name="T73" fmla="*/ 289 h 528"/>
                <a:gd name="T74" fmla="*/ 137 w 298"/>
                <a:gd name="T75" fmla="*/ 293 h 528"/>
                <a:gd name="T76" fmla="*/ 133 w 298"/>
                <a:gd name="T77" fmla="*/ 306 h 528"/>
                <a:gd name="T78" fmla="*/ 132 w 298"/>
                <a:gd name="T79" fmla="*/ 311 h 528"/>
                <a:gd name="T80" fmla="*/ 123 w 298"/>
                <a:gd name="T81" fmla="*/ 315 h 528"/>
                <a:gd name="T82" fmla="*/ 110 w 298"/>
                <a:gd name="T83" fmla="*/ 306 h 528"/>
                <a:gd name="T84" fmla="*/ 104 w 298"/>
                <a:gd name="T85" fmla="*/ 302 h 528"/>
                <a:gd name="T86" fmla="*/ 98 w 298"/>
                <a:gd name="T87" fmla="*/ 317 h 528"/>
                <a:gd name="T88" fmla="*/ 92 w 298"/>
                <a:gd name="T89" fmla="*/ 332 h 528"/>
                <a:gd name="T90" fmla="*/ 81 w 298"/>
                <a:gd name="T91" fmla="*/ 324 h 528"/>
                <a:gd name="T92" fmla="*/ 76 w 298"/>
                <a:gd name="T93" fmla="*/ 321 h 528"/>
                <a:gd name="T94" fmla="*/ 67 w 298"/>
                <a:gd name="T95" fmla="*/ 332 h 528"/>
                <a:gd name="T96" fmla="*/ 59 w 298"/>
                <a:gd name="T97" fmla="*/ 337 h 528"/>
                <a:gd name="T98" fmla="*/ 48 w 298"/>
                <a:gd name="T99" fmla="*/ 332 h 528"/>
                <a:gd name="T100" fmla="*/ 42 w 298"/>
                <a:gd name="T101" fmla="*/ 328 h 528"/>
                <a:gd name="T102" fmla="*/ 37 w 298"/>
                <a:gd name="T103" fmla="*/ 329 h 528"/>
                <a:gd name="T104" fmla="*/ 32 w 298"/>
                <a:gd name="T105" fmla="*/ 328 h 528"/>
                <a:gd name="T106" fmla="*/ 32 w 298"/>
                <a:gd name="T107" fmla="*/ 336 h 528"/>
                <a:gd name="T108" fmla="*/ 29 w 298"/>
                <a:gd name="T109" fmla="*/ 339 h 528"/>
                <a:gd name="T110" fmla="*/ 16 w 298"/>
                <a:gd name="T111" fmla="*/ 335 h 528"/>
                <a:gd name="T112" fmla="*/ 12 w 298"/>
                <a:gd name="T113" fmla="*/ 333 h 528"/>
                <a:gd name="T114" fmla="*/ 16 w 298"/>
                <a:gd name="T115" fmla="*/ 339 h 528"/>
                <a:gd name="T116" fmla="*/ 10 w 298"/>
                <a:gd name="T117" fmla="*/ 343 h 528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w 298"/>
                <a:gd name="T178" fmla="*/ 0 h 528"/>
                <a:gd name="T179" fmla="*/ 298 w 298"/>
                <a:gd name="T180" fmla="*/ 528 h 528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T177" t="T178" r="T179" b="T180"/>
              <a:pathLst>
                <a:path w="298" h="528">
                  <a:moveTo>
                    <a:pt x="7" y="528"/>
                  </a:moveTo>
                  <a:lnTo>
                    <a:pt x="2" y="523"/>
                  </a:lnTo>
                  <a:lnTo>
                    <a:pt x="0" y="518"/>
                  </a:lnTo>
                  <a:lnTo>
                    <a:pt x="0" y="513"/>
                  </a:lnTo>
                  <a:lnTo>
                    <a:pt x="0" y="510"/>
                  </a:lnTo>
                  <a:lnTo>
                    <a:pt x="2" y="506"/>
                  </a:lnTo>
                  <a:lnTo>
                    <a:pt x="4" y="505"/>
                  </a:lnTo>
                  <a:lnTo>
                    <a:pt x="5" y="503"/>
                  </a:lnTo>
                  <a:lnTo>
                    <a:pt x="7" y="493"/>
                  </a:lnTo>
                  <a:lnTo>
                    <a:pt x="7" y="491"/>
                  </a:lnTo>
                  <a:lnTo>
                    <a:pt x="7" y="489"/>
                  </a:lnTo>
                  <a:lnTo>
                    <a:pt x="7" y="486"/>
                  </a:lnTo>
                  <a:lnTo>
                    <a:pt x="9" y="481"/>
                  </a:lnTo>
                  <a:lnTo>
                    <a:pt x="9" y="478"/>
                  </a:lnTo>
                  <a:lnTo>
                    <a:pt x="10" y="474"/>
                  </a:lnTo>
                  <a:lnTo>
                    <a:pt x="10" y="471"/>
                  </a:lnTo>
                  <a:lnTo>
                    <a:pt x="10" y="469"/>
                  </a:lnTo>
                  <a:lnTo>
                    <a:pt x="17" y="464"/>
                  </a:lnTo>
                  <a:lnTo>
                    <a:pt x="22" y="456"/>
                  </a:lnTo>
                  <a:lnTo>
                    <a:pt x="26" y="447"/>
                  </a:lnTo>
                  <a:lnTo>
                    <a:pt x="29" y="440"/>
                  </a:lnTo>
                  <a:lnTo>
                    <a:pt x="32" y="432"/>
                  </a:lnTo>
                  <a:lnTo>
                    <a:pt x="34" y="427"/>
                  </a:lnTo>
                  <a:lnTo>
                    <a:pt x="36" y="422"/>
                  </a:lnTo>
                  <a:lnTo>
                    <a:pt x="36" y="420"/>
                  </a:lnTo>
                  <a:lnTo>
                    <a:pt x="38" y="417"/>
                  </a:lnTo>
                  <a:lnTo>
                    <a:pt x="39" y="413"/>
                  </a:lnTo>
                  <a:lnTo>
                    <a:pt x="41" y="412"/>
                  </a:lnTo>
                  <a:lnTo>
                    <a:pt x="43" y="401"/>
                  </a:lnTo>
                  <a:lnTo>
                    <a:pt x="43" y="393"/>
                  </a:lnTo>
                  <a:lnTo>
                    <a:pt x="41" y="384"/>
                  </a:lnTo>
                  <a:lnTo>
                    <a:pt x="38" y="378"/>
                  </a:lnTo>
                  <a:lnTo>
                    <a:pt x="36" y="371"/>
                  </a:lnTo>
                  <a:lnTo>
                    <a:pt x="32" y="366"/>
                  </a:lnTo>
                  <a:lnTo>
                    <a:pt x="31" y="362"/>
                  </a:lnTo>
                  <a:lnTo>
                    <a:pt x="29" y="361"/>
                  </a:lnTo>
                  <a:lnTo>
                    <a:pt x="29" y="357"/>
                  </a:lnTo>
                  <a:lnTo>
                    <a:pt x="29" y="334"/>
                  </a:lnTo>
                  <a:lnTo>
                    <a:pt x="32" y="329"/>
                  </a:lnTo>
                  <a:lnTo>
                    <a:pt x="32" y="327"/>
                  </a:lnTo>
                  <a:lnTo>
                    <a:pt x="32" y="325"/>
                  </a:lnTo>
                  <a:lnTo>
                    <a:pt x="32" y="320"/>
                  </a:lnTo>
                  <a:lnTo>
                    <a:pt x="31" y="315"/>
                  </a:lnTo>
                  <a:lnTo>
                    <a:pt x="31" y="308"/>
                  </a:lnTo>
                  <a:lnTo>
                    <a:pt x="31" y="300"/>
                  </a:lnTo>
                  <a:lnTo>
                    <a:pt x="29" y="291"/>
                  </a:lnTo>
                  <a:lnTo>
                    <a:pt x="29" y="281"/>
                  </a:lnTo>
                  <a:lnTo>
                    <a:pt x="27" y="271"/>
                  </a:lnTo>
                  <a:lnTo>
                    <a:pt x="27" y="259"/>
                  </a:lnTo>
                  <a:lnTo>
                    <a:pt x="26" y="247"/>
                  </a:lnTo>
                  <a:lnTo>
                    <a:pt x="24" y="234"/>
                  </a:lnTo>
                  <a:lnTo>
                    <a:pt x="24" y="222"/>
                  </a:lnTo>
                  <a:lnTo>
                    <a:pt x="22" y="208"/>
                  </a:lnTo>
                  <a:lnTo>
                    <a:pt x="21" y="195"/>
                  </a:lnTo>
                  <a:lnTo>
                    <a:pt x="21" y="181"/>
                  </a:lnTo>
                  <a:lnTo>
                    <a:pt x="19" y="166"/>
                  </a:lnTo>
                  <a:lnTo>
                    <a:pt x="17" y="153"/>
                  </a:lnTo>
                  <a:lnTo>
                    <a:pt x="17" y="139"/>
                  </a:lnTo>
                  <a:lnTo>
                    <a:pt x="16" y="127"/>
                  </a:lnTo>
                  <a:lnTo>
                    <a:pt x="14" y="114"/>
                  </a:lnTo>
                  <a:lnTo>
                    <a:pt x="14" y="102"/>
                  </a:lnTo>
                  <a:lnTo>
                    <a:pt x="12" y="90"/>
                  </a:lnTo>
                  <a:lnTo>
                    <a:pt x="12" y="80"/>
                  </a:lnTo>
                  <a:lnTo>
                    <a:pt x="10" y="70"/>
                  </a:lnTo>
                  <a:lnTo>
                    <a:pt x="10" y="60"/>
                  </a:lnTo>
                  <a:lnTo>
                    <a:pt x="9" y="53"/>
                  </a:lnTo>
                  <a:lnTo>
                    <a:pt x="9" y="46"/>
                  </a:lnTo>
                  <a:lnTo>
                    <a:pt x="9" y="41"/>
                  </a:lnTo>
                  <a:lnTo>
                    <a:pt x="7" y="36"/>
                  </a:lnTo>
                  <a:lnTo>
                    <a:pt x="7" y="34"/>
                  </a:lnTo>
                  <a:lnTo>
                    <a:pt x="7" y="32"/>
                  </a:lnTo>
                  <a:lnTo>
                    <a:pt x="7" y="34"/>
                  </a:lnTo>
                  <a:lnTo>
                    <a:pt x="9" y="36"/>
                  </a:lnTo>
                  <a:lnTo>
                    <a:pt x="10" y="38"/>
                  </a:lnTo>
                  <a:lnTo>
                    <a:pt x="12" y="39"/>
                  </a:lnTo>
                  <a:lnTo>
                    <a:pt x="14" y="41"/>
                  </a:lnTo>
                  <a:lnTo>
                    <a:pt x="16" y="43"/>
                  </a:lnTo>
                  <a:lnTo>
                    <a:pt x="19" y="44"/>
                  </a:lnTo>
                  <a:lnTo>
                    <a:pt x="22" y="44"/>
                  </a:lnTo>
                  <a:lnTo>
                    <a:pt x="27" y="44"/>
                  </a:lnTo>
                  <a:lnTo>
                    <a:pt x="32" y="44"/>
                  </a:lnTo>
                  <a:lnTo>
                    <a:pt x="38" y="43"/>
                  </a:lnTo>
                  <a:lnTo>
                    <a:pt x="46" y="39"/>
                  </a:lnTo>
                  <a:lnTo>
                    <a:pt x="53" y="36"/>
                  </a:lnTo>
                  <a:lnTo>
                    <a:pt x="61" y="29"/>
                  </a:lnTo>
                  <a:lnTo>
                    <a:pt x="71" y="22"/>
                  </a:lnTo>
                  <a:lnTo>
                    <a:pt x="70" y="22"/>
                  </a:lnTo>
                  <a:lnTo>
                    <a:pt x="254" y="0"/>
                  </a:lnTo>
                  <a:lnTo>
                    <a:pt x="258" y="17"/>
                  </a:lnTo>
                  <a:lnTo>
                    <a:pt x="293" y="335"/>
                  </a:lnTo>
                  <a:lnTo>
                    <a:pt x="295" y="334"/>
                  </a:lnTo>
                  <a:lnTo>
                    <a:pt x="293" y="334"/>
                  </a:lnTo>
                  <a:lnTo>
                    <a:pt x="293" y="335"/>
                  </a:lnTo>
                  <a:lnTo>
                    <a:pt x="291" y="337"/>
                  </a:lnTo>
                  <a:lnTo>
                    <a:pt x="291" y="340"/>
                  </a:lnTo>
                  <a:lnTo>
                    <a:pt x="290" y="346"/>
                  </a:lnTo>
                  <a:lnTo>
                    <a:pt x="290" y="351"/>
                  </a:lnTo>
                  <a:lnTo>
                    <a:pt x="290" y="356"/>
                  </a:lnTo>
                  <a:lnTo>
                    <a:pt x="291" y="362"/>
                  </a:lnTo>
                  <a:lnTo>
                    <a:pt x="293" y="364"/>
                  </a:lnTo>
                  <a:lnTo>
                    <a:pt x="295" y="366"/>
                  </a:lnTo>
                  <a:lnTo>
                    <a:pt x="296" y="369"/>
                  </a:lnTo>
                  <a:lnTo>
                    <a:pt x="298" y="371"/>
                  </a:lnTo>
                  <a:lnTo>
                    <a:pt x="298" y="374"/>
                  </a:lnTo>
                  <a:lnTo>
                    <a:pt x="296" y="376"/>
                  </a:lnTo>
                  <a:lnTo>
                    <a:pt x="290" y="378"/>
                  </a:lnTo>
                  <a:lnTo>
                    <a:pt x="281" y="379"/>
                  </a:lnTo>
                  <a:lnTo>
                    <a:pt x="280" y="379"/>
                  </a:lnTo>
                  <a:lnTo>
                    <a:pt x="276" y="379"/>
                  </a:lnTo>
                  <a:lnTo>
                    <a:pt x="273" y="381"/>
                  </a:lnTo>
                  <a:lnTo>
                    <a:pt x="268" y="383"/>
                  </a:lnTo>
                  <a:lnTo>
                    <a:pt x="264" y="383"/>
                  </a:lnTo>
                  <a:lnTo>
                    <a:pt x="261" y="384"/>
                  </a:lnTo>
                  <a:lnTo>
                    <a:pt x="259" y="384"/>
                  </a:lnTo>
                  <a:lnTo>
                    <a:pt x="258" y="384"/>
                  </a:lnTo>
                  <a:lnTo>
                    <a:pt x="254" y="384"/>
                  </a:lnTo>
                  <a:lnTo>
                    <a:pt x="251" y="386"/>
                  </a:lnTo>
                  <a:lnTo>
                    <a:pt x="246" y="388"/>
                  </a:lnTo>
                  <a:lnTo>
                    <a:pt x="242" y="390"/>
                  </a:lnTo>
                  <a:lnTo>
                    <a:pt x="239" y="395"/>
                  </a:lnTo>
                  <a:lnTo>
                    <a:pt x="241" y="400"/>
                  </a:lnTo>
                  <a:lnTo>
                    <a:pt x="244" y="408"/>
                  </a:lnTo>
                  <a:lnTo>
                    <a:pt x="244" y="410"/>
                  </a:lnTo>
                  <a:lnTo>
                    <a:pt x="244" y="412"/>
                  </a:lnTo>
                  <a:lnTo>
                    <a:pt x="242" y="413"/>
                  </a:lnTo>
                  <a:lnTo>
                    <a:pt x="241" y="417"/>
                  </a:lnTo>
                  <a:lnTo>
                    <a:pt x="239" y="418"/>
                  </a:lnTo>
                  <a:lnTo>
                    <a:pt x="236" y="422"/>
                  </a:lnTo>
                  <a:lnTo>
                    <a:pt x="232" y="425"/>
                  </a:lnTo>
                  <a:lnTo>
                    <a:pt x="232" y="427"/>
                  </a:lnTo>
                  <a:lnTo>
                    <a:pt x="230" y="428"/>
                  </a:lnTo>
                  <a:lnTo>
                    <a:pt x="229" y="430"/>
                  </a:lnTo>
                  <a:lnTo>
                    <a:pt x="229" y="434"/>
                  </a:lnTo>
                  <a:lnTo>
                    <a:pt x="227" y="435"/>
                  </a:lnTo>
                  <a:lnTo>
                    <a:pt x="225" y="439"/>
                  </a:lnTo>
                  <a:lnTo>
                    <a:pt x="225" y="440"/>
                  </a:lnTo>
                  <a:lnTo>
                    <a:pt x="225" y="442"/>
                  </a:lnTo>
                  <a:lnTo>
                    <a:pt x="224" y="442"/>
                  </a:lnTo>
                  <a:lnTo>
                    <a:pt x="224" y="444"/>
                  </a:lnTo>
                  <a:lnTo>
                    <a:pt x="222" y="445"/>
                  </a:lnTo>
                  <a:lnTo>
                    <a:pt x="220" y="445"/>
                  </a:lnTo>
                  <a:lnTo>
                    <a:pt x="217" y="447"/>
                  </a:lnTo>
                  <a:lnTo>
                    <a:pt x="212" y="447"/>
                  </a:lnTo>
                  <a:lnTo>
                    <a:pt x="210" y="450"/>
                  </a:lnTo>
                  <a:lnTo>
                    <a:pt x="208" y="456"/>
                  </a:lnTo>
                  <a:lnTo>
                    <a:pt x="207" y="461"/>
                  </a:lnTo>
                  <a:lnTo>
                    <a:pt x="205" y="467"/>
                  </a:lnTo>
                  <a:lnTo>
                    <a:pt x="203" y="471"/>
                  </a:lnTo>
                  <a:lnTo>
                    <a:pt x="203" y="474"/>
                  </a:lnTo>
                  <a:lnTo>
                    <a:pt x="203" y="476"/>
                  </a:lnTo>
                  <a:lnTo>
                    <a:pt x="203" y="478"/>
                  </a:lnTo>
                  <a:lnTo>
                    <a:pt x="202" y="479"/>
                  </a:lnTo>
                  <a:lnTo>
                    <a:pt x="200" y="481"/>
                  </a:lnTo>
                  <a:lnTo>
                    <a:pt x="198" y="483"/>
                  </a:lnTo>
                  <a:lnTo>
                    <a:pt x="193" y="484"/>
                  </a:lnTo>
                  <a:lnTo>
                    <a:pt x="188" y="484"/>
                  </a:lnTo>
                  <a:lnTo>
                    <a:pt x="180" y="483"/>
                  </a:lnTo>
                  <a:lnTo>
                    <a:pt x="170" y="478"/>
                  </a:lnTo>
                  <a:lnTo>
                    <a:pt x="170" y="476"/>
                  </a:lnTo>
                  <a:lnTo>
                    <a:pt x="170" y="472"/>
                  </a:lnTo>
                  <a:lnTo>
                    <a:pt x="168" y="469"/>
                  </a:lnTo>
                  <a:lnTo>
                    <a:pt x="166" y="466"/>
                  </a:lnTo>
                  <a:lnTo>
                    <a:pt x="163" y="464"/>
                  </a:lnTo>
                  <a:lnTo>
                    <a:pt x="159" y="464"/>
                  </a:lnTo>
                  <a:lnTo>
                    <a:pt x="156" y="471"/>
                  </a:lnTo>
                  <a:lnTo>
                    <a:pt x="151" y="481"/>
                  </a:lnTo>
                  <a:lnTo>
                    <a:pt x="151" y="484"/>
                  </a:lnTo>
                  <a:lnTo>
                    <a:pt x="149" y="489"/>
                  </a:lnTo>
                  <a:lnTo>
                    <a:pt x="149" y="496"/>
                  </a:lnTo>
                  <a:lnTo>
                    <a:pt x="148" y="503"/>
                  </a:lnTo>
                  <a:lnTo>
                    <a:pt x="144" y="506"/>
                  </a:lnTo>
                  <a:lnTo>
                    <a:pt x="141" y="510"/>
                  </a:lnTo>
                  <a:lnTo>
                    <a:pt x="134" y="508"/>
                  </a:lnTo>
                  <a:lnTo>
                    <a:pt x="127" y="501"/>
                  </a:lnTo>
                  <a:lnTo>
                    <a:pt x="126" y="500"/>
                  </a:lnTo>
                  <a:lnTo>
                    <a:pt x="126" y="498"/>
                  </a:lnTo>
                  <a:lnTo>
                    <a:pt x="126" y="496"/>
                  </a:lnTo>
                  <a:lnTo>
                    <a:pt x="124" y="493"/>
                  </a:lnTo>
                  <a:lnTo>
                    <a:pt x="122" y="493"/>
                  </a:lnTo>
                  <a:lnTo>
                    <a:pt x="117" y="493"/>
                  </a:lnTo>
                  <a:lnTo>
                    <a:pt x="112" y="498"/>
                  </a:lnTo>
                  <a:lnTo>
                    <a:pt x="104" y="505"/>
                  </a:lnTo>
                  <a:lnTo>
                    <a:pt x="104" y="506"/>
                  </a:lnTo>
                  <a:lnTo>
                    <a:pt x="102" y="510"/>
                  </a:lnTo>
                  <a:lnTo>
                    <a:pt x="100" y="513"/>
                  </a:lnTo>
                  <a:lnTo>
                    <a:pt x="98" y="516"/>
                  </a:lnTo>
                  <a:lnTo>
                    <a:pt x="95" y="520"/>
                  </a:lnTo>
                  <a:lnTo>
                    <a:pt x="90" y="520"/>
                  </a:lnTo>
                  <a:lnTo>
                    <a:pt x="85" y="518"/>
                  </a:lnTo>
                  <a:lnTo>
                    <a:pt x="78" y="513"/>
                  </a:lnTo>
                  <a:lnTo>
                    <a:pt x="78" y="511"/>
                  </a:lnTo>
                  <a:lnTo>
                    <a:pt x="76" y="510"/>
                  </a:lnTo>
                  <a:lnTo>
                    <a:pt x="73" y="508"/>
                  </a:lnTo>
                  <a:lnTo>
                    <a:pt x="70" y="506"/>
                  </a:lnTo>
                  <a:lnTo>
                    <a:pt x="66" y="505"/>
                  </a:lnTo>
                  <a:lnTo>
                    <a:pt x="63" y="505"/>
                  </a:lnTo>
                  <a:lnTo>
                    <a:pt x="58" y="505"/>
                  </a:lnTo>
                  <a:lnTo>
                    <a:pt x="54" y="508"/>
                  </a:lnTo>
                  <a:lnTo>
                    <a:pt x="53" y="506"/>
                  </a:lnTo>
                  <a:lnTo>
                    <a:pt x="51" y="505"/>
                  </a:lnTo>
                  <a:lnTo>
                    <a:pt x="49" y="505"/>
                  </a:lnTo>
                  <a:lnTo>
                    <a:pt x="48" y="505"/>
                  </a:lnTo>
                  <a:lnTo>
                    <a:pt x="46" y="505"/>
                  </a:lnTo>
                  <a:lnTo>
                    <a:pt x="46" y="510"/>
                  </a:lnTo>
                  <a:lnTo>
                    <a:pt x="46" y="515"/>
                  </a:lnTo>
                  <a:lnTo>
                    <a:pt x="46" y="516"/>
                  </a:lnTo>
                  <a:lnTo>
                    <a:pt x="46" y="518"/>
                  </a:lnTo>
                  <a:lnTo>
                    <a:pt x="44" y="520"/>
                  </a:lnTo>
                  <a:lnTo>
                    <a:pt x="44" y="522"/>
                  </a:lnTo>
                  <a:lnTo>
                    <a:pt x="43" y="522"/>
                  </a:lnTo>
                  <a:lnTo>
                    <a:pt x="39" y="520"/>
                  </a:lnTo>
                  <a:lnTo>
                    <a:pt x="36" y="516"/>
                  </a:lnTo>
                  <a:lnTo>
                    <a:pt x="34" y="516"/>
                  </a:lnTo>
                  <a:lnTo>
                    <a:pt x="29" y="515"/>
                  </a:lnTo>
                  <a:lnTo>
                    <a:pt x="24" y="513"/>
                  </a:lnTo>
                  <a:lnTo>
                    <a:pt x="19" y="513"/>
                  </a:lnTo>
                  <a:lnTo>
                    <a:pt x="16" y="513"/>
                  </a:lnTo>
                  <a:lnTo>
                    <a:pt x="12" y="513"/>
                  </a:lnTo>
                  <a:lnTo>
                    <a:pt x="12" y="516"/>
                  </a:lnTo>
                  <a:lnTo>
                    <a:pt x="16" y="520"/>
                  </a:lnTo>
                  <a:lnTo>
                    <a:pt x="16" y="522"/>
                  </a:lnTo>
                  <a:lnTo>
                    <a:pt x="14" y="525"/>
                  </a:lnTo>
                  <a:lnTo>
                    <a:pt x="14" y="527"/>
                  </a:lnTo>
                  <a:lnTo>
                    <a:pt x="12" y="527"/>
                  </a:lnTo>
                  <a:lnTo>
                    <a:pt x="10" y="528"/>
                  </a:lnTo>
                  <a:lnTo>
                    <a:pt x="9" y="528"/>
                  </a:lnTo>
                  <a:lnTo>
                    <a:pt x="7" y="528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5" name="Freeform 62"/>
            <p:cNvSpPr>
              <a:spLocks/>
            </p:cNvSpPr>
            <p:nvPr/>
          </p:nvSpPr>
          <p:spPr bwMode="auto">
            <a:xfrm>
              <a:off x="3357" y="2283"/>
              <a:ext cx="703" cy="359"/>
            </a:xfrm>
            <a:custGeom>
              <a:avLst/>
              <a:gdLst>
                <a:gd name="T0" fmla="*/ 426 w 723"/>
                <a:gd name="T1" fmla="*/ 23 h 370"/>
                <a:gd name="T2" fmla="*/ 415 w 723"/>
                <a:gd name="T3" fmla="*/ 16 h 370"/>
                <a:gd name="T4" fmla="*/ 394 w 723"/>
                <a:gd name="T5" fmla="*/ 26 h 370"/>
                <a:gd name="T6" fmla="*/ 378 w 723"/>
                <a:gd name="T7" fmla="*/ 21 h 370"/>
                <a:gd name="T8" fmla="*/ 362 w 723"/>
                <a:gd name="T9" fmla="*/ 28 h 370"/>
                <a:gd name="T10" fmla="*/ 329 w 723"/>
                <a:gd name="T11" fmla="*/ 16 h 370"/>
                <a:gd name="T12" fmla="*/ 300 w 723"/>
                <a:gd name="T13" fmla="*/ 1 h 370"/>
                <a:gd name="T14" fmla="*/ 289 w 723"/>
                <a:gd name="T15" fmla="*/ 0 h 370"/>
                <a:gd name="T16" fmla="*/ 285 w 723"/>
                <a:gd name="T17" fmla="*/ 16 h 370"/>
                <a:gd name="T18" fmla="*/ 289 w 723"/>
                <a:gd name="T19" fmla="*/ 28 h 370"/>
                <a:gd name="T20" fmla="*/ 267 w 723"/>
                <a:gd name="T21" fmla="*/ 35 h 370"/>
                <a:gd name="T22" fmla="*/ 256 w 723"/>
                <a:gd name="T23" fmla="*/ 38 h 370"/>
                <a:gd name="T24" fmla="*/ 254 w 723"/>
                <a:gd name="T25" fmla="*/ 50 h 370"/>
                <a:gd name="T26" fmla="*/ 245 w 723"/>
                <a:gd name="T27" fmla="*/ 62 h 370"/>
                <a:gd name="T28" fmla="*/ 241 w 723"/>
                <a:gd name="T29" fmla="*/ 70 h 370"/>
                <a:gd name="T30" fmla="*/ 232 w 723"/>
                <a:gd name="T31" fmla="*/ 75 h 370"/>
                <a:gd name="T32" fmla="*/ 226 w 723"/>
                <a:gd name="T33" fmla="*/ 92 h 370"/>
                <a:gd name="T34" fmla="*/ 216 w 723"/>
                <a:gd name="T35" fmla="*/ 99 h 370"/>
                <a:gd name="T36" fmla="*/ 199 w 723"/>
                <a:gd name="T37" fmla="*/ 84 h 370"/>
                <a:gd name="T38" fmla="*/ 188 w 723"/>
                <a:gd name="T39" fmla="*/ 111 h 370"/>
                <a:gd name="T40" fmla="*/ 174 w 723"/>
                <a:gd name="T41" fmla="*/ 106 h 370"/>
                <a:gd name="T42" fmla="*/ 158 w 723"/>
                <a:gd name="T43" fmla="*/ 115 h 370"/>
                <a:gd name="T44" fmla="*/ 142 w 723"/>
                <a:gd name="T45" fmla="*/ 115 h 370"/>
                <a:gd name="T46" fmla="*/ 125 w 723"/>
                <a:gd name="T47" fmla="*/ 114 h 370"/>
                <a:gd name="T48" fmla="*/ 120 w 723"/>
                <a:gd name="T49" fmla="*/ 115 h 370"/>
                <a:gd name="T50" fmla="*/ 118 w 723"/>
                <a:gd name="T51" fmla="*/ 123 h 370"/>
                <a:gd name="T52" fmla="*/ 100 w 723"/>
                <a:gd name="T53" fmla="*/ 117 h 370"/>
                <a:gd name="T54" fmla="*/ 97 w 723"/>
                <a:gd name="T55" fmla="*/ 127 h 370"/>
                <a:gd name="T56" fmla="*/ 90 w 723"/>
                <a:gd name="T57" fmla="*/ 131 h 370"/>
                <a:gd name="T58" fmla="*/ 88 w 723"/>
                <a:gd name="T59" fmla="*/ 146 h 370"/>
                <a:gd name="T60" fmla="*/ 86 w 723"/>
                <a:gd name="T61" fmla="*/ 156 h 370"/>
                <a:gd name="T62" fmla="*/ 65 w 723"/>
                <a:gd name="T63" fmla="*/ 167 h 370"/>
                <a:gd name="T64" fmla="*/ 71 w 723"/>
                <a:gd name="T65" fmla="*/ 188 h 370"/>
                <a:gd name="T66" fmla="*/ 43 w 723"/>
                <a:gd name="T67" fmla="*/ 178 h 370"/>
                <a:gd name="T68" fmla="*/ 18 w 723"/>
                <a:gd name="T69" fmla="*/ 188 h 370"/>
                <a:gd name="T70" fmla="*/ 18 w 723"/>
                <a:gd name="T71" fmla="*/ 198 h 370"/>
                <a:gd name="T72" fmla="*/ 0 w 723"/>
                <a:gd name="T73" fmla="*/ 243 h 370"/>
                <a:gd name="T74" fmla="*/ 108 w 723"/>
                <a:gd name="T75" fmla="*/ 219 h 370"/>
                <a:gd name="T76" fmla="*/ 134 w 723"/>
                <a:gd name="T77" fmla="*/ 219 h 370"/>
                <a:gd name="T78" fmla="*/ 184 w 723"/>
                <a:gd name="T79" fmla="*/ 215 h 370"/>
                <a:gd name="T80" fmla="*/ 264 w 723"/>
                <a:gd name="T81" fmla="*/ 209 h 370"/>
                <a:gd name="T82" fmla="*/ 339 w 723"/>
                <a:gd name="T83" fmla="*/ 203 h 370"/>
                <a:gd name="T84" fmla="*/ 376 w 723"/>
                <a:gd name="T85" fmla="*/ 199 h 370"/>
                <a:gd name="T86" fmla="*/ 390 w 723"/>
                <a:gd name="T87" fmla="*/ 194 h 370"/>
                <a:gd name="T88" fmla="*/ 413 w 723"/>
                <a:gd name="T89" fmla="*/ 181 h 370"/>
                <a:gd name="T90" fmla="*/ 423 w 723"/>
                <a:gd name="T91" fmla="*/ 174 h 370"/>
                <a:gd name="T92" fmla="*/ 436 w 723"/>
                <a:gd name="T93" fmla="*/ 166 h 370"/>
                <a:gd name="T94" fmla="*/ 439 w 723"/>
                <a:gd name="T95" fmla="*/ 156 h 370"/>
                <a:gd name="T96" fmla="*/ 449 w 723"/>
                <a:gd name="T97" fmla="*/ 142 h 370"/>
                <a:gd name="T98" fmla="*/ 473 w 723"/>
                <a:gd name="T99" fmla="*/ 124 h 370"/>
                <a:gd name="T100" fmla="*/ 473 w 723"/>
                <a:gd name="T101" fmla="*/ 123 h 370"/>
                <a:gd name="T102" fmla="*/ 477 w 723"/>
                <a:gd name="T103" fmla="*/ 100 h 370"/>
                <a:gd name="T104" fmla="*/ 464 w 723"/>
                <a:gd name="T105" fmla="*/ 90 h 370"/>
                <a:gd name="T106" fmla="*/ 439 w 723"/>
                <a:gd name="T107" fmla="*/ 58 h 370"/>
                <a:gd name="T108" fmla="*/ 437 w 723"/>
                <a:gd name="T109" fmla="*/ 39 h 370"/>
                <a:gd name="T110" fmla="*/ 439 w 723"/>
                <a:gd name="T111" fmla="*/ 37 h 370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w 723"/>
                <a:gd name="T169" fmla="*/ 0 h 370"/>
                <a:gd name="T170" fmla="*/ 723 w 723"/>
                <a:gd name="T171" fmla="*/ 370 h 370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T168" t="T169" r="T170" b="T171"/>
              <a:pathLst>
                <a:path w="723" h="370">
                  <a:moveTo>
                    <a:pt x="650" y="52"/>
                  </a:moveTo>
                  <a:lnTo>
                    <a:pt x="648" y="50"/>
                  </a:lnTo>
                  <a:lnTo>
                    <a:pt x="647" y="49"/>
                  </a:lnTo>
                  <a:lnTo>
                    <a:pt x="643" y="45"/>
                  </a:lnTo>
                  <a:lnTo>
                    <a:pt x="640" y="42"/>
                  </a:lnTo>
                  <a:lnTo>
                    <a:pt x="635" y="39"/>
                  </a:lnTo>
                  <a:lnTo>
                    <a:pt x="631" y="37"/>
                  </a:lnTo>
                  <a:lnTo>
                    <a:pt x="626" y="37"/>
                  </a:lnTo>
                  <a:lnTo>
                    <a:pt x="623" y="40"/>
                  </a:lnTo>
                  <a:lnTo>
                    <a:pt x="621" y="39"/>
                  </a:lnTo>
                  <a:lnTo>
                    <a:pt x="621" y="35"/>
                  </a:lnTo>
                  <a:lnTo>
                    <a:pt x="621" y="30"/>
                  </a:lnTo>
                  <a:lnTo>
                    <a:pt x="620" y="25"/>
                  </a:lnTo>
                  <a:lnTo>
                    <a:pt x="616" y="22"/>
                  </a:lnTo>
                  <a:lnTo>
                    <a:pt x="611" y="20"/>
                  </a:lnTo>
                  <a:lnTo>
                    <a:pt x="604" y="23"/>
                  </a:lnTo>
                  <a:lnTo>
                    <a:pt x="594" y="32"/>
                  </a:lnTo>
                  <a:lnTo>
                    <a:pt x="593" y="34"/>
                  </a:lnTo>
                  <a:lnTo>
                    <a:pt x="591" y="35"/>
                  </a:lnTo>
                  <a:lnTo>
                    <a:pt x="588" y="39"/>
                  </a:lnTo>
                  <a:lnTo>
                    <a:pt x="584" y="40"/>
                  </a:lnTo>
                  <a:lnTo>
                    <a:pt x="579" y="42"/>
                  </a:lnTo>
                  <a:lnTo>
                    <a:pt x="574" y="44"/>
                  </a:lnTo>
                  <a:lnTo>
                    <a:pt x="567" y="40"/>
                  </a:lnTo>
                  <a:lnTo>
                    <a:pt x="562" y="37"/>
                  </a:lnTo>
                  <a:lnTo>
                    <a:pt x="560" y="35"/>
                  </a:lnTo>
                  <a:lnTo>
                    <a:pt x="559" y="35"/>
                  </a:lnTo>
                  <a:lnTo>
                    <a:pt x="557" y="34"/>
                  </a:lnTo>
                  <a:lnTo>
                    <a:pt x="554" y="35"/>
                  </a:lnTo>
                  <a:lnTo>
                    <a:pt x="550" y="35"/>
                  </a:lnTo>
                  <a:lnTo>
                    <a:pt x="547" y="39"/>
                  </a:lnTo>
                  <a:lnTo>
                    <a:pt x="542" y="44"/>
                  </a:lnTo>
                  <a:lnTo>
                    <a:pt x="540" y="44"/>
                  </a:lnTo>
                  <a:lnTo>
                    <a:pt x="537" y="42"/>
                  </a:lnTo>
                  <a:lnTo>
                    <a:pt x="533" y="42"/>
                  </a:lnTo>
                  <a:lnTo>
                    <a:pt x="532" y="42"/>
                  </a:lnTo>
                  <a:lnTo>
                    <a:pt x="518" y="30"/>
                  </a:lnTo>
                  <a:lnTo>
                    <a:pt x="488" y="28"/>
                  </a:lnTo>
                  <a:lnTo>
                    <a:pt x="488" y="27"/>
                  </a:lnTo>
                  <a:lnTo>
                    <a:pt x="488" y="23"/>
                  </a:lnTo>
                  <a:lnTo>
                    <a:pt x="486" y="20"/>
                  </a:lnTo>
                  <a:lnTo>
                    <a:pt x="484" y="15"/>
                  </a:lnTo>
                  <a:lnTo>
                    <a:pt x="479" y="10"/>
                  </a:lnTo>
                  <a:lnTo>
                    <a:pt x="472" y="5"/>
                  </a:lnTo>
                  <a:lnTo>
                    <a:pt x="462" y="3"/>
                  </a:lnTo>
                  <a:lnTo>
                    <a:pt x="450" y="1"/>
                  </a:lnTo>
                  <a:lnTo>
                    <a:pt x="449" y="1"/>
                  </a:lnTo>
                  <a:lnTo>
                    <a:pt x="445" y="1"/>
                  </a:lnTo>
                  <a:lnTo>
                    <a:pt x="442" y="1"/>
                  </a:lnTo>
                  <a:lnTo>
                    <a:pt x="437" y="1"/>
                  </a:lnTo>
                  <a:lnTo>
                    <a:pt x="432" y="1"/>
                  </a:lnTo>
                  <a:lnTo>
                    <a:pt x="428" y="1"/>
                  </a:lnTo>
                  <a:lnTo>
                    <a:pt x="427" y="1"/>
                  </a:lnTo>
                  <a:lnTo>
                    <a:pt x="425" y="1"/>
                  </a:lnTo>
                  <a:lnTo>
                    <a:pt x="427" y="0"/>
                  </a:lnTo>
                  <a:lnTo>
                    <a:pt x="425" y="0"/>
                  </a:lnTo>
                  <a:lnTo>
                    <a:pt x="425" y="1"/>
                  </a:lnTo>
                  <a:lnTo>
                    <a:pt x="423" y="3"/>
                  </a:lnTo>
                  <a:lnTo>
                    <a:pt x="423" y="6"/>
                  </a:lnTo>
                  <a:lnTo>
                    <a:pt x="422" y="12"/>
                  </a:lnTo>
                  <a:lnTo>
                    <a:pt x="422" y="17"/>
                  </a:lnTo>
                  <a:lnTo>
                    <a:pt x="422" y="22"/>
                  </a:lnTo>
                  <a:lnTo>
                    <a:pt x="423" y="28"/>
                  </a:lnTo>
                  <a:lnTo>
                    <a:pt x="425" y="30"/>
                  </a:lnTo>
                  <a:lnTo>
                    <a:pt x="427" y="32"/>
                  </a:lnTo>
                  <a:lnTo>
                    <a:pt x="428" y="35"/>
                  </a:lnTo>
                  <a:lnTo>
                    <a:pt x="430" y="37"/>
                  </a:lnTo>
                  <a:lnTo>
                    <a:pt x="430" y="40"/>
                  </a:lnTo>
                  <a:lnTo>
                    <a:pt x="428" y="42"/>
                  </a:lnTo>
                  <a:lnTo>
                    <a:pt x="422" y="44"/>
                  </a:lnTo>
                  <a:lnTo>
                    <a:pt x="413" y="45"/>
                  </a:lnTo>
                  <a:lnTo>
                    <a:pt x="412" y="45"/>
                  </a:lnTo>
                  <a:lnTo>
                    <a:pt x="408" y="45"/>
                  </a:lnTo>
                  <a:lnTo>
                    <a:pt x="405" y="47"/>
                  </a:lnTo>
                  <a:lnTo>
                    <a:pt x="400" y="49"/>
                  </a:lnTo>
                  <a:lnTo>
                    <a:pt x="396" y="49"/>
                  </a:lnTo>
                  <a:lnTo>
                    <a:pt x="393" y="50"/>
                  </a:lnTo>
                  <a:lnTo>
                    <a:pt x="391" y="50"/>
                  </a:lnTo>
                  <a:lnTo>
                    <a:pt x="390" y="50"/>
                  </a:lnTo>
                  <a:lnTo>
                    <a:pt x="386" y="50"/>
                  </a:lnTo>
                  <a:lnTo>
                    <a:pt x="383" y="52"/>
                  </a:lnTo>
                  <a:lnTo>
                    <a:pt x="378" y="54"/>
                  </a:lnTo>
                  <a:lnTo>
                    <a:pt x="374" y="56"/>
                  </a:lnTo>
                  <a:lnTo>
                    <a:pt x="371" y="61"/>
                  </a:lnTo>
                  <a:lnTo>
                    <a:pt x="373" y="66"/>
                  </a:lnTo>
                  <a:lnTo>
                    <a:pt x="376" y="74"/>
                  </a:lnTo>
                  <a:lnTo>
                    <a:pt x="376" y="76"/>
                  </a:lnTo>
                  <a:lnTo>
                    <a:pt x="376" y="78"/>
                  </a:lnTo>
                  <a:lnTo>
                    <a:pt x="374" y="79"/>
                  </a:lnTo>
                  <a:lnTo>
                    <a:pt x="373" y="83"/>
                  </a:lnTo>
                  <a:lnTo>
                    <a:pt x="371" y="84"/>
                  </a:lnTo>
                  <a:lnTo>
                    <a:pt x="368" y="88"/>
                  </a:lnTo>
                  <a:lnTo>
                    <a:pt x="364" y="91"/>
                  </a:lnTo>
                  <a:lnTo>
                    <a:pt x="364" y="93"/>
                  </a:lnTo>
                  <a:lnTo>
                    <a:pt x="362" y="94"/>
                  </a:lnTo>
                  <a:lnTo>
                    <a:pt x="361" y="96"/>
                  </a:lnTo>
                  <a:lnTo>
                    <a:pt x="361" y="100"/>
                  </a:lnTo>
                  <a:lnTo>
                    <a:pt x="359" y="101"/>
                  </a:lnTo>
                  <a:lnTo>
                    <a:pt x="357" y="105"/>
                  </a:lnTo>
                  <a:lnTo>
                    <a:pt x="357" y="106"/>
                  </a:lnTo>
                  <a:lnTo>
                    <a:pt x="357" y="108"/>
                  </a:lnTo>
                  <a:lnTo>
                    <a:pt x="356" y="108"/>
                  </a:lnTo>
                  <a:lnTo>
                    <a:pt x="356" y="110"/>
                  </a:lnTo>
                  <a:lnTo>
                    <a:pt x="354" y="111"/>
                  </a:lnTo>
                  <a:lnTo>
                    <a:pt x="352" y="111"/>
                  </a:lnTo>
                  <a:lnTo>
                    <a:pt x="349" y="113"/>
                  </a:lnTo>
                  <a:lnTo>
                    <a:pt x="344" y="113"/>
                  </a:lnTo>
                  <a:lnTo>
                    <a:pt x="342" y="116"/>
                  </a:lnTo>
                  <a:lnTo>
                    <a:pt x="340" y="122"/>
                  </a:lnTo>
                  <a:lnTo>
                    <a:pt x="339" y="127"/>
                  </a:lnTo>
                  <a:lnTo>
                    <a:pt x="337" y="133"/>
                  </a:lnTo>
                  <a:lnTo>
                    <a:pt x="335" y="137"/>
                  </a:lnTo>
                  <a:lnTo>
                    <a:pt x="335" y="140"/>
                  </a:lnTo>
                  <a:lnTo>
                    <a:pt x="335" y="142"/>
                  </a:lnTo>
                  <a:lnTo>
                    <a:pt x="335" y="144"/>
                  </a:lnTo>
                  <a:lnTo>
                    <a:pt x="334" y="145"/>
                  </a:lnTo>
                  <a:lnTo>
                    <a:pt x="332" y="147"/>
                  </a:lnTo>
                  <a:lnTo>
                    <a:pt x="330" y="149"/>
                  </a:lnTo>
                  <a:lnTo>
                    <a:pt x="325" y="150"/>
                  </a:lnTo>
                  <a:lnTo>
                    <a:pt x="320" y="150"/>
                  </a:lnTo>
                  <a:lnTo>
                    <a:pt x="312" y="149"/>
                  </a:lnTo>
                  <a:lnTo>
                    <a:pt x="302" y="144"/>
                  </a:lnTo>
                  <a:lnTo>
                    <a:pt x="302" y="142"/>
                  </a:lnTo>
                  <a:lnTo>
                    <a:pt x="302" y="138"/>
                  </a:lnTo>
                  <a:lnTo>
                    <a:pt x="300" y="135"/>
                  </a:lnTo>
                  <a:lnTo>
                    <a:pt x="298" y="132"/>
                  </a:lnTo>
                  <a:lnTo>
                    <a:pt x="295" y="130"/>
                  </a:lnTo>
                  <a:lnTo>
                    <a:pt x="291" y="130"/>
                  </a:lnTo>
                  <a:lnTo>
                    <a:pt x="288" y="137"/>
                  </a:lnTo>
                  <a:lnTo>
                    <a:pt x="283" y="147"/>
                  </a:lnTo>
                  <a:lnTo>
                    <a:pt x="283" y="150"/>
                  </a:lnTo>
                  <a:lnTo>
                    <a:pt x="281" y="155"/>
                  </a:lnTo>
                  <a:lnTo>
                    <a:pt x="281" y="162"/>
                  </a:lnTo>
                  <a:lnTo>
                    <a:pt x="280" y="169"/>
                  </a:lnTo>
                  <a:lnTo>
                    <a:pt x="276" y="172"/>
                  </a:lnTo>
                  <a:lnTo>
                    <a:pt x="273" y="176"/>
                  </a:lnTo>
                  <a:lnTo>
                    <a:pt x="266" y="174"/>
                  </a:lnTo>
                  <a:lnTo>
                    <a:pt x="259" y="167"/>
                  </a:lnTo>
                  <a:lnTo>
                    <a:pt x="258" y="166"/>
                  </a:lnTo>
                  <a:lnTo>
                    <a:pt x="258" y="164"/>
                  </a:lnTo>
                  <a:lnTo>
                    <a:pt x="258" y="162"/>
                  </a:lnTo>
                  <a:lnTo>
                    <a:pt x="256" y="159"/>
                  </a:lnTo>
                  <a:lnTo>
                    <a:pt x="254" y="159"/>
                  </a:lnTo>
                  <a:lnTo>
                    <a:pt x="249" y="159"/>
                  </a:lnTo>
                  <a:lnTo>
                    <a:pt x="244" y="164"/>
                  </a:lnTo>
                  <a:lnTo>
                    <a:pt x="236" y="171"/>
                  </a:lnTo>
                  <a:lnTo>
                    <a:pt x="236" y="172"/>
                  </a:lnTo>
                  <a:lnTo>
                    <a:pt x="234" y="176"/>
                  </a:lnTo>
                  <a:lnTo>
                    <a:pt x="232" y="179"/>
                  </a:lnTo>
                  <a:lnTo>
                    <a:pt x="230" y="182"/>
                  </a:lnTo>
                  <a:lnTo>
                    <a:pt x="227" y="186"/>
                  </a:lnTo>
                  <a:lnTo>
                    <a:pt x="222" y="186"/>
                  </a:lnTo>
                  <a:lnTo>
                    <a:pt x="217" y="184"/>
                  </a:lnTo>
                  <a:lnTo>
                    <a:pt x="210" y="179"/>
                  </a:lnTo>
                  <a:lnTo>
                    <a:pt x="210" y="177"/>
                  </a:lnTo>
                  <a:lnTo>
                    <a:pt x="208" y="176"/>
                  </a:lnTo>
                  <a:lnTo>
                    <a:pt x="205" y="174"/>
                  </a:lnTo>
                  <a:lnTo>
                    <a:pt x="202" y="172"/>
                  </a:lnTo>
                  <a:lnTo>
                    <a:pt x="198" y="171"/>
                  </a:lnTo>
                  <a:lnTo>
                    <a:pt x="195" y="171"/>
                  </a:lnTo>
                  <a:lnTo>
                    <a:pt x="190" y="171"/>
                  </a:lnTo>
                  <a:lnTo>
                    <a:pt x="186" y="174"/>
                  </a:lnTo>
                  <a:lnTo>
                    <a:pt x="185" y="172"/>
                  </a:lnTo>
                  <a:lnTo>
                    <a:pt x="183" y="171"/>
                  </a:lnTo>
                  <a:lnTo>
                    <a:pt x="181" y="171"/>
                  </a:lnTo>
                  <a:lnTo>
                    <a:pt x="180" y="171"/>
                  </a:lnTo>
                  <a:lnTo>
                    <a:pt x="178" y="171"/>
                  </a:lnTo>
                  <a:lnTo>
                    <a:pt x="178" y="176"/>
                  </a:lnTo>
                  <a:lnTo>
                    <a:pt x="178" y="181"/>
                  </a:lnTo>
                  <a:lnTo>
                    <a:pt x="178" y="182"/>
                  </a:lnTo>
                  <a:lnTo>
                    <a:pt x="178" y="184"/>
                  </a:lnTo>
                  <a:lnTo>
                    <a:pt x="176" y="186"/>
                  </a:lnTo>
                  <a:lnTo>
                    <a:pt x="176" y="188"/>
                  </a:lnTo>
                  <a:lnTo>
                    <a:pt x="175" y="188"/>
                  </a:lnTo>
                  <a:lnTo>
                    <a:pt x="171" y="186"/>
                  </a:lnTo>
                  <a:lnTo>
                    <a:pt x="168" y="182"/>
                  </a:lnTo>
                  <a:lnTo>
                    <a:pt x="166" y="182"/>
                  </a:lnTo>
                  <a:lnTo>
                    <a:pt x="161" y="181"/>
                  </a:lnTo>
                  <a:lnTo>
                    <a:pt x="156" y="179"/>
                  </a:lnTo>
                  <a:lnTo>
                    <a:pt x="151" y="179"/>
                  </a:lnTo>
                  <a:lnTo>
                    <a:pt x="148" y="179"/>
                  </a:lnTo>
                  <a:lnTo>
                    <a:pt x="144" y="179"/>
                  </a:lnTo>
                  <a:lnTo>
                    <a:pt x="144" y="182"/>
                  </a:lnTo>
                  <a:lnTo>
                    <a:pt x="148" y="186"/>
                  </a:lnTo>
                  <a:lnTo>
                    <a:pt x="148" y="188"/>
                  </a:lnTo>
                  <a:lnTo>
                    <a:pt x="146" y="188"/>
                  </a:lnTo>
                  <a:lnTo>
                    <a:pt x="146" y="191"/>
                  </a:lnTo>
                  <a:lnTo>
                    <a:pt x="144" y="193"/>
                  </a:lnTo>
                  <a:lnTo>
                    <a:pt x="142" y="193"/>
                  </a:lnTo>
                  <a:lnTo>
                    <a:pt x="141" y="194"/>
                  </a:lnTo>
                  <a:lnTo>
                    <a:pt x="139" y="194"/>
                  </a:lnTo>
                  <a:lnTo>
                    <a:pt x="136" y="194"/>
                  </a:lnTo>
                  <a:lnTo>
                    <a:pt x="136" y="196"/>
                  </a:lnTo>
                  <a:lnTo>
                    <a:pt x="136" y="198"/>
                  </a:lnTo>
                  <a:lnTo>
                    <a:pt x="134" y="199"/>
                  </a:lnTo>
                  <a:lnTo>
                    <a:pt x="134" y="201"/>
                  </a:lnTo>
                  <a:lnTo>
                    <a:pt x="132" y="204"/>
                  </a:lnTo>
                  <a:lnTo>
                    <a:pt x="131" y="206"/>
                  </a:lnTo>
                  <a:lnTo>
                    <a:pt x="129" y="208"/>
                  </a:lnTo>
                  <a:lnTo>
                    <a:pt x="129" y="210"/>
                  </a:lnTo>
                  <a:lnTo>
                    <a:pt x="127" y="218"/>
                  </a:lnTo>
                  <a:lnTo>
                    <a:pt x="131" y="223"/>
                  </a:lnTo>
                  <a:lnTo>
                    <a:pt x="132" y="225"/>
                  </a:lnTo>
                  <a:lnTo>
                    <a:pt x="134" y="226"/>
                  </a:lnTo>
                  <a:lnTo>
                    <a:pt x="134" y="228"/>
                  </a:lnTo>
                  <a:lnTo>
                    <a:pt x="136" y="232"/>
                  </a:lnTo>
                  <a:lnTo>
                    <a:pt x="136" y="235"/>
                  </a:lnTo>
                  <a:lnTo>
                    <a:pt x="134" y="237"/>
                  </a:lnTo>
                  <a:lnTo>
                    <a:pt x="127" y="238"/>
                  </a:lnTo>
                  <a:lnTo>
                    <a:pt x="119" y="240"/>
                  </a:lnTo>
                  <a:lnTo>
                    <a:pt x="117" y="240"/>
                  </a:lnTo>
                  <a:lnTo>
                    <a:pt x="112" y="240"/>
                  </a:lnTo>
                  <a:lnTo>
                    <a:pt x="107" y="243"/>
                  </a:lnTo>
                  <a:lnTo>
                    <a:pt x="102" y="245"/>
                  </a:lnTo>
                  <a:lnTo>
                    <a:pt x="97" y="250"/>
                  </a:lnTo>
                  <a:lnTo>
                    <a:pt x="95" y="255"/>
                  </a:lnTo>
                  <a:lnTo>
                    <a:pt x="95" y="264"/>
                  </a:lnTo>
                  <a:lnTo>
                    <a:pt x="100" y="272"/>
                  </a:lnTo>
                  <a:lnTo>
                    <a:pt x="100" y="274"/>
                  </a:lnTo>
                  <a:lnTo>
                    <a:pt x="104" y="277"/>
                  </a:lnTo>
                  <a:lnTo>
                    <a:pt x="104" y="281"/>
                  </a:lnTo>
                  <a:lnTo>
                    <a:pt x="105" y="284"/>
                  </a:lnTo>
                  <a:lnTo>
                    <a:pt x="104" y="287"/>
                  </a:lnTo>
                  <a:lnTo>
                    <a:pt x="98" y="289"/>
                  </a:lnTo>
                  <a:lnTo>
                    <a:pt x="88" y="287"/>
                  </a:lnTo>
                  <a:lnTo>
                    <a:pt x="75" y="282"/>
                  </a:lnTo>
                  <a:lnTo>
                    <a:pt x="71" y="281"/>
                  </a:lnTo>
                  <a:lnTo>
                    <a:pt x="68" y="277"/>
                  </a:lnTo>
                  <a:lnTo>
                    <a:pt x="65" y="276"/>
                  </a:lnTo>
                  <a:lnTo>
                    <a:pt x="60" y="272"/>
                  </a:lnTo>
                  <a:lnTo>
                    <a:pt x="54" y="272"/>
                  </a:lnTo>
                  <a:lnTo>
                    <a:pt x="49" y="272"/>
                  </a:lnTo>
                  <a:lnTo>
                    <a:pt x="44" y="276"/>
                  </a:lnTo>
                  <a:lnTo>
                    <a:pt x="38" y="282"/>
                  </a:lnTo>
                  <a:lnTo>
                    <a:pt x="38" y="284"/>
                  </a:lnTo>
                  <a:lnTo>
                    <a:pt x="36" y="286"/>
                  </a:lnTo>
                  <a:lnTo>
                    <a:pt x="32" y="287"/>
                  </a:lnTo>
                  <a:lnTo>
                    <a:pt x="31" y="289"/>
                  </a:lnTo>
                  <a:lnTo>
                    <a:pt x="27" y="292"/>
                  </a:lnTo>
                  <a:lnTo>
                    <a:pt x="26" y="294"/>
                  </a:lnTo>
                  <a:lnTo>
                    <a:pt x="26" y="296"/>
                  </a:lnTo>
                  <a:lnTo>
                    <a:pt x="24" y="296"/>
                  </a:lnTo>
                  <a:lnTo>
                    <a:pt x="26" y="298"/>
                  </a:lnTo>
                  <a:lnTo>
                    <a:pt x="29" y="301"/>
                  </a:lnTo>
                  <a:lnTo>
                    <a:pt x="32" y="303"/>
                  </a:lnTo>
                  <a:lnTo>
                    <a:pt x="34" y="304"/>
                  </a:lnTo>
                  <a:lnTo>
                    <a:pt x="43" y="311"/>
                  </a:lnTo>
                  <a:lnTo>
                    <a:pt x="38" y="320"/>
                  </a:lnTo>
                  <a:lnTo>
                    <a:pt x="38" y="355"/>
                  </a:lnTo>
                  <a:lnTo>
                    <a:pt x="19" y="357"/>
                  </a:lnTo>
                  <a:lnTo>
                    <a:pt x="0" y="370"/>
                  </a:lnTo>
                  <a:lnTo>
                    <a:pt x="0" y="369"/>
                  </a:lnTo>
                  <a:lnTo>
                    <a:pt x="148" y="357"/>
                  </a:lnTo>
                  <a:lnTo>
                    <a:pt x="148" y="333"/>
                  </a:lnTo>
                  <a:lnTo>
                    <a:pt x="149" y="335"/>
                  </a:lnTo>
                  <a:lnTo>
                    <a:pt x="153" y="335"/>
                  </a:lnTo>
                  <a:lnTo>
                    <a:pt x="158" y="335"/>
                  </a:lnTo>
                  <a:lnTo>
                    <a:pt x="164" y="335"/>
                  </a:lnTo>
                  <a:lnTo>
                    <a:pt x="171" y="336"/>
                  </a:lnTo>
                  <a:lnTo>
                    <a:pt x="178" y="336"/>
                  </a:lnTo>
                  <a:lnTo>
                    <a:pt x="186" y="336"/>
                  </a:lnTo>
                  <a:lnTo>
                    <a:pt x="188" y="336"/>
                  </a:lnTo>
                  <a:lnTo>
                    <a:pt x="192" y="336"/>
                  </a:lnTo>
                  <a:lnTo>
                    <a:pt x="197" y="335"/>
                  </a:lnTo>
                  <a:lnTo>
                    <a:pt x="203" y="335"/>
                  </a:lnTo>
                  <a:lnTo>
                    <a:pt x="212" y="333"/>
                  </a:lnTo>
                  <a:lnTo>
                    <a:pt x="222" y="333"/>
                  </a:lnTo>
                  <a:lnTo>
                    <a:pt x="232" y="331"/>
                  </a:lnTo>
                  <a:lnTo>
                    <a:pt x="246" y="331"/>
                  </a:lnTo>
                  <a:lnTo>
                    <a:pt x="259" y="330"/>
                  </a:lnTo>
                  <a:lnTo>
                    <a:pt x="273" y="328"/>
                  </a:lnTo>
                  <a:lnTo>
                    <a:pt x="288" y="328"/>
                  </a:lnTo>
                  <a:lnTo>
                    <a:pt x="305" y="326"/>
                  </a:lnTo>
                  <a:lnTo>
                    <a:pt x="322" y="325"/>
                  </a:lnTo>
                  <a:lnTo>
                    <a:pt x="339" y="323"/>
                  </a:lnTo>
                  <a:lnTo>
                    <a:pt x="356" y="321"/>
                  </a:lnTo>
                  <a:lnTo>
                    <a:pt x="373" y="320"/>
                  </a:lnTo>
                  <a:lnTo>
                    <a:pt x="391" y="318"/>
                  </a:lnTo>
                  <a:lnTo>
                    <a:pt x="408" y="318"/>
                  </a:lnTo>
                  <a:lnTo>
                    <a:pt x="425" y="316"/>
                  </a:lnTo>
                  <a:lnTo>
                    <a:pt x="440" y="314"/>
                  </a:lnTo>
                  <a:lnTo>
                    <a:pt x="457" y="313"/>
                  </a:lnTo>
                  <a:lnTo>
                    <a:pt x="472" y="311"/>
                  </a:lnTo>
                  <a:lnTo>
                    <a:pt x="488" y="309"/>
                  </a:lnTo>
                  <a:lnTo>
                    <a:pt x="501" y="309"/>
                  </a:lnTo>
                  <a:lnTo>
                    <a:pt x="513" y="308"/>
                  </a:lnTo>
                  <a:lnTo>
                    <a:pt x="525" y="306"/>
                  </a:lnTo>
                  <a:lnTo>
                    <a:pt x="535" y="306"/>
                  </a:lnTo>
                  <a:lnTo>
                    <a:pt x="544" y="306"/>
                  </a:lnTo>
                  <a:lnTo>
                    <a:pt x="549" y="304"/>
                  </a:lnTo>
                  <a:lnTo>
                    <a:pt x="554" y="304"/>
                  </a:lnTo>
                  <a:lnTo>
                    <a:pt x="557" y="304"/>
                  </a:lnTo>
                  <a:lnTo>
                    <a:pt x="559" y="304"/>
                  </a:lnTo>
                  <a:lnTo>
                    <a:pt x="560" y="303"/>
                  </a:lnTo>
                  <a:lnTo>
                    <a:pt x="564" y="301"/>
                  </a:lnTo>
                  <a:lnTo>
                    <a:pt x="567" y="299"/>
                  </a:lnTo>
                  <a:lnTo>
                    <a:pt x="571" y="298"/>
                  </a:lnTo>
                  <a:lnTo>
                    <a:pt x="576" y="296"/>
                  </a:lnTo>
                  <a:lnTo>
                    <a:pt x="581" y="292"/>
                  </a:lnTo>
                  <a:lnTo>
                    <a:pt x="586" y="291"/>
                  </a:lnTo>
                  <a:lnTo>
                    <a:pt x="591" y="287"/>
                  </a:lnTo>
                  <a:lnTo>
                    <a:pt x="596" y="286"/>
                  </a:lnTo>
                  <a:lnTo>
                    <a:pt x="601" y="282"/>
                  </a:lnTo>
                  <a:lnTo>
                    <a:pt x="606" y="281"/>
                  </a:lnTo>
                  <a:lnTo>
                    <a:pt x="611" y="277"/>
                  </a:lnTo>
                  <a:lnTo>
                    <a:pt x="615" y="276"/>
                  </a:lnTo>
                  <a:lnTo>
                    <a:pt x="618" y="274"/>
                  </a:lnTo>
                  <a:lnTo>
                    <a:pt x="620" y="274"/>
                  </a:lnTo>
                  <a:lnTo>
                    <a:pt x="621" y="272"/>
                  </a:lnTo>
                  <a:lnTo>
                    <a:pt x="621" y="270"/>
                  </a:lnTo>
                  <a:lnTo>
                    <a:pt x="623" y="269"/>
                  </a:lnTo>
                  <a:lnTo>
                    <a:pt x="625" y="265"/>
                  </a:lnTo>
                  <a:lnTo>
                    <a:pt x="626" y="264"/>
                  </a:lnTo>
                  <a:lnTo>
                    <a:pt x="630" y="260"/>
                  </a:lnTo>
                  <a:lnTo>
                    <a:pt x="635" y="259"/>
                  </a:lnTo>
                  <a:lnTo>
                    <a:pt x="640" y="255"/>
                  </a:lnTo>
                  <a:lnTo>
                    <a:pt x="643" y="255"/>
                  </a:lnTo>
                  <a:lnTo>
                    <a:pt x="643" y="254"/>
                  </a:lnTo>
                  <a:lnTo>
                    <a:pt x="645" y="252"/>
                  </a:lnTo>
                  <a:lnTo>
                    <a:pt x="647" y="252"/>
                  </a:lnTo>
                  <a:lnTo>
                    <a:pt x="647" y="248"/>
                  </a:lnTo>
                  <a:lnTo>
                    <a:pt x="647" y="247"/>
                  </a:lnTo>
                  <a:lnTo>
                    <a:pt x="648" y="245"/>
                  </a:lnTo>
                  <a:lnTo>
                    <a:pt x="648" y="243"/>
                  </a:lnTo>
                  <a:lnTo>
                    <a:pt x="650" y="240"/>
                  </a:lnTo>
                  <a:lnTo>
                    <a:pt x="652" y="238"/>
                  </a:lnTo>
                  <a:lnTo>
                    <a:pt x="653" y="237"/>
                  </a:lnTo>
                  <a:lnTo>
                    <a:pt x="655" y="235"/>
                  </a:lnTo>
                  <a:lnTo>
                    <a:pt x="657" y="232"/>
                  </a:lnTo>
                  <a:lnTo>
                    <a:pt x="659" y="228"/>
                  </a:lnTo>
                  <a:lnTo>
                    <a:pt x="660" y="225"/>
                  </a:lnTo>
                  <a:lnTo>
                    <a:pt x="662" y="221"/>
                  </a:lnTo>
                  <a:lnTo>
                    <a:pt x="664" y="215"/>
                  </a:lnTo>
                  <a:lnTo>
                    <a:pt x="667" y="211"/>
                  </a:lnTo>
                  <a:lnTo>
                    <a:pt x="672" y="208"/>
                  </a:lnTo>
                  <a:lnTo>
                    <a:pt x="677" y="204"/>
                  </a:lnTo>
                  <a:lnTo>
                    <a:pt x="684" y="201"/>
                  </a:lnTo>
                  <a:lnTo>
                    <a:pt x="689" y="198"/>
                  </a:lnTo>
                  <a:lnTo>
                    <a:pt x="694" y="194"/>
                  </a:lnTo>
                  <a:lnTo>
                    <a:pt x="699" y="189"/>
                  </a:lnTo>
                  <a:lnTo>
                    <a:pt x="701" y="184"/>
                  </a:lnTo>
                  <a:lnTo>
                    <a:pt x="703" y="182"/>
                  </a:lnTo>
                  <a:lnTo>
                    <a:pt x="704" y="182"/>
                  </a:lnTo>
                  <a:lnTo>
                    <a:pt x="703" y="184"/>
                  </a:lnTo>
                  <a:lnTo>
                    <a:pt x="701" y="186"/>
                  </a:lnTo>
                  <a:lnTo>
                    <a:pt x="701" y="188"/>
                  </a:lnTo>
                  <a:lnTo>
                    <a:pt x="699" y="188"/>
                  </a:lnTo>
                  <a:lnTo>
                    <a:pt x="699" y="189"/>
                  </a:lnTo>
                  <a:lnTo>
                    <a:pt x="723" y="157"/>
                  </a:lnTo>
                  <a:lnTo>
                    <a:pt x="711" y="157"/>
                  </a:lnTo>
                  <a:lnTo>
                    <a:pt x="711" y="155"/>
                  </a:lnTo>
                  <a:lnTo>
                    <a:pt x="709" y="154"/>
                  </a:lnTo>
                  <a:lnTo>
                    <a:pt x="709" y="152"/>
                  </a:lnTo>
                  <a:lnTo>
                    <a:pt x="708" y="150"/>
                  </a:lnTo>
                  <a:lnTo>
                    <a:pt x="704" y="150"/>
                  </a:lnTo>
                  <a:lnTo>
                    <a:pt x="701" y="149"/>
                  </a:lnTo>
                  <a:lnTo>
                    <a:pt x="696" y="149"/>
                  </a:lnTo>
                  <a:lnTo>
                    <a:pt x="696" y="147"/>
                  </a:lnTo>
                  <a:lnTo>
                    <a:pt x="692" y="142"/>
                  </a:lnTo>
                  <a:lnTo>
                    <a:pt x="687" y="137"/>
                  </a:lnTo>
                  <a:lnTo>
                    <a:pt x="682" y="128"/>
                  </a:lnTo>
                  <a:lnTo>
                    <a:pt x="675" y="120"/>
                  </a:lnTo>
                  <a:lnTo>
                    <a:pt x="669" y="110"/>
                  </a:lnTo>
                  <a:lnTo>
                    <a:pt x="660" y="101"/>
                  </a:lnTo>
                  <a:lnTo>
                    <a:pt x="652" y="91"/>
                  </a:lnTo>
                  <a:lnTo>
                    <a:pt x="652" y="88"/>
                  </a:lnTo>
                  <a:lnTo>
                    <a:pt x="652" y="84"/>
                  </a:lnTo>
                  <a:lnTo>
                    <a:pt x="653" y="79"/>
                  </a:lnTo>
                  <a:lnTo>
                    <a:pt x="653" y="76"/>
                  </a:lnTo>
                  <a:lnTo>
                    <a:pt x="653" y="71"/>
                  </a:lnTo>
                  <a:lnTo>
                    <a:pt x="652" y="64"/>
                  </a:lnTo>
                  <a:lnTo>
                    <a:pt x="650" y="59"/>
                  </a:lnTo>
                  <a:lnTo>
                    <a:pt x="647" y="56"/>
                  </a:lnTo>
                  <a:lnTo>
                    <a:pt x="647" y="52"/>
                  </a:lnTo>
                  <a:lnTo>
                    <a:pt x="647" y="50"/>
                  </a:lnTo>
                  <a:lnTo>
                    <a:pt x="648" y="50"/>
                  </a:lnTo>
                  <a:lnTo>
                    <a:pt x="648" y="52"/>
                  </a:lnTo>
                  <a:lnTo>
                    <a:pt x="650" y="52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26" name="Group 63"/>
            <p:cNvGrpSpPr>
              <a:grpSpLocks/>
            </p:cNvGrpSpPr>
            <p:nvPr/>
          </p:nvGrpSpPr>
          <p:grpSpPr bwMode="auto">
            <a:xfrm>
              <a:off x="4830" y="1006"/>
              <a:ext cx="350" cy="562"/>
              <a:chOff x="5086" y="1113"/>
              <a:chExt cx="359" cy="579"/>
            </a:xfrm>
          </p:grpSpPr>
          <p:sp>
            <p:nvSpPr>
              <p:cNvPr id="152" name="Freeform 64"/>
              <p:cNvSpPr>
                <a:spLocks/>
              </p:cNvSpPr>
              <p:nvPr/>
            </p:nvSpPr>
            <p:spPr bwMode="auto">
              <a:xfrm>
                <a:off x="5086" y="1113"/>
                <a:ext cx="359" cy="579"/>
              </a:xfrm>
              <a:custGeom>
                <a:avLst/>
                <a:gdLst>
                  <a:gd name="T0" fmla="*/ 90 w 359"/>
                  <a:gd name="T1" fmla="*/ 565 h 579"/>
                  <a:gd name="T2" fmla="*/ 74 w 359"/>
                  <a:gd name="T3" fmla="*/ 550 h 579"/>
                  <a:gd name="T4" fmla="*/ 0 w 359"/>
                  <a:gd name="T5" fmla="*/ 318 h 579"/>
                  <a:gd name="T6" fmla="*/ 15 w 359"/>
                  <a:gd name="T7" fmla="*/ 311 h 579"/>
                  <a:gd name="T8" fmla="*/ 18 w 359"/>
                  <a:gd name="T9" fmla="*/ 311 h 579"/>
                  <a:gd name="T10" fmla="*/ 18 w 359"/>
                  <a:gd name="T11" fmla="*/ 294 h 579"/>
                  <a:gd name="T12" fmla="*/ 27 w 359"/>
                  <a:gd name="T13" fmla="*/ 289 h 579"/>
                  <a:gd name="T14" fmla="*/ 30 w 359"/>
                  <a:gd name="T15" fmla="*/ 259 h 579"/>
                  <a:gd name="T16" fmla="*/ 39 w 359"/>
                  <a:gd name="T17" fmla="*/ 250 h 579"/>
                  <a:gd name="T18" fmla="*/ 39 w 359"/>
                  <a:gd name="T19" fmla="*/ 238 h 579"/>
                  <a:gd name="T20" fmla="*/ 47 w 359"/>
                  <a:gd name="T21" fmla="*/ 221 h 579"/>
                  <a:gd name="T22" fmla="*/ 39 w 359"/>
                  <a:gd name="T23" fmla="*/ 198 h 579"/>
                  <a:gd name="T24" fmla="*/ 39 w 359"/>
                  <a:gd name="T25" fmla="*/ 169 h 579"/>
                  <a:gd name="T26" fmla="*/ 44 w 359"/>
                  <a:gd name="T27" fmla="*/ 154 h 579"/>
                  <a:gd name="T28" fmla="*/ 44 w 359"/>
                  <a:gd name="T29" fmla="*/ 125 h 579"/>
                  <a:gd name="T30" fmla="*/ 51 w 359"/>
                  <a:gd name="T31" fmla="*/ 98 h 579"/>
                  <a:gd name="T32" fmla="*/ 91 w 359"/>
                  <a:gd name="T33" fmla="*/ 12 h 579"/>
                  <a:gd name="T34" fmla="*/ 105 w 359"/>
                  <a:gd name="T35" fmla="*/ 34 h 579"/>
                  <a:gd name="T36" fmla="*/ 125 w 359"/>
                  <a:gd name="T37" fmla="*/ 29 h 579"/>
                  <a:gd name="T38" fmla="*/ 145 w 359"/>
                  <a:gd name="T39" fmla="*/ 12 h 579"/>
                  <a:gd name="T40" fmla="*/ 152 w 359"/>
                  <a:gd name="T41" fmla="*/ 3 h 579"/>
                  <a:gd name="T42" fmla="*/ 174 w 359"/>
                  <a:gd name="T43" fmla="*/ 7 h 579"/>
                  <a:gd name="T44" fmla="*/ 205 w 359"/>
                  <a:gd name="T45" fmla="*/ 22 h 579"/>
                  <a:gd name="T46" fmla="*/ 255 w 359"/>
                  <a:gd name="T47" fmla="*/ 177 h 579"/>
                  <a:gd name="T48" fmla="*/ 294 w 359"/>
                  <a:gd name="T49" fmla="*/ 213 h 579"/>
                  <a:gd name="T50" fmla="*/ 311 w 359"/>
                  <a:gd name="T51" fmla="*/ 237 h 579"/>
                  <a:gd name="T52" fmla="*/ 332 w 359"/>
                  <a:gd name="T53" fmla="*/ 243 h 579"/>
                  <a:gd name="T54" fmla="*/ 340 w 359"/>
                  <a:gd name="T55" fmla="*/ 265 h 579"/>
                  <a:gd name="T56" fmla="*/ 359 w 359"/>
                  <a:gd name="T57" fmla="*/ 267 h 579"/>
                  <a:gd name="T58" fmla="*/ 350 w 359"/>
                  <a:gd name="T59" fmla="*/ 289 h 579"/>
                  <a:gd name="T60" fmla="*/ 335 w 359"/>
                  <a:gd name="T61" fmla="*/ 293 h 579"/>
                  <a:gd name="T62" fmla="*/ 323 w 359"/>
                  <a:gd name="T63" fmla="*/ 306 h 579"/>
                  <a:gd name="T64" fmla="*/ 320 w 359"/>
                  <a:gd name="T65" fmla="*/ 320 h 579"/>
                  <a:gd name="T66" fmla="*/ 304 w 359"/>
                  <a:gd name="T67" fmla="*/ 326 h 579"/>
                  <a:gd name="T68" fmla="*/ 299 w 359"/>
                  <a:gd name="T69" fmla="*/ 323 h 579"/>
                  <a:gd name="T70" fmla="*/ 296 w 359"/>
                  <a:gd name="T71" fmla="*/ 330 h 579"/>
                  <a:gd name="T72" fmla="*/ 284 w 359"/>
                  <a:gd name="T73" fmla="*/ 357 h 579"/>
                  <a:gd name="T74" fmla="*/ 264 w 359"/>
                  <a:gd name="T75" fmla="*/ 335 h 579"/>
                  <a:gd name="T76" fmla="*/ 262 w 359"/>
                  <a:gd name="T77" fmla="*/ 348 h 579"/>
                  <a:gd name="T78" fmla="*/ 244 w 359"/>
                  <a:gd name="T79" fmla="*/ 362 h 579"/>
                  <a:gd name="T80" fmla="*/ 220 w 359"/>
                  <a:gd name="T81" fmla="*/ 362 h 579"/>
                  <a:gd name="T82" fmla="*/ 213 w 359"/>
                  <a:gd name="T83" fmla="*/ 353 h 579"/>
                  <a:gd name="T84" fmla="*/ 208 w 359"/>
                  <a:gd name="T85" fmla="*/ 372 h 579"/>
                  <a:gd name="T86" fmla="*/ 198 w 359"/>
                  <a:gd name="T87" fmla="*/ 436 h 579"/>
                  <a:gd name="T88" fmla="*/ 171 w 359"/>
                  <a:gd name="T89" fmla="*/ 450 h 579"/>
                  <a:gd name="T90" fmla="*/ 162 w 359"/>
                  <a:gd name="T91" fmla="*/ 448 h 579"/>
                  <a:gd name="T92" fmla="*/ 156 w 359"/>
                  <a:gd name="T93" fmla="*/ 448 h 579"/>
                  <a:gd name="T94" fmla="*/ 157 w 359"/>
                  <a:gd name="T95" fmla="*/ 475 h 579"/>
                  <a:gd name="T96" fmla="*/ 144 w 359"/>
                  <a:gd name="T97" fmla="*/ 460 h 579"/>
                  <a:gd name="T98" fmla="*/ 125 w 359"/>
                  <a:gd name="T99" fmla="*/ 475 h 579"/>
                  <a:gd name="T100" fmla="*/ 122 w 359"/>
                  <a:gd name="T101" fmla="*/ 506 h 579"/>
                  <a:gd name="T102" fmla="*/ 120 w 359"/>
                  <a:gd name="T103" fmla="*/ 528 h 579"/>
                  <a:gd name="T104" fmla="*/ 106 w 359"/>
                  <a:gd name="T105" fmla="*/ 541 h 579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w 359"/>
                  <a:gd name="T160" fmla="*/ 0 h 579"/>
                  <a:gd name="T161" fmla="*/ 359 w 359"/>
                  <a:gd name="T162" fmla="*/ 579 h 579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T159" t="T160" r="T161" b="T162"/>
                <a:pathLst>
                  <a:path w="359" h="579">
                    <a:moveTo>
                      <a:pt x="98" y="579"/>
                    </a:moveTo>
                    <a:lnTo>
                      <a:pt x="96" y="577"/>
                    </a:lnTo>
                    <a:lnTo>
                      <a:pt x="95" y="575"/>
                    </a:lnTo>
                    <a:lnTo>
                      <a:pt x="91" y="573"/>
                    </a:lnTo>
                    <a:lnTo>
                      <a:pt x="90" y="572"/>
                    </a:lnTo>
                    <a:lnTo>
                      <a:pt x="90" y="565"/>
                    </a:lnTo>
                    <a:lnTo>
                      <a:pt x="88" y="560"/>
                    </a:lnTo>
                    <a:lnTo>
                      <a:pt x="84" y="557"/>
                    </a:lnTo>
                    <a:lnTo>
                      <a:pt x="83" y="553"/>
                    </a:lnTo>
                    <a:lnTo>
                      <a:pt x="79" y="551"/>
                    </a:lnTo>
                    <a:lnTo>
                      <a:pt x="78" y="551"/>
                    </a:lnTo>
                    <a:lnTo>
                      <a:pt x="74" y="550"/>
                    </a:lnTo>
                    <a:lnTo>
                      <a:pt x="68" y="541"/>
                    </a:lnTo>
                    <a:lnTo>
                      <a:pt x="2" y="323"/>
                    </a:lnTo>
                    <a:lnTo>
                      <a:pt x="0" y="323"/>
                    </a:lnTo>
                    <a:lnTo>
                      <a:pt x="0" y="321"/>
                    </a:lnTo>
                    <a:lnTo>
                      <a:pt x="0" y="318"/>
                    </a:lnTo>
                    <a:lnTo>
                      <a:pt x="0" y="315"/>
                    </a:lnTo>
                    <a:lnTo>
                      <a:pt x="2" y="311"/>
                    </a:lnTo>
                    <a:lnTo>
                      <a:pt x="3" y="308"/>
                    </a:lnTo>
                    <a:lnTo>
                      <a:pt x="7" y="306"/>
                    </a:lnTo>
                    <a:lnTo>
                      <a:pt x="10" y="308"/>
                    </a:lnTo>
                    <a:lnTo>
                      <a:pt x="15" y="311"/>
                    </a:lnTo>
                    <a:lnTo>
                      <a:pt x="15" y="313"/>
                    </a:lnTo>
                    <a:lnTo>
                      <a:pt x="17" y="313"/>
                    </a:lnTo>
                    <a:lnTo>
                      <a:pt x="17" y="315"/>
                    </a:lnTo>
                    <a:lnTo>
                      <a:pt x="18" y="315"/>
                    </a:lnTo>
                    <a:lnTo>
                      <a:pt x="18" y="313"/>
                    </a:lnTo>
                    <a:lnTo>
                      <a:pt x="18" y="311"/>
                    </a:lnTo>
                    <a:lnTo>
                      <a:pt x="20" y="306"/>
                    </a:lnTo>
                    <a:lnTo>
                      <a:pt x="20" y="301"/>
                    </a:lnTo>
                    <a:lnTo>
                      <a:pt x="20" y="299"/>
                    </a:lnTo>
                    <a:lnTo>
                      <a:pt x="18" y="298"/>
                    </a:lnTo>
                    <a:lnTo>
                      <a:pt x="18" y="296"/>
                    </a:lnTo>
                    <a:lnTo>
                      <a:pt x="18" y="294"/>
                    </a:lnTo>
                    <a:lnTo>
                      <a:pt x="18" y="293"/>
                    </a:lnTo>
                    <a:lnTo>
                      <a:pt x="20" y="291"/>
                    </a:lnTo>
                    <a:lnTo>
                      <a:pt x="24" y="293"/>
                    </a:lnTo>
                    <a:lnTo>
                      <a:pt x="30" y="294"/>
                    </a:lnTo>
                    <a:lnTo>
                      <a:pt x="29" y="293"/>
                    </a:lnTo>
                    <a:lnTo>
                      <a:pt x="27" y="289"/>
                    </a:lnTo>
                    <a:lnTo>
                      <a:pt x="25" y="284"/>
                    </a:lnTo>
                    <a:lnTo>
                      <a:pt x="24" y="279"/>
                    </a:lnTo>
                    <a:lnTo>
                      <a:pt x="22" y="274"/>
                    </a:lnTo>
                    <a:lnTo>
                      <a:pt x="24" y="267"/>
                    </a:lnTo>
                    <a:lnTo>
                      <a:pt x="25" y="262"/>
                    </a:lnTo>
                    <a:lnTo>
                      <a:pt x="30" y="259"/>
                    </a:lnTo>
                    <a:lnTo>
                      <a:pt x="32" y="257"/>
                    </a:lnTo>
                    <a:lnTo>
                      <a:pt x="34" y="255"/>
                    </a:lnTo>
                    <a:lnTo>
                      <a:pt x="35" y="254"/>
                    </a:lnTo>
                    <a:lnTo>
                      <a:pt x="37" y="252"/>
                    </a:lnTo>
                    <a:lnTo>
                      <a:pt x="39" y="250"/>
                    </a:lnTo>
                    <a:lnTo>
                      <a:pt x="39" y="249"/>
                    </a:lnTo>
                    <a:lnTo>
                      <a:pt x="40" y="249"/>
                    </a:lnTo>
                    <a:lnTo>
                      <a:pt x="40" y="247"/>
                    </a:lnTo>
                    <a:lnTo>
                      <a:pt x="39" y="245"/>
                    </a:lnTo>
                    <a:lnTo>
                      <a:pt x="39" y="242"/>
                    </a:lnTo>
                    <a:lnTo>
                      <a:pt x="39" y="238"/>
                    </a:lnTo>
                    <a:lnTo>
                      <a:pt x="40" y="235"/>
                    </a:lnTo>
                    <a:lnTo>
                      <a:pt x="42" y="230"/>
                    </a:lnTo>
                    <a:lnTo>
                      <a:pt x="44" y="227"/>
                    </a:lnTo>
                    <a:lnTo>
                      <a:pt x="49" y="223"/>
                    </a:lnTo>
                    <a:lnTo>
                      <a:pt x="47" y="223"/>
                    </a:lnTo>
                    <a:lnTo>
                      <a:pt x="47" y="221"/>
                    </a:lnTo>
                    <a:lnTo>
                      <a:pt x="47" y="218"/>
                    </a:lnTo>
                    <a:lnTo>
                      <a:pt x="46" y="215"/>
                    </a:lnTo>
                    <a:lnTo>
                      <a:pt x="44" y="211"/>
                    </a:lnTo>
                    <a:lnTo>
                      <a:pt x="42" y="208"/>
                    </a:lnTo>
                    <a:lnTo>
                      <a:pt x="40" y="203"/>
                    </a:lnTo>
                    <a:lnTo>
                      <a:pt x="39" y="198"/>
                    </a:lnTo>
                    <a:lnTo>
                      <a:pt x="39" y="193"/>
                    </a:lnTo>
                    <a:lnTo>
                      <a:pt x="37" y="188"/>
                    </a:lnTo>
                    <a:lnTo>
                      <a:pt x="37" y="183"/>
                    </a:lnTo>
                    <a:lnTo>
                      <a:pt x="37" y="177"/>
                    </a:lnTo>
                    <a:lnTo>
                      <a:pt x="39" y="172"/>
                    </a:lnTo>
                    <a:lnTo>
                      <a:pt x="39" y="169"/>
                    </a:lnTo>
                    <a:lnTo>
                      <a:pt x="42" y="164"/>
                    </a:lnTo>
                    <a:lnTo>
                      <a:pt x="46" y="161"/>
                    </a:lnTo>
                    <a:lnTo>
                      <a:pt x="46" y="159"/>
                    </a:lnTo>
                    <a:lnTo>
                      <a:pt x="44" y="157"/>
                    </a:lnTo>
                    <a:lnTo>
                      <a:pt x="44" y="154"/>
                    </a:lnTo>
                    <a:lnTo>
                      <a:pt x="44" y="149"/>
                    </a:lnTo>
                    <a:lnTo>
                      <a:pt x="44" y="145"/>
                    </a:lnTo>
                    <a:lnTo>
                      <a:pt x="44" y="140"/>
                    </a:lnTo>
                    <a:lnTo>
                      <a:pt x="44" y="135"/>
                    </a:lnTo>
                    <a:lnTo>
                      <a:pt x="44" y="130"/>
                    </a:lnTo>
                    <a:lnTo>
                      <a:pt x="44" y="125"/>
                    </a:lnTo>
                    <a:lnTo>
                      <a:pt x="44" y="120"/>
                    </a:lnTo>
                    <a:lnTo>
                      <a:pt x="44" y="115"/>
                    </a:lnTo>
                    <a:lnTo>
                      <a:pt x="46" y="110"/>
                    </a:lnTo>
                    <a:lnTo>
                      <a:pt x="47" y="105"/>
                    </a:lnTo>
                    <a:lnTo>
                      <a:pt x="49" y="101"/>
                    </a:lnTo>
                    <a:lnTo>
                      <a:pt x="51" y="98"/>
                    </a:lnTo>
                    <a:lnTo>
                      <a:pt x="78" y="15"/>
                    </a:lnTo>
                    <a:lnTo>
                      <a:pt x="79" y="13"/>
                    </a:lnTo>
                    <a:lnTo>
                      <a:pt x="81" y="13"/>
                    </a:lnTo>
                    <a:lnTo>
                      <a:pt x="84" y="12"/>
                    </a:lnTo>
                    <a:lnTo>
                      <a:pt x="88" y="10"/>
                    </a:lnTo>
                    <a:lnTo>
                      <a:pt x="91" y="12"/>
                    </a:lnTo>
                    <a:lnTo>
                      <a:pt x="95" y="13"/>
                    </a:lnTo>
                    <a:lnTo>
                      <a:pt x="98" y="18"/>
                    </a:lnTo>
                    <a:lnTo>
                      <a:pt x="101" y="29"/>
                    </a:lnTo>
                    <a:lnTo>
                      <a:pt x="101" y="30"/>
                    </a:lnTo>
                    <a:lnTo>
                      <a:pt x="103" y="32"/>
                    </a:lnTo>
                    <a:lnTo>
                      <a:pt x="105" y="34"/>
                    </a:lnTo>
                    <a:lnTo>
                      <a:pt x="108" y="35"/>
                    </a:lnTo>
                    <a:lnTo>
                      <a:pt x="110" y="37"/>
                    </a:lnTo>
                    <a:lnTo>
                      <a:pt x="115" y="37"/>
                    </a:lnTo>
                    <a:lnTo>
                      <a:pt x="118" y="34"/>
                    </a:lnTo>
                    <a:lnTo>
                      <a:pt x="125" y="30"/>
                    </a:lnTo>
                    <a:lnTo>
                      <a:pt x="125" y="29"/>
                    </a:lnTo>
                    <a:lnTo>
                      <a:pt x="128" y="27"/>
                    </a:lnTo>
                    <a:lnTo>
                      <a:pt x="132" y="23"/>
                    </a:lnTo>
                    <a:lnTo>
                      <a:pt x="135" y="20"/>
                    </a:lnTo>
                    <a:lnTo>
                      <a:pt x="139" y="17"/>
                    </a:lnTo>
                    <a:lnTo>
                      <a:pt x="142" y="13"/>
                    </a:lnTo>
                    <a:lnTo>
                      <a:pt x="145" y="12"/>
                    </a:lnTo>
                    <a:lnTo>
                      <a:pt x="152" y="10"/>
                    </a:lnTo>
                    <a:lnTo>
                      <a:pt x="152" y="8"/>
                    </a:lnTo>
                    <a:lnTo>
                      <a:pt x="152" y="5"/>
                    </a:lnTo>
                    <a:lnTo>
                      <a:pt x="152" y="3"/>
                    </a:lnTo>
                    <a:lnTo>
                      <a:pt x="154" y="1"/>
                    </a:lnTo>
                    <a:lnTo>
                      <a:pt x="157" y="0"/>
                    </a:lnTo>
                    <a:lnTo>
                      <a:pt x="162" y="1"/>
                    </a:lnTo>
                    <a:lnTo>
                      <a:pt x="169" y="3"/>
                    </a:lnTo>
                    <a:lnTo>
                      <a:pt x="171" y="5"/>
                    </a:lnTo>
                    <a:lnTo>
                      <a:pt x="174" y="7"/>
                    </a:lnTo>
                    <a:lnTo>
                      <a:pt x="179" y="10"/>
                    </a:lnTo>
                    <a:lnTo>
                      <a:pt x="186" y="13"/>
                    </a:lnTo>
                    <a:lnTo>
                      <a:pt x="193" y="15"/>
                    </a:lnTo>
                    <a:lnTo>
                      <a:pt x="198" y="18"/>
                    </a:lnTo>
                    <a:lnTo>
                      <a:pt x="203" y="20"/>
                    </a:lnTo>
                    <a:lnTo>
                      <a:pt x="205" y="22"/>
                    </a:lnTo>
                    <a:lnTo>
                      <a:pt x="213" y="30"/>
                    </a:lnTo>
                    <a:lnTo>
                      <a:pt x="254" y="164"/>
                    </a:lnTo>
                    <a:lnTo>
                      <a:pt x="254" y="166"/>
                    </a:lnTo>
                    <a:lnTo>
                      <a:pt x="254" y="169"/>
                    </a:lnTo>
                    <a:lnTo>
                      <a:pt x="254" y="172"/>
                    </a:lnTo>
                    <a:lnTo>
                      <a:pt x="255" y="177"/>
                    </a:lnTo>
                    <a:lnTo>
                      <a:pt x="260" y="184"/>
                    </a:lnTo>
                    <a:lnTo>
                      <a:pt x="266" y="188"/>
                    </a:lnTo>
                    <a:lnTo>
                      <a:pt x="276" y="191"/>
                    </a:lnTo>
                    <a:lnTo>
                      <a:pt x="289" y="193"/>
                    </a:lnTo>
                    <a:lnTo>
                      <a:pt x="294" y="196"/>
                    </a:lnTo>
                    <a:lnTo>
                      <a:pt x="294" y="213"/>
                    </a:lnTo>
                    <a:lnTo>
                      <a:pt x="303" y="221"/>
                    </a:lnTo>
                    <a:lnTo>
                      <a:pt x="304" y="225"/>
                    </a:lnTo>
                    <a:lnTo>
                      <a:pt x="306" y="228"/>
                    </a:lnTo>
                    <a:lnTo>
                      <a:pt x="308" y="233"/>
                    </a:lnTo>
                    <a:lnTo>
                      <a:pt x="311" y="237"/>
                    </a:lnTo>
                    <a:lnTo>
                      <a:pt x="315" y="238"/>
                    </a:lnTo>
                    <a:lnTo>
                      <a:pt x="318" y="238"/>
                    </a:lnTo>
                    <a:lnTo>
                      <a:pt x="321" y="237"/>
                    </a:lnTo>
                    <a:lnTo>
                      <a:pt x="323" y="237"/>
                    </a:lnTo>
                    <a:lnTo>
                      <a:pt x="326" y="240"/>
                    </a:lnTo>
                    <a:lnTo>
                      <a:pt x="332" y="243"/>
                    </a:lnTo>
                    <a:lnTo>
                      <a:pt x="337" y="247"/>
                    </a:lnTo>
                    <a:lnTo>
                      <a:pt x="340" y="250"/>
                    </a:lnTo>
                    <a:lnTo>
                      <a:pt x="345" y="254"/>
                    </a:lnTo>
                    <a:lnTo>
                      <a:pt x="348" y="257"/>
                    </a:lnTo>
                    <a:lnTo>
                      <a:pt x="340" y="265"/>
                    </a:lnTo>
                    <a:lnTo>
                      <a:pt x="347" y="276"/>
                    </a:lnTo>
                    <a:lnTo>
                      <a:pt x="350" y="272"/>
                    </a:lnTo>
                    <a:lnTo>
                      <a:pt x="354" y="271"/>
                    </a:lnTo>
                    <a:lnTo>
                      <a:pt x="357" y="267"/>
                    </a:lnTo>
                    <a:lnTo>
                      <a:pt x="359" y="267"/>
                    </a:lnTo>
                    <a:lnTo>
                      <a:pt x="359" y="269"/>
                    </a:lnTo>
                    <a:lnTo>
                      <a:pt x="359" y="274"/>
                    </a:lnTo>
                    <a:lnTo>
                      <a:pt x="354" y="284"/>
                    </a:lnTo>
                    <a:lnTo>
                      <a:pt x="352" y="287"/>
                    </a:lnTo>
                    <a:lnTo>
                      <a:pt x="350" y="289"/>
                    </a:lnTo>
                    <a:lnTo>
                      <a:pt x="347" y="293"/>
                    </a:lnTo>
                    <a:lnTo>
                      <a:pt x="345" y="296"/>
                    </a:lnTo>
                    <a:lnTo>
                      <a:pt x="343" y="298"/>
                    </a:lnTo>
                    <a:lnTo>
                      <a:pt x="342" y="299"/>
                    </a:lnTo>
                    <a:lnTo>
                      <a:pt x="342" y="301"/>
                    </a:lnTo>
                    <a:lnTo>
                      <a:pt x="335" y="293"/>
                    </a:lnTo>
                    <a:lnTo>
                      <a:pt x="330" y="298"/>
                    </a:lnTo>
                    <a:lnTo>
                      <a:pt x="333" y="306"/>
                    </a:lnTo>
                    <a:lnTo>
                      <a:pt x="326" y="308"/>
                    </a:lnTo>
                    <a:lnTo>
                      <a:pt x="325" y="308"/>
                    </a:lnTo>
                    <a:lnTo>
                      <a:pt x="323" y="306"/>
                    </a:lnTo>
                    <a:lnTo>
                      <a:pt x="321" y="306"/>
                    </a:lnTo>
                    <a:lnTo>
                      <a:pt x="318" y="306"/>
                    </a:lnTo>
                    <a:lnTo>
                      <a:pt x="318" y="308"/>
                    </a:lnTo>
                    <a:lnTo>
                      <a:pt x="318" y="311"/>
                    </a:lnTo>
                    <a:lnTo>
                      <a:pt x="320" y="316"/>
                    </a:lnTo>
                    <a:lnTo>
                      <a:pt x="320" y="320"/>
                    </a:lnTo>
                    <a:lnTo>
                      <a:pt x="318" y="321"/>
                    </a:lnTo>
                    <a:lnTo>
                      <a:pt x="316" y="323"/>
                    </a:lnTo>
                    <a:lnTo>
                      <a:pt x="313" y="325"/>
                    </a:lnTo>
                    <a:lnTo>
                      <a:pt x="310" y="326"/>
                    </a:lnTo>
                    <a:lnTo>
                      <a:pt x="306" y="326"/>
                    </a:lnTo>
                    <a:lnTo>
                      <a:pt x="304" y="326"/>
                    </a:lnTo>
                    <a:lnTo>
                      <a:pt x="301" y="325"/>
                    </a:lnTo>
                    <a:lnTo>
                      <a:pt x="298" y="321"/>
                    </a:lnTo>
                    <a:lnTo>
                      <a:pt x="299" y="323"/>
                    </a:lnTo>
                    <a:lnTo>
                      <a:pt x="299" y="321"/>
                    </a:lnTo>
                    <a:lnTo>
                      <a:pt x="298" y="321"/>
                    </a:lnTo>
                    <a:lnTo>
                      <a:pt x="298" y="323"/>
                    </a:lnTo>
                    <a:lnTo>
                      <a:pt x="296" y="326"/>
                    </a:lnTo>
                    <a:lnTo>
                      <a:pt x="296" y="330"/>
                    </a:lnTo>
                    <a:lnTo>
                      <a:pt x="296" y="338"/>
                    </a:lnTo>
                    <a:lnTo>
                      <a:pt x="294" y="340"/>
                    </a:lnTo>
                    <a:lnTo>
                      <a:pt x="293" y="345"/>
                    </a:lnTo>
                    <a:lnTo>
                      <a:pt x="289" y="347"/>
                    </a:lnTo>
                    <a:lnTo>
                      <a:pt x="289" y="348"/>
                    </a:lnTo>
                    <a:lnTo>
                      <a:pt x="284" y="357"/>
                    </a:lnTo>
                    <a:lnTo>
                      <a:pt x="277" y="348"/>
                    </a:lnTo>
                    <a:lnTo>
                      <a:pt x="277" y="342"/>
                    </a:lnTo>
                    <a:lnTo>
                      <a:pt x="267" y="337"/>
                    </a:lnTo>
                    <a:lnTo>
                      <a:pt x="267" y="335"/>
                    </a:lnTo>
                    <a:lnTo>
                      <a:pt x="266" y="335"/>
                    </a:lnTo>
                    <a:lnTo>
                      <a:pt x="264" y="335"/>
                    </a:lnTo>
                    <a:lnTo>
                      <a:pt x="262" y="335"/>
                    </a:lnTo>
                    <a:lnTo>
                      <a:pt x="260" y="337"/>
                    </a:lnTo>
                    <a:lnTo>
                      <a:pt x="260" y="338"/>
                    </a:lnTo>
                    <a:lnTo>
                      <a:pt x="260" y="342"/>
                    </a:lnTo>
                    <a:lnTo>
                      <a:pt x="262" y="347"/>
                    </a:lnTo>
                    <a:lnTo>
                      <a:pt x="262" y="348"/>
                    </a:lnTo>
                    <a:lnTo>
                      <a:pt x="260" y="350"/>
                    </a:lnTo>
                    <a:lnTo>
                      <a:pt x="257" y="353"/>
                    </a:lnTo>
                    <a:lnTo>
                      <a:pt x="254" y="355"/>
                    </a:lnTo>
                    <a:lnTo>
                      <a:pt x="249" y="359"/>
                    </a:lnTo>
                    <a:lnTo>
                      <a:pt x="245" y="360"/>
                    </a:lnTo>
                    <a:lnTo>
                      <a:pt x="244" y="362"/>
                    </a:lnTo>
                    <a:lnTo>
                      <a:pt x="242" y="362"/>
                    </a:lnTo>
                    <a:lnTo>
                      <a:pt x="244" y="375"/>
                    </a:lnTo>
                    <a:lnTo>
                      <a:pt x="223" y="375"/>
                    </a:lnTo>
                    <a:lnTo>
                      <a:pt x="230" y="364"/>
                    </a:lnTo>
                    <a:lnTo>
                      <a:pt x="220" y="364"/>
                    </a:lnTo>
                    <a:lnTo>
                      <a:pt x="220" y="362"/>
                    </a:lnTo>
                    <a:lnTo>
                      <a:pt x="220" y="359"/>
                    </a:lnTo>
                    <a:lnTo>
                      <a:pt x="218" y="353"/>
                    </a:lnTo>
                    <a:lnTo>
                      <a:pt x="218" y="350"/>
                    </a:lnTo>
                    <a:lnTo>
                      <a:pt x="216" y="348"/>
                    </a:lnTo>
                    <a:lnTo>
                      <a:pt x="215" y="348"/>
                    </a:lnTo>
                    <a:lnTo>
                      <a:pt x="213" y="353"/>
                    </a:lnTo>
                    <a:lnTo>
                      <a:pt x="210" y="364"/>
                    </a:lnTo>
                    <a:lnTo>
                      <a:pt x="210" y="365"/>
                    </a:lnTo>
                    <a:lnTo>
                      <a:pt x="210" y="367"/>
                    </a:lnTo>
                    <a:lnTo>
                      <a:pt x="210" y="370"/>
                    </a:lnTo>
                    <a:lnTo>
                      <a:pt x="208" y="372"/>
                    </a:lnTo>
                    <a:lnTo>
                      <a:pt x="208" y="375"/>
                    </a:lnTo>
                    <a:lnTo>
                      <a:pt x="208" y="377"/>
                    </a:lnTo>
                    <a:lnTo>
                      <a:pt x="210" y="411"/>
                    </a:lnTo>
                    <a:lnTo>
                      <a:pt x="205" y="421"/>
                    </a:lnTo>
                    <a:lnTo>
                      <a:pt x="198" y="436"/>
                    </a:lnTo>
                    <a:lnTo>
                      <a:pt x="193" y="428"/>
                    </a:lnTo>
                    <a:lnTo>
                      <a:pt x="183" y="431"/>
                    </a:lnTo>
                    <a:lnTo>
                      <a:pt x="179" y="450"/>
                    </a:lnTo>
                    <a:lnTo>
                      <a:pt x="171" y="448"/>
                    </a:lnTo>
                    <a:lnTo>
                      <a:pt x="171" y="450"/>
                    </a:lnTo>
                    <a:lnTo>
                      <a:pt x="171" y="453"/>
                    </a:lnTo>
                    <a:lnTo>
                      <a:pt x="169" y="453"/>
                    </a:lnTo>
                    <a:lnTo>
                      <a:pt x="169" y="455"/>
                    </a:lnTo>
                    <a:lnTo>
                      <a:pt x="167" y="455"/>
                    </a:lnTo>
                    <a:lnTo>
                      <a:pt x="166" y="453"/>
                    </a:lnTo>
                    <a:lnTo>
                      <a:pt x="162" y="448"/>
                    </a:lnTo>
                    <a:lnTo>
                      <a:pt x="162" y="447"/>
                    </a:lnTo>
                    <a:lnTo>
                      <a:pt x="161" y="447"/>
                    </a:lnTo>
                    <a:lnTo>
                      <a:pt x="161" y="445"/>
                    </a:lnTo>
                    <a:lnTo>
                      <a:pt x="159" y="445"/>
                    </a:lnTo>
                    <a:lnTo>
                      <a:pt x="157" y="447"/>
                    </a:lnTo>
                    <a:lnTo>
                      <a:pt x="156" y="448"/>
                    </a:lnTo>
                    <a:lnTo>
                      <a:pt x="156" y="453"/>
                    </a:lnTo>
                    <a:lnTo>
                      <a:pt x="154" y="462"/>
                    </a:lnTo>
                    <a:lnTo>
                      <a:pt x="156" y="463"/>
                    </a:lnTo>
                    <a:lnTo>
                      <a:pt x="156" y="467"/>
                    </a:lnTo>
                    <a:lnTo>
                      <a:pt x="156" y="472"/>
                    </a:lnTo>
                    <a:lnTo>
                      <a:pt x="157" y="475"/>
                    </a:lnTo>
                    <a:lnTo>
                      <a:pt x="156" y="477"/>
                    </a:lnTo>
                    <a:lnTo>
                      <a:pt x="154" y="475"/>
                    </a:lnTo>
                    <a:lnTo>
                      <a:pt x="152" y="469"/>
                    </a:lnTo>
                    <a:lnTo>
                      <a:pt x="147" y="457"/>
                    </a:lnTo>
                    <a:lnTo>
                      <a:pt x="144" y="460"/>
                    </a:lnTo>
                    <a:lnTo>
                      <a:pt x="140" y="462"/>
                    </a:lnTo>
                    <a:lnTo>
                      <a:pt x="137" y="465"/>
                    </a:lnTo>
                    <a:lnTo>
                      <a:pt x="132" y="469"/>
                    </a:lnTo>
                    <a:lnTo>
                      <a:pt x="128" y="472"/>
                    </a:lnTo>
                    <a:lnTo>
                      <a:pt x="127" y="475"/>
                    </a:lnTo>
                    <a:lnTo>
                      <a:pt x="125" y="475"/>
                    </a:lnTo>
                    <a:lnTo>
                      <a:pt x="122" y="497"/>
                    </a:lnTo>
                    <a:lnTo>
                      <a:pt x="127" y="499"/>
                    </a:lnTo>
                    <a:lnTo>
                      <a:pt x="127" y="506"/>
                    </a:lnTo>
                    <a:lnTo>
                      <a:pt x="123" y="506"/>
                    </a:lnTo>
                    <a:lnTo>
                      <a:pt x="122" y="506"/>
                    </a:lnTo>
                    <a:lnTo>
                      <a:pt x="118" y="507"/>
                    </a:lnTo>
                    <a:lnTo>
                      <a:pt x="117" y="511"/>
                    </a:lnTo>
                    <a:lnTo>
                      <a:pt x="115" y="514"/>
                    </a:lnTo>
                    <a:lnTo>
                      <a:pt x="117" y="519"/>
                    </a:lnTo>
                    <a:lnTo>
                      <a:pt x="120" y="528"/>
                    </a:lnTo>
                    <a:lnTo>
                      <a:pt x="118" y="529"/>
                    </a:lnTo>
                    <a:lnTo>
                      <a:pt x="117" y="533"/>
                    </a:lnTo>
                    <a:lnTo>
                      <a:pt x="113" y="536"/>
                    </a:lnTo>
                    <a:lnTo>
                      <a:pt x="110" y="538"/>
                    </a:lnTo>
                    <a:lnTo>
                      <a:pt x="108" y="541"/>
                    </a:lnTo>
                    <a:lnTo>
                      <a:pt x="106" y="541"/>
                    </a:lnTo>
                    <a:lnTo>
                      <a:pt x="106" y="543"/>
                    </a:lnTo>
                    <a:lnTo>
                      <a:pt x="106" y="565"/>
                    </a:lnTo>
                    <a:lnTo>
                      <a:pt x="98" y="57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53" name="Freeform 65"/>
              <p:cNvSpPr>
                <a:spLocks/>
              </p:cNvSpPr>
              <p:nvPr/>
            </p:nvSpPr>
            <p:spPr bwMode="auto">
              <a:xfrm>
                <a:off x="5343" y="1465"/>
                <a:ext cx="17" cy="23"/>
              </a:xfrm>
              <a:custGeom>
                <a:avLst/>
                <a:gdLst>
                  <a:gd name="T0" fmla="*/ 9 w 17"/>
                  <a:gd name="T1" fmla="*/ 0 h 23"/>
                  <a:gd name="T2" fmla="*/ 17 w 17"/>
                  <a:gd name="T3" fmla="*/ 7 h 23"/>
                  <a:gd name="T4" fmla="*/ 14 w 17"/>
                  <a:gd name="T5" fmla="*/ 15 h 23"/>
                  <a:gd name="T6" fmla="*/ 10 w 17"/>
                  <a:gd name="T7" fmla="*/ 17 h 23"/>
                  <a:gd name="T8" fmla="*/ 10 w 17"/>
                  <a:gd name="T9" fmla="*/ 17 h 23"/>
                  <a:gd name="T10" fmla="*/ 12 w 17"/>
                  <a:gd name="T11" fmla="*/ 18 h 23"/>
                  <a:gd name="T12" fmla="*/ 12 w 17"/>
                  <a:gd name="T13" fmla="*/ 20 h 23"/>
                  <a:gd name="T14" fmla="*/ 12 w 17"/>
                  <a:gd name="T15" fmla="*/ 23 h 23"/>
                  <a:gd name="T16" fmla="*/ 10 w 17"/>
                  <a:gd name="T17" fmla="*/ 23 h 23"/>
                  <a:gd name="T18" fmla="*/ 9 w 17"/>
                  <a:gd name="T19" fmla="*/ 23 h 23"/>
                  <a:gd name="T20" fmla="*/ 5 w 17"/>
                  <a:gd name="T21" fmla="*/ 22 h 23"/>
                  <a:gd name="T22" fmla="*/ 0 w 17"/>
                  <a:gd name="T23" fmla="*/ 18 h 23"/>
                  <a:gd name="T24" fmla="*/ 0 w 17"/>
                  <a:gd name="T25" fmla="*/ 17 h 23"/>
                  <a:gd name="T26" fmla="*/ 0 w 17"/>
                  <a:gd name="T27" fmla="*/ 12 h 23"/>
                  <a:gd name="T28" fmla="*/ 0 w 17"/>
                  <a:gd name="T29" fmla="*/ 10 h 23"/>
                  <a:gd name="T30" fmla="*/ 2 w 17"/>
                  <a:gd name="T31" fmla="*/ 8 h 23"/>
                  <a:gd name="T32" fmla="*/ 9 w 17"/>
                  <a:gd name="T33" fmla="*/ 0 h 23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7"/>
                  <a:gd name="T52" fmla="*/ 0 h 23"/>
                  <a:gd name="T53" fmla="*/ 17 w 17"/>
                  <a:gd name="T54" fmla="*/ 23 h 23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7" h="23">
                    <a:moveTo>
                      <a:pt x="9" y="0"/>
                    </a:moveTo>
                    <a:lnTo>
                      <a:pt x="17" y="7"/>
                    </a:lnTo>
                    <a:lnTo>
                      <a:pt x="14" y="15"/>
                    </a:lnTo>
                    <a:lnTo>
                      <a:pt x="10" y="17"/>
                    </a:lnTo>
                    <a:lnTo>
                      <a:pt x="12" y="18"/>
                    </a:lnTo>
                    <a:lnTo>
                      <a:pt x="12" y="20"/>
                    </a:lnTo>
                    <a:lnTo>
                      <a:pt x="12" y="23"/>
                    </a:lnTo>
                    <a:lnTo>
                      <a:pt x="10" y="23"/>
                    </a:lnTo>
                    <a:lnTo>
                      <a:pt x="9" y="23"/>
                    </a:lnTo>
                    <a:lnTo>
                      <a:pt x="5" y="22"/>
                    </a:lnTo>
                    <a:lnTo>
                      <a:pt x="0" y="18"/>
                    </a:lnTo>
                    <a:lnTo>
                      <a:pt x="0" y="17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2" y="8"/>
                    </a:lnTo>
                    <a:lnTo>
                      <a:pt x="9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27" name="Group 66"/>
            <p:cNvGrpSpPr>
              <a:grpSpLocks/>
            </p:cNvGrpSpPr>
            <p:nvPr/>
          </p:nvGrpSpPr>
          <p:grpSpPr bwMode="auto">
            <a:xfrm>
              <a:off x="4607" y="1852"/>
              <a:ext cx="126" cy="291"/>
              <a:chOff x="4856" y="1462"/>
              <a:chExt cx="130" cy="300"/>
            </a:xfrm>
          </p:grpSpPr>
          <p:sp>
            <p:nvSpPr>
              <p:cNvPr id="150" name="Freeform 67"/>
              <p:cNvSpPr>
                <a:spLocks/>
              </p:cNvSpPr>
              <p:nvPr/>
            </p:nvSpPr>
            <p:spPr bwMode="auto">
              <a:xfrm>
                <a:off x="4856" y="1462"/>
                <a:ext cx="130" cy="300"/>
              </a:xfrm>
              <a:custGeom>
                <a:avLst/>
                <a:gdLst>
                  <a:gd name="T0" fmla="*/ 12 w 130"/>
                  <a:gd name="T1" fmla="*/ 202 h 300"/>
                  <a:gd name="T2" fmla="*/ 23 w 130"/>
                  <a:gd name="T3" fmla="*/ 192 h 300"/>
                  <a:gd name="T4" fmla="*/ 32 w 130"/>
                  <a:gd name="T5" fmla="*/ 186 h 300"/>
                  <a:gd name="T6" fmla="*/ 39 w 130"/>
                  <a:gd name="T7" fmla="*/ 171 h 300"/>
                  <a:gd name="T8" fmla="*/ 49 w 130"/>
                  <a:gd name="T9" fmla="*/ 159 h 300"/>
                  <a:gd name="T10" fmla="*/ 57 w 130"/>
                  <a:gd name="T11" fmla="*/ 154 h 300"/>
                  <a:gd name="T12" fmla="*/ 59 w 130"/>
                  <a:gd name="T13" fmla="*/ 146 h 300"/>
                  <a:gd name="T14" fmla="*/ 56 w 130"/>
                  <a:gd name="T15" fmla="*/ 141 h 300"/>
                  <a:gd name="T16" fmla="*/ 49 w 130"/>
                  <a:gd name="T17" fmla="*/ 137 h 300"/>
                  <a:gd name="T18" fmla="*/ 32 w 130"/>
                  <a:gd name="T19" fmla="*/ 122 h 300"/>
                  <a:gd name="T20" fmla="*/ 20 w 130"/>
                  <a:gd name="T21" fmla="*/ 112 h 300"/>
                  <a:gd name="T22" fmla="*/ 3 w 130"/>
                  <a:gd name="T23" fmla="*/ 93 h 300"/>
                  <a:gd name="T24" fmla="*/ 6 w 130"/>
                  <a:gd name="T25" fmla="*/ 76 h 300"/>
                  <a:gd name="T26" fmla="*/ 0 w 130"/>
                  <a:gd name="T27" fmla="*/ 56 h 300"/>
                  <a:gd name="T28" fmla="*/ 28 w 130"/>
                  <a:gd name="T29" fmla="*/ 0 h 300"/>
                  <a:gd name="T30" fmla="*/ 113 w 130"/>
                  <a:gd name="T31" fmla="*/ 60 h 300"/>
                  <a:gd name="T32" fmla="*/ 106 w 130"/>
                  <a:gd name="T33" fmla="*/ 76 h 300"/>
                  <a:gd name="T34" fmla="*/ 106 w 130"/>
                  <a:gd name="T35" fmla="*/ 87 h 300"/>
                  <a:gd name="T36" fmla="*/ 96 w 130"/>
                  <a:gd name="T37" fmla="*/ 95 h 300"/>
                  <a:gd name="T38" fmla="*/ 113 w 130"/>
                  <a:gd name="T39" fmla="*/ 102 h 300"/>
                  <a:gd name="T40" fmla="*/ 118 w 130"/>
                  <a:gd name="T41" fmla="*/ 100 h 300"/>
                  <a:gd name="T42" fmla="*/ 120 w 130"/>
                  <a:gd name="T43" fmla="*/ 97 h 300"/>
                  <a:gd name="T44" fmla="*/ 122 w 130"/>
                  <a:gd name="T45" fmla="*/ 95 h 300"/>
                  <a:gd name="T46" fmla="*/ 125 w 130"/>
                  <a:gd name="T47" fmla="*/ 98 h 300"/>
                  <a:gd name="T48" fmla="*/ 127 w 130"/>
                  <a:gd name="T49" fmla="*/ 107 h 300"/>
                  <a:gd name="T50" fmla="*/ 127 w 130"/>
                  <a:gd name="T51" fmla="*/ 127 h 300"/>
                  <a:gd name="T52" fmla="*/ 127 w 130"/>
                  <a:gd name="T53" fmla="*/ 141 h 300"/>
                  <a:gd name="T54" fmla="*/ 127 w 130"/>
                  <a:gd name="T55" fmla="*/ 146 h 300"/>
                  <a:gd name="T56" fmla="*/ 127 w 130"/>
                  <a:gd name="T57" fmla="*/ 151 h 300"/>
                  <a:gd name="T58" fmla="*/ 130 w 130"/>
                  <a:gd name="T59" fmla="*/ 161 h 300"/>
                  <a:gd name="T60" fmla="*/ 130 w 130"/>
                  <a:gd name="T61" fmla="*/ 173 h 300"/>
                  <a:gd name="T62" fmla="*/ 130 w 130"/>
                  <a:gd name="T63" fmla="*/ 183 h 300"/>
                  <a:gd name="T64" fmla="*/ 128 w 130"/>
                  <a:gd name="T65" fmla="*/ 181 h 300"/>
                  <a:gd name="T66" fmla="*/ 125 w 130"/>
                  <a:gd name="T67" fmla="*/ 163 h 300"/>
                  <a:gd name="T68" fmla="*/ 122 w 130"/>
                  <a:gd name="T69" fmla="*/ 151 h 300"/>
                  <a:gd name="T70" fmla="*/ 118 w 130"/>
                  <a:gd name="T71" fmla="*/ 151 h 300"/>
                  <a:gd name="T72" fmla="*/ 122 w 130"/>
                  <a:gd name="T73" fmla="*/ 168 h 300"/>
                  <a:gd name="T74" fmla="*/ 122 w 130"/>
                  <a:gd name="T75" fmla="*/ 175 h 300"/>
                  <a:gd name="T76" fmla="*/ 122 w 130"/>
                  <a:gd name="T77" fmla="*/ 186 h 300"/>
                  <a:gd name="T78" fmla="*/ 122 w 130"/>
                  <a:gd name="T79" fmla="*/ 190 h 300"/>
                  <a:gd name="T80" fmla="*/ 122 w 130"/>
                  <a:gd name="T81" fmla="*/ 193 h 300"/>
                  <a:gd name="T82" fmla="*/ 118 w 130"/>
                  <a:gd name="T83" fmla="*/ 202 h 300"/>
                  <a:gd name="T84" fmla="*/ 115 w 130"/>
                  <a:gd name="T85" fmla="*/ 208 h 300"/>
                  <a:gd name="T86" fmla="*/ 110 w 130"/>
                  <a:gd name="T87" fmla="*/ 219 h 300"/>
                  <a:gd name="T88" fmla="*/ 108 w 130"/>
                  <a:gd name="T89" fmla="*/ 230 h 300"/>
                  <a:gd name="T90" fmla="*/ 103 w 130"/>
                  <a:gd name="T91" fmla="*/ 239 h 300"/>
                  <a:gd name="T92" fmla="*/ 94 w 130"/>
                  <a:gd name="T93" fmla="*/ 249 h 300"/>
                  <a:gd name="T94" fmla="*/ 96 w 130"/>
                  <a:gd name="T95" fmla="*/ 256 h 300"/>
                  <a:gd name="T96" fmla="*/ 86 w 130"/>
                  <a:gd name="T97" fmla="*/ 290 h 300"/>
                  <a:gd name="T98" fmla="*/ 76 w 130"/>
                  <a:gd name="T99" fmla="*/ 300 h 300"/>
                  <a:gd name="T100" fmla="*/ 71 w 130"/>
                  <a:gd name="T101" fmla="*/ 295 h 300"/>
                  <a:gd name="T102" fmla="*/ 72 w 130"/>
                  <a:gd name="T103" fmla="*/ 285 h 300"/>
                  <a:gd name="T104" fmla="*/ 74 w 130"/>
                  <a:gd name="T105" fmla="*/ 276 h 300"/>
                  <a:gd name="T106" fmla="*/ 64 w 130"/>
                  <a:gd name="T107" fmla="*/ 271 h 300"/>
                  <a:gd name="T108" fmla="*/ 49 w 130"/>
                  <a:gd name="T109" fmla="*/ 278 h 300"/>
                  <a:gd name="T110" fmla="*/ 44 w 130"/>
                  <a:gd name="T111" fmla="*/ 271 h 300"/>
                  <a:gd name="T112" fmla="*/ 34 w 130"/>
                  <a:gd name="T113" fmla="*/ 266 h 300"/>
                  <a:gd name="T114" fmla="*/ 23 w 130"/>
                  <a:gd name="T115" fmla="*/ 261 h 300"/>
                  <a:gd name="T116" fmla="*/ 6 w 130"/>
                  <a:gd name="T117" fmla="*/ 247 h 300"/>
                  <a:gd name="T118" fmla="*/ 3 w 130"/>
                  <a:gd name="T119" fmla="*/ 237 h 300"/>
                  <a:gd name="T120" fmla="*/ 1 w 130"/>
                  <a:gd name="T121" fmla="*/ 227 h 300"/>
                  <a:gd name="T122" fmla="*/ 3 w 130"/>
                  <a:gd name="T123" fmla="*/ 219 h 300"/>
                  <a:gd name="T124" fmla="*/ 13 w 130"/>
                  <a:gd name="T125" fmla="*/ 205 h 300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  <a:gd name="T189" fmla="*/ 0 w 130"/>
                  <a:gd name="T190" fmla="*/ 0 h 300"/>
                  <a:gd name="T191" fmla="*/ 130 w 130"/>
                  <a:gd name="T192" fmla="*/ 300 h 300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T189" t="T190" r="T191" b="T192"/>
                <a:pathLst>
                  <a:path w="130" h="300">
                    <a:moveTo>
                      <a:pt x="8" y="205"/>
                    </a:moveTo>
                    <a:lnTo>
                      <a:pt x="8" y="203"/>
                    </a:lnTo>
                    <a:lnTo>
                      <a:pt x="12" y="202"/>
                    </a:lnTo>
                    <a:lnTo>
                      <a:pt x="15" y="198"/>
                    </a:lnTo>
                    <a:lnTo>
                      <a:pt x="20" y="195"/>
                    </a:lnTo>
                    <a:lnTo>
                      <a:pt x="23" y="192"/>
                    </a:lnTo>
                    <a:lnTo>
                      <a:pt x="28" y="190"/>
                    </a:lnTo>
                    <a:lnTo>
                      <a:pt x="30" y="186"/>
                    </a:lnTo>
                    <a:lnTo>
                      <a:pt x="32" y="186"/>
                    </a:lnTo>
                    <a:lnTo>
                      <a:pt x="32" y="181"/>
                    </a:lnTo>
                    <a:lnTo>
                      <a:pt x="35" y="176"/>
                    </a:lnTo>
                    <a:lnTo>
                      <a:pt x="39" y="171"/>
                    </a:lnTo>
                    <a:lnTo>
                      <a:pt x="42" y="166"/>
                    </a:lnTo>
                    <a:lnTo>
                      <a:pt x="45" y="163"/>
                    </a:lnTo>
                    <a:lnTo>
                      <a:pt x="49" y="159"/>
                    </a:lnTo>
                    <a:lnTo>
                      <a:pt x="52" y="158"/>
                    </a:lnTo>
                    <a:lnTo>
                      <a:pt x="54" y="156"/>
                    </a:lnTo>
                    <a:lnTo>
                      <a:pt x="57" y="154"/>
                    </a:lnTo>
                    <a:lnTo>
                      <a:pt x="59" y="151"/>
                    </a:lnTo>
                    <a:lnTo>
                      <a:pt x="59" y="149"/>
                    </a:lnTo>
                    <a:lnTo>
                      <a:pt x="59" y="146"/>
                    </a:lnTo>
                    <a:lnTo>
                      <a:pt x="57" y="144"/>
                    </a:lnTo>
                    <a:lnTo>
                      <a:pt x="56" y="142"/>
                    </a:lnTo>
                    <a:lnTo>
                      <a:pt x="56" y="141"/>
                    </a:lnTo>
                    <a:lnTo>
                      <a:pt x="54" y="141"/>
                    </a:lnTo>
                    <a:lnTo>
                      <a:pt x="52" y="139"/>
                    </a:lnTo>
                    <a:lnTo>
                      <a:pt x="49" y="137"/>
                    </a:lnTo>
                    <a:lnTo>
                      <a:pt x="44" y="132"/>
                    </a:lnTo>
                    <a:lnTo>
                      <a:pt x="39" y="127"/>
                    </a:lnTo>
                    <a:lnTo>
                      <a:pt x="32" y="122"/>
                    </a:lnTo>
                    <a:lnTo>
                      <a:pt x="27" y="117"/>
                    </a:lnTo>
                    <a:lnTo>
                      <a:pt x="22" y="114"/>
                    </a:lnTo>
                    <a:lnTo>
                      <a:pt x="20" y="112"/>
                    </a:lnTo>
                    <a:lnTo>
                      <a:pt x="10" y="107"/>
                    </a:lnTo>
                    <a:lnTo>
                      <a:pt x="5" y="100"/>
                    </a:lnTo>
                    <a:lnTo>
                      <a:pt x="3" y="93"/>
                    </a:lnTo>
                    <a:lnTo>
                      <a:pt x="3" y="87"/>
                    </a:lnTo>
                    <a:lnTo>
                      <a:pt x="5" y="82"/>
                    </a:lnTo>
                    <a:lnTo>
                      <a:pt x="6" y="76"/>
                    </a:lnTo>
                    <a:lnTo>
                      <a:pt x="8" y="73"/>
                    </a:lnTo>
                    <a:lnTo>
                      <a:pt x="10" y="73"/>
                    </a:lnTo>
                    <a:lnTo>
                      <a:pt x="0" y="56"/>
                    </a:lnTo>
                    <a:lnTo>
                      <a:pt x="17" y="31"/>
                    </a:lnTo>
                    <a:lnTo>
                      <a:pt x="23" y="9"/>
                    </a:lnTo>
                    <a:lnTo>
                      <a:pt x="28" y="0"/>
                    </a:lnTo>
                    <a:lnTo>
                      <a:pt x="113" y="27"/>
                    </a:lnTo>
                    <a:lnTo>
                      <a:pt x="115" y="60"/>
                    </a:lnTo>
                    <a:lnTo>
                      <a:pt x="113" y="60"/>
                    </a:lnTo>
                    <a:lnTo>
                      <a:pt x="105" y="75"/>
                    </a:lnTo>
                    <a:lnTo>
                      <a:pt x="105" y="76"/>
                    </a:lnTo>
                    <a:lnTo>
                      <a:pt x="106" y="76"/>
                    </a:lnTo>
                    <a:lnTo>
                      <a:pt x="106" y="80"/>
                    </a:lnTo>
                    <a:lnTo>
                      <a:pt x="106" y="83"/>
                    </a:lnTo>
                    <a:lnTo>
                      <a:pt x="106" y="87"/>
                    </a:lnTo>
                    <a:lnTo>
                      <a:pt x="105" y="90"/>
                    </a:lnTo>
                    <a:lnTo>
                      <a:pt x="101" y="93"/>
                    </a:lnTo>
                    <a:lnTo>
                      <a:pt x="96" y="95"/>
                    </a:lnTo>
                    <a:lnTo>
                      <a:pt x="94" y="100"/>
                    </a:lnTo>
                    <a:lnTo>
                      <a:pt x="113" y="100"/>
                    </a:lnTo>
                    <a:lnTo>
                      <a:pt x="113" y="102"/>
                    </a:lnTo>
                    <a:lnTo>
                      <a:pt x="116" y="104"/>
                    </a:lnTo>
                    <a:lnTo>
                      <a:pt x="118" y="104"/>
                    </a:lnTo>
                    <a:lnTo>
                      <a:pt x="118" y="100"/>
                    </a:lnTo>
                    <a:lnTo>
                      <a:pt x="118" y="98"/>
                    </a:lnTo>
                    <a:lnTo>
                      <a:pt x="120" y="97"/>
                    </a:lnTo>
                    <a:lnTo>
                      <a:pt x="122" y="95"/>
                    </a:lnTo>
                    <a:lnTo>
                      <a:pt x="123" y="95"/>
                    </a:lnTo>
                    <a:lnTo>
                      <a:pt x="123" y="97"/>
                    </a:lnTo>
                    <a:lnTo>
                      <a:pt x="125" y="98"/>
                    </a:lnTo>
                    <a:lnTo>
                      <a:pt x="125" y="100"/>
                    </a:lnTo>
                    <a:lnTo>
                      <a:pt x="125" y="104"/>
                    </a:lnTo>
                    <a:lnTo>
                      <a:pt x="127" y="107"/>
                    </a:lnTo>
                    <a:lnTo>
                      <a:pt x="127" y="112"/>
                    </a:lnTo>
                    <a:lnTo>
                      <a:pt x="127" y="119"/>
                    </a:lnTo>
                    <a:lnTo>
                      <a:pt x="127" y="127"/>
                    </a:lnTo>
                    <a:lnTo>
                      <a:pt x="125" y="137"/>
                    </a:lnTo>
                    <a:lnTo>
                      <a:pt x="125" y="139"/>
                    </a:lnTo>
                    <a:lnTo>
                      <a:pt x="127" y="141"/>
                    </a:lnTo>
                    <a:lnTo>
                      <a:pt x="127" y="142"/>
                    </a:lnTo>
                    <a:lnTo>
                      <a:pt x="127" y="144"/>
                    </a:lnTo>
                    <a:lnTo>
                      <a:pt x="127" y="146"/>
                    </a:lnTo>
                    <a:lnTo>
                      <a:pt x="127" y="148"/>
                    </a:lnTo>
                    <a:lnTo>
                      <a:pt x="127" y="149"/>
                    </a:lnTo>
                    <a:lnTo>
                      <a:pt x="127" y="151"/>
                    </a:lnTo>
                    <a:lnTo>
                      <a:pt x="128" y="153"/>
                    </a:lnTo>
                    <a:lnTo>
                      <a:pt x="128" y="156"/>
                    </a:lnTo>
                    <a:lnTo>
                      <a:pt x="130" y="161"/>
                    </a:lnTo>
                    <a:lnTo>
                      <a:pt x="130" y="164"/>
                    </a:lnTo>
                    <a:lnTo>
                      <a:pt x="130" y="170"/>
                    </a:lnTo>
                    <a:lnTo>
                      <a:pt x="130" y="173"/>
                    </a:lnTo>
                    <a:lnTo>
                      <a:pt x="130" y="178"/>
                    </a:lnTo>
                    <a:lnTo>
                      <a:pt x="130" y="180"/>
                    </a:lnTo>
                    <a:lnTo>
                      <a:pt x="130" y="183"/>
                    </a:lnTo>
                    <a:lnTo>
                      <a:pt x="128" y="181"/>
                    </a:lnTo>
                    <a:lnTo>
                      <a:pt x="127" y="178"/>
                    </a:lnTo>
                    <a:lnTo>
                      <a:pt x="127" y="171"/>
                    </a:lnTo>
                    <a:lnTo>
                      <a:pt x="125" y="163"/>
                    </a:lnTo>
                    <a:lnTo>
                      <a:pt x="123" y="153"/>
                    </a:lnTo>
                    <a:lnTo>
                      <a:pt x="123" y="151"/>
                    </a:lnTo>
                    <a:lnTo>
                      <a:pt x="122" y="151"/>
                    </a:lnTo>
                    <a:lnTo>
                      <a:pt x="120" y="149"/>
                    </a:lnTo>
                    <a:lnTo>
                      <a:pt x="118" y="151"/>
                    </a:lnTo>
                    <a:lnTo>
                      <a:pt x="118" y="154"/>
                    </a:lnTo>
                    <a:lnTo>
                      <a:pt x="120" y="159"/>
                    </a:lnTo>
                    <a:lnTo>
                      <a:pt x="122" y="168"/>
                    </a:lnTo>
                    <a:lnTo>
                      <a:pt x="122" y="170"/>
                    </a:lnTo>
                    <a:lnTo>
                      <a:pt x="122" y="171"/>
                    </a:lnTo>
                    <a:lnTo>
                      <a:pt x="122" y="175"/>
                    </a:lnTo>
                    <a:lnTo>
                      <a:pt x="122" y="178"/>
                    </a:lnTo>
                    <a:lnTo>
                      <a:pt x="122" y="183"/>
                    </a:lnTo>
                    <a:lnTo>
                      <a:pt x="122" y="186"/>
                    </a:lnTo>
                    <a:lnTo>
                      <a:pt x="122" y="188"/>
                    </a:lnTo>
                    <a:lnTo>
                      <a:pt x="122" y="190"/>
                    </a:lnTo>
                    <a:lnTo>
                      <a:pt x="122" y="192"/>
                    </a:lnTo>
                    <a:lnTo>
                      <a:pt x="122" y="193"/>
                    </a:lnTo>
                    <a:lnTo>
                      <a:pt x="122" y="197"/>
                    </a:lnTo>
                    <a:lnTo>
                      <a:pt x="122" y="198"/>
                    </a:lnTo>
                    <a:lnTo>
                      <a:pt x="118" y="202"/>
                    </a:lnTo>
                    <a:lnTo>
                      <a:pt x="116" y="205"/>
                    </a:lnTo>
                    <a:lnTo>
                      <a:pt x="116" y="207"/>
                    </a:lnTo>
                    <a:lnTo>
                      <a:pt x="115" y="208"/>
                    </a:lnTo>
                    <a:lnTo>
                      <a:pt x="115" y="212"/>
                    </a:lnTo>
                    <a:lnTo>
                      <a:pt x="115" y="214"/>
                    </a:lnTo>
                    <a:lnTo>
                      <a:pt x="110" y="219"/>
                    </a:lnTo>
                    <a:lnTo>
                      <a:pt x="108" y="227"/>
                    </a:lnTo>
                    <a:lnTo>
                      <a:pt x="108" y="229"/>
                    </a:lnTo>
                    <a:lnTo>
                      <a:pt x="108" y="230"/>
                    </a:lnTo>
                    <a:lnTo>
                      <a:pt x="106" y="232"/>
                    </a:lnTo>
                    <a:lnTo>
                      <a:pt x="105" y="236"/>
                    </a:lnTo>
                    <a:lnTo>
                      <a:pt x="103" y="239"/>
                    </a:lnTo>
                    <a:lnTo>
                      <a:pt x="100" y="244"/>
                    </a:lnTo>
                    <a:lnTo>
                      <a:pt x="98" y="247"/>
                    </a:lnTo>
                    <a:lnTo>
                      <a:pt x="94" y="249"/>
                    </a:lnTo>
                    <a:lnTo>
                      <a:pt x="94" y="251"/>
                    </a:lnTo>
                    <a:lnTo>
                      <a:pt x="96" y="254"/>
                    </a:lnTo>
                    <a:lnTo>
                      <a:pt x="96" y="256"/>
                    </a:lnTo>
                    <a:lnTo>
                      <a:pt x="96" y="258"/>
                    </a:lnTo>
                    <a:lnTo>
                      <a:pt x="89" y="281"/>
                    </a:lnTo>
                    <a:lnTo>
                      <a:pt x="86" y="290"/>
                    </a:lnTo>
                    <a:lnTo>
                      <a:pt x="83" y="296"/>
                    </a:lnTo>
                    <a:lnTo>
                      <a:pt x="79" y="300"/>
                    </a:lnTo>
                    <a:lnTo>
                      <a:pt x="76" y="300"/>
                    </a:lnTo>
                    <a:lnTo>
                      <a:pt x="74" y="300"/>
                    </a:lnTo>
                    <a:lnTo>
                      <a:pt x="72" y="296"/>
                    </a:lnTo>
                    <a:lnTo>
                      <a:pt x="71" y="295"/>
                    </a:lnTo>
                    <a:lnTo>
                      <a:pt x="71" y="290"/>
                    </a:lnTo>
                    <a:lnTo>
                      <a:pt x="72" y="286"/>
                    </a:lnTo>
                    <a:lnTo>
                      <a:pt x="72" y="285"/>
                    </a:lnTo>
                    <a:lnTo>
                      <a:pt x="74" y="283"/>
                    </a:lnTo>
                    <a:lnTo>
                      <a:pt x="74" y="280"/>
                    </a:lnTo>
                    <a:lnTo>
                      <a:pt x="74" y="276"/>
                    </a:lnTo>
                    <a:lnTo>
                      <a:pt x="72" y="273"/>
                    </a:lnTo>
                    <a:lnTo>
                      <a:pt x="69" y="271"/>
                    </a:lnTo>
                    <a:lnTo>
                      <a:pt x="64" y="271"/>
                    </a:lnTo>
                    <a:lnTo>
                      <a:pt x="56" y="273"/>
                    </a:lnTo>
                    <a:lnTo>
                      <a:pt x="49" y="278"/>
                    </a:lnTo>
                    <a:lnTo>
                      <a:pt x="49" y="276"/>
                    </a:lnTo>
                    <a:lnTo>
                      <a:pt x="47" y="274"/>
                    </a:lnTo>
                    <a:lnTo>
                      <a:pt x="44" y="271"/>
                    </a:lnTo>
                    <a:lnTo>
                      <a:pt x="42" y="269"/>
                    </a:lnTo>
                    <a:lnTo>
                      <a:pt x="39" y="266"/>
                    </a:lnTo>
                    <a:lnTo>
                      <a:pt x="34" y="266"/>
                    </a:lnTo>
                    <a:lnTo>
                      <a:pt x="28" y="264"/>
                    </a:lnTo>
                    <a:lnTo>
                      <a:pt x="27" y="263"/>
                    </a:lnTo>
                    <a:lnTo>
                      <a:pt x="23" y="261"/>
                    </a:lnTo>
                    <a:lnTo>
                      <a:pt x="20" y="258"/>
                    </a:lnTo>
                    <a:lnTo>
                      <a:pt x="18" y="256"/>
                    </a:lnTo>
                    <a:lnTo>
                      <a:pt x="6" y="247"/>
                    </a:lnTo>
                    <a:lnTo>
                      <a:pt x="6" y="239"/>
                    </a:lnTo>
                    <a:lnTo>
                      <a:pt x="3" y="237"/>
                    </a:lnTo>
                    <a:lnTo>
                      <a:pt x="1" y="234"/>
                    </a:lnTo>
                    <a:lnTo>
                      <a:pt x="1" y="230"/>
                    </a:lnTo>
                    <a:lnTo>
                      <a:pt x="1" y="227"/>
                    </a:lnTo>
                    <a:lnTo>
                      <a:pt x="1" y="224"/>
                    </a:lnTo>
                    <a:lnTo>
                      <a:pt x="1" y="220"/>
                    </a:lnTo>
                    <a:lnTo>
                      <a:pt x="3" y="219"/>
                    </a:lnTo>
                    <a:lnTo>
                      <a:pt x="5" y="217"/>
                    </a:lnTo>
                    <a:lnTo>
                      <a:pt x="12" y="208"/>
                    </a:lnTo>
                    <a:lnTo>
                      <a:pt x="13" y="205"/>
                    </a:lnTo>
                    <a:lnTo>
                      <a:pt x="8" y="20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51" name="Freeform 68"/>
              <p:cNvSpPr>
                <a:spLocks/>
              </p:cNvSpPr>
              <p:nvPr/>
            </p:nvSpPr>
            <p:spPr bwMode="auto">
              <a:xfrm>
                <a:off x="4856" y="1462"/>
                <a:ext cx="130" cy="300"/>
              </a:xfrm>
              <a:custGeom>
                <a:avLst/>
                <a:gdLst>
                  <a:gd name="T0" fmla="*/ 12 w 130"/>
                  <a:gd name="T1" fmla="*/ 202 h 300"/>
                  <a:gd name="T2" fmla="*/ 28 w 130"/>
                  <a:gd name="T3" fmla="*/ 190 h 300"/>
                  <a:gd name="T4" fmla="*/ 32 w 130"/>
                  <a:gd name="T5" fmla="*/ 181 h 300"/>
                  <a:gd name="T6" fmla="*/ 45 w 130"/>
                  <a:gd name="T7" fmla="*/ 163 h 300"/>
                  <a:gd name="T8" fmla="*/ 54 w 130"/>
                  <a:gd name="T9" fmla="*/ 156 h 300"/>
                  <a:gd name="T10" fmla="*/ 59 w 130"/>
                  <a:gd name="T11" fmla="*/ 146 h 300"/>
                  <a:gd name="T12" fmla="*/ 54 w 130"/>
                  <a:gd name="T13" fmla="*/ 141 h 300"/>
                  <a:gd name="T14" fmla="*/ 44 w 130"/>
                  <a:gd name="T15" fmla="*/ 132 h 300"/>
                  <a:gd name="T16" fmla="*/ 22 w 130"/>
                  <a:gd name="T17" fmla="*/ 114 h 300"/>
                  <a:gd name="T18" fmla="*/ 5 w 130"/>
                  <a:gd name="T19" fmla="*/ 100 h 300"/>
                  <a:gd name="T20" fmla="*/ 6 w 130"/>
                  <a:gd name="T21" fmla="*/ 76 h 300"/>
                  <a:gd name="T22" fmla="*/ 17 w 130"/>
                  <a:gd name="T23" fmla="*/ 31 h 300"/>
                  <a:gd name="T24" fmla="*/ 115 w 130"/>
                  <a:gd name="T25" fmla="*/ 60 h 300"/>
                  <a:gd name="T26" fmla="*/ 105 w 130"/>
                  <a:gd name="T27" fmla="*/ 76 h 300"/>
                  <a:gd name="T28" fmla="*/ 106 w 130"/>
                  <a:gd name="T29" fmla="*/ 87 h 300"/>
                  <a:gd name="T30" fmla="*/ 94 w 130"/>
                  <a:gd name="T31" fmla="*/ 100 h 300"/>
                  <a:gd name="T32" fmla="*/ 116 w 130"/>
                  <a:gd name="T33" fmla="*/ 104 h 300"/>
                  <a:gd name="T34" fmla="*/ 118 w 130"/>
                  <a:gd name="T35" fmla="*/ 98 h 300"/>
                  <a:gd name="T36" fmla="*/ 122 w 130"/>
                  <a:gd name="T37" fmla="*/ 95 h 300"/>
                  <a:gd name="T38" fmla="*/ 125 w 130"/>
                  <a:gd name="T39" fmla="*/ 98 h 300"/>
                  <a:gd name="T40" fmla="*/ 127 w 130"/>
                  <a:gd name="T41" fmla="*/ 112 h 300"/>
                  <a:gd name="T42" fmla="*/ 125 w 130"/>
                  <a:gd name="T43" fmla="*/ 137 h 300"/>
                  <a:gd name="T44" fmla="*/ 127 w 130"/>
                  <a:gd name="T45" fmla="*/ 144 h 300"/>
                  <a:gd name="T46" fmla="*/ 127 w 130"/>
                  <a:gd name="T47" fmla="*/ 151 h 300"/>
                  <a:gd name="T48" fmla="*/ 130 w 130"/>
                  <a:gd name="T49" fmla="*/ 161 h 300"/>
                  <a:gd name="T50" fmla="*/ 130 w 130"/>
                  <a:gd name="T51" fmla="*/ 178 h 300"/>
                  <a:gd name="T52" fmla="*/ 130 w 130"/>
                  <a:gd name="T53" fmla="*/ 183 h 300"/>
                  <a:gd name="T54" fmla="*/ 125 w 130"/>
                  <a:gd name="T55" fmla="*/ 163 h 300"/>
                  <a:gd name="T56" fmla="*/ 122 w 130"/>
                  <a:gd name="T57" fmla="*/ 151 h 300"/>
                  <a:gd name="T58" fmla="*/ 118 w 130"/>
                  <a:gd name="T59" fmla="*/ 154 h 300"/>
                  <a:gd name="T60" fmla="*/ 122 w 130"/>
                  <a:gd name="T61" fmla="*/ 170 h 300"/>
                  <a:gd name="T62" fmla="*/ 122 w 130"/>
                  <a:gd name="T63" fmla="*/ 183 h 300"/>
                  <a:gd name="T64" fmla="*/ 122 w 130"/>
                  <a:gd name="T65" fmla="*/ 190 h 300"/>
                  <a:gd name="T66" fmla="*/ 122 w 130"/>
                  <a:gd name="T67" fmla="*/ 193 h 300"/>
                  <a:gd name="T68" fmla="*/ 116 w 130"/>
                  <a:gd name="T69" fmla="*/ 205 h 300"/>
                  <a:gd name="T70" fmla="*/ 115 w 130"/>
                  <a:gd name="T71" fmla="*/ 212 h 300"/>
                  <a:gd name="T72" fmla="*/ 108 w 130"/>
                  <a:gd name="T73" fmla="*/ 227 h 300"/>
                  <a:gd name="T74" fmla="*/ 105 w 130"/>
                  <a:gd name="T75" fmla="*/ 236 h 300"/>
                  <a:gd name="T76" fmla="*/ 94 w 130"/>
                  <a:gd name="T77" fmla="*/ 249 h 300"/>
                  <a:gd name="T78" fmla="*/ 96 w 130"/>
                  <a:gd name="T79" fmla="*/ 256 h 300"/>
                  <a:gd name="T80" fmla="*/ 86 w 130"/>
                  <a:gd name="T81" fmla="*/ 290 h 300"/>
                  <a:gd name="T82" fmla="*/ 74 w 130"/>
                  <a:gd name="T83" fmla="*/ 300 h 300"/>
                  <a:gd name="T84" fmla="*/ 72 w 130"/>
                  <a:gd name="T85" fmla="*/ 286 h 300"/>
                  <a:gd name="T86" fmla="*/ 74 w 130"/>
                  <a:gd name="T87" fmla="*/ 280 h 300"/>
                  <a:gd name="T88" fmla="*/ 64 w 130"/>
                  <a:gd name="T89" fmla="*/ 271 h 300"/>
                  <a:gd name="T90" fmla="*/ 49 w 130"/>
                  <a:gd name="T91" fmla="*/ 278 h 300"/>
                  <a:gd name="T92" fmla="*/ 42 w 130"/>
                  <a:gd name="T93" fmla="*/ 269 h 300"/>
                  <a:gd name="T94" fmla="*/ 28 w 130"/>
                  <a:gd name="T95" fmla="*/ 264 h 300"/>
                  <a:gd name="T96" fmla="*/ 18 w 130"/>
                  <a:gd name="T97" fmla="*/ 256 h 300"/>
                  <a:gd name="T98" fmla="*/ 3 w 130"/>
                  <a:gd name="T99" fmla="*/ 237 h 300"/>
                  <a:gd name="T100" fmla="*/ 1 w 130"/>
                  <a:gd name="T101" fmla="*/ 227 h 300"/>
                  <a:gd name="T102" fmla="*/ 5 w 130"/>
                  <a:gd name="T103" fmla="*/ 217 h 300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w 130"/>
                  <a:gd name="T157" fmla="*/ 0 h 300"/>
                  <a:gd name="T158" fmla="*/ 130 w 130"/>
                  <a:gd name="T159" fmla="*/ 300 h 300"/>
                </a:gdLst>
                <a:ahLst/>
                <a:cxnLst>
                  <a:cxn ang="T104">
                    <a:pos x="T0" y="T1"/>
                  </a:cxn>
                  <a:cxn ang="T105">
                    <a:pos x="T2" y="T3"/>
                  </a:cxn>
                  <a:cxn ang="T106">
                    <a:pos x="T4" y="T5"/>
                  </a:cxn>
                  <a:cxn ang="T107">
                    <a:pos x="T6" y="T7"/>
                  </a:cxn>
                  <a:cxn ang="T108">
                    <a:pos x="T8" y="T9"/>
                  </a:cxn>
                  <a:cxn ang="T109">
                    <a:pos x="T10" y="T11"/>
                  </a:cxn>
                  <a:cxn ang="T110">
                    <a:pos x="T12" y="T13"/>
                  </a:cxn>
                  <a:cxn ang="T111">
                    <a:pos x="T14" y="T15"/>
                  </a:cxn>
                  <a:cxn ang="T112">
                    <a:pos x="T16" y="T17"/>
                  </a:cxn>
                  <a:cxn ang="T113">
                    <a:pos x="T18" y="T19"/>
                  </a:cxn>
                  <a:cxn ang="T114">
                    <a:pos x="T20" y="T21"/>
                  </a:cxn>
                  <a:cxn ang="T115">
                    <a:pos x="T22" y="T23"/>
                  </a:cxn>
                  <a:cxn ang="T116">
                    <a:pos x="T24" y="T25"/>
                  </a:cxn>
                  <a:cxn ang="T117">
                    <a:pos x="T26" y="T27"/>
                  </a:cxn>
                  <a:cxn ang="T118">
                    <a:pos x="T28" y="T29"/>
                  </a:cxn>
                  <a:cxn ang="T119">
                    <a:pos x="T30" y="T31"/>
                  </a:cxn>
                  <a:cxn ang="T120">
                    <a:pos x="T32" y="T33"/>
                  </a:cxn>
                  <a:cxn ang="T121">
                    <a:pos x="T34" y="T35"/>
                  </a:cxn>
                  <a:cxn ang="T122">
                    <a:pos x="T36" y="T37"/>
                  </a:cxn>
                  <a:cxn ang="T123">
                    <a:pos x="T38" y="T39"/>
                  </a:cxn>
                  <a:cxn ang="T124">
                    <a:pos x="T40" y="T41"/>
                  </a:cxn>
                  <a:cxn ang="T125">
                    <a:pos x="T42" y="T43"/>
                  </a:cxn>
                  <a:cxn ang="T126">
                    <a:pos x="T44" y="T45"/>
                  </a:cxn>
                  <a:cxn ang="T127">
                    <a:pos x="T46" y="T47"/>
                  </a:cxn>
                  <a:cxn ang="T128">
                    <a:pos x="T48" y="T49"/>
                  </a:cxn>
                  <a:cxn ang="T129">
                    <a:pos x="T50" y="T51"/>
                  </a:cxn>
                  <a:cxn ang="T130">
                    <a:pos x="T52" y="T53"/>
                  </a:cxn>
                  <a:cxn ang="T131">
                    <a:pos x="T54" y="T55"/>
                  </a:cxn>
                  <a:cxn ang="T132">
                    <a:pos x="T56" y="T57"/>
                  </a:cxn>
                  <a:cxn ang="T133">
                    <a:pos x="T58" y="T59"/>
                  </a:cxn>
                  <a:cxn ang="T134">
                    <a:pos x="T60" y="T61"/>
                  </a:cxn>
                  <a:cxn ang="T135">
                    <a:pos x="T62" y="T63"/>
                  </a:cxn>
                  <a:cxn ang="T136">
                    <a:pos x="T64" y="T65"/>
                  </a:cxn>
                  <a:cxn ang="T137">
                    <a:pos x="T66" y="T67"/>
                  </a:cxn>
                  <a:cxn ang="T138">
                    <a:pos x="T68" y="T69"/>
                  </a:cxn>
                  <a:cxn ang="T139">
                    <a:pos x="T70" y="T71"/>
                  </a:cxn>
                  <a:cxn ang="T140">
                    <a:pos x="T72" y="T73"/>
                  </a:cxn>
                  <a:cxn ang="T141">
                    <a:pos x="T74" y="T75"/>
                  </a:cxn>
                  <a:cxn ang="T142">
                    <a:pos x="T76" y="T77"/>
                  </a:cxn>
                  <a:cxn ang="T143">
                    <a:pos x="T78" y="T79"/>
                  </a:cxn>
                  <a:cxn ang="T144">
                    <a:pos x="T80" y="T81"/>
                  </a:cxn>
                  <a:cxn ang="T145">
                    <a:pos x="T82" y="T83"/>
                  </a:cxn>
                  <a:cxn ang="T146">
                    <a:pos x="T84" y="T85"/>
                  </a:cxn>
                  <a:cxn ang="T147">
                    <a:pos x="T86" y="T87"/>
                  </a:cxn>
                  <a:cxn ang="T148">
                    <a:pos x="T88" y="T89"/>
                  </a:cxn>
                  <a:cxn ang="T149">
                    <a:pos x="T90" y="T91"/>
                  </a:cxn>
                  <a:cxn ang="T150">
                    <a:pos x="T92" y="T93"/>
                  </a:cxn>
                  <a:cxn ang="T151">
                    <a:pos x="T94" y="T95"/>
                  </a:cxn>
                  <a:cxn ang="T152">
                    <a:pos x="T96" y="T97"/>
                  </a:cxn>
                  <a:cxn ang="T153">
                    <a:pos x="T98" y="T99"/>
                  </a:cxn>
                  <a:cxn ang="T154">
                    <a:pos x="T100" y="T101"/>
                  </a:cxn>
                  <a:cxn ang="T155">
                    <a:pos x="T102" y="T103"/>
                  </a:cxn>
                </a:cxnLst>
                <a:rect l="T156" t="T157" r="T158" b="T159"/>
                <a:pathLst>
                  <a:path w="130" h="300">
                    <a:moveTo>
                      <a:pt x="8" y="205"/>
                    </a:moveTo>
                    <a:lnTo>
                      <a:pt x="8" y="205"/>
                    </a:lnTo>
                    <a:lnTo>
                      <a:pt x="8" y="203"/>
                    </a:lnTo>
                    <a:lnTo>
                      <a:pt x="12" y="202"/>
                    </a:lnTo>
                    <a:lnTo>
                      <a:pt x="15" y="198"/>
                    </a:lnTo>
                    <a:lnTo>
                      <a:pt x="20" y="195"/>
                    </a:lnTo>
                    <a:lnTo>
                      <a:pt x="23" y="192"/>
                    </a:lnTo>
                    <a:lnTo>
                      <a:pt x="28" y="190"/>
                    </a:lnTo>
                    <a:lnTo>
                      <a:pt x="30" y="186"/>
                    </a:lnTo>
                    <a:lnTo>
                      <a:pt x="32" y="186"/>
                    </a:lnTo>
                    <a:lnTo>
                      <a:pt x="32" y="181"/>
                    </a:lnTo>
                    <a:lnTo>
                      <a:pt x="35" y="176"/>
                    </a:lnTo>
                    <a:lnTo>
                      <a:pt x="39" y="171"/>
                    </a:lnTo>
                    <a:lnTo>
                      <a:pt x="42" y="166"/>
                    </a:lnTo>
                    <a:lnTo>
                      <a:pt x="45" y="163"/>
                    </a:lnTo>
                    <a:lnTo>
                      <a:pt x="49" y="159"/>
                    </a:lnTo>
                    <a:lnTo>
                      <a:pt x="52" y="158"/>
                    </a:lnTo>
                    <a:lnTo>
                      <a:pt x="54" y="156"/>
                    </a:lnTo>
                    <a:lnTo>
                      <a:pt x="57" y="154"/>
                    </a:lnTo>
                    <a:lnTo>
                      <a:pt x="59" y="151"/>
                    </a:lnTo>
                    <a:lnTo>
                      <a:pt x="59" y="149"/>
                    </a:lnTo>
                    <a:lnTo>
                      <a:pt x="59" y="146"/>
                    </a:lnTo>
                    <a:lnTo>
                      <a:pt x="57" y="144"/>
                    </a:lnTo>
                    <a:lnTo>
                      <a:pt x="56" y="142"/>
                    </a:lnTo>
                    <a:lnTo>
                      <a:pt x="56" y="141"/>
                    </a:lnTo>
                    <a:lnTo>
                      <a:pt x="54" y="141"/>
                    </a:lnTo>
                    <a:lnTo>
                      <a:pt x="52" y="139"/>
                    </a:lnTo>
                    <a:lnTo>
                      <a:pt x="49" y="137"/>
                    </a:lnTo>
                    <a:lnTo>
                      <a:pt x="44" y="132"/>
                    </a:lnTo>
                    <a:lnTo>
                      <a:pt x="39" y="127"/>
                    </a:lnTo>
                    <a:lnTo>
                      <a:pt x="32" y="122"/>
                    </a:lnTo>
                    <a:lnTo>
                      <a:pt x="27" y="117"/>
                    </a:lnTo>
                    <a:lnTo>
                      <a:pt x="22" y="114"/>
                    </a:lnTo>
                    <a:lnTo>
                      <a:pt x="20" y="112"/>
                    </a:lnTo>
                    <a:lnTo>
                      <a:pt x="10" y="107"/>
                    </a:lnTo>
                    <a:lnTo>
                      <a:pt x="5" y="100"/>
                    </a:lnTo>
                    <a:lnTo>
                      <a:pt x="3" y="93"/>
                    </a:lnTo>
                    <a:lnTo>
                      <a:pt x="3" y="87"/>
                    </a:lnTo>
                    <a:lnTo>
                      <a:pt x="5" y="82"/>
                    </a:lnTo>
                    <a:lnTo>
                      <a:pt x="6" y="76"/>
                    </a:lnTo>
                    <a:lnTo>
                      <a:pt x="8" y="73"/>
                    </a:lnTo>
                    <a:lnTo>
                      <a:pt x="10" y="73"/>
                    </a:lnTo>
                    <a:lnTo>
                      <a:pt x="0" y="56"/>
                    </a:lnTo>
                    <a:lnTo>
                      <a:pt x="17" y="31"/>
                    </a:lnTo>
                    <a:lnTo>
                      <a:pt x="23" y="9"/>
                    </a:lnTo>
                    <a:lnTo>
                      <a:pt x="28" y="0"/>
                    </a:lnTo>
                    <a:lnTo>
                      <a:pt x="113" y="27"/>
                    </a:lnTo>
                    <a:lnTo>
                      <a:pt x="115" y="60"/>
                    </a:lnTo>
                    <a:lnTo>
                      <a:pt x="113" y="60"/>
                    </a:lnTo>
                    <a:lnTo>
                      <a:pt x="105" y="75"/>
                    </a:lnTo>
                    <a:lnTo>
                      <a:pt x="105" y="76"/>
                    </a:lnTo>
                    <a:lnTo>
                      <a:pt x="106" y="76"/>
                    </a:lnTo>
                    <a:lnTo>
                      <a:pt x="106" y="80"/>
                    </a:lnTo>
                    <a:lnTo>
                      <a:pt x="106" y="83"/>
                    </a:lnTo>
                    <a:lnTo>
                      <a:pt x="106" y="87"/>
                    </a:lnTo>
                    <a:lnTo>
                      <a:pt x="105" y="90"/>
                    </a:lnTo>
                    <a:lnTo>
                      <a:pt x="101" y="93"/>
                    </a:lnTo>
                    <a:lnTo>
                      <a:pt x="96" y="95"/>
                    </a:lnTo>
                    <a:lnTo>
                      <a:pt x="94" y="100"/>
                    </a:lnTo>
                    <a:lnTo>
                      <a:pt x="113" y="100"/>
                    </a:lnTo>
                    <a:lnTo>
                      <a:pt x="113" y="102"/>
                    </a:lnTo>
                    <a:lnTo>
                      <a:pt x="116" y="104"/>
                    </a:lnTo>
                    <a:lnTo>
                      <a:pt x="118" y="104"/>
                    </a:lnTo>
                    <a:lnTo>
                      <a:pt x="118" y="100"/>
                    </a:lnTo>
                    <a:lnTo>
                      <a:pt x="118" y="98"/>
                    </a:lnTo>
                    <a:lnTo>
                      <a:pt x="120" y="97"/>
                    </a:lnTo>
                    <a:lnTo>
                      <a:pt x="122" y="95"/>
                    </a:lnTo>
                    <a:lnTo>
                      <a:pt x="123" y="95"/>
                    </a:lnTo>
                    <a:lnTo>
                      <a:pt x="123" y="97"/>
                    </a:lnTo>
                    <a:lnTo>
                      <a:pt x="125" y="98"/>
                    </a:lnTo>
                    <a:lnTo>
                      <a:pt x="125" y="100"/>
                    </a:lnTo>
                    <a:lnTo>
                      <a:pt x="125" y="104"/>
                    </a:lnTo>
                    <a:lnTo>
                      <a:pt x="127" y="107"/>
                    </a:lnTo>
                    <a:lnTo>
                      <a:pt x="127" y="112"/>
                    </a:lnTo>
                    <a:lnTo>
                      <a:pt x="127" y="119"/>
                    </a:lnTo>
                    <a:lnTo>
                      <a:pt x="127" y="127"/>
                    </a:lnTo>
                    <a:lnTo>
                      <a:pt x="125" y="137"/>
                    </a:lnTo>
                    <a:lnTo>
                      <a:pt x="125" y="139"/>
                    </a:lnTo>
                    <a:lnTo>
                      <a:pt x="127" y="141"/>
                    </a:lnTo>
                    <a:lnTo>
                      <a:pt x="127" y="142"/>
                    </a:lnTo>
                    <a:lnTo>
                      <a:pt x="127" y="144"/>
                    </a:lnTo>
                    <a:lnTo>
                      <a:pt x="127" y="146"/>
                    </a:lnTo>
                    <a:lnTo>
                      <a:pt x="127" y="148"/>
                    </a:lnTo>
                    <a:lnTo>
                      <a:pt x="127" y="149"/>
                    </a:lnTo>
                    <a:lnTo>
                      <a:pt x="127" y="151"/>
                    </a:lnTo>
                    <a:lnTo>
                      <a:pt x="128" y="153"/>
                    </a:lnTo>
                    <a:lnTo>
                      <a:pt x="128" y="156"/>
                    </a:lnTo>
                    <a:lnTo>
                      <a:pt x="130" y="161"/>
                    </a:lnTo>
                    <a:lnTo>
                      <a:pt x="130" y="164"/>
                    </a:lnTo>
                    <a:lnTo>
                      <a:pt x="130" y="170"/>
                    </a:lnTo>
                    <a:lnTo>
                      <a:pt x="130" y="173"/>
                    </a:lnTo>
                    <a:lnTo>
                      <a:pt x="130" y="178"/>
                    </a:lnTo>
                    <a:lnTo>
                      <a:pt x="130" y="180"/>
                    </a:lnTo>
                    <a:lnTo>
                      <a:pt x="130" y="183"/>
                    </a:lnTo>
                    <a:lnTo>
                      <a:pt x="128" y="181"/>
                    </a:lnTo>
                    <a:lnTo>
                      <a:pt x="127" y="178"/>
                    </a:lnTo>
                    <a:lnTo>
                      <a:pt x="127" y="171"/>
                    </a:lnTo>
                    <a:lnTo>
                      <a:pt x="125" y="163"/>
                    </a:lnTo>
                    <a:lnTo>
                      <a:pt x="123" y="153"/>
                    </a:lnTo>
                    <a:lnTo>
                      <a:pt x="123" y="151"/>
                    </a:lnTo>
                    <a:lnTo>
                      <a:pt x="122" y="151"/>
                    </a:lnTo>
                    <a:lnTo>
                      <a:pt x="120" y="149"/>
                    </a:lnTo>
                    <a:lnTo>
                      <a:pt x="118" y="151"/>
                    </a:lnTo>
                    <a:lnTo>
                      <a:pt x="118" y="154"/>
                    </a:lnTo>
                    <a:lnTo>
                      <a:pt x="120" y="159"/>
                    </a:lnTo>
                    <a:lnTo>
                      <a:pt x="122" y="168"/>
                    </a:lnTo>
                    <a:lnTo>
                      <a:pt x="122" y="170"/>
                    </a:lnTo>
                    <a:lnTo>
                      <a:pt x="122" y="171"/>
                    </a:lnTo>
                    <a:lnTo>
                      <a:pt x="122" y="175"/>
                    </a:lnTo>
                    <a:lnTo>
                      <a:pt x="122" y="178"/>
                    </a:lnTo>
                    <a:lnTo>
                      <a:pt x="122" y="183"/>
                    </a:lnTo>
                    <a:lnTo>
                      <a:pt x="122" y="186"/>
                    </a:lnTo>
                    <a:lnTo>
                      <a:pt x="122" y="188"/>
                    </a:lnTo>
                    <a:lnTo>
                      <a:pt x="122" y="190"/>
                    </a:lnTo>
                    <a:lnTo>
                      <a:pt x="122" y="192"/>
                    </a:lnTo>
                    <a:lnTo>
                      <a:pt x="122" y="193"/>
                    </a:lnTo>
                    <a:lnTo>
                      <a:pt x="122" y="197"/>
                    </a:lnTo>
                    <a:lnTo>
                      <a:pt x="122" y="198"/>
                    </a:lnTo>
                    <a:lnTo>
                      <a:pt x="118" y="202"/>
                    </a:lnTo>
                    <a:lnTo>
                      <a:pt x="116" y="205"/>
                    </a:lnTo>
                    <a:lnTo>
                      <a:pt x="116" y="207"/>
                    </a:lnTo>
                    <a:lnTo>
                      <a:pt x="115" y="208"/>
                    </a:lnTo>
                    <a:lnTo>
                      <a:pt x="115" y="212"/>
                    </a:lnTo>
                    <a:lnTo>
                      <a:pt x="115" y="214"/>
                    </a:lnTo>
                    <a:lnTo>
                      <a:pt x="110" y="219"/>
                    </a:lnTo>
                    <a:lnTo>
                      <a:pt x="108" y="227"/>
                    </a:lnTo>
                    <a:lnTo>
                      <a:pt x="108" y="229"/>
                    </a:lnTo>
                    <a:lnTo>
                      <a:pt x="108" y="230"/>
                    </a:lnTo>
                    <a:lnTo>
                      <a:pt x="106" y="232"/>
                    </a:lnTo>
                    <a:lnTo>
                      <a:pt x="105" y="236"/>
                    </a:lnTo>
                    <a:lnTo>
                      <a:pt x="103" y="239"/>
                    </a:lnTo>
                    <a:lnTo>
                      <a:pt x="100" y="244"/>
                    </a:lnTo>
                    <a:lnTo>
                      <a:pt x="98" y="247"/>
                    </a:lnTo>
                    <a:lnTo>
                      <a:pt x="94" y="249"/>
                    </a:lnTo>
                    <a:lnTo>
                      <a:pt x="94" y="251"/>
                    </a:lnTo>
                    <a:lnTo>
                      <a:pt x="96" y="254"/>
                    </a:lnTo>
                    <a:lnTo>
                      <a:pt x="96" y="256"/>
                    </a:lnTo>
                    <a:lnTo>
                      <a:pt x="96" y="258"/>
                    </a:lnTo>
                    <a:lnTo>
                      <a:pt x="89" y="281"/>
                    </a:lnTo>
                    <a:lnTo>
                      <a:pt x="86" y="290"/>
                    </a:lnTo>
                    <a:lnTo>
                      <a:pt x="83" y="296"/>
                    </a:lnTo>
                    <a:lnTo>
                      <a:pt x="79" y="300"/>
                    </a:lnTo>
                    <a:lnTo>
                      <a:pt x="76" y="300"/>
                    </a:lnTo>
                    <a:lnTo>
                      <a:pt x="74" y="300"/>
                    </a:lnTo>
                    <a:lnTo>
                      <a:pt x="72" y="296"/>
                    </a:lnTo>
                    <a:lnTo>
                      <a:pt x="71" y="295"/>
                    </a:lnTo>
                    <a:lnTo>
                      <a:pt x="71" y="290"/>
                    </a:lnTo>
                    <a:lnTo>
                      <a:pt x="72" y="286"/>
                    </a:lnTo>
                    <a:lnTo>
                      <a:pt x="72" y="285"/>
                    </a:lnTo>
                    <a:lnTo>
                      <a:pt x="74" y="283"/>
                    </a:lnTo>
                    <a:lnTo>
                      <a:pt x="74" y="280"/>
                    </a:lnTo>
                    <a:lnTo>
                      <a:pt x="74" y="276"/>
                    </a:lnTo>
                    <a:lnTo>
                      <a:pt x="72" y="273"/>
                    </a:lnTo>
                    <a:lnTo>
                      <a:pt x="69" y="271"/>
                    </a:lnTo>
                    <a:lnTo>
                      <a:pt x="64" y="271"/>
                    </a:lnTo>
                    <a:lnTo>
                      <a:pt x="56" y="273"/>
                    </a:lnTo>
                    <a:lnTo>
                      <a:pt x="49" y="278"/>
                    </a:lnTo>
                    <a:lnTo>
                      <a:pt x="49" y="276"/>
                    </a:lnTo>
                    <a:lnTo>
                      <a:pt x="47" y="274"/>
                    </a:lnTo>
                    <a:lnTo>
                      <a:pt x="44" y="271"/>
                    </a:lnTo>
                    <a:lnTo>
                      <a:pt x="42" y="269"/>
                    </a:lnTo>
                    <a:lnTo>
                      <a:pt x="39" y="266"/>
                    </a:lnTo>
                    <a:lnTo>
                      <a:pt x="34" y="266"/>
                    </a:lnTo>
                    <a:lnTo>
                      <a:pt x="28" y="264"/>
                    </a:lnTo>
                    <a:lnTo>
                      <a:pt x="27" y="263"/>
                    </a:lnTo>
                    <a:lnTo>
                      <a:pt x="23" y="261"/>
                    </a:lnTo>
                    <a:lnTo>
                      <a:pt x="20" y="258"/>
                    </a:lnTo>
                    <a:lnTo>
                      <a:pt x="18" y="256"/>
                    </a:lnTo>
                    <a:lnTo>
                      <a:pt x="6" y="247"/>
                    </a:lnTo>
                    <a:lnTo>
                      <a:pt x="6" y="239"/>
                    </a:lnTo>
                    <a:lnTo>
                      <a:pt x="3" y="237"/>
                    </a:lnTo>
                    <a:lnTo>
                      <a:pt x="1" y="234"/>
                    </a:lnTo>
                    <a:lnTo>
                      <a:pt x="1" y="230"/>
                    </a:lnTo>
                    <a:lnTo>
                      <a:pt x="1" y="227"/>
                    </a:lnTo>
                    <a:lnTo>
                      <a:pt x="1" y="224"/>
                    </a:lnTo>
                    <a:lnTo>
                      <a:pt x="1" y="220"/>
                    </a:lnTo>
                    <a:lnTo>
                      <a:pt x="3" y="219"/>
                    </a:lnTo>
                    <a:lnTo>
                      <a:pt x="5" y="217"/>
                    </a:lnTo>
                    <a:lnTo>
                      <a:pt x="12" y="208"/>
                    </a:lnTo>
                    <a:lnTo>
                      <a:pt x="13" y="205"/>
                    </a:lnTo>
                    <a:lnTo>
                      <a:pt x="8" y="20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28" name="Freeform 69"/>
            <p:cNvSpPr>
              <a:spLocks/>
            </p:cNvSpPr>
            <p:nvPr/>
          </p:nvSpPr>
          <p:spPr bwMode="auto">
            <a:xfrm>
              <a:off x="3295" y="2545"/>
              <a:ext cx="810" cy="287"/>
            </a:xfrm>
            <a:custGeom>
              <a:avLst/>
              <a:gdLst>
                <a:gd name="T0" fmla="*/ 562 w 833"/>
                <a:gd name="T1" fmla="*/ 0 h 295"/>
                <a:gd name="T2" fmla="*/ 562 w 833"/>
                <a:gd name="T3" fmla="*/ 12 h 295"/>
                <a:gd name="T4" fmla="*/ 562 w 833"/>
                <a:gd name="T5" fmla="*/ 18 h 295"/>
                <a:gd name="T6" fmla="*/ 556 w 833"/>
                <a:gd name="T7" fmla="*/ 22 h 295"/>
                <a:gd name="T8" fmla="*/ 549 w 833"/>
                <a:gd name="T9" fmla="*/ 37 h 295"/>
                <a:gd name="T10" fmla="*/ 544 w 833"/>
                <a:gd name="T11" fmla="*/ 46 h 295"/>
                <a:gd name="T12" fmla="*/ 534 w 833"/>
                <a:gd name="T13" fmla="*/ 45 h 295"/>
                <a:gd name="T14" fmla="*/ 519 w 833"/>
                <a:gd name="T15" fmla="*/ 55 h 295"/>
                <a:gd name="T16" fmla="*/ 508 w 833"/>
                <a:gd name="T17" fmla="*/ 65 h 295"/>
                <a:gd name="T18" fmla="*/ 505 w 833"/>
                <a:gd name="T19" fmla="*/ 57 h 295"/>
                <a:gd name="T20" fmla="*/ 497 w 833"/>
                <a:gd name="T21" fmla="*/ 60 h 295"/>
                <a:gd name="T22" fmla="*/ 492 w 833"/>
                <a:gd name="T23" fmla="*/ 69 h 295"/>
                <a:gd name="T24" fmla="*/ 488 w 833"/>
                <a:gd name="T25" fmla="*/ 78 h 295"/>
                <a:gd name="T26" fmla="*/ 483 w 833"/>
                <a:gd name="T27" fmla="*/ 84 h 295"/>
                <a:gd name="T28" fmla="*/ 473 w 833"/>
                <a:gd name="T29" fmla="*/ 88 h 295"/>
                <a:gd name="T30" fmla="*/ 457 w 833"/>
                <a:gd name="T31" fmla="*/ 99 h 295"/>
                <a:gd name="T32" fmla="*/ 449 w 833"/>
                <a:gd name="T33" fmla="*/ 108 h 295"/>
                <a:gd name="T34" fmla="*/ 432 w 833"/>
                <a:gd name="T35" fmla="*/ 114 h 295"/>
                <a:gd name="T36" fmla="*/ 424 w 833"/>
                <a:gd name="T37" fmla="*/ 123 h 295"/>
                <a:gd name="T38" fmla="*/ 421 w 833"/>
                <a:gd name="T39" fmla="*/ 130 h 295"/>
                <a:gd name="T40" fmla="*/ 413 w 833"/>
                <a:gd name="T41" fmla="*/ 139 h 295"/>
                <a:gd name="T42" fmla="*/ 405 w 833"/>
                <a:gd name="T43" fmla="*/ 140 h 295"/>
                <a:gd name="T44" fmla="*/ 317 w 833"/>
                <a:gd name="T45" fmla="*/ 172 h 295"/>
                <a:gd name="T46" fmla="*/ 7 w 833"/>
                <a:gd name="T47" fmla="*/ 200 h 295"/>
                <a:gd name="T48" fmla="*/ 0 w 833"/>
                <a:gd name="T49" fmla="*/ 198 h 295"/>
                <a:gd name="T50" fmla="*/ 8 w 833"/>
                <a:gd name="T51" fmla="*/ 193 h 295"/>
                <a:gd name="T52" fmla="*/ 18 w 833"/>
                <a:gd name="T53" fmla="*/ 188 h 295"/>
                <a:gd name="T54" fmla="*/ 18 w 833"/>
                <a:gd name="T55" fmla="*/ 177 h 295"/>
                <a:gd name="T56" fmla="*/ 15 w 833"/>
                <a:gd name="T57" fmla="*/ 171 h 295"/>
                <a:gd name="T58" fmla="*/ 18 w 833"/>
                <a:gd name="T59" fmla="*/ 161 h 295"/>
                <a:gd name="T60" fmla="*/ 18 w 833"/>
                <a:gd name="T61" fmla="*/ 157 h 295"/>
                <a:gd name="T62" fmla="*/ 18 w 833"/>
                <a:gd name="T63" fmla="*/ 151 h 295"/>
                <a:gd name="T64" fmla="*/ 27 w 833"/>
                <a:gd name="T65" fmla="*/ 143 h 295"/>
                <a:gd name="T66" fmla="*/ 22 w 833"/>
                <a:gd name="T67" fmla="*/ 140 h 295"/>
                <a:gd name="T68" fmla="*/ 18 w 833"/>
                <a:gd name="T69" fmla="*/ 139 h 295"/>
                <a:gd name="T70" fmla="*/ 20 w 833"/>
                <a:gd name="T71" fmla="*/ 137 h 295"/>
                <a:gd name="T72" fmla="*/ 27 w 833"/>
                <a:gd name="T73" fmla="*/ 131 h 295"/>
                <a:gd name="T74" fmla="*/ 35 w 833"/>
                <a:gd name="T75" fmla="*/ 124 h 295"/>
                <a:gd name="T76" fmla="*/ 40 w 833"/>
                <a:gd name="T77" fmla="*/ 117 h 295"/>
                <a:gd name="T78" fmla="*/ 37 w 833"/>
                <a:gd name="T79" fmla="*/ 114 h 295"/>
                <a:gd name="T80" fmla="*/ 43 w 833"/>
                <a:gd name="T81" fmla="*/ 101 h 295"/>
                <a:gd name="T82" fmla="*/ 45 w 833"/>
                <a:gd name="T83" fmla="*/ 101 h 295"/>
                <a:gd name="T84" fmla="*/ 44 w 833"/>
                <a:gd name="T85" fmla="*/ 97 h 295"/>
                <a:gd name="T86" fmla="*/ 38 w 833"/>
                <a:gd name="T87" fmla="*/ 90 h 295"/>
                <a:gd name="T88" fmla="*/ 42 w 833"/>
                <a:gd name="T89" fmla="*/ 88 h 295"/>
                <a:gd name="T90" fmla="*/ 44 w 833"/>
                <a:gd name="T91" fmla="*/ 88 h 295"/>
                <a:gd name="T92" fmla="*/ 143 w 833"/>
                <a:gd name="T93" fmla="*/ 59 h 295"/>
                <a:gd name="T94" fmla="*/ 144 w 833"/>
                <a:gd name="T95" fmla="*/ 46 h 295"/>
                <a:gd name="T96" fmla="*/ 154 w 833"/>
                <a:gd name="T97" fmla="*/ 46 h 295"/>
                <a:gd name="T98" fmla="*/ 169 w 833"/>
                <a:gd name="T99" fmla="*/ 46 h 295"/>
                <a:gd name="T100" fmla="*/ 177 w 833"/>
                <a:gd name="T101" fmla="*/ 46 h 295"/>
                <a:gd name="T102" fmla="*/ 194 w 833"/>
                <a:gd name="T103" fmla="*/ 45 h 295"/>
                <a:gd name="T104" fmla="*/ 218 w 833"/>
                <a:gd name="T105" fmla="*/ 43 h 295"/>
                <a:gd name="T106" fmla="*/ 250 w 833"/>
                <a:gd name="T107" fmla="*/ 41 h 295"/>
                <a:gd name="T108" fmla="*/ 283 w 833"/>
                <a:gd name="T109" fmla="*/ 37 h 295"/>
                <a:gd name="T110" fmla="*/ 319 w 833"/>
                <a:gd name="T111" fmla="*/ 34 h 295"/>
                <a:gd name="T112" fmla="*/ 352 w 833"/>
                <a:gd name="T113" fmla="*/ 29 h 295"/>
                <a:gd name="T114" fmla="*/ 382 w 833"/>
                <a:gd name="T115" fmla="*/ 25 h 295"/>
                <a:gd name="T116" fmla="*/ 405 w 833"/>
                <a:gd name="T117" fmla="*/ 22 h 295"/>
                <a:gd name="T118" fmla="*/ 417 w 833"/>
                <a:gd name="T119" fmla="*/ 20 h 295"/>
                <a:gd name="T120" fmla="*/ 544 w 833"/>
                <a:gd name="T121" fmla="*/ 7 h 295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w 833"/>
                <a:gd name="T184" fmla="*/ 0 h 295"/>
                <a:gd name="T185" fmla="*/ 833 w 833"/>
                <a:gd name="T186" fmla="*/ 295 h 295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T183" t="T184" r="T185" b="T186"/>
              <a:pathLst>
                <a:path w="833" h="295">
                  <a:moveTo>
                    <a:pt x="804" y="7"/>
                  </a:moveTo>
                  <a:lnTo>
                    <a:pt x="816" y="0"/>
                  </a:lnTo>
                  <a:lnTo>
                    <a:pt x="831" y="0"/>
                  </a:lnTo>
                  <a:lnTo>
                    <a:pt x="831" y="2"/>
                  </a:lnTo>
                  <a:lnTo>
                    <a:pt x="831" y="6"/>
                  </a:lnTo>
                  <a:lnTo>
                    <a:pt x="831" y="12"/>
                  </a:lnTo>
                  <a:lnTo>
                    <a:pt x="831" y="17"/>
                  </a:lnTo>
                  <a:lnTo>
                    <a:pt x="833" y="24"/>
                  </a:lnTo>
                  <a:lnTo>
                    <a:pt x="831" y="31"/>
                  </a:lnTo>
                  <a:lnTo>
                    <a:pt x="831" y="34"/>
                  </a:lnTo>
                  <a:lnTo>
                    <a:pt x="831" y="36"/>
                  </a:lnTo>
                  <a:lnTo>
                    <a:pt x="824" y="36"/>
                  </a:lnTo>
                  <a:lnTo>
                    <a:pt x="819" y="39"/>
                  </a:lnTo>
                  <a:lnTo>
                    <a:pt x="814" y="44"/>
                  </a:lnTo>
                  <a:lnTo>
                    <a:pt x="811" y="51"/>
                  </a:lnTo>
                  <a:lnTo>
                    <a:pt x="807" y="58"/>
                  </a:lnTo>
                  <a:lnTo>
                    <a:pt x="805" y="63"/>
                  </a:lnTo>
                  <a:lnTo>
                    <a:pt x="804" y="66"/>
                  </a:lnTo>
                  <a:lnTo>
                    <a:pt x="797" y="63"/>
                  </a:lnTo>
                  <a:lnTo>
                    <a:pt x="790" y="63"/>
                  </a:lnTo>
                  <a:lnTo>
                    <a:pt x="782" y="68"/>
                  </a:lnTo>
                  <a:lnTo>
                    <a:pt x="773" y="75"/>
                  </a:lnTo>
                  <a:lnTo>
                    <a:pt x="767" y="83"/>
                  </a:lnTo>
                  <a:lnTo>
                    <a:pt x="760" y="90"/>
                  </a:lnTo>
                  <a:lnTo>
                    <a:pt x="755" y="94"/>
                  </a:lnTo>
                  <a:lnTo>
                    <a:pt x="753" y="94"/>
                  </a:lnTo>
                  <a:lnTo>
                    <a:pt x="751" y="88"/>
                  </a:lnTo>
                  <a:lnTo>
                    <a:pt x="748" y="87"/>
                  </a:lnTo>
                  <a:lnTo>
                    <a:pt x="746" y="85"/>
                  </a:lnTo>
                  <a:lnTo>
                    <a:pt x="743" y="85"/>
                  </a:lnTo>
                  <a:lnTo>
                    <a:pt x="739" y="87"/>
                  </a:lnTo>
                  <a:lnTo>
                    <a:pt x="736" y="88"/>
                  </a:lnTo>
                  <a:lnTo>
                    <a:pt x="733" y="92"/>
                  </a:lnTo>
                  <a:lnTo>
                    <a:pt x="731" y="97"/>
                  </a:lnTo>
                  <a:lnTo>
                    <a:pt x="728" y="100"/>
                  </a:lnTo>
                  <a:lnTo>
                    <a:pt x="724" y="105"/>
                  </a:lnTo>
                  <a:lnTo>
                    <a:pt x="723" y="110"/>
                  </a:lnTo>
                  <a:lnTo>
                    <a:pt x="721" y="114"/>
                  </a:lnTo>
                  <a:lnTo>
                    <a:pt x="717" y="119"/>
                  </a:lnTo>
                  <a:lnTo>
                    <a:pt x="717" y="121"/>
                  </a:lnTo>
                  <a:lnTo>
                    <a:pt x="716" y="122"/>
                  </a:lnTo>
                  <a:lnTo>
                    <a:pt x="716" y="124"/>
                  </a:lnTo>
                  <a:lnTo>
                    <a:pt x="707" y="126"/>
                  </a:lnTo>
                  <a:lnTo>
                    <a:pt x="699" y="129"/>
                  </a:lnTo>
                  <a:lnTo>
                    <a:pt x="690" y="134"/>
                  </a:lnTo>
                  <a:lnTo>
                    <a:pt x="682" y="141"/>
                  </a:lnTo>
                  <a:lnTo>
                    <a:pt x="677" y="146"/>
                  </a:lnTo>
                  <a:lnTo>
                    <a:pt x="670" y="153"/>
                  </a:lnTo>
                  <a:lnTo>
                    <a:pt x="667" y="156"/>
                  </a:lnTo>
                  <a:lnTo>
                    <a:pt x="665" y="158"/>
                  </a:lnTo>
                  <a:lnTo>
                    <a:pt x="655" y="158"/>
                  </a:lnTo>
                  <a:lnTo>
                    <a:pt x="646" y="161"/>
                  </a:lnTo>
                  <a:lnTo>
                    <a:pt x="640" y="165"/>
                  </a:lnTo>
                  <a:lnTo>
                    <a:pt x="633" y="170"/>
                  </a:lnTo>
                  <a:lnTo>
                    <a:pt x="630" y="175"/>
                  </a:lnTo>
                  <a:lnTo>
                    <a:pt x="626" y="180"/>
                  </a:lnTo>
                  <a:lnTo>
                    <a:pt x="624" y="183"/>
                  </a:lnTo>
                  <a:lnTo>
                    <a:pt x="624" y="185"/>
                  </a:lnTo>
                  <a:lnTo>
                    <a:pt x="623" y="192"/>
                  </a:lnTo>
                  <a:lnTo>
                    <a:pt x="619" y="197"/>
                  </a:lnTo>
                  <a:lnTo>
                    <a:pt x="616" y="202"/>
                  </a:lnTo>
                  <a:lnTo>
                    <a:pt x="611" y="204"/>
                  </a:lnTo>
                  <a:lnTo>
                    <a:pt x="608" y="205"/>
                  </a:lnTo>
                  <a:lnTo>
                    <a:pt x="602" y="205"/>
                  </a:lnTo>
                  <a:lnTo>
                    <a:pt x="599" y="205"/>
                  </a:lnTo>
                  <a:lnTo>
                    <a:pt x="599" y="239"/>
                  </a:lnTo>
                  <a:lnTo>
                    <a:pt x="470" y="253"/>
                  </a:lnTo>
                  <a:lnTo>
                    <a:pt x="218" y="275"/>
                  </a:lnTo>
                  <a:lnTo>
                    <a:pt x="7" y="293"/>
                  </a:lnTo>
                  <a:lnTo>
                    <a:pt x="7" y="295"/>
                  </a:lnTo>
                  <a:lnTo>
                    <a:pt x="2" y="295"/>
                  </a:lnTo>
                  <a:lnTo>
                    <a:pt x="0" y="293"/>
                  </a:lnTo>
                  <a:lnTo>
                    <a:pt x="0" y="292"/>
                  </a:lnTo>
                  <a:lnTo>
                    <a:pt x="3" y="290"/>
                  </a:lnTo>
                  <a:lnTo>
                    <a:pt x="7" y="286"/>
                  </a:lnTo>
                  <a:lnTo>
                    <a:pt x="8" y="285"/>
                  </a:lnTo>
                  <a:lnTo>
                    <a:pt x="12" y="283"/>
                  </a:lnTo>
                  <a:lnTo>
                    <a:pt x="14" y="283"/>
                  </a:lnTo>
                  <a:lnTo>
                    <a:pt x="19" y="276"/>
                  </a:lnTo>
                  <a:lnTo>
                    <a:pt x="20" y="270"/>
                  </a:lnTo>
                  <a:lnTo>
                    <a:pt x="22" y="264"/>
                  </a:lnTo>
                  <a:lnTo>
                    <a:pt x="20" y="259"/>
                  </a:lnTo>
                  <a:lnTo>
                    <a:pt x="19" y="256"/>
                  </a:lnTo>
                  <a:lnTo>
                    <a:pt x="17" y="254"/>
                  </a:lnTo>
                  <a:lnTo>
                    <a:pt x="15" y="251"/>
                  </a:lnTo>
                  <a:lnTo>
                    <a:pt x="20" y="239"/>
                  </a:lnTo>
                  <a:lnTo>
                    <a:pt x="20" y="237"/>
                  </a:lnTo>
                  <a:lnTo>
                    <a:pt x="22" y="236"/>
                  </a:lnTo>
                  <a:lnTo>
                    <a:pt x="24" y="234"/>
                  </a:lnTo>
                  <a:lnTo>
                    <a:pt x="25" y="231"/>
                  </a:lnTo>
                  <a:lnTo>
                    <a:pt x="29" y="227"/>
                  </a:lnTo>
                  <a:lnTo>
                    <a:pt x="30" y="224"/>
                  </a:lnTo>
                  <a:lnTo>
                    <a:pt x="32" y="222"/>
                  </a:lnTo>
                  <a:lnTo>
                    <a:pt x="34" y="222"/>
                  </a:lnTo>
                  <a:lnTo>
                    <a:pt x="39" y="215"/>
                  </a:lnTo>
                  <a:lnTo>
                    <a:pt x="41" y="210"/>
                  </a:lnTo>
                  <a:lnTo>
                    <a:pt x="41" y="209"/>
                  </a:lnTo>
                  <a:lnTo>
                    <a:pt x="39" y="205"/>
                  </a:lnTo>
                  <a:lnTo>
                    <a:pt x="36" y="205"/>
                  </a:lnTo>
                  <a:lnTo>
                    <a:pt x="32" y="204"/>
                  </a:lnTo>
                  <a:lnTo>
                    <a:pt x="30" y="204"/>
                  </a:lnTo>
                  <a:lnTo>
                    <a:pt x="32" y="202"/>
                  </a:lnTo>
                  <a:lnTo>
                    <a:pt x="34" y="200"/>
                  </a:lnTo>
                  <a:lnTo>
                    <a:pt x="36" y="198"/>
                  </a:lnTo>
                  <a:lnTo>
                    <a:pt x="39" y="195"/>
                  </a:lnTo>
                  <a:lnTo>
                    <a:pt x="41" y="193"/>
                  </a:lnTo>
                  <a:lnTo>
                    <a:pt x="42" y="192"/>
                  </a:lnTo>
                  <a:lnTo>
                    <a:pt x="44" y="190"/>
                  </a:lnTo>
                  <a:lnTo>
                    <a:pt x="49" y="183"/>
                  </a:lnTo>
                  <a:lnTo>
                    <a:pt x="52" y="178"/>
                  </a:lnTo>
                  <a:lnTo>
                    <a:pt x="54" y="175"/>
                  </a:lnTo>
                  <a:lnTo>
                    <a:pt x="54" y="171"/>
                  </a:lnTo>
                  <a:lnTo>
                    <a:pt x="54" y="168"/>
                  </a:lnTo>
                  <a:lnTo>
                    <a:pt x="52" y="166"/>
                  </a:lnTo>
                  <a:lnTo>
                    <a:pt x="51" y="165"/>
                  </a:lnTo>
                  <a:lnTo>
                    <a:pt x="61" y="148"/>
                  </a:lnTo>
                  <a:lnTo>
                    <a:pt x="63" y="148"/>
                  </a:lnTo>
                  <a:lnTo>
                    <a:pt x="64" y="148"/>
                  </a:lnTo>
                  <a:lnTo>
                    <a:pt x="64" y="146"/>
                  </a:lnTo>
                  <a:lnTo>
                    <a:pt x="63" y="143"/>
                  </a:lnTo>
                  <a:lnTo>
                    <a:pt x="58" y="139"/>
                  </a:lnTo>
                  <a:lnTo>
                    <a:pt x="54" y="136"/>
                  </a:lnTo>
                  <a:lnTo>
                    <a:pt x="52" y="132"/>
                  </a:lnTo>
                  <a:lnTo>
                    <a:pt x="52" y="131"/>
                  </a:lnTo>
                  <a:lnTo>
                    <a:pt x="54" y="129"/>
                  </a:lnTo>
                  <a:lnTo>
                    <a:pt x="58" y="129"/>
                  </a:lnTo>
                  <a:lnTo>
                    <a:pt x="59" y="129"/>
                  </a:lnTo>
                  <a:lnTo>
                    <a:pt x="61" y="129"/>
                  </a:lnTo>
                  <a:lnTo>
                    <a:pt x="63" y="129"/>
                  </a:lnTo>
                  <a:lnTo>
                    <a:pt x="64" y="100"/>
                  </a:lnTo>
                  <a:lnTo>
                    <a:pt x="64" y="99"/>
                  </a:lnTo>
                  <a:lnTo>
                    <a:pt x="212" y="87"/>
                  </a:lnTo>
                  <a:lnTo>
                    <a:pt x="212" y="63"/>
                  </a:lnTo>
                  <a:lnTo>
                    <a:pt x="213" y="65"/>
                  </a:lnTo>
                  <a:lnTo>
                    <a:pt x="217" y="65"/>
                  </a:lnTo>
                  <a:lnTo>
                    <a:pt x="222" y="65"/>
                  </a:lnTo>
                  <a:lnTo>
                    <a:pt x="228" y="65"/>
                  </a:lnTo>
                  <a:lnTo>
                    <a:pt x="235" y="66"/>
                  </a:lnTo>
                  <a:lnTo>
                    <a:pt x="242" y="66"/>
                  </a:lnTo>
                  <a:lnTo>
                    <a:pt x="250" y="66"/>
                  </a:lnTo>
                  <a:lnTo>
                    <a:pt x="252" y="66"/>
                  </a:lnTo>
                  <a:lnTo>
                    <a:pt x="256" y="66"/>
                  </a:lnTo>
                  <a:lnTo>
                    <a:pt x="261" y="65"/>
                  </a:lnTo>
                  <a:lnTo>
                    <a:pt x="267" y="65"/>
                  </a:lnTo>
                  <a:lnTo>
                    <a:pt x="276" y="63"/>
                  </a:lnTo>
                  <a:lnTo>
                    <a:pt x="286" y="63"/>
                  </a:lnTo>
                  <a:lnTo>
                    <a:pt x="296" y="61"/>
                  </a:lnTo>
                  <a:lnTo>
                    <a:pt x="310" y="61"/>
                  </a:lnTo>
                  <a:lnTo>
                    <a:pt x="323" y="60"/>
                  </a:lnTo>
                  <a:lnTo>
                    <a:pt x="337" y="58"/>
                  </a:lnTo>
                  <a:lnTo>
                    <a:pt x="352" y="58"/>
                  </a:lnTo>
                  <a:lnTo>
                    <a:pt x="369" y="56"/>
                  </a:lnTo>
                  <a:lnTo>
                    <a:pt x="386" y="55"/>
                  </a:lnTo>
                  <a:lnTo>
                    <a:pt x="403" y="53"/>
                  </a:lnTo>
                  <a:lnTo>
                    <a:pt x="420" y="51"/>
                  </a:lnTo>
                  <a:lnTo>
                    <a:pt x="437" y="50"/>
                  </a:lnTo>
                  <a:lnTo>
                    <a:pt x="455" y="48"/>
                  </a:lnTo>
                  <a:lnTo>
                    <a:pt x="472" y="48"/>
                  </a:lnTo>
                  <a:lnTo>
                    <a:pt x="489" y="46"/>
                  </a:lnTo>
                  <a:lnTo>
                    <a:pt x="504" y="44"/>
                  </a:lnTo>
                  <a:lnTo>
                    <a:pt x="521" y="43"/>
                  </a:lnTo>
                  <a:lnTo>
                    <a:pt x="536" y="41"/>
                  </a:lnTo>
                  <a:lnTo>
                    <a:pt x="552" y="39"/>
                  </a:lnTo>
                  <a:lnTo>
                    <a:pt x="565" y="39"/>
                  </a:lnTo>
                  <a:lnTo>
                    <a:pt x="577" y="38"/>
                  </a:lnTo>
                  <a:lnTo>
                    <a:pt x="589" y="36"/>
                  </a:lnTo>
                  <a:lnTo>
                    <a:pt x="599" y="36"/>
                  </a:lnTo>
                  <a:lnTo>
                    <a:pt x="608" y="36"/>
                  </a:lnTo>
                  <a:lnTo>
                    <a:pt x="613" y="34"/>
                  </a:lnTo>
                  <a:lnTo>
                    <a:pt x="618" y="34"/>
                  </a:lnTo>
                  <a:lnTo>
                    <a:pt x="621" y="34"/>
                  </a:lnTo>
                  <a:lnTo>
                    <a:pt x="623" y="34"/>
                  </a:lnTo>
                  <a:lnTo>
                    <a:pt x="804" y="7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29" name="Group 70"/>
            <p:cNvGrpSpPr>
              <a:grpSpLocks/>
            </p:cNvGrpSpPr>
            <p:nvPr/>
          </p:nvGrpSpPr>
          <p:grpSpPr bwMode="auto">
            <a:xfrm>
              <a:off x="3183" y="2812"/>
              <a:ext cx="342" cy="594"/>
              <a:chOff x="3392" y="2451"/>
              <a:chExt cx="352" cy="612"/>
            </a:xfrm>
          </p:grpSpPr>
          <p:sp>
            <p:nvSpPr>
              <p:cNvPr id="148" name="Freeform 71"/>
              <p:cNvSpPr>
                <a:spLocks/>
              </p:cNvSpPr>
              <p:nvPr/>
            </p:nvSpPr>
            <p:spPr bwMode="auto">
              <a:xfrm>
                <a:off x="3392" y="2451"/>
                <a:ext cx="352" cy="612"/>
              </a:xfrm>
              <a:custGeom>
                <a:avLst/>
                <a:gdLst>
                  <a:gd name="T0" fmla="*/ 262 w 352"/>
                  <a:gd name="T1" fmla="*/ 594 h 612"/>
                  <a:gd name="T2" fmla="*/ 276 w 352"/>
                  <a:gd name="T3" fmla="*/ 589 h 612"/>
                  <a:gd name="T4" fmla="*/ 291 w 352"/>
                  <a:gd name="T5" fmla="*/ 585 h 612"/>
                  <a:gd name="T6" fmla="*/ 305 w 352"/>
                  <a:gd name="T7" fmla="*/ 580 h 612"/>
                  <a:gd name="T8" fmla="*/ 293 w 352"/>
                  <a:gd name="T9" fmla="*/ 577 h 612"/>
                  <a:gd name="T10" fmla="*/ 313 w 352"/>
                  <a:gd name="T11" fmla="*/ 577 h 612"/>
                  <a:gd name="T12" fmla="*/ 315 w 352"/>
                  <a:gd name="T13" fmla="*/ 583 h 612"/>
                  <a:gd name="T14" fmla="*/ 333 w 352"/>
                  <a:gd name="T15" fmla="*/ 577 h 612"/>
                  <a:gd name="T16" fmla="*/ 343 w 352"/>
                  <a:gd name="T17" fmla="*/ 585 h 612"/>
                  <a:gd name="T18" fmla="*/ 352 w 352"/>
                  <a:gd name="T19" fmla="*/ 578 h 612"/>
                  <a:gd name="T20" fmla="*/ 333 w 352"/>
                  <a:gd name="T21" fmla="*/ 0 h 612"/>
                  <a:gd name="T22" fmla="*/ 122 w 352"/>
                  <a:gd name="T23" fmla="*/ 20 h 612"/>
                  <a:gd name="T24" fmla="*/ 120 w 352"/>
                  <a:gd name="T25" fmla="*/ 28 h 612"/>
                  <a:gd name="T26" fmla="*/ 93 w 352"/>
                  <a:gd name="T27" fmla="*/ 59 h 612"/>
                  <a:gd name="T28" fmla="*/ 64 w 352"/>
                  <a:gd name="T29" fmla="*/ 113 h 612"/>
                  <a:gd name="T30" fmla="*/ 56 w 352"/>
                  <a:gd name="T31" fmla="*/ 133 h 612"/>
                  <a:gd name="T32" fmla="*/ 57 w 352"/>
                  <a:gd name="T33" fmla="*/ 142 h 612"/>
                  <a:gd name="T34" fmla="*/ 46 w 352"/>
                  <a:gd name="T35" fmla="*/ 147 h 612"/>
                  <a:gd name="T36" fmla="*/ 44 w 352"/>
                  <a:gd name="T37" fmla="*/ 157 h 612"/>
                  <a:gd name="T38" fmla="*/ 47 w 352"/>
                  <a:gd name="T39" fmla="*/ 165 h 612"/>
                  <a:gd name="T40" fmla="*/ 41 w 352"/>
                  <a:gd name="T41" fmla="*/ 174 h 612"/>
                  <a:gd name="T42" fmla="*/ 42 w 352"/>
                  <a:gd name="T43" fmla="*/ 177 h 612"/>
                  <a:gd name="T44" fmla="*/ 47 w 352"/>
                  <a:gd name="T45" fmla="*/ 182 h 612"/>
                  <a:gd name="T46" fmla="*/ 35 w 352"/>
                  <a:gd name="T47" fmla="*/ 189 h 612"/>
                  <a:gd name="T48" fmla="*/ 29 w 352"/>
                  <a:gd name="T49" fmla="*/ 204 h 612"/>
                  <a:gd name="T50" fmla="*/ 44 w 352"/>
                  <a:gd name="T51" fmla="*/ 240 h 612"/>
                  <a:gd name="T52" fmla="*/ 47 w 352"/>
                  <a:gd name="T53" fmla="*/ 248 h 612"/>
                  <a:gd name="T54" fmla="*/ 42 w 352"/>
                  <a:gd name="T55" fmla="*/ 253 h 612"/>
                  <a:gd name="T56" fmla="*/ 39 w 352"/>
                  <a:gd name="T57" fmla="*/ 265 h 612"/>
                  <a:gd name="T58" fmla="*/ 37 w 352"/>
                  <a:gd name="T59" fmla="*/ 270 h 612"/>
                  <a:gd name="T60" fmla="*/ 37 w 352"/>
                  <a:gd name="T61" fmla="*/ 279 h 612"/>
                  <a:gd name="T62" fmla="*/ 42 w 352"/>
                  <a:gd name="T63" fmla="*/ 281 h 612"/>
                  <a:gd name="T64" fmla="*/ 47 w 352"/>
                  <a:gd name="T65" fmla="*/ 287 h 612"/>
                  <a:gd name="T66" fmla="*/ 46 w 352"/>
                  <a:gd name="T67" fmla="*/ 319 h 612"/>
                  <a:gd name="T68" fmla="*/ 56 w 352"/>
                  <a:gd name="T69" fmla="*/ 331 h 612"/>
                  <a:gd name="T70" fmla="*/ 52 w 352"/>
                  <a:gd name="T71" fmla="*/ 338 h 612"/>
                  <a:gd name="T72" fmla="*/ 61 w 352"/>
                  <a:gd name="T73" fmla="*/ 341 h 612"/>
                  <a:gd name="T74" fmla="*/ 61 w 352"/>
                  <a:gd name="T75" fmla="*/ 350 h 612"/>
                  <a:gd name="T76" fmla="*/ 68 w 352"/>
                  <a:gd name="T77" fmla="*/ 355 h 612"/>
                  <a:gd name="T78" fmla="*/ 63 w 352"/>
                  <a:gd name="T79" fmla="*/ 367 h 612"/>
                  <a:gd name="T80" fmla="*/ 56 w 352"/>
                  <a:gd name="T81" fmla="*/ 370 h 612"/>
                  <a:gd name="T82" fmla="*/ 44 w 352"/>
                  <a:gd name="T83" fmla="*/ 375 h 612"/>
                  <a:gd name="T84" fmla="*/ 54 w 352"/>
                  <a:gd name="T85" fmla="*/ 384 h 612"/>
                  <a:gd name="T86" fmla="*/ 44 w 352"/>
                  <a:gd name="T87" fmla="*/ 399 h 612"/>
                  <a:gd name="T88" fmla="*/ 32 w 352"/>
                  <a:gd name="T89" fmla="*/ 416 h 612"/>
                  <a:gd name="T90" fmla="*/ 25 w 352"/>
                  <a:gd name="T91" fmla="*/ 450 h 612"/>
                  <a:gd name="T92" fmla="*/ 15 w 352"/>
                  <a:gd name="T93" fmla="*/ 458 h 612"/>
                  <a:gd name="T94" fmla="*/ 17 w 352"/>
                  <a:gd name="T95" fmla="*/ 467 h 612"/>
                  <a:gd name="T96" fmla="*/ 10 w 352"/>
                  <a:gd name="T97" fmla="*/ 477 h 612"/>
                  <a:gd name="T98" fmla="*/ 15 w 352"/>
                  <a:gd name="T99" fmla="*/ 482 h 612"/>
                  <a:gd name="T100" fmla="*/ 5 w 352"/>
                  <a:gd name="T101" fmla="*/ 494 h 612"/>
                  <a:gd name="T102" fmla="*/ 0 w 352"/>
                  <a:gd name="T103" fmla="*/ 502 h 612"/>
                  <a:gd name="T104" fmla="*/ 7 w 352"/>
                  <a:gd name="T105" fmla="*/ 507 h 612"/>
                  <a:gd name="T106" fmla="*/ 3 w 352"/>
                  <a:gd name="T107" fmla="*/ 517 h 612"/>
                  <a:gd name="T108" fmla="*/ 203 w 352"/>
                  <a:gd name="T109" fmla="*/ 511 h 612"/>
                  <a:gd name="T110" fmla="*/ 198 w 352"/>
                  <a:gd name="T111" fmla="*/ 543 h 612"/>
                  <a:gd name="T112" fmla="*/ 198 w 352"/>
                  <a:gd name="T113" fmla="*/ 563 h 612"/>
                  <a:gd name="T114" fmla="*/ 211 w 352"/>
                  <a:gd name="T115" fmla="*/ 577 h 612"/>
                  <a:gd name="T116" fmla="*/ 223 w 352"/>
                  <a:gd name="T117" fmla="*/ 605 h 612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352"/>
                  <a:gd name="T178" fmla="*/ 0 h 612"/>
                  <a:gd name="T179" fmla="*/ 352 w 352"/>
                  <a:gd name="T180" fmla="*/ 612 h 612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352" h="612">
                    <a:moveTo>
                      <a:pt x="240" y="609"/>
                    </a:moveTo>
                    <a:lnTo>
                      <a:pt x="252" y="599"/>
                    </a:lnTo>
                    <a:lnTo>
                      <a:pt x="252" y="590"/>
                    </a:lnTo>
                    <a:lnTo>
                      <a:pt x="262" y="594"/>
                    </a:lnTo>
                    <a:lnTo>
                      <a:pt x="266" y="592"/>
                    </a:lnTo>
                    <a:lnTo>
                      <a:pt x="271" y="590"/>
                    </a:lnTo>
                    <a:lnTo>
                      <a:pt x="276" y="589"/>
                    </a:lnTo>
                    <a:lnTo>
                      <a:pt x="281" y="587"/>
                    </a:lnTo>
                    <a:lnTo>
                      <a:pt x="284" y="585"/>
                    </a:lnTo>
                    <a:lnTo>
                      <a:pt x="288" y="585"/>
                    </a:lnTo>
                    <a:lnTo>
                      <a:pt x="291" y="585"/>
                    </a:lnTo>
                    <a:lnTo>
                      <a:pt x="301" y="583"/>
                    </a:lnTo>
                    <a:lnTo>
                      <a:pt x="306" y="583"/>
                    </a:lnTo>
                    <a:lnTo>
                      <a:pt x="306" y="582"/>
                    </a:lnTo>
                    <a:lnTo>
                      <a:pt x="305" y="580"/>
                    </a:lnTo>
                    <a:lnTo>
                      <a:pt x="301" y="578"/>
                    </a:lnTo>
                    <a:lnTo>
                      <a:pt x="296" y="577"/>
                    </a:lnTo>
                    <a:lnTo>
                      <a:pt x="293" y="577"/>
                    </a:lnTo>
                    <a:lnTo>
                      <a:pt x="301" y="573"/>
                    </a:lnTo>
                    <a:lnTo>
                      <a:pt x="306" y="573"/>
                    </a:lnTo>
                    <a:lnTo>
                      <a:pt x="311" y="575"/>
                    </a:lnTo>
                    <a:lnTo>
                      <a:pt x="313" y="577"/>
                    </a:lnTo>
                    <a:lnTo>
                      <a:pt x="315" y="578"/>
                    </a:lnTo>
                    <a:lnTo>
                      <a:pt x="315" y="582"/>
                    </a:lnTo>
                    <a:lnTo>
                      <a:pt x="315" y="583"/>
                    </a:lnTo>
                    <a:lnTo>
                      <a:pt x="323" y="585"/>
                    </a:lnTo>
                    <a:lnTo>
                      <a:pt x="332" y="575"/>
                    </a:lnTo>
                    <a:lnTo>
                      <a:pt x="333" y="577"/>
                    </a:lnTo>
                    <a:lnTo>
                      <a:pt x="335" y="578"/>
                    </a:lnTo>
                    <a:lnTo>
                      <a:pt x="335" y="580"/>
                    </a:lnTo>
                    <a:lnTo>
                      <a:pt x="340" y="583"/>
                    </a:lnTo>
                    <a:lnTo>
                      <a:pt x="343" y="585"/>
                    </a:lnTo>
                    <a:lnTo>
                      <a:pt x="347" y="585"/>
                    </a:lnTo>
                    <a:lnTo>
                      <a:pt x="349" y="583"/>
                    </a:lnTo>
                    <a:lnTo>
                      <a:pt x="350" y="582"/>
                    </a:lnTo>
                    <a:lnTo>
                      <a:pt x="352" y="578"/>
                    </a:lnTo>
                    <a:lnTo>
                      <a:pt x="352" y="577"/>
                    </a:lnTo>
                    <a:lnTo>
                      <a:pt x="328" y="392"/>
                    </a:lnTo>
                    <a:lnTo>
                      <a:pt x="333" y="0"/>
                    </a:lnTo>
                    <a:lnTo>
                      <a:pt x="122" y="18"/>
                    </a:lnTo>
                    <a:lnTo>
                      <a:pt x="122" y="20"/>
                    </a:lnTo>
                    <a:lnTo>
                      <a:pt x="122" y="22"/>
                    </a:lnTo>
                    <a:lnTo>
                      <a:pt x="120" y="25"/>
                    </a:lnTo>
                    <a:lnTo>
                      <a:pt x="120" y="27"/>
                    </a:lnTo>
                    <a:lnTo>
                      <a:pt x="120" y="28"/>
                    </a:lnTo>
                    <a:lnTo>
                      <a:pt x="118" y="30"/>
                    </a:lnTo>
                    <a:lnTo>
                      <a:pt x="118" y="32"/>
                    </a:lnTo>
                    <a:lnTo>
                      <a:pt x="103" y="44"/>
                    </a:lnTo>
                    <a:lnTo>
                      <a:pt x="93" y="59"/>
                    </a:lnTo>
                    <a:lnTo>
                      <a:pt x="93" y="89"/>
                    </a:lnTo>
                    <a:lnTo>
                      <a:pt x="85" y="98"/>
                    </a:lnTo>
                    <a:lnTo>
                      <a:pt x="79" y="98"/>
                    </a:lnTo>
                    <a:lnTo>
                      <a:pt x="64" y="113"/>
                    </a:lnTo>
                    <a:lnTo>
                      <a:pt x="69" y="123"/>
                    </a:lnTo>
                    <a:lnTo>
                      <a:pt x="54" y="132"/>
                    </a:lnTo>
                    <a:lnTo>
                      <a:pt x="56" y="132"/>
                    </a:lnTo>
                    <a:lnTo>
                      <a:pt x="56" y="133"/>
                    </a:lnTo>
                    <a:lnTo>
                      <a:pt x="57" y="135"/>
                    </a:lnTo>
                    <a:lnTo>
                      <a:pt x="57" y="137"/>
                    </a:lnTo>
                    <a:lnTo>
                      <a:pt x="57" y="138"/>
                    </a:lnTo>
                    <a:lnTo>
                      <a:pt x="57" y="142"/>
                    </a:lnTo>
                    <a:lnTo>
                      <a:pt x="54" y="143"/>
                    </a:lnTo>
                    <a:lnTo>
                      <a:pt x="49" y="145"/>
                    </a:lnTo>
                    <a:lnTo>
                      <a:pt x="47" y="145"/>
                    </a:lnTo>
                    <a:lnTo>
                      <a:pt x="46" y="147"/>
                    </a:lnTo>
                    <a:lnTo>
                      <a:pt x="44" y="149"/>
                    </a:lnTo>
                    <a:lnTo>
                      <a:pt x="44" y="150"/>
                    </a:lnTo>
                    <a:lnTo>
                      <a:pt x="44" y="154"/>
                    </a:lnTo>
                    <a:lnTo>
                      <a:pt x="44" y="157"/>
                    </a:lnTo>
                    <a:lnTo>
                      <a:pt x="46" y="159"/>
                    </a:lnTo>
                    <a:lnTo>
                      <a:pt x="47" y="162"/>
                    </a:lnTo>
                    <a:lnTo>
                      <a:pt x="47" y="164"/>
                    </a:lnTo>
                    <a:lnTo>
                      <a:pt x="47" y="165"/>
                    </a:lnTo>
                    <a:lnTo>
                      <a:pt x="46" y="167"/>
                    </a:lnTo>
                    <a:lnTo>
                      <a:pt x="44" y="171"/>
                    </a:lnTo>
                    <a:lnTo>
                      <a:pt x="42" y="172"/>
                    </a:lnTo>
                    <a:lnTo>
                      <a:pt x="41" y="174"/>
                    </a:lnTo>
                    <a:lnTo>
                      <a:pt x="39" y="176"/>
                    </a:lnTo>
                    <a:lnTo>
                      <a:pt x="39" y="177"/>
                    </a:lnTo>
                    <a:lnTo>
                      <a:pt x="41" y="177"/>
                    </a:lnTo>
                    <a:lnTo>
                      <a:pt x="42" y="177"/>
                    </a:lnTo>
                    <a:lnTo>
                      <a:pt x="44" y="177"/>
                    </a:lnTo>
                    <a:lnTo>
                      <a:pt x="46" y="179"/>
                    </a:lnTo>
                    <a:lnTo>
                      <a:pt x="47" y="181"/>
                    </a:lnTo>
                    <a:lnTo>
                      <a:pt x="47" y="182"/>
                    </a:lnTo>
                    <a:lnTo>
                      <a:pt x="46" y="184"/>
                    </a:lnTo>
                    <a:lnTo>
                      <a:pt x="41" y="187"/>
                    </a:lnTo>
                    <a:lnTo>
                      <a:pt x="39" y="187"/>
                    </a:lnTo>
                    <a:lnTo>
                      <a:pt x="35" y="189"/>
                    </a:lnTo>
                    <a:lnTo>
                      <a:pt x="34" y="189"/>
                    </a:lnTo>
                    <a:lnTo>
                      <a:pt x="32" y="191"/>
                    </a:lnTo>
                    <a:lnTo>
                      <a:pt x="32" y="196"/>
                    </a:lnTo>
                    <a:lnTo>
                      <a:pt x="29" y="204"/>
                    </a:lnTo>
                    <a:lnTo>
                      <a:pt x="37" y="213"/>
                    </a:lnTo>
                    <a:lnTo>
                      <a:pt x="39" y="220"/>
                    </a:lnTo>
                    <a:lnTo>
                      <a:pt x="44" y="240"/>
                    </a:lnTo>
                    <a:lnTo>
                      <a:pt x="46" y="242"/>
                    </a:lnTo>
                    <a:lnTo>
                      <a:pt x="46" y="243"/>
                    </a:lnTo>
                    <a:lnTo>
                      <a:pt x="47" y="247"/>
                    </a:lnTo>
                    <a:lnTo>
                      <a:pt x="47" y="248"/>
                    </a:lnTo>
                    <a:lnTo>
                      <a:pt x="47" y="250"/>
                    </a:lnTo>
                    <a:lnTo>
                      <a:pt x="46" y="252"/>
                    </a:lnTo>
                    <a:lnTo>
                      <a:pt x="42" y="253"/>
                    </a:lnTo>
                    <a:lnTo>
                      <a:pt x="41" y="255"/>
                    </a:lnTo>
                    <a:lnTo>
                      <a:pt x="41" y="259"/>
                    </a:lnTo>
                    <a:lnTo>
                      <a:pt x="39" y="262"/>
                    </a:lnTo>
                    <a:lnTo>
                      <a:pt x="39" y="265"/>
                    </a:lnTo>
                    <a:lnTo>
                      <a:pt x="39" y="269"/>
                    </a:lnTo>
                    <a:lnTo>
                      <a:pt x="39" y="270"/>
                    </a:lnTo>
                    <a:lnTo>
                      <a:pt x="37" y="270"/>
                    </a:lnTo>
                    <a:lnTo>
                      <a:pt x="37" y="272"/>
                    </a:lnTo>
                    <a:lnTo>
                      <a:pt x="37" y="274"/>
                    </a:lnTo>
                    <a:lnTo>
                      <a:pt x="37" y="275"/>
                    </a:lnTo>
                    <a:lnTo>
                      <a:pt x="37" y="279"/>
                    </a:lnTo>
                    <a:lnTo>
                      <a:pt x="37" y="281"/>
                    </a:lnTo>
                    <a:lnTo>
                      <a:pt x="39" y="282"/>
                    </a:lnTo>
                    <a:lnTo>
                      <a:pt x="41" y="282"/>
                    </a:lnTo>
                    <a:lnTo>
                      <a:pt x="42" y="281"/>
                    </a:lnTo>
                    <a:lnTo>
                      <a:pt x="44" y="281"/>
                    </a:lnTo>
                    <a:lnTo>
                      <a:pt x="46" y="284"/>
                    </a:lnTo>
                    <a:lnTo>
                      <a:pt x="46" y="286"/>
                    </a:lnTo>
                    <a:lnTo>
                      <a:pt x="47" y="287"/>
                    </a:lnTo>
                    <a:lnTo>
                      <a:pt x="46" y="299"/>
                    </a:lnTo>
                    <a:lnTo>
                      <a:pt x="52" y="304"/>
                    </a:lnTo>
                    <a:lnTo>
                      <a:pt x="44" y="314"/>
                    </a:lnTo>
                    <a:lnTo>
                      <a:pt x="46" y="319"/>
                    </a:lnTo>
                    <a:lnTo>
                      <a:pt x="57" y="318"/>
                    </a:lnTo>
                    <a:lnTo>
                      <a:pt x="57" y="330"/>
                    </a:lnTo>
                    <a:lnTo>
                      <a:pt x="56" y="330"/>
                    </a:lnTo>
                    <a:lnTo>
                      <a:pt x="56" y="331"/>
                    </a:lnTo>
                    <a:lnTo>
                      <a:pt x="54" y="333"/>
                    </a:lnTo>
                    <a:lnTo>
                      <a:pt x="52" y="335"/>
                    </a:lnTo>
                    <a:lnTo>
                      <a:pt x="51" y="336"/>
                    </a:lnTo>
                    <a:lnTo>
                      <a:pt x="52" y="338"/>
                    </a:lnTo>
                    <a:lnTo>
                      <a:pt x="54" y="340"/>
                    </a:lnTo>
                    <a:lnTo>
                      <a:pt x="61" y="340"/>
                    </a:lnTo>
                    <a:lnTo>
                      <a:pt x="61" y="341"/>
                    </a:lnTo>
                    <a:lnTo>
                      <a:pt x="61" y="343"/>
                    </a:lnTo>
                    <a:lnTo>
                      <a:pt x="59" y="345"/>
                    </a:lnTo>
                    <a:lnTo>
                      <a:pt x="59" y="348"/>
                    </a:lnTo>
                    <a:lnTo>
                      <a:pt x="61" y="350"/>
                    </a:lnTo>
                    <a:lnTo>
                      <a:pt x="64" y="352"/>
                    </a:lnTo>
                    <a:lnTo>
                      <a:pt x="69" y="352"/>
                    </a:lnTo>
                    <a:lnTo>
                      <a:pt x="68" y="355"/>
                    </a:lnTo>
                    <a:lnTo>
                      <a:pt x="66" y="357"/>
                    </a:lnTo>
                    <a:lnTo>
                      <a:pt x="66" y="360"/>
                    </a:lnTo>
                    <a:lnTo>
                      <a:pt x="64" y="363"/>
                    </a:lnTo>
                    <a:lnTo>
                      <a:pt x="63" y="367"/>
                    </a:lnTo>
                    <a:lnTo>
                      <a:pt x="61" y="369"/>
                    </a:lnTo>
                    <a:lnTo>
                      <a:pt x="61" y="370"/>
                    </a:lnTo>
                    <a:lnTo>
                      <a:pt x="59" y="370"/>
                    </a:lnTo>
                    <a:lnTo>
                      <a:pt x="56" y="370"/>
                    </a:lnTo>
                    <a:lnTo>
                      <a:pt x="51" y="372"/>
                    </a:lnTo>
                    <a:lnTo>
                      <a:pt x="47" y="372"/>
                    </a:lnTo>
                    <a:lnTo>
                      <a:pt x="44" y="374"/>
                    </a:lnTo>
                    <a:lnTo>
                      <a:pt x="44" y="375"/>
                    </a:lnTo>
                    <a:lnTo>
                      <a:pt x="47" y="377"/>
                    </a:lnTo>
                    <a:lnTo>
                      <a:pt x="54" y="380"/>
                    </a:lnTo>
                    <a:lnTo>
                      <a:pt x="54" y="382"/>
                    </a:lnTo>
                    <a:lnTo>
                      <a:pt x="54" y="384"/>
                    </a:lnTo>
                    <a:lnTo>
                      <a:pt x="52" y="389"/>
                    </a:lnTo>
                    <a:lnTo>
                      <a:pt x="49" y="392"/>
                    </a:lnTo>
                    <a:lnTo>
                      <a:pt x="47" y="396"/>
                    </a:lnTo>
                    <a:lnTo>
                      <a:pt x="44" y="399"/>
                    </a:lnTo>
                    <a:lnTo>
                      <a:pt x="44" y="402"/>
                    </a:lnTo>
                    <a:lnTo>
                      <a:pt x="42" y="404"/>
                    </a:lnTo>
                    <a:lnTo>
                      <a:pt x="41" y="416"/>
                    </a:lnTo>
                    <a:lnTo>
                      <a:pt x="32" y="416"/>
                    </a:lnTo>
                    <a:lnTo>
                      <a:pt x="25" y="443"/>
                    </a:lnTo>
                    <a:lnTo>
                      <a:pt x="17" y="448"/>
                    </a:lnTo>
                    <a:lnTo>
                      <a:pt x="25" y="448"/>
                    </a:lnTo>
                    <a:lnTo>
                      <a:pt x="25" y="450"/>
                    </a:lnTo>
                    <a:lnTo>
                      <a:pt x="24" y="450"/>
                    </a:lnTo>
                    <a:lnTo>
                      <a:pt x="20" y="453"/>
                    </a:lnTo>
                    <a:lnTo>
                      <a:pt x="19" y="455"/>
                    </a:lnTo>
                    <a:lnTo>
                      <a:pt x="15" y="458"/>
                    </a:lnTo>
                    <a:lnTo>
                      <a:pt x="15" y="460"/>
                    </a:lnTo>
                    <a:lnTo>
                      <a:pt x="15" y="463"/>
                    </a:lnTo>
                    <a:lnTo>
                      <a:pt x="17" y="465"/>
                    </a:lnTo>
                    <a:lnTo>
                      <a:pt x="17" y="467"/>
                    </a:lnTo>
                    <a:lnTo>
                      <a:pt x="15" y="468"/>
                    </a:lnTo>
                    <a:lnTo>
                      <a:pt x="13" y="470"/>
                    </a:lnTo>
                    <a:lnTo>
                      <a:pt x="10" y="473"/>
                    </a:lnTo>
                    <a:lnTo>
                      <a:pt x="10" y="477"/>
                    </a:lnTo>
                    <a:lnTo>
                      <a:pt x="8" y="479"/>
                    </a:lnTo>
                    <a:lnTo>
                      <a:pt x="10" y="480"/>
                    </a:lnTo>
                    <a:lnTo>
                      <a:pt x="13" y="480"/>
                    </a:lnTo>
                    <a:lnTo>
                      <a:pt x="15" y="482"/>
                    </a:lnTo>
                    <a:lnTo>
                      <a:pt x="15" y="485"/>
                    </a:lnTo>
                    <a:lnTo>
                      <a:pt x="13" y="487"/>
                    </a:lnTo>
                    <a:lnTo>
                      <a:pt x="8" y="492"/>
                    </a:lnTo>
                    <a:lnTo>
                      <a:pt x="5" y="494"/>
                    </a:lnTo>
                    <a:lnTo>
                      <a:pt x="2" y="495"/>
                    </a:lnTo>
                    <a:lnTo>
                      <a:pt x="0" y="497"/>
                    </a:lnTo>
                    <a:lnTo>
                      <a:pt x="0" y="501"/>
                    </a:lnTo>
                    <a:lnTo>
                      <a:pt x="0" y="502"/>
                    </a:lnTo>
                    <a:lnTo>
                      <a:pt x="2" y="504"/>
                    </a:lnTo>
                    <a:lnTo>
                      <a:pt x="3" y="506"/>
                    </a:lnTo>
                    <a:lnTo>
                      <a:pt x="5" y="506"/>
                    </a:lnTo>
                    <a:lnTo>
                      <a:pt x="7" y="507"/>
                    </a:lnTo>
                    <a:lnTo>
                      <a:pt x="5" y="509"/>
                    </a:lnTo>
                    <a:lnTo>
                      <a:pt x="5" y="512"/>
                    </a:lnTo>
                    <a:lnTo>
                      <a:pt x="5" y="514"/>
                    </a:lnTo>
                    <a:lnTo>
                      <a:pt x="3" y="517"/>
                    </a:lnTo>
                    <a:lnTo>
                      <a:pt x="3" y="521"/>
                    </a:lnTo>
                    <a:lnTo>
                      <a:pt x="3" y="523"/>
                    </a:lnTo>
                    <a:lnTo>
                      <a:pt x="3" y="524"/>
                    </a:lnTo>
                    <a:lnTo>
                      <a:pt x="203" y="511"/>
                    </a:lnTo>
                    <a:lnTo>
                      <a:pt x="203" y="534"/>
                    </a:lnTo>
                    <a:lnTo>
                      <a:pt x="201" y="534"/>
                    </a:lnTo>
                    <a:lnTo>
                      <a:pt x="200" y="538"/>
                    </a:lnTo>
                    <a:lnTo>
                      <a:pt x="198" y="543"/>
                    </a:lnTo>
                    <a:lnTo>
                      <a:pt x="196" y="546"/>
                    </a:lnTo>
                    <a:lnTo>
                      <a:pt x="195" y="553"/>
                    </a:lnTo>
                    <a:lnTo>
                      <a:pt x="195" y="558"/>
                    </a:lnTo>
                    <a:lnTo>
                      <a:pt x="198" y="563"/>
                    </a:lnTo>
                    <a:lnTo>
                      <a:pt x="203" y="567"/>
                    </a:lnTo>
                    <a:lnTo>
                      <a:pt x="205" y="568"/>
                    </a:lnTo>
                    <a:lnTo>
                      <a:pt x="208" y="572"/>
                    </a:lnTo>
                    <a:lnTo>
                      <a:pt x="211" y="577"/>
                    </a:lnTo>
                    <a:lnTo>
                      <a:pt x="217" y="583"/>
                    </a:lnTo>
                    <a:lnTo>
                      <a:pt x="220" y="590"/>
                    </a:lnTo>
                    <a:lnTo>
                      <a:pt x="223" y="597"/>
                    </a:lnTo>
                    <a:lnTo>
                      <a:pt x="223" y="605"/>
                    </a:lnTo>
                    <a:lnTo>
                      <a:pt x="222" y="612"/>
                    </a:lnTo>
                    <a:lnTo>
                      <a:pt x="240" y="60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49" name="Freeform 72"/>
              <p:cNvSpPr>
                <a:spLocks/>
              </p:cNvSpPr>
              <p:nvPr/>
            </p:nvSpPr>
            <p:spPr bwMode="auto">
              <a:xfrm>
                <a:off x="3392" y="2451"/>
                <a:ext cx="352" cy="612"/>
              </a:xfrm>
              <a:custGeom>
                <a:avLst/>
                <a:gdLst>
                  <a:gd name="T0" fmla="*/ 262 w 352"/>
                  <a:gd name="T1" fmla="*/ 594 h 612"/>
                  <a:gd name="T2" fmla="*/ 281 w 352"/>
                  <a:gd name="T3" fmla="*/ 587 h 612"/>
                  <a:gd name="T4" fmla="*/ 301 w 352"/>
                  <a:gd name="T5" fmla="*/ 583 h 612"/>
                  <a:gd name="T6" fmla="*/ 296 w 352"/>
                  <a:gd name="T7" fmla="*/ 577 h 612"/>
                  <a:gd name="T8" fmla="*/ 306 w 352"/>
                  <a:gd name="T9" fmla="*/ 573 h 612"/>
                  <a:gd name="T10" fmla="*/ 315 w 352"/>
                  <a:gd name="T11" fmla="*/ 582 h 612"/>
                  <a:gd name="T12" fmla="*/ 332 w 352"/>
                  <a:gd name="T13" fmla="*/ 575 h 612"/>
                  <a:gd name="T14" fmla="*/ 340 w 352"/>
                  <a:gd name="T15" fmla="*/ 583 h 612"/>
                  <a:gd name="T16" fmla="*/ 352 w 352"/>
                  <a:gd name="T17" fmla="*/ 578 h 612"/>
                  <a:gd name="T18" fmla="*/ 333 w 352"/>
                  <a:gd name="T19" fmla="*/ 0 h 612"/>
                  <a:gd name="T20" fmla="*/ 122 w 352"/>
                  <a:gd name="T21" fmla="*/ 22 h 612"/>
                  <a:gd name="T22" fmla="*/ 118 w 352"/>
                  <a:gd name="T23" fmla="*/ 32 h 612"/>
                  <a:gd name="T24" fmla="*/ 79 w 352"/>
                  <a:gd name="T25" fmla="*/ 98 h 612"/>
                  <a:gd name="T26" fmla="*/ 56 w 352"/>
                  <a:gd name="T27" fmla="*/ 132 h 612"/>
                  <a:gd name="T28" fmla="*/ 57 w 352"/>
                  <a:gd name="T29" fmla="*/ 142 h 612"/>
                  <a:gd name="T30" fmla="*/ 46 w 352"/>
                  <a:gd name="T31" fmla="*/ 147 h 612"/>
                  <a:gd name="T32" fmla="*/ 46 w 352"/>
                  <a:gd name="T33" fmla="*/ 159 h 612"/>
                  <a:gd name="T34" fmla="*/ 46 w 352"/>
                  <a:gd name="T35" fmla="*/ 167 h 612"/>
                  <a:gd name="T36" fmla="*/ 39 w 352"/>
                  <a:gd name="T37" fmla="*/ 177 h 612"/>
                  <a:gd name="T38" fmla="*/ 46 w 352"/>
                  <a:gd name="T39" fmla="*/ 179 h 612"/>
                  <a:gd name="T40" fmla="*/ 41 w 352"/>
                  <a:gd name="T41" fmla="*/ 187 h 612"/>
                  <a:gd name="T42" fmla="*/ 32 w 352"/>
                  <a:gd name="T43" fmla="*/ 196 h 612"/>
                  <a:gd name="T44" fmla="*/ 44 w 352"/>
                  <a:gd name="T45" fmla="*/ 240 h 612"/>
                  <a:gd name="T46" fmla="*/ 47 w 352"/>
                  <a:gd name="T47" fmla="*/ 248 h 612"/>
                  <a:gd name="T48" fmla="*/ 42 w 352"/>
                  <a:gd name="T49" fmla="*/ 253 h 612"/>
                  <a:gd name="T50" fmla="*/ 39 w 352"/>
                  <a:gd name="T51" fmla="*/ 269 h 612"/>
                  <a:gd name="T52" fmla="*/ 37 w 352"/>
                  <a:gd name="T53" fmla="*/ 272 h 612"/>
                  <a:gd name="T54" fmla="*/ 39 w 352"/>
                  <a:gd name="T55" fmla="*/ 282 h 612"/>
                  <a:gd name="T56" fmla="*/ 46 w 352"/>
                  <a:gd name="T57" fmla="*/ 284 h 612"/>
                  <a:gd name="T58" fmla="*/ 44 w 352"/>
                  <a:gd name="T59" fmla="*/ 314 h 612"/>
                  <a:gd name="T60" fmla="*/ 56 w 352"/>
                  <a:gd name="T61" fmla="*/ 330 h 612"/>
                  <a:gd name="T62" fmla="*/ 52 w 352"/>
                  <a:gd name="T63" fmla="*/ 338 h 612"/>
                  <a:gd name="T64" fmla="*/ 61 w 352"/>
                  <a:gd name="T65" fmla="*/ 341 h 612"/>
                  <a:gd name="T66" fmla="*/ 64 w 352"/>
                  <a:gd name="T67" fmla="*/ 352 h 612"/>
                  <a:gd name="T68" fmla="*/ 66 w 352"/>
                  <a:gd name="T69" fmla="*/ 357 h 612"/>
                  <a:gd name="T70" fmla="*/ 61 w 352"/>
                  <a:gd name="T71" fmla="*/ 370 h 612"/>
                  <a:gd name="T72" fmla="*/ 47 w 352"/>
                  <a:gd name="T73" fmla="*/ 372 h 612"/>
                  <a:gd name="T74" fmla="*/ 54 w 352"/>
                  <a:gd name="T75" fmla="*/ 380 h 612"/>
                  <a:gd name="T76" fmla="*/ 47 w 352"/>
                  <a:gd name="T77" fmla="*/ 396 h 612"/>
                  <a:gd name="T78" fmla="*/ 32 w 352"/>
                  <a:gd name="T79" fmla="*/ 416 h 612"/>
                  <a:gd name="T80" fmla="*/ 25 w 352"/>
                  <a:gd name="T81" fmla="*/ 450 h 612"/>
                  <a:gd name="T82" fmla="*/ 15 w 352"/>
                  <a:gd name="T83" fmla="*/ 460 h 612"/>
                  <a:gd name="T84" fmla="*/ 15 w 352"/>
                  <a:gd name="T85" fmla="*/ 468 h 612"/>
                  <a:gd name="T86" fmla="*/ 10 w 352"/>
                  <a:gd name="T87" fmla="*/ 480 h 612"/>
                  <a:gd name="T88" fmla="*/ 13 w 352"/>
                  <a:gd name="T89" fmla="*/ 487 h 612"/>
                  <a:gd name="T90" fmla="*/ 0 w 352"/>
                  <a:gd name="T91" fmla="*/ 497 h 612"/>
                  <a:gd name="T92" fmla="*/ 5 w 352"/>
                  <a:gd name="T93" fmla="*/ 506 h 612"/>
                  <a:gd name="T94" fmla="*/ 5 w 352"/>
                  <a:gd name="T95" fmla="*/ 514 h 612"/>
                  <a:gd name="T96" fmla="*/ 203 w 352"/>
                  <a:gd name="T97" fmla="*/ 511 h 612"/>
                  <a:gd name="T98" fmla="*/ 198 w 352"/>
                  <a:gd name="T99" fmla="*/ 543 h 612"/>
                  <a:gd name="T100" fmla="*/ 203 w 352"/>
                  <a:gd name="T101" fmla="*/ 567 h 612"/>
                  <a:gd name="T102" fmla="*/ 217 w 352"/>
                  <a:gd name="T103" fmla="*/ 583 h 612"/>
                  <a:gd name="T104" fmla="*/ 240 w 352"/>
                  <a:gd name="T105" fmla="*/ 609 h 612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w 352"/>
                  <a:gd name="T160" fmla="*/ 0 h 612"/>
                  <a:gd name="T161" fmla="*/ 352 w 352"/>
                  <a:gd name="T162" fmla="*/ 612 h 612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T159" t="T160" r="T161" b="T162"/>
                <a:pathLst>
                  <a:path w="352" h="612">
                    <a:moveTo>
                      <a:pt x="240" y="609"/>
                    </a:moveTo>
                    <a:lnTo>
                      <a:pt x="252" y="599"/>
                    </a:lnTo>
                    <a:lnTo>
                      <a:pt x="252" y="590"/>
                    </a:lnTo>
                    <a:lnTo>
                      <a:pt x="262" y="594"/>
                    </a:lnTo>
                    <a:lnTo>
                      <a:pt x="266" y="592"/>
                    </a:lnTo>
                    <a:lnTo>
                      <a:pt x="271" y="590"/>
                    </a:lnTo>
                    <a:lnTo>
                      <a:pt x="276" y="589"/>
                    </a:lnTo>
                    <a:lnTo>
                      <a:pt x="281" y="587"/>
                    </a:lnTo>
                    <a:lnTo>
                      <a:pt x="284" y="585"/>
                    </a:lnTo>
                    <a:lnTo>
                      <a:pt x="288" y="585"/>
                    </a:lnTo>
                    <a:lnTo>
                      <a:pt x="291" y="585"/>
                    </a:lnTo>
                    <a:lnTo>
                      <a:pt x="301" y="583"/>
                    </a:lnTo>
                    <a:lnTo>
                      <a:pt x="306" y="583"/>
                    </a:lnTo>
                    <a:lnTo>
                      <a:pt x="306" y="582"/>
                    </a:lnTo>
                    <a:lnTo>
                      <a:pt x="305" y="580"/>
                    </a:lnTo>
                    <a:lnTo>
                      <a:pt x="301" y="578"/>
                    </a:lnTo>
                    <a:lnTo>
                      <a:pt x="296" y="577"/>
                    </a:lnTo>
                    <a:lnTo>
                      <a:pt x="293" y="577"/>
                    </a:lnTo>
                    <a:lnTo>
                      <a:pt x="301" y="573"/>
                    </a:lnTo>
                    <a:lnTo>
                      <a:pt x="306" y="573"/>
                    </a:lnTo>
                    <a:lnTo>
                      <a:pt x="311" y="575"/>
                    </a:lnTo>
                    <a:lnTo>
                      <a:pt x="313" y="577"/>
                    </a:lnTo>
                    <a:lnTo>
                      <a:pt x="315" y="578"/>
                    </a:lnTo>
                    <a:lnTo>
                      <a:pt x="315" y="582"/>
                    </a:lnTo>
                    <a:lnTo>
                      <a:pt x="315" y="583"/>
                    </a:lnTo>
                    <a:lnTo>
                      <a:pt x="323" y="585"/>
                    </a:lnTo>
                    <a:lnTo>
                      <a:pt x="332" y="575"/>
                    </a:lnTo>
                    <a:lnTo>
                      <a:pt x="333" y="577"/>
                    </a:lnTo>
                    <a:lnTo>
                      <a:pt x="335" y="578"/>
                    </a:lnTo>
                    <a:lnTo>
                      <a:pt x="335" y="580"/>
                    </a:lnTo>
                    <a:lnTo>
                      <a:pt x="340" y="583"/>
                    </a:lnTo>
                    <a:lnTo>
                      <a:pt x="343" y="585"/>
                    </a:lnTo>
                    <a:lnTo>
                      <a:pt x="347" y="585"/>
                    </a:lnTo>
                    <a:lnTo>
                      <a:pt x="349" y="583"/>
                    </a:lnTo>
                    <a:lnTo>
                      <a:pt x="350" y="582"/>
                    </a:lnTo>
                    <a:lnTo>
                      <a:pt x="352" y="578"/>
                    </a:lnTo>
                    <a:lnTo>
                      <a:pt x="352" y="577"/>
                    </a:lnTo>
                    <a:lnTo>
                      <a:pt x="328" y="392"/>
                    </a:lnTo>
                    <a:lnTo>
                      <a:pt x="333" y="0"/>
                    </a:lnTo>
                    <a:lnTo>
                      <a:pt x="122" y="18"/>
                    </a:lnTo>
                    <a:lnTo>
                      <a:pt x="122" y="20"/>
                    </a:lnTo>
                    <a:lnTo>
                      <a:pt x="122" y="22"/>
                    </a:lnTo>
                    <a:lnTo>
                      <a:pt x="120" y="25"/>
                    </a:lnTo>
                    <a:lnTo>
                      <a:pt x="120" y="27"/>
                    </a:lnTo>
                    <a:lnTo>
                      <a:pt x="120" y="28"/>
                    </a:lnTo>
                    <a:lnTo>
                      <a:pt x="118" y="30"/>
                    </a:lnTo>
                    <a:lnTo>
                      <a:pt x="118" y="32"/>
                    </a:lnTo>
                    <a:lnTo>
                      <a:pt x="103" y="44"/>
                    </a:lnTo>
                    <a:lnTo>
                      <a:pt x="93" y="59"/>
                    </a:lnTo>
                    <a:lnTo>
                      <a:pt x="93" y="89"/>
                    </a:lnTo>
                    <a:lnTo>
                      <a:pt x="85" y="98"/>
                    </a:lnTo>
                    <a:lnTo>
                      <a:pt x="79" y="98"/>
                    </a:lnTo>
                    <a:lnTo>
                      <a:pt x="64" y="113"/>
                    </a:lnTo>
                    <a:lnTo>
                      <a:pt x="69" y="123"/>
                    </a:lnTo>
                    <a:lnTo>
                      <a:pt x="54" y="132"/>
                    </a:lnTo>
                    <a:lnTo>
                      <a:pt x="56" y="132"/>
                    </a:lnTo>
                    <a:lnTo>
                      <a:pt x="56" y="133"/>
                    </a:lnTo>
                    <a:lnTo>
                      <a:pt x="57" y="135"/>
                    </a:lnTo>
                    <a:lnTo>
                      <a:pt x="57" y="137"/>
                    </a:lnTo>
                    <a:lnTo>
                      <a:pt x="57" y="138"/>
                    </a:lnTo>
                    <a:lnTo>
                      <a:pt x="57" y="142"/>
                    </a:lnTo>
                    <a:lnTo>
                      <a:pt x="54" y="143"/>
                    </a:lnTo>
                    <a:lnTo>
                      <a:pt x="49" y="145"/>
                    </a:lnTo>
                    <a:lnTo>
                      <a:pt x="47" y="145"/>
                    </a:lnTo>
                    <a:lnTo>
                      <a:pt x="46" y="147"/>
                    </a:lnTo>
                    <a:lnTo>
                      <a:pt x="44" y="149"/>
                    </a:lnTo>
                    <a:lnTo>
                      <a:pt x="44" y="150"/>
                    </a:lnTo>
                    <a:lnTo>
                      <a:pt x="44" y="154"/>
                    </a:lnTo>
                    <a:lnTo>
                      <a:pt x="44" y="157"/>
                    </a:lnTo>
                    <a:lnTo>
                      <a:pt x="46" y="159"/>
                    </a:lnTo>
                    <a:lnTo>
                      <a:pt x="47" y="162"/>
                    </a:lnTo>
                    <a:lnTo>
                      <a:pt x="47" y="164"/>
                    </a:lnTo>
                    <a:lnTo>
                      <a:pt x="47" y="165"/>
                    </a:lnTo>
                    <a:lnTo>
                      <a:pt x="46" y="167"/>
                    </a:lnTo>
                    <a:lnTo>
                      <a:pt x="44" y="171"/>
                    </a:lnTo>
                    <a:lnTo>
                      <a:pt x="42" y="172"/>
                    </a:lnTo>
                    <a:lnTo>
                      <a:pt x="41" y="174"/>
                    </a:lnTo>
                    <a:lnTo>
                      <a:pt x="39" y="176"/>
                    </a:lnTo>
                    <a:lnTo>
                      <a:pt x="39" y="177"/>
                    </a:lnTo>
                    <a:lnTo>
                      <a:pt x="41" y="177"/>
                    </a:lnTo>
                    <a:lnTo>
                      <a:pt x="42" y="177"/>
                    </a:lnTo>
                    <a:lnTo>
                      <a:pt x="44" y="177"/>
                    </a:lnTo>
                    <a:lnTo>
                      <a:pt x="46" y="179"/>
                    </a:lnTo>
                    <a:lnTo>
                      <a:pt x="47" y="181"/>
                    </a:lnTo>
                    <a:lnTo>
                      <a:pt x="47" y="182"/>
                    </a:lnTo>
                    <a:lnTo>
                      <a:pt x="46" y="184"/>
                    </a:lnTo>
                    <a:lnTo>
                      <a:pt x="41" y="187"/>
                    </a:lnTo>
                    <a:lnTo>
                      <a:pt x="39" y="187"/>
                    </a:lnTo>
                    <a:lnTo>
                      <a:pt x="35" y="189"/>
                    </a:lnTo>
                    <a:lnTo>
                      <a:pt x="34" y="189"/>
                    </a:lnTo>
                    <a:lnTo>
                      <a:pt x="32" y="191"/>
                    </a:lnTo>
                    <a:lnTo>
                      <a:pt x="32" y="196"/>
                    </a:lnTo>
                    <a:lnTo>
                      <a:pt x="29" y="204"/>
                    </a:lnTo>
                    <a:lnTo>
                      <a:pt x="37" y="213"/>
                    </a:lnTo>
                    <a:lnTo>
                      <a:pt x="39" y="220"/>
                    </a:lnTo>
                    <a:lnTo>
                      <a:pt x="44" y="240"/>
                    </a:lnTo>
                    <a:lnTo>
                      <a:pt x="46" y="242"/>
                    </a:lnTo>
                    <a:lnTo>
                      <a:pt x="46" y="243"/>
                    </a:lnTo>
                    <a:lnTo>
                      <a:pt x="47" y="247"/>
                    </a:lnTo>
                    <a:lnTo>
                      <a:pt x="47" y="248"/>
                    </a:lnTo>
                    <a:lnTo>
                      <a:pt x="47" y="250"/>
                    </a:lnTo>
                    <a:lnTo>
                      <a:pt x="46" y="252"/>
                    </a:lnTo>
                    <a:lnTo>
                      <a:pt x="42" y="253"/>
                    </a:lnTo>
                    <a:lnTo>
                      <a:pt x="41" y="255"/>
                    </a:lnTo>
                    <a:lnTo>
                      <a:pt x="41" y="259"/>
                    </a:lnTo>
                    <a:lnTo>
                      <a:pt x="39" y="262"/>
                    </a:lnTo>
                    <a:lnTo>
                      <a:pt x="39" y="265"/>
                    </a:lnTo>
                    <a:lnTo>
                      <a:pt x="39" y="269"/>
                    </a:lnTo>
                    <a:lnTo>
                      <a:pt x="39" y="270"/>
                    </a:lnTo>
                    <a:lnTo>
                      <a:pt x="37" y="270"/>
                    </a:lnTo>
                    <a:lnTo>
                      <a:pt x="37" y="272"/>
                    </a:lnTo>
                    <a:lnTo>
                      <a:pt x="37" y="274"/>
                    </a:lnTo>
                    <a:lnTo>
                      <a:pt x="37" y="275"/>
                    </a:lnTo>
                    <a:lnTo>
                      <a:pt x="37" y="279"/>
                    </a:lnTo>
                    <a:lnTo>
                      <a:pt x="37" y="281"/>
                    </a:lnTo>
                    <a:lnTo>
                      <a:pt x="39" y="282"/>
                    </a:lnTo>
                    <a:lnTo>
                      <a:pt x="41" y="282"/>
                    </a:lnTo>
                    <a:lnTo>
                      <a:pt x="42" y="281"/>
                    </a:lnTo>
                    <a:lnTo>
                      <a:pt x="44" y="281"/>
                    </a:lnTo>
                    <a:lnTo>
                      <a:pt x="46" y="284"/>
                    </a:lnTo>
                    <a:lnTo>
                      <a:pt x="46" y="286"/>
                    </a:lnTo>
                    <a:lnTo>
                      <a:pt x="47" y="287"/>
                    </a:lnTo>
                    <a:lnTo>
                      <a:pt x="46" y="299"/>
                    </a:lnTo>
                    <a:lnTo>
                      <a:pt x="52" y="304"/>
                    </a:lnTo>
                    <a:lnTo>
                      <a:pt x="44" y="314"/>
                    </a:lnTo>
                    <a:lnTo>
                      <a:pt x="46" y="319"/>
                    </a:lnTo>
                    <a:lnTo>
                      <a:pt x="57" y="318"/>
                    </a:lnTo>
                    <a:lnTo>
                      <a:pt x="57" y="330"/>
                    </a:lnTo>
                    <a:lnTo>
                      <a:pt x="56" y="330"/>
                    </a:lnTo>
                    <a:lnTo>
                      <a:pt x="56" y="331"/>
                    </a:lnTo>
                    <a:lnTo>
                      <a:pt x="54" y="333"/>
                    </a:lnTo>
                    <a:lnTo>
                      <a:pt x="52" y="335"/>
                    </a:lnTo>
                    <a:lnTo>
                      <a:pt x="51" y="336"/>
                    </a:lnTo>
                    <a:lnTo>
                      <a:pt x="52" y="338"/>
                    </a:lnTo>
                    <a:lnTo>
                      <a:pt x="54" y="340"/>
                    </a:lnTo>
                    <a:lnTo>
                      <a:pt x="61" y="340"/>
                    </a:lnTo>
                    <a:lnTo>
                      <a:pt x="61" y="341"/>
                    </a:lnTo>
                    <a:lnTo>
                      <a:pt x="61" y="343"/>
                    </a:lnTo>
                    <a:lnTo>
                      <a:pt x="59" y="345"/>
                    </a:lnTo>
                    <a:lnTo>
                      <a:pt x="59" y="348"/>
                    </a:lnTo>
                    <a:lnTo>
                      <a:pt x="61" y="350"/>
                    </a:lnTo>
                    <a:lnTo>
                      <a:pt x="64" y="352"/>
                    </a:lnTo>
                    <a:lnTo>
                      <a:pt x="69" y="352"/>
                    </a:lnTo>
                    <a:lnTo>
                      <a:pt x="68" y="355"/>
                    </a:lnTo>
                    <a:lnTo>
                      <a:pt x="66" y="357"/>
                    </a:lnTo>
                    <a:lnTo>
                      <a:pt x="66" y="360"/>
                    </a:lnTo>
                    <a:lnTo>
                      <a:pt x="64" y="363"/>
                    </a:lnTo>
                    <a:lnTo>
                      <a:pt x="63" y="367"/>
                    </a:lnTo>
                    <a:lnTo>
                      <a:pt x="61" y="369"/>
                    </a:lnTo>
                    <a:lnTo>
                      <a:pt x="61" y="370"/>
                    </a:lnTo>
                    <a:lnTo>
                      <a:pt x="59" y="370"/>
                    </a:lnTo>
                    <a:lnTo>
                      <a:pt x="56" y="370"/>
                    </a:lnTo>
                    <a:lnTo>
                      <a:pt x="51" y="372"/>
                    </a:lnTo>
                    <a:lnTo>
                      <a:pt x="47" y="372"/>
                    </a:lnTo>
                    <a:lnTo>
                      <a:pt x="44" y="374"/>
                    </a:lnTo>
                    <a:lnTo>
                      <a:pt x="44" y="375"/>
                    </a:lnTo>
                    <a:lnTo>
                      <a:pt x="47" y="377"/>
                    </a:lnTo>
                    <a:lnTo>
                      <a:pt x="54" y="380"/>
                    </a:lnTo>
                    <a:lnTo>
                      <a:pt x="54" y="382"/>
                    </a:lnTo>
                    <a:lnTo>
                      <a:pt x="54" y="384"/>
                    </a:lnTo>
                    <a:lnTo>
                      <a:pt x="52" y="389"/>
                    </a:lnTo>
                    <a:lnTo>
                      <a:pt x="49" y="392"/>
                    </a:lnTo>
                    <a:lnTo>
                      <a:pt x="47" y="396"/>
                    </a:lnTo>
                    <a:lnTo>
                      <a:pt x="44" y="399"/>
                    </a:lnTo>
                    <a:lnTo>
                      <a:pt x="44" y="402"/>
                    </a:lnTo>
                    <a:lnTo>
                      <a:pt x="42" y="404"/>
                    </a:lnTo>
                    <a:lnTo>
                      <a:pt x="41" y="416"/>
                    </a:lnTo>
                    <a:lnTo>
                      <a:pt x="32" y="416"/>
                    </a:lnTo>
                    <a:lnTo>
                      <a:pt x="25" y="443"/>
                    </a:lnTo>
                    <a:lnTo>
                      <a:pt x="17" y="448"/>
                    </a:lnTo>
                    <a:lnTo>
                      <a:pt x="25" y="448"/>
                    </a:lnTo>
                    <a:lnTo>
                      <a:pt x="25" y="450"/>
                    </a:lnTo>
                    <a:lnTo>
                      <a:pt x="24" y="450"/>
                    </a:lnTo>
                    <a:lnTo>
                      <a:pt x="20" y="453"/>
                    </a:lnTo>
                    <a:lnTo>
                      <a:pt x="19" y="455"/>
                    </a:lnTo>
                    <a:lnTo>
                      <a:pt x="15" y="458"/>
                    </a:lnTo>
                    <a:lnTo>
                      <a:pt x="15" y="460"/>
                    </a:lnTo>
                    <a:lnTo>
                      <a:pt x="15" y="463"/>
                    </a:lnTo>
                    <a:lnTo>
                      <a:pt x="17" y="465"/>
                    </a:lnTo>
                    <a:lnTo>
                      <a:pt x="17" y="467"/>
                    </a:lnTo>
                    <a:lnTo>
                      <a:pt x="15" y="468"/>
                    </a:lnTo>
                    <a:lnTo>
                      <a:pt x="13" y="470"/>
                    </a:lnTo>
                    <a:lnTo>
                      <a:pt x="10" y="473"/>
                    </a:lnTo>
                    <a:lnTo>
                      <a:pt x="10" y="477"/>
                    </a:lnTo>
                    <a:lnTo>
                      <a:pt x="8" y="479"/>
                    </a:lnTo>
                    <a:lnTo>
                      <a:pt x="10" y="480"/>
                    </a:lnTo>
                    <a:lnTo>
                      <a:pt x="13" y="480"/>
                    </a:lnTo>
                    <a:lnTo>
                      <a:pt x="15" y="482"/>
                    </a:lnTo>
                    <a:lnTo>
                      <a:pt x="15" y="485"/>
                    </a:lnTo>
                    <a:lnTo>
                      <a:pt x="13" y="487"/>
                    </a:lnTo>
                    <a:lnTo>
                      <a:pt x="8" y="492"/>
                    </a:lnTo>
                    <a:lnTo>
                      <a:pt x="5" y="494"/>
                    </a:lnTo>
                    <a:lnTo>
                      <a:pt x="2" y="495"/>
                    </a:lnTo>
                    <a:lnTo>
                      <a:pt x="0" y="497"/>
                    </a:lnTo>
                    <a:lnTo>
                      <a:pt x="0" y="501"/>
                    </a:lnTo>
                    <a:lnTo>
                      <a:pt x="0" y="502"/>
                    </a:lnTo>
                    <a:lnTo>
                      <a:pt x="2" y="504"/>
                    </a:lnTo>
                    <a:lnTo>
                      <a:pt x="3" y="506"/>
                    </a:lnTo>
                    <a:lnTo>
                      <a:pt x="5" y="506"/>
                    </a:lnTo>
                    <a:lnTo>
                      <a:pt x="7" y="507"/>
                    </a:lnTo>
                    <a:lnTo>
                      <a:pt x="5" y="509"/>
                    </a:lnTo>
                    <a:lnTo>
                      <a:pt x="5" y="512"/>
                    </a:lnTo>
                    <a:lnTo>
                      <a:pt x="5" y="514"/>
                    </a:lnTo>
                    <a:lnTo>
                      <a:pt x="3" y="517"/>
                    </a:lnTo>
                    <a:lnTo>
                      <a:pt x="3" y="521"/>
                    </a:lnTo>
                    <a:lnTo>
                      <a:pt x="3" y="523"/>
                    </a:lnTo>
                    <a:lnTo>
                      <a:pt x="3" y="524"/>
                    </a:lnTo>
                    <a:lnTo>
                      <a:pt x="203" y="511"/>
                    </a:lnTo>
                    <a:lnTo>
                      <a:pt x="203" y="534"/>
                    </a:lnTo>
                    <a:lnTo>
                      <a:pt x="201" y="534"/>
                    </a:lnTo>
                    <a:lnTo>
                      <a:pt x="200" y="538"/>
                    </a:lnTo>
                    <a:lnTo>
                      <a:pt x="198" y="543"/>
                    </a:lnTo>
                    <a:lnTo>
                      <a:pt x="196" y="546"/>
                    </a:lnTo>
                    <a:lnTo>
                      <a:pt x="195" y="553"/>
                    </a:lnTo>
                    <a:lnTo>
                      <a:pt x="195" y="558"/>
                    </a:lnTo>
                    <a:lnTo>
                      <a:pt x="198" y="563"/>
                    </a:lnTo>
                    <a:lnTo>
                      <a:pt x="203" y="567"/>
                    </a:lnTo>
                    <a:lnTo>
                      <a:pt x="205" y="568"/>
                    </a:lnTo>
                    <a:lnTo>
                      <a:pt x="208" y="572"/>
                    </a:lnTo>
                    <a:lnTo>
                      <a:pt x="211" y="577"/>
                    </a:lnTo>
                    <a:lnTo>
                      <a:pt x="217" y="583"/>
                    </a:lnTo>
                    <a:lnTo>
                      <a:pt x="220" y="590"/>
                    </a:lnTo>
                    <a:lnTo>
                      <a:pt x="223" y="597"/>
                    </a:lnTo>
                    <a:lnTo>
                      <a:pt x="223" y="605"/>
                    </a:lnTo>
                    <a:lnTo>
                      <a:pt x="222" y="612"/>
                    </a:lnTo>
                    <a:lnTo>
                      <a:pt x="240" y="609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30" name="Group 73"/>
            <p:cNvGrpSpPr>
              <a:grpSpLocks/>
            </p:cNvGrpSpPr>
            <p:nvPr/>
          </p:nvGrpSpPr>
          <p:grpSpPr bwMode="auto">
            <a:xfrm>
              <a:off x="4248" y="2069"/>
              <a:ext cx="436" cy="217"/>
              <a:chOff x="4487" y="1686"/>
              <a:chExt cx="448" cy="223"/>
            </a:xfrm>
          </p:grpSpPr>
          <p:sp>
            <p:nvSpPr>
              <p:cNvPr id="146" name="Freeform 74"/>
              <p:cNvSpPr>
                <a:spLocks/>
              </p:cNvSpPr>
              <p:nvPr/>
            </p:nvSpPr>
            <p:spPr bwMode="auto">
              <a:xfrm>
                <a:off x="4487" y="1686"/>
                <a:ext cx="448" cy="223"/>
              </a:xfrm>
              <a:custGeom>
                <a:avLst/>
                <a:gdLst>
                  <a:gd name="T0" fmla="*/ 249 w 448"/>
                  <a:gd name="T1" fmla="*/ 155 h 223"/>
                  <a:gd name="T2" fmla="*/ 238 w 448"/>
                  <a:gd name="T3" fmla="*/ 189 h 223"/>
                  <a:gd name="T4" fmla="*/ 252 w 448"/>
                  <a:gd name="T5" fmla="*/ 186 h 223"/>
                  <a:gd name="T6" fmla="*/ 264 w 448"/>
                  <a:gd name="T7" fmla="*/ 188 h 223"/>
                  <a:gd name="T8" fmla="*/ 284 w 448"/>
                  <a:gd name="T9" fmla="*/ 201 h 223"/>
                  <a:gd name="T10" fmla="*/ 330 w 448"/>
                  <a:gd name="T11" fmla="*/ 215 h 223"/>
                  <a:gd name="T12" fmla="*/ 299 w 448"/>
                  <a:gd name="T13" fmla="*/ 179 h 223"/>
                  <a:gd name="T14" fmla="*/ 308 w 448"/>
                  <a:gd name="T15" fmla="*/ 177 h 223"/>
                  <a:gd name="T16" fmla="*/ 316 w 448"/>
                  <a:gd name="T17" fmla="*/ 172 h 223"/>
                  <a:gd name="T18" fmla="*/ 299 w 448"/>
                  <a:gd name="T19" fmla="*/ 142 h 223"/>
                  <a:gd name="T20" fmla="*/ 299 w 448"/>
                  <a:gd name="T21" fmla="*/ 111 h 223"/>
                  <a:gd name="T22" fmla="*/ 291 w 448"/>
                  <a:gd name="T23" fmla="*/ 81 h 223"/>
                  <a:gd name="T24" fmla="*/ 301 w 448"/>
                  <a:gd name="T25" fmla="*/ 66 h 223"/>
                  <a:gd name="T26" fmla="*/ 301 w 448"/>
                  <a:gd name="T27" fmla="*/ 52 h 223"/>
                  <a:gd name="T28" fmla="*/ 308 w 448"/>
                  <a:gd name="T29" fmla="*/ 61 h 223"/>
                  <a:gd name="T30" fmla="*/ 321 w 448"/>
                  <a:gd name="T31" fmla="*/ 42 h 223"/>
                  <a:gd name="T32" fmla="*/ 320 w 448"/>
                  <a:gd name="T33" fmla="*/ 28 h 223"/>
                  <a:gd name="T34" fmla="*/ 331 w 448"/>
                  <a:gd name="T35" fmla="*/ 27 h 223"/>
                  <a:gd name="T36" fmla="*/ 337 w 448"/>
                  <a:gd name="T37" fmla="*/ 32 h 223"/>
                  <a:gd name="T38" fmla="*/ 331 w 448"/>
                  <a:gd name="T39" fmla="*/ 44 h 223"/>
                  <a:gd name="T40" fmla="*/ 316 w 448"/>
                  <a:gd name="T41" fmla="*/ 72 h 223"/>
                  <a:gd name="T42" fmla="*/ 326 w 448"/>
                  <a:gd name="T43" fmla="*/ 83 h 223"/>
                  <a:gd name="T44" fmla="*/ 335 w 448"/>
                  <a:gd name="T45" fmla="*/ 76 h 223"/>
                  <a:gd name="T46" fmla="*/ 326 w 448"/>
                  <a:gd name="T47" fmla="*/ 91 h 223"/>
                  <a:gd name="T48" fmla="*/ 325 w 448"/>
                  <a:gd name="T49" fmla="*/ 110 h 223"/>
                  <a:gd name="T50" fmla="*/ 320 w 448"/>
                  <a:gd name="T51" fmla="*/ 127 h 223"/>
                  <a:gd name="T52" fmla="*/ 340 w 448"/>
                  <a:gd name="T53" fmla="*/ 145 h 223"/>
                  <a:gd name="T54" fmla="*/ 325 w 448"/>
                  <a:gd name="T55" fmla="*/ 150 h 223"/>
                  <a:gd name="T56" fmla="*/ 335 w 448"/>
                  <a:gd name="T57" fmla="*/ 157 h 223"/>
                  <a:gd name="T58" fmla="*/ 337 w 448"/>
                  <a:gd name="T59" fmla="*/ 176 h 223"/>
                  <a:gd name="T60" fmla="*/ 348 w 448"/>
                  <a:gd name="T61" fmla="*/ 182 h 223"/>
                  <a:gd name="T62" fmla="*/ 360 w 448"/>
                  <a:gd name="T63" fmla="*/ 186 h 223"/>
                  <a:gd name="T64" fmla="*/ 355 w 448"/>
                  <a:gd name="T65" fmla="*/ 176 h 223"/>
                  <a:gd name="T66" fmla="*/ 364 w 448"/>
                  <a:gd name="T67" fmla="*/ 177 h 223"/>
                  <a:gd name="T68" fmla="*/ 372 w 448"/>
                  <a:gd name="T69" fmla="*/ 181 h 223"/>
                  <a:gd name="T70" fmla="*/ 369 w 448"/>
                  <a:gd name="T71" fmla="*/ 198 h 223"/>
                  <a:gd name="T72" fmla="*/ 382 w 448"/>
                  <a:gd name="T73" fmla="*/ 194 h 223"/>
                  <a:gd name="T74" fmla="*/ 381 w 448"/>
                  <a:gd name="T75" fmla="*/ 211 h 223"/>
                  <a:gd name="T76" fmla="*/ 387 w 448"/>
                  <a:gd name="T77" fmla="*/ 223 h 223"/>
                  <a:gd name="T78" fmla="*/ 409 w 448"/>
                  <a:gd name="T79" fmla="*/ 206 h 223"/>
                  <a:gd name="T80" fmla="*/ 440 w 448"/>
                  <a:gd name="T81" fmla="*/ 145 h 223"/>
                  <a:gd name="T82" fmla="*/ 441 w 448"/>
                  <a:gd name="T83" fmla="*/ 172 h 223"/>
                  <a:gd name="T84" fmla="*/ 435 w 448"/>
                  <a:gd name="T85" fmla="*/ 203 h 223"/>
                  <a:gd name="T86" fmla="*/ 433 w 448"/>
                  <a:gd name="T87" fmla="*/ 215 h 223"/>
                  <a:gd name="T88" fmla="*/ 436 w 448"/>
                  <a:gd name="T89" fmla="*/ 213 h 223"/>
                  <a:gd name="T90" fmla="*/ 447 w 448"/>
                  <a:gd name="T91" fmla="*/ 179 h 223"/>
                  <a:gd name="T92" fmla="*/ 448 w 448"/>
                  <a:gd name="T93" fmla="*/ 144 h 223"/>
                  <a:gd name="T94" fmla="*/ 0 w 448"/>
                  <a:gd name="T95" fmla="*/ 66 h 223"/>
                  <a:gd name="T96" fmla="*/ 52 w 448"/>
                  <a:gd name="T97" fmla="*/ 94 h 223"/>
                  <a:gd name="T98" fmla="*/ 84 w 448"/>
                  <a:gd name="T99" fmla="*/ 74 h 223"/>
                  <a:gd name="T100" fmla="*/ 111 w 448"/>
                  <a:gd name="T101" fmla="*/ 54 h 223"/>
                  <a:gd name="T102" fmla="*/ 147 w 448"/>
                  <a:gd name="T103" fmla="*/ 56 h 223"/>
                  <a:gd name="T104" fmla="*/ 159 w 448"/>
                  <a:gd name="T105" fmla="*/ 62 h 223"/>
                  <a:gd name="T106" fmla="*/ 176 w 448"/>
                  <a:gd name="T107" fmla="*/ 88 h 223"/>
                  <a:gd name="T108" fmla="*/ 193 w 448"/>
                  <a:gd name="T109" fmla="*/ 86 h 223"/>
                  <a:gd name="T110" fmla="*/ 198 w 448"/>
                  <a:gd name="T111" fmla="*/ 108 h 223"/>
                  <a:gd name="T112" fmla="*/ 228 w 448"/>
                  <a:gd name="T113" fmla="*/ 115 h 223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448"/>
                  <a:gd name="T172" fmla="*/ 0 h 223"/>
                  <a:gd name="T173" fmla="*/ 448 w 448"/>
                  <a:gd name="T174" fmla="*/ 223 h 223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448" h="223">
                    <a:moveTo>
                      <a:pt x="247" y="115"/>
                    </a:moveTo>
                    <a:lnTo>
                      <a:pt x="260" y="123"/>
                    </a:lnTo>
                    <a:lnTo>
                      <a:pt x="252" y="137"/>
                    </a:lnTo>
                    <a:lnTo>
                      <a:pt x="252" y="145"/>
                    </a:lnTo>
                    <a:lnTo>
                      <a:pt x="252" y="147"/>
                    </a:lnTo>
                    <a:lnTo>
                      <a:pt x="250" y="150"/>
                    </a:lnTo>
                    <a:lnTo>
                      <a:pt x="249" y="155"/>
                    </a:lnTo>
                    <a:lnTo>
                      <a:pt x="245" y="162"/>
                    </a:lnTo>
                    <a:lnTo>
                      <a:pt x="243" y="169"/>
                    </a:lnTo>
                    <a:lnTo>
                      <a:pt x="240" y="176"/>
                    </a:lnTo>
                    <a:lnTo>
                      <a:pt x="238" y="179"/>
                    </a:lnTo>
                    <a:lnTo>
                      <a:pt x="238" y="181"/>
                    </a:lnTo>
                    <a:lnTo>
                      <a:pt x="237" y="186"/>
                    </a:lnTo>
                    <a:lnTo>
                      <a:pt x="238" y="189"/>
                    </a:lnTo>
                    <a:lnTo>
                      <a:pt x="240" y="193"/>
                    </a:lnTo>
                    <a:lnTo>
                      <a:pt x="242" y="193"/>
                    </a:lnTo>
                    <a:lnTo>
                      <a:pt x="243" y="193"/>
                    </a:lnTo>
                    <a:lnTo>
                      <a:pt x="247" y="193"/>
                    </a:lnTo>
                    <a:lnTo>
                      <a:pt x="249" y="191"/>
                    </a:lnTo>
                    <a:lnTo>
                      <a:pt x="250" y="191"/>
                    </a:lnTo>
                    <a:lnTo>
                      <a:pt x="252" y="186"/>
                    </a:lnTo>
                    <a:lnTo>
                      <a:pt x="255" y="182"/>
                    </a:lnTo>
                    <a:lnTo>
                      <a:pt x="257" y="182"/>
                    </a:lnTo>
                    <a:lnTo>
                      <a:pt x="259" y="182"/>
                    </a:lnTo>
                    <a:lnTo>
                      <a:pt x="260" y="184"/>
                    </a:lnTo>
                    <a:lnTo>
                      <a:pt x="262" y="186"/>
                    </a:lnTo>
                    <a:lnTo>
                      <a:pt x="264" y="188"/>
                    </a:lnTo>
                    <a:lnTo>
                      <a:pt x="274" y="201"/>
                    </a:lnTo>
                    <a:lnTo>
                      <a:pt x="277" y="201"/>
                    </a:lnTo>
                    <a:lnTo>
                      <a:pt x="277" y="193"/>
                    </a:lnTo>
                    <a:lnTo>
                      <a:pt x="282" y="193"/>
                    </a:lnTo>
                    <a:lnTo>
                      <a:pt x="282" y="194"/>
                    </a:lnTo>
                    <a:lnTo>
                      <a:pt x="284" y="198"/>
                    </a:lnTo>
                    <a:lnTo>
                      <a:pt x="284" y="201"/>
                    </a:lnTo>
                    <a:lnTo>
                      <a:pt x="286" y="201"/>
                    </a:lnTo>
                    <a:lnTo>
                      <a:pt x="298" y="201"/>
                    </a:lnTo>
                    <a:lnTo>
                      <a:pt x="308" y="203"/>
                    </a:lnTo>
                    <a:lnTo>
                      <a:pt x="316" y="204"/>
                    </a:lnTo>
                    <a:lnTo>
                      <a:pt x="321" y="208"/>
                    </a:lnTo>
                    <a:lnTo>
                      <a:pt x="326" y="211"/>
                    </a:lnTo>
                    <a:lnTo>
                      <a:pt x="330" y="215"/>
                    </a:lnTo>
                    <a:lnTo>
                      <a:pt x="331" y="216"/>
                    </a:lnTo>
                    <a:lnTo>
                      <a:pt x="331" y="218"/>
                    </a:lnTo>
                    <a:lnTo>
                      <a:pt x="335" y="210"/>
                    </a:lnTo>
                    <a:lnTo>
                      <a:pt x="326" y="199"/>
                    </a:lnTo>
                    <a:lnTo>
                      <a:pt x="325" y="191"/>
                    </a:lnTo>
                    <a:lnTo>
                      <a:pt x="313" y="188"/>
                    </a:lnTo>
                    <a:lnTo>
                      <a:pt x="299" y="179"/>
                    </a:lnTo>
                    <a:lnTo>
                      <a:pt x="289" y="171"/>
                    </a:lnTo>
                    <a:lnTo>
                      <a:pt x="291" y="167"/>
                    </a:lnTo>
                    <a:lnTo>
                      <a:pt x="299" y="174"/>
                    </a:lnTo>
                    <a:lnTo>
                      <a:pt x="301" y="174"/>
                    </a:lnTo>
                    <a:lnTo>
                      <a:pt x="303" y="176"/>
                    </a:lnTo>
                    <a:lnTo>
                      <a:pt x="306" y="176"/>
                    </a:lnTo>
                    <a:lnTo>
                      <a:pt x="308" y="177"/>
                    </a:lnTo>
                    <a:lnTo>
                      <a:pt x="316" y="182"/>
                    </a:lnTo>
                    <a:lnTo>
                      <a:pt x="321" y="184"/>
                    </a:lnTo>
                    <a:lnTo>
                      <a:pt x="323" y="182"/>
                    </a:lnTo>
                    <a:lnTo>
                      <a:pt x="323" y="181"/>
                    </a:lnTo>
                    <a:lnTo>
                      <a:pt x="321" y="177"/>
                    </a:lnTo>
                    <a:lnTo>
                      <a:pt x="318" y="176"/>
                    </a:lnTo>
                    <a:lnTo>
                      <a:pt x="316" y="172"/>
                    </a:lnTo>
                    <a:lnTo>
                      <a:pt x="315" y="172"/>
                    </a:lnTo>
                    <a:lnTo>
                      <a:pt x="311" y="167"/>
                    </a:lnTo>
                    <a:lnTo>
                      <a:pt x="308" y="164"/>
                    </a:lnTo>
                    <a:lnTo>
                      <a:pt x="304" y="159"/>
                    </a:lnTo>
                    <a:lnTo>
                      <a:pt x="303" y="154"/>
                    </a:lnTo>
                    <a:lnTo>
                      <a:pt x="299" y="149"/>
                    </a:lnTo>
                    <a:lnTo>
                      <a:pt x="299" y="142"/>
                    </a:lnTo>
                    <a:lnTo>
                      <a:pt x="298" y="137"/>
                    </a:lnTo>
                    <a:lnTo>
                      <a:pt x="298" y="132"/>
                    </a:lnTo>
                    <a:lnTo>
                      <a:pt x="298" y="127"/>
                    </a:lnTo>
                    <a:lnTo>
                      <a:pt x="298" y="122"/>
                    </a:lnTo>
                    <a:lnTo>
                      <a:pt x="298" y="118"/>
                    </a:lnTo>
                    <a:lnTo>
                      <a:pt x="299" y="115"/>
                    </a:lnTo>
                    <a:lnTo>
                      <a:pt x="299" y="111"/>
                    </a:lnTo>
                    <a:lnTo>
                      <a:pt x="299" y="108"/>
                    </a:lnTo>
                    <a:lnTo>
                      <a:pt x="299" y="106"/>
                    </a:lnTo>
                    <a:lnTo>
                      <a:pt x="299" y="98"/>
                    </a:lnTo>
                    <a:lnTo>
                      <a:pt x="296" y="93"/>
                    </a:lnTo>
                    <a:lnTo>
                      <a:pt x="294" y="86"/>
                    </a:lnTo>
                    <a:lnTo>
                      <a:pt x="291" y="81"/>
                    </a:lnTo>
                    <a:lnTo>
                      <a:pt x="287" y="78"/>
                    </a:lnTo>
                    <a:lnTo>
                      <a:pt x="286" y="74"/>
                    </a:lnTo>
                    <a:lnTo>
                      <a:pt x="284" y="72"/>
                    </a:lnTo>
                    <a:lnTo>
                      <a:pt x="282" y="72"/>
                    </a:lnTo>
                    <a:lnTo>
                      <a:pt x="296" y="72"/>
                    </a:lnTo>
                    <a:lnTo>
                      <a:pt x="301" y="67"/>
                    </a:lnTo>
                    <a:lnTo>
                      <a:pt x="301" y="66"/>
                    </a:lnTo>
                    <a:lnTo>
                      <a:pt x="301" y="64"/>
                    </a:lnTo>
                    <a:lnTo>
                      <a:pt x="301" y="61"/>
                    </a:lnTo>
                    <a:lnTo>
                      <a:pt x="301" y="59"/>
                    </a:lnTo>
                    <a:lnTo>
                      <a:pt x="299" y="56"/>
                    </a:lnTo>
                    <a:lnTo>
                      <a:pt x="298" y="52"/>
                    </a:lnTo>
                    <a:lnTo>
                      <a:pt x="299" y="52"/>
                    </a:lnTo>
                    <a:lnTo>
                      <a:pt x="301" y="52"/>
                    </a:lnTo>
                    <a:lnTo>
                      <a:pt x="303" y="52"/>
                    </a:lnTo>
                    <a:lnTo>
                      <a:pt x="303" y="54"/>
                    </a:lnTo>
                    <a:lnTo>
                      <a:pt x="304" y="56"/>
                    </a:lnTo>
                    <a:lnTo>
                      <a:pt x="306" y="59"/>
                    </a:lnTo>
                    <a:lnTo>
                      <a:pt x="306" y="61"/>
                    </a:lnTo>
                    <a:lnTo>
                      <a:pt x="308" y="61"/>
                    </a:lnTo>
                    <a:lnTo>
                      <a:pt x="309" y="59"/>
                    </a:lnTo>
                    <a:lnTo>
                      <a:pt x="309" y="57"/>
                    </a:lnTo>
                    <a:lnTo>
                      <a:pt x="311" y="56"/>
                    </a:lnTo>
                    <a:lnTo>
                      <a:pt x="321" y="42"/>
                    </a:lnTo>
                    <a:lnTo>
                      <a:pt x="320" y="40"/>
                    </a:lnTo>
                    <a:lnTo>
                      <a:pt x="320" y="39"/>
                    </a:lnTo>
                    <a:lnTo>
                      <a:pt x="320" y="35"/>
                    </a:lnTo>
                    <a:lnTo>
                      <a:pt x="320" y="34"/>
                    </a:lnTo>
                    <a:lnTo>
                      <a:pt x="320" y="32"/>
                    </a:lnTo>
                    <a:lnTo>
                      <a:pt x="320" y="28"/>
                    </a:lnTo>
                    <a:lnTo>
                      <a:pt x="325" y="23"/>
                    </a:lnTo>
                    <a:lnTo>
                      <a:pt x="328" y="22"/>
                    </a:lnTo>
                    <a:lnTo>
                      <a:pt x="330" y="20"/>
                    </a:lnTo>
                    <a:lnTo>
                      <a:pt x="331" y="22"/>
                    </a:lnTo>
                    <a:lnTo>
                      <a:pt x="331" y="23"/>
                    </a:lnTo>
                    <a:lnTo>
                      <a:pt x="331" y="25"/>
                    </a:lnTo>
                    <a:lnTo>
                      <a:pt x="331" y="27"/>
                    </a:lnTo>
                    <a:lnTo>
                      <a:pt x="330" y="27"/>
                    </a:lnTo>
                    <a:lnTo>
                      <a:pt x="330" y="32"/>
                    </a:lnTo>
                    <a:lnTo>
                      <a:pt x="330" y="35"/>
                    </a:lnTo>
                    <a:lnTo>
                      <a:pt x="333" y="35"/>
                    </a:lnTo>
                    <a:lnTo>
                      <a:pt x="335" y="34"/>
                    </a:lnTo>
                    <a:lnTo>
                      <a:pt x="337" y="32"/>
                    </a:lnTo>
                    <a:lnTo>
                      <a:pt x="338" y="30"/>
                    </a:lnTo>
                    <a:lnTo>
                      <a:pt x="340" y="30"/>
                    </a:lnTo>
                    <a:lnTo>
                      <a:pt x="338" y="34"/>
                    </a:lnTo>
                    <a:lnTo>
                      <a:pt x="338" y="37"/>
                    </a:lnTo>
                    <a:lnTo>
                      <a:pt x="337" y="39"/>
                    </a:lnTo>
                    <a:lnTo>
                      <a:pt x="333" y="42"/>
                    </a:lnTo>
                    <a:lnTo>
                      <a:pt x="331" y="44"/>
                    </a:lnTo>
                    <a:lnTo>
                      <a:pt x="330" y="45"/>
                    </a:lnTo>
                    <a:lnTo>
                      <a:pt x="330" y="47"/>
                    </a:lnTo>
                    <a:lnTo>
                      <a:pt x="328" y="47"/>
                    </a:lnTo>
                    <a:lnTo>
                      <a:pt x="323" y="52"/>
                    </a:lnTo>
                    <a:lnTo>
                      <a:pt x="320" y="59"/>
                    </a:lnTo>
                    <a:lnTo>
                      <a:pt x="316" y="66"/>
                    </a:lnTo>
                    <a:lnTo>
                      <a:pt x="316" y="72"/>
                    </a:lnTo>
                    <a:lnTo>
                      <a:pt x="316" y="79"/>
                    </a:lnTo>
                    <a:lnTo>
                      <a:pt x="316" y="84"/>
                    </a:lnTo>
                    <a:lnTo>
                      <a:pt x="318" y="88"/>
                    </a:lnTo>
                    <a:lnTo>
                      <a:pt x="318" y="89"/>
                    </a:lnTo>
                    <a:lnTo>
                      <a:pt x="321" y="88"/>
                    </a:lnTo>
                    <a:lnTo>
                      <a:pt x="323" y="86"/>
                    </a:lnTo>
                    <a:lnTo>
                      <a:pt x="326" y="83"/>
                    </a:lnTo>
                    <a:lnTo>
                      <a:pt x="328" y="79"/>
                    </a:lnTo>
                    <a:lnTo>
                      <a:pt x="330" y="76"/>
                    </a:lnTo>
                    <a:lnTo>
                      <a:pt x="331" y="72"/>
                    </a:lnTo>
                    <a:lnTo>
                      <a:pt x="333" y="71"/>
                    </a:lnTo>
                    <a:lnTo>
                      <a:pt x="333" y="69"/>
                    </a:lnTo>
                    <a:lnTo>
                      <a:pt x="335" y="72"/>
                    </a:lnTo>
                    <a:lnTo>
                      <a:pt x="335" y="76"/>
                    </a:lnTo>
                    <a:lnTo>
                      <a:pt x="333" y="79"/>
                    </a:lnTo>
                    <a:lnTo>
                      <a:pt x="331" y="83"/>
                    </a:lnTo>
                    <a:lnTo>
                      <a:pt x="330" y="86"/>
                    </a:lnTo>
                    <a:lnTo>
                      <a:pt x="328" y="88"/>
                    </a:lnTo>
                    <a:lnTo>
                      <a:pt x="328" y="89"/>
                    </a:lnTo>
                    <a:lnTo>
                      <a:pt x="326" y="89"/>
                    </a:lnTo>
                    <a:lnTo>
                      <a:pt x="326" y="91"/>
                    </a:lnTo>
                    <a:lnTo>
                      <a:pt x="326" y="93"/>
                    </a:lnTo>
                    <a:lnTo>
                      <a:pt x="326" y="96"/>
                    </a:lnTo>
                    <a:lnTo>
                      <a:pt x="326" y="100"/>
                    </a:lnTo>
                    <a:lnTo>
                      <a:pt x="326" y="103"/>
                    </a:lnTo>
                    <a:lnTo>
                      <a:pt x="326" y="106"/>
                    </a:lnTo>
                    <a:lnTo>
                      <a:pt x="325" y="110"/>
                    </a:lnTo>
                    <a:lnTo>
                      <a:pt x="320" y="116"/>
                    </a:lnTo>
                    <a:lnTo>
                      <a:pt x="318" y="120"/>
                    </a:lnTo>
                    <a:lnTo>
                      <a:pt x="316" y="123"/>
                    </a:lnTo>
                    <a:lnTo>
                      <a:pt x="316" y="125"/>
                    </a:lnTo>
                    <a:lnTo>
                      <a:pt x="318" y="127"/>
                    </a:lnTo>
                    <a:lnTo>
                      <a:pt x="320" y="127"/>
                    </a:lnTo>
                    <a:lnTo>
                      <a:pt x="330" y="132"/>
                    </a:lnTo>
                    <a:lnTo>
                      <a:pt x="337" y="137"/>
                    </a:lnTo>
                    <a:lnTo>
                      <a:pt x="340" y="140"/>
                    </a:lnTo>
                    <a:lnTo>
                      <a:pt x="342" y="142"/>
                    </a:lnTo>
                    <a:lnTo>
                      <a:pt x="342" y="144"/>
                    </a:lnTo>
                    <a:lnTo>
                      <a:pt x="340" y="145"/>
                    </a:lnTo>
                    <a:lnTo>
                      <a:pt x="338" y="145"/>
                    </a:lnTo>
                    <a:lnTo>
                      <a:pt x="337" y="145"/>
                    </a:lnTo>
                    <a:lnTo>
                      <a:pt x="331" y="145"/>
                    </a:lnTo>
                    <a:lnTo>
                      <a:pt x="328" y="147"/>
                    </a:lnTo>
                    <a:lnTo>
                      <a:pt x="325" y="147"/>
                    </a:lnTo>
                    <a:lnTo>
                      <a:pt x="325" y="149"/>
                    </a:lnTo>
                    <a:lnTo>
                      <a:pt x="325" y="150"/>
                    </a:lnTo>
                    <a:lnTo>
                      <a:pt x="325" y="152"/>
                    </a:lnTo>
                    <a:lnTo>
                      <a:pt x="326" y="152"/>
                    </a:lnTo>
                    <a:lnTo>
                      <a:pt x="333" y="152"/>
                    </a:lnTo>
                    <a:lnTo>
                      <a:pt x="337" y="154"/>
                    </a:lnTo>
                    <a:lnTo>
                      <a:pt x="337" y="155"/>
                    </a:lnTo>
                    <a:lnTo>
                      <a:pt x="335" y="157"/>
                    </a:lnTo>
                    <a:lnTo>
                      <a:pt x="331" y="159"/>
                    </a:lnTo>
                    <a:lnTo>
                      <a:pt x="328" y="160"/>
                    </a:lnTo>
                    <a:lnTo>
                      <a:pt x="326" y="160"/>
                    </a:lnTo>
                    <a:lnTo>
                      <a:pt x="325" y="162"/>
                    </a:lnTo>
                    <a:lnTo>
                      <a:pt x="325" y="166"/>
                    </a:lnTo>
                    <a:lnTo>
                      <a:pt x="335" y="177"/>
                    </a:lnTo>
                    <a:lnTo>
                      <a:pt x="337" y="176"/>
                    </a:lnTo>
                    <a:lnTo>
                      <a:pt x="338" y="176"/>
                    </a:lnTo>
                    <a:lnTo>
                      <a:pt x="340" y="174"/>
                    </a:lnTo>
                    <a:lnTo>
                      <a:pt x="342" y="176"/>
                    </a:lnTo>
                    <a:lnTo>
                      <a:pt x="345" y="177"/>
                    </a:lnTo>
                    <a:lnTo>
                      <a:pt x="347" y="181"/>
                    </a:lnTo>
                    <a:lnTo>
                      <a:pt x="348" y="182"/>
                    </a:lnTo>
                    <a:lnTo>
                      <a:pt x="348" y="184"/>
                    </a:lnTo>
                    <a:lnTo>
                      <a:pt x="350" y="186"/>
                    </a:lnTo>
                    <a:lnTo>
                      <a:pt x="352" y="188"/>
                    </a:lnTo>
                    <a:lnTo>
                      <a:pt x="355" y="188"/>
                    </a:lnTo>
                    <a:lnTo>
                      <a:pt x="359" y="186"/>
                    </a:lnTo>
                    <a:lnTo>
                      <a:pt x="360" y="186"/>
                    </a:lnTo>
                    <a:lnTo>
                      <a:pt x="359" y="184"/>
                    </a:lnTo>
                    <a:lnTo>
                      <a:pt x="359" y="182"/>
                    </a:lnTo>
                    <a:lnTo>
                      <a:pt x="357" y="179"/>
                    </a:lnTo>
                    <a:lnTo>
                      <a:pt x="355" y="176"/>
                    </a:lnTo>
                    <a:lnTo>
                      <a:pt x="357" y="174"/>
                    </a:lnTo>
                    <a:lnTo>
                      <a:pt x="359" y="172"/>
                    </a:lnTo>
                    <a:lnTo>
                      <a:pt x="360" y="171"/>
                    </a:lnTo>
                    <a:lnTo>
                      <a:pt x="362" y="171"/>
                    </a:lnTo>
                    <a:lnTo>
                      <a:pt x="364" y="171"/>
                    </a:lnTo>
                    <a:lnTo>
                      <a:pt x="364" y="177"/>
                    </a:lnTo>
                    <a:lnTo>
                      <a:pt x="364" y="182"/>
                    </a:lnTo>
                    <a:lnTo>
                      <a:pt x="365" y="184"/>
                    </a:lnTo>
                    <a:lnTo>
                      <a:pt x="367" y="186"/>
                    </a:lnTo>
                    <a:lnTo>
                      <a:pt x="369" y="184"/>
                    </a:lnTo>
                    <a:lnTo>
                      <a:pt x="370" y="182"/>
                    </a:lnTo>
                    <a:lnTo>
                      <a:pt x="372" y="182"/>
                    </a:lnTo>
                    <a:lnTo>
                      <a:pt x="372" y="181"/>
                    </a:lnTo>
                    <a:lnTo>
                      <a:pt x="374" y="181"/>
                    </a:lnTo>
                    <a:lnTo>
                      <a:pt x="375" y="182"/>
                    </a:lnTo>
                    <a:lnTo>
                      <a:pt x="377" y="184"/>
                    </a:lnTo>
                    <a:lnTo>
                      <a:pt x="370" y="191"/>
                    </a:lnTo>
                    <a:lnTo>
                      <a:pt x="369" y="194"/>
                    </a:lnTo>
                    <a:lnTo>
                      <a:pt x="369" y="198"/>
                    </a:lnTo>
                    <a:lnTo>
                      <a:pt x="372" y="198"/>
                    </a:lnTo>
                    <a:lnTo>
                      <a:pt x="375" y="196"/>
                    </a:lnTo>
                    <a:lnTo>
                      <a:pt x="379" y="194"/>
                    </a:lnTo>
                    <a:lnTo>
                      <a:pt x="382" y="193"/>
                    </a:lnTo>
                    <a:lnTo>
                      <a:pt x="382" y="194"/>
                    </a:lnTo>
                    <a:lnTo>
                      <a:pt x="382" y="198"/>
                    </a:lnTo>
                    <a:lnTo>
                      <a:pt x="382" y="199"/>
                    </a:lnTo>
                    <a:lnTo>
                      <a:pt x="382" y="203"/>
                    </a:lnTo>
                    <a:lnTo>
                      <a:pt x="382" y="204"/>
                    </a:lnTo>
                    <a:lnTo>
                      <a:pt x="382" y="206"/>
                    </a:lnTo>
                    <a:lnTo>
                      <a:pt x="381" y="211"/>
                    </a:lnTo>
                    <a:lnTo>
                      <a:pt x="381" y="215"/>
                    </a:lnTo>
                    <a:lnTo>
                      <a:pt x="381" y="218"/>
                    </a:lnTo>
                    <a:lnTo>
                      <a:pt x="382" y="220"/>
                    </a:lnTo>
                    <a:lnTo>
                      <a:pt x="384" y="221"/>
                    </a:lnTo>
                    <a:lnTo>
                      <a:pt x="386" y="223"/>
                    </a:lnTo>
                    <a:lnTo>
                      <a:pt x="387" y="223"/>
                    </a:lnTo>
                    <a:lnTo>
                      <a:pt x="394" y="220"/>
                    </a:lnTo>
                    <a:lnTo>
                      <a:pt x="397" y="216"/>
                    </a:lnTo>
                    <a:lnTo>
                      <a:pt x="399" y="215"/>
                    </a:lnTo>
                    <a:lnTo>
                      <a:pt x="403" y="211"/>
                    </a:lnTo>
                    <a:lnTo>
                      <a:pt x="406" y="210"/>
                    </a:lnTo>
                    <a:lnTo>
                      <a:pt x="409" y="206"/>
                    </a:lnTo>
                    <a:lnTo>
                      <a:pt x="413" y="204"/>
                    </a:lnTo>
                    <a:lnTo>
                      <a:pt x="418" y="203"/>
                    </a:lnTo>
                    <a:lnTo>
                      <a:pt x="425" y="203"/>
                    </a:lnTo>
                    <a:lnTo>
                      <a:pt x="430" y="198"/>
                    </a:lnTo>
                    <a:lnTo>
                      <a:pt x="431" y="171"/>
                    </a:lnTo>
                    <a:lnTo>
                      <a:pt x="436" y="171"/>
                    </a:lnTo>
                    <a:lnTo>
                      <a:pt x="440" y="145"/>
                    </a:lnTo>
                    <a:lnTo>
                      <a:pt x="441" y="144"/>
                    </a:lnTo>
                    <a:lnTo>
                      <a:pt x="443" y="144"/>
                    </a:lnTo>
                    <a:lnTo>
                      <a:pt x="443" y="145"/>
                    </a:lnTo>
                    <a:lnTo>
                      <a:pt x="443" y="155"/>
                    </a:lnTo>
                    <a:lnTo>
                      <a:pt x="441" y="164"/>
                    </a:lnTo>
                    <a:lnTo>
                      <a:pt x="441" y="172"/>
                    </a:lnTo>
                    <a:lnTo>
                      <a:pt x="440" y="179"/>
                    </a:lnTo>
                    <a:lnTo>
                      <a:pt x="438" y="184"/>
                    </a:lnTo>
                    <a:lnTo>
                      <a:pt x="438" y="189"/>
                    </a:lnTo>
                    <a:lnTo>
                      <a:pt x="436" y="194"/>
                    </a:lnTo>
                    <a:lnTo>
                      <a:pt x="436" y="198"/>
                    </a:lnTo>
                    <a:lnTo>
                      <a:pt x="435" y="201"/>
                    </a:lnTo>
                    <a:lnTo>
                      <a:pt x="435" y="203"/>
                    </a:lnTo>
                    <a:lnTo>
                      <a:pt x="435" y="204"/>
                    </a:lnTo>
                    <a:lnTo>
                      <a:pt x="433" y="206"/>
                    </a:lnTo>
                    <a:lnTo>
                      <a:pt x="433" y="208"/>
                    </a:lnTo>
                    <a:lnTo>
                      <a:pt x="433" y="210"/>
                    </a:lnTo>
                    <a:lnTo>
                      <a:pt x="433" y="215"/>
                    </a:lnTo>
                    <a:lnTo>
                      <a:pt x="433" y="216"/>
                    </a:lnTo>
                    <a:lnTo>
                      <a:pt x="433" y="218"/>
                    </a:lnTo>
                    <a:lnTo>
                      <a:pt x="435" y="216"/>
                    </a:lnTo>
                    <a:lnTo>
                      <a:pt x="435" y="215"/>
                    </a:lnTo>
                    <a:lnTo>
                      <a:pt x="436" y="215"/>
                    </a:lnTo>
                    <a:lnTo>
                      <a:pt x="436" y="213"/>
                    </a:lnTo>
                    <a:lnTo>
                      <a:pt x="438" y="211"/>
                    </a:lnTo>
                    <a:lnTo>
                      <a:pt x="440" y="206"/>
                    </a:lnTo>
                    <a:lnTo>
                      <a:pt x="441" y="203"/>
                    </a:lnTo>
                    <a:lnTo>
                      <a:pt x="443" y="198"/>
                    </a:lnTo>
                    <a:lnTo>
                      <a:pt x="443" y="191"/>
                    </a:lnTo>
                    <a:lnTo>
                      <a:pt x="445" y="186"/>
                    </a:lnTo>
                    <a:lnTo>
                      <a:pt x="447" y="179"/>
                    </a:lnTo>
                    <a:lnTo>
                      <a:pt x="447" y="172"/>
                    </a:lnTo>
                    <a:lnTo>
                      <a:pt x="447" y="167"/>
                    </a:lnTo>
                    <a:lnTo>
                      <a:pt x="447" y="160"/>
                    </a:lnTo>
                    <a:lnTo>
                      <a:pt x="447" y="155"/>
                    </a:lnTo>
                    <a:lnTo>
                      <a:pt x="448" y="150"/>
                    </a:lnTo>
                    <a:lnTo>
                      <a:pt x="448" y="147"/>
                    </a:lnTo>
                    <a:lnTo>
                      <a:pt x="448" y="144"/>
                    </a:lnTo>
                    <a:lnTo>
                      <a:pt x="448" y="142"/>
                    </a:lnTo>
                    <a:lnTo>
                      <a:pt x="386" y="154"/>
                    </a:lnTo>
                    <a:lnTo>
                      <a:pt x="345" y="0"/>
                    </a:lnTo>
                    <a:lnTo>
                      <a:pt x="0" y="66"/>
                    </a:lnTo>
                    <a:lnTo>
                      <a:pt x="10" y="127"/>
                    </a:lnTo>
                    <a:lnTo>
                      <a:pt x="45" y="94"/>
                    </a:lnTo>
                    <a:lnTo>
                      <a:pt x="45" y="96"/>
                    </a:lnTo>
                    <a:lnTo>
                      <a:pt x="47" y="96"/>
                    </a:lnTo>
                    <a:lnTo>
                      <a:pt x="49" y="96"/>
                    </a:lnTo>
                    <a:lnTo>
                      <a:pt x="52" y="94"/>
                    </a:lnTo>
                    <a:lnTo>
                      <a:pt x="57" y="89"/>
                    </a:lnTo>
                    <a:lnTo>
                      <a:pt x="62" y="83"/>
                    </a:lnTo>
                    <a:lnTo>
                      <a:pt x="69" y="71"/>
                    </a:lnTo>
                    <a:lnTo>
                      <a:pt x="71" y="71"/>
                    </a:lnTo>
                    <a:lnTo>
                      <a:pt x="74" y="72"/>
                    </a:lnTo>
                    <a:lnTo>
                      <a:pt x="79" y="74"/>
                    </a:lnTo>
                    <a:lnTo>
                      <a:pt x="84" y="74"/>
                    </a:lnTo>
                    <a:lnTo>
                      <a:pt x="89" y="74"/>
                    </a:lnTo>
                    <a:lnTo>
                      <a:pt x="96" y="72"/>
                    </a:lnTo>
                    <a:lnTo>
                      <a:pt x="101" y="67"/>
                    </a:lnTo>
                    <a:lnTo>
                      <a:pt x="106" y="61"/>
                    </a:lnTo>
                    <a:lnTo>
                      <a:pt x="108" y="59"/>
                    </a:lnTo>
                    <a:lnTo>
                      <a:pt x="108" y="57"/>
                    </a:lnTo>
                    <a:lnTo>
                      <a:pt x="111" y="54"/>
                    </a:lnTo>
                    <a:lnTo>
                      <a:pt x="115" y="52"/>
                    </a:lnTo>
                    <a:lnTo>
                      <a:pt x="120" y="50"/>
                    </a:lnTo>
                    <a:lnTo>
                      <a:pt x="125" y="50"/>
                    </a:lnTo>
                    <a:lnTo>
                      <a:pt x="133" y="52"/>
                    </a:lnTo>
                    <a:lnTo>
                      <a:pt x="144" y="56"/>
                    </a:lnTo>
                    <a:lnTo>
                      <a:pt x="145" y="56"/>
                    </a:lnTo>
                    <a:lnTo>
                      <a:pt x="147" y="56"/>
                    </a:lnTo>
                    <a:lnTo>
                      <a:pt x="149" y="56"/>
                    </a:lnTo>
                    <a:lnTo>
                      <a:pt x="150" y="56"/>
                    </a:lnTo>
                    <a:lnTo>
                      <a:pt x="154" y="56"/>
                    </a:lnTo>
                    <a:lnTo>
                      <a:pt x="155" y="56"/>
                    </a:lnTo>
                    <a:lnTo>
                      <a:pt x="157" y="56"/>
                    </a:lnTo>
                    <a:lnTo>
                      <a:pt x="159" y="62"/>
                    </a:lnTo>
                    <a:lnTo>
                      <a:pt x="161" y="64"/>
                    </a:lnTo>
                    <a:lnTo>
                      <a:pt x="164" y="66"/>
                    </a:lnTo>
                    <a:lnTo>
                      <a:pt x="167" y="69"/>
                    </a:lnTo>
                    <a:lnTo>
                      <a:pt x="171" y="72"/>
                    </a:lnTo>
                    <a:lnTo>
                      <a:pt x="174" y="78"/>
                    </a:lnTo>
                    <a:lnTo>
                      <a:pt x="176" y="83"/>
                    </a:lnTo>
                    <a:lnTo>
                      <a:pt x="176" y="88"/>
                    </a:lnTo>
                    <a:lnTo>
                      <a:pt x="172" y="93"/>
                    </a:lnTo>
                    <a:lnTo>
                      <a:pt x="174" y="91"/>
                    </a:lnTo>
                    <a:lnTo>
                      <a:pt x="176" y="89"/>
                    </a:lnTo>
                    <a:lnTo>
                      <a:pt x="179" y="89"/>
                    </a:lnTo>
                    <a:lnTo>
                      <a:pt x="184" y="88"/>
                    </a:lnTo>
                    <a:lnTo>
                      <a:pt x="188" y="86"/>
                    </a:lnTo>
                    <a:lnTo>
                      <a:pt x="193" y="86"/>
                    </a:lnTo>
                    <a:lnTo>
                      <a:pt x="196" y="89"/>
                    </a:lnTo>
                    <a:lnTo>
                      <a:pt x="199" y="93"/>
                    </a:lnTo>
                    <a:lnTo>
                      <a:pt x="199" y="94"/>
                    </a:lnTo>
                    <a:lnTo>
                      <a:pt x="198" y="98"/>
                    </a:lnTo>
                    <a:lnTo>
                      <a:pt x="198" y="100"/>
                    </a:lnTo>
                    <a:lnTo>
                      <a:pt x="198" y="103"/>
                    </a:lnTo>
                    <a:lnTo>
                      <a:pt x="198" y="108"/>
                    </a:lnTo>
                    <a:lnTo>
                      <a:pt x="203" y="110"/>
                    </a:lnTo>
                    <a:lnTo>
                      <a:pt x="210" y="113"/>
                    </a:lnTo>
                    <a:lnTo>
                      <a:pt x="221" y="113"/>
                    </a:lnTo>
                    <a:lnTo>
                      <a:pt x="223" y="113"/>
                    </a:lnTo>
                    <a:lnTo>
                      <a:pt x="227" y="115"/>
                    </a:lnTo>
                    <a:lnTo>
                      <a:pt x="228" y="115"/>
                    </a:lnTo>
                    <a:lnTo>
                      <a:pt x="230" y="116"/>
                    </a:lnTo>
                    <a:lnTo>
                      <a:pt x="233" y="118"/>
                    </a:lnTo>
                    <a:lnTo>
                      <a:pt x="237" y="120"/>
                    </a:lnTo>
                    <a:lnTo>
                      <a:pt x="240" y="122"/>
                    </a:lnTo>
                    <a:lnTo>
                      <a:pt x="247" y="11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47" name="Freeform 75"/>
              <p:cNvSpPr>
                <a:spLocks/>
              </p:cNvSpPr>
              <p:nvPr/>
            </p:nvSpPr>
            <p:spPr bwMode="auto">
              <a:xfrm>
                <a:off x="4487" y="1686"/>
                <a:ext cx="448" cy="223"/>
              </a:xfrm>
              <a:custGeom>
                <a:avLst/>
                <a:gdLst>
                  <a:gd name="T0" fmla="*/ 249 w 448"/>
                  <a:gd name="T1" fmla="*/ 155 h 223"/>
                  <a:gd name="T2" fmla="*/ 238 w 448"/>
                  <a:gd name="T3" fmla="*/ 189 h 223"/>
                  <a:gd name="T4" fmla="*/ 252 w 448"/>
                  <a:gd name="T5" fmla="*/ 186 h 223"/>
                  <a:gd name="T6" fmla="*/ 274 w 448"/>
                  <a:gd name="T7" fmla="*/ 201 h 223"/>
                  <a:gd name="T8" fmla="*/ 286 w 448"/>
                  <a:gd name="T9" fmla="*/ 201 h 223"/>
                  <a:gd name="T10" fmla="*/ 331 w 448"/>
                  <a:gd name="T11" fmla="*/ 216 h 223"/>
                  <a:gd name="T12" fmla="*/ 291 w 448"/>
                  <a:gd name="T13" fmla="*/ 167 h 223"/>
                  <a:gd name="T14" fmla="*/ 316 w 448"/>
                  <a:gd name="T15" fmla="*/ 182 h 223"/>
                  <a:gd name="T16" fmla="*/ 315 w 448"/>
                  <a:gd name="T17" fmla="*/ 172 h 223"/>
                  <a:gd name="T18" fmla="*/ 298 w 448"/>
                  <a:gd name="T19" fmla="*/ 132 h 223"/>
                  <a:gd name="T20" fmla="*/ 299 w 448"/>
                  <a:gd name="T21" fmla="*/ 106 h 223"/>
                  <a:gd name="T22" fmla="*/ 284 w 448"/>
                  <a:gd name="T23" fmla="*/ 72 h 223"/>
                  <a:gd name="T24" fmla="*/ 301 w 448"/>
                  <a:gd name="T25" fmla="*/ 59 h 223"/>
                  <a:gd name="T26" fmla="*/ 304 w 448"/>
                  <a:gd name="T27" fmla="*/ 56 h 223"/>
                  <a:gd name="T28" fmla="*/ 309 w 448"/>
                  <a:gd name="T29" fmla="*/ 57 h 223"/>
                  <a:gd name="T30" fmla="*/ 320 w 448"/>
                  <a:gd name="T31" fmla="*/ 35 h 223"/>
                  <a:gd name="T32" fmla="*/ 330 w 448"/>
                  <a:gd name="T33" fmla="*/ 20 h 223"/>
                  <a:gd name="T34" fmla="*/ 330 w 448"/>
                  <a:gd name="T35" fmla="*/ 35 h 223"/>
                  <a:gd name="T36" fmla="*/ 338 w 448"/>
                  <a:gd name="T37" fmla="*/ 34 h 223"/>
                  <a:gd name="T38" fmla="*/ 328 w 448"/>
                  <a:gd name="T39" fmla="*/ 47 h 223"/>
                  <a:gd name="T40" fmla="*/ 318 w 448"/>
                  <a:gd name="T41" fmla="*/ 89 h 223"/>
                  <a:gd name="T42" fmla="*/ 333 w 448"/>
                  <a:gd name="T43" fmla="*/ 71 h 223"/>
                  <a:gd name="T44" fmla="*/ 328 w 448"/>
                  <a:gd name="T45" fmla="*/ 88 h 223"/>
                  <a:gd name="T46" fmla="*/ 326 w 448"/>
                  <a:gd name="T47" fmla="*/ 103 h 223"/>
                  <a:gd name="T48" fmla="*/ 316 w 448"/>
                  <a:gd name="T49" fmla="*/ 125 h 223"/>
                  <a:gd name="T50" fmla="*/ 340 w 448"/>
                  <a:gd name="T51" fmla="*/ 140 h 223"/>
                  <a:gd name="T52" fmla="*/ 328 w 448"/>
                  <a:gd name="T53" fmla="*/ 147 h 223"/>
                  <a:gd name="T54" fmla="*/ 333 w 448"/>
                  <a:gd name="T55" fmla="*/ 152 h 223"/>
                  <a:gd name="T56" fmla="*/ 325 w 448"/>
                  <a:gd name="T57" fmla="*/ 166 h 223"/>
                  <a:gd name="T58" fmla="*/ 342 w 448"/>
                  <a:gd name="T59" fmla="*/ 176 h 223"/>
                  <a:gd name="T60" fmla="*/ 352 w 448"/>
                  <a:gd name="T61" fmla="*/ 188 h 223"/>
                  <a:gd name="T62" fmla="*/ 359 w 448"/>
                  <a:gd name="T63" fmla="*/ 182 h 223"/>
                  <a:gd name="T64" fmla="*/ 362 w 448"/>
                  <a:gd name="T65" fmla="*/ 171 h 223"/>
                  <a:gd name="T66" fmla="*/ 370 w 448"/>
                  <a:gd name="T67" fmla="*/ 182 h 223"/>
                  <a:gd name="T68" fmla="*/ 377 w 448"/>
                  <a:gd name="T69" fmla="*/ 184 h 223"/>
                  <a:gd name="T70" fmla="*/ 382 w 448"/>
                  <a:gd name="T71" fmla="*/ 193 h 223"/>
                  <a:gd name="T72" fmla="*/ 382 w 448"/>
                  <a:gd name="T73" fmla="*/ 206 h 223"/>
                  <a:gd name="T74" fmla="*/ 386 w 448"/>
                  <a:gd name="T75" fmla="*/ 223 h 223"/>
                  <a:gd name="T76" fmla="*/ 403 w 448"/>
                  <a:gd name="T77" fmla="*/ 211 h 223"/>
                  <a:gd name="T78" fmla="*/ 436 w 448"/>
                  <a:gd name="T79" fmla="*/ 171 h 223"/>
                  <a:gd name="T80" fmla="*/ 443 w 448"/>
                  <a:gd name="T81" fmla="*/ 155 h 223"/>
                  <a:gd name="T82" fmla="*/ 435 w 448"/>
                  <a:gd name="T83" fmla="*/ 201 h 223"/>
                  <a:gd name="T84" fmla="*/ 433 w 448"/>
                  <a:gd name="T85" fmla="*/ 210 h 223"/>
                  <a:gd name="T86" fmla="*/ 436 w 448"/>
                  <a:gd name="T87" fmla="*/ 213 h 223"/>
                  <a:gd name="T88" fmla="*/ 447 w 448"/>
                  <a:gd name="T89" fmla="*/ 179 h 223"/>
                  <a:gd name="T90" fmla="*/ 448 w 448"/>
                  <a:gd name="T91" fmla="*/ 142 h 223"/>
                  <a:gd name="T92" fmla="*/ 45 w 448"/>
                  <a:gd name="T93" fmla="*/ 94 h 223"/>
                  <a:gd name="T94" fmla="*/ 62 w 448"/>
                  <a:gd name="T95" fmla="*/ 83 h 223"/>
                  <a:gd name="T96" fmla="*/ 96 w 448"/>
                  <a:gd name="T97" fmla="*/ 72 h 223"/>
                  <a:gd name="T98" fmla="*/ 120 w 448"/>
                  <a:gd name="T99" fmla="*/ 50 h 223"/>
                  <a:gd name="T100" fmla="*/ 150 w 448"/>
                  <a:gd name="T101" fmla="*/ 56 h 223"/>
                  <a:gd name="T102" fmla="*/ 164 w 448"/>
                  <a:gd name="T103" fmla="*/ 66 h 223"/>
                  <a:gd name="T104" fmla="*/ 174 w 448"/>
                  <a:gd name="T105" fmla="*/ 91 h 223"/>
                  <a:gd name="T106" fmla="*/ 199 w 448"/>
                  <a:gd name="T107" fmla="*/ 93 h 223"/>
                  <a:gd name="T108" fmla="*/ 221 w 448"/>
                  <a:gd name="T109" fmla="*/ 113 h 223"/>
                  <a:gd name="T110" fmla="*/ 237 w 448"/>
                  <a:gd name="T111" fmla="*/ 120 h 223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448"/>
                  <a:gd name="T169" fmla="*/ 0 h 223"/>
                  <a:gd name="T170" fmla="*/ 448 w 448"/>
                  <a:gd name="T171" fmla="*/ 223 h 223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448" h="223">
                    <a:moveTo>
                      <a:pt x="247" y="115"/>
                    </a:moveTo>
                    <a:lnTo>
                      <a:pt x="260" y="123"/>
                    </a:lnTo>
                    <a:lnTo>
                      <a:pt x="252" y="137"/>
                    </a:lnTo>
                    <a:lnTo>
                      <a:pt x="252" y="145"/>
                    </a:lnTo>
                    <a:lnTo>
                      <a:pt x="252" y="147"/>
                    </a:lnTo>
                    <a:lnTo>
                      <a:pt x="250" y="150"/>
                    </a:lnTo>
                    <a:lnTo>
                      <a:pt x="249" y="155"/>
                    </a:lnTo>
                    <a:lnTo>
                      <a:pt x="245" y="162"/>
                    </a:lnTo>
                    <a:lnTo>
                      <a:pt x="243" y="169"/>
                    </a:lnTo>
                    <a:lnTo>
                      <a:pt x="240" y="176"/>
                    </a:lnTo>
                    <a:lnTo>
                      <a:pt x="238" y="179"/>
                    </a:lnTo>
                    <a:lnTo>
                      <a:pt x="238" y="181"/>
                    </a:lnTo>
                    <a:lnTo>
                      <a:pt x="237" y="186"/>
                    </a:lnTo>
                    <a:lnTo>
                      <a:pt x="238" y="189"/>
                    </a:lnTo>
                    <a:lnTo>
                      <a:pt x="240" y="193"/>
                    </a:lnTo>
                    <a:lnTo>
                      <a:pt x="242" y="193"/>
                    </a:lnTo>
                    <a:lnTo>
                      <a:pt x="243" y="193"/>
                    </a:lnTo>
                    <a:lnTo>
                      <a:pt x="247" y="193"/>
                    </a:lnTo>
                    <a:lnTo>
                      <a:pt x="249" y="191"/>
                    </a:lnTo>
                    <a:lnTo>
                      <a:pt x="250" y="191"/>
                    </a:lnTo>
                    <a:lnTo>
                      <a:pt x="252" y="186"/>
                    </a:lnTo>
                    <a:lnTo>
                      <a:pt x="255" y="182"/>
                    </a:lnTo>
                    <a:lnTo>
                      <a:pt x="257" y="182"/>
                    </a:lnTo>
                    <a:lnTo>
                      <a:pt x="259" y="182"/>
                    </a:lnTo>
                    <a:lnTo>
                      <a:pt x="260" y="184"/>
                    </a:lnTo>
                    <a:lnTo>
                      <a:pt x="262" y="186"/>
                    </a:lnTo>
                    <a:lnTo>
                      <a:pt x="264" y="188"/>
                    </a:lnTo>
                    <a:lnTo>
                      <a:pt x="274" y="201"/>
                    </a:lnTo>
                    <a:lnTo>
                      <a:pt x="277" y="201"/>
                    </a:lnTo>
                    <a:lnTo>
                      <a:pt x="277" y="193"/>
                    </a:lnTo>
                    <a:lnTo>
                      <a:pt x="282" y="193"/>
                    </a:lnTo>
                    <a:lnTo>
                      <a:pt x="282" y="194"/>
                    </a:lnTo>
                    <a:lnTo>
                      <a:pt x="284" y="198"/>
                    </a:lnTo>
                    <a:lnTo>
                      <a:pt x="284" y="201"/>
                    </a:lnTo>
                    <a:lnTo>
                      <a:pt x="286" y="201"/>
                    </a:lnTo>
                    <a:lnTo>
                      <a:pt x="298" y="201"/>
                    </a:lnTo>
                    <a:lnTo>
                      <a:pt x="308" y="203"/>
                    </a:lnTo>
                    <a:lnTo>
                      <a:pt x="316" y="204"/>
                    </a:lnTo>
                    <a:lnTo>
                      <a:pt x="321" y="208"/>
                    </a:lnTo>
                    <a:lnTo>
                      <a:pt x="326" y="211"/>
                    </a:lnTo>
                    <a:lnTo>
                      <a:pt x="330" y="215"/>
                    </a:lnTo>
                    <a:lnTo>
                      <a:pt x="331" y="216"/>
                    </a:lnTo>
                    <a:lnTo>
                      <a:pt x="331" y="218"/>
                    </a:lnTo>
                    <a:lnTo>
                      <a:pt x="335" y="210"/>
                    </a:lnTo>
                    <a:lnTo>
                      <a:pt x="326" y="199"/>
                    </a:lnTo>
                    <a:lnTo>
                      <a:pt x="325" y="191"/>
                    </a:lnTo>
                    <a:lnTo>
                      <a:pt x="313" y="188"/>
                    </a:lnTo>
                    <a:lnTo>
                      <a:pt x="299" y="179"/>
                    </a:lnTo>
                    <a:lnTo>
                      <a:pt x="289" y="171"/>
                    </a:lnTo>
                    <a:lnTo>
                      <a:pt x="291" y="167"/>
                    </a:lnTo>
                    <a:lnTo>
                      <a:pt x="299" y="174"/>
                    </a:lnTo>
                    <a:lnTo>
                      <a:pt x="301" y="174"/>
                    </a:lnTo>
                    <a:lnTo>
                      <a:pt x="303" y="176"/>
                    </a:lnTo>
                    <a:lnTo>
                      <a:pt x="306" y="176"/>
                    </a:lnTo>
                    <a:lnTo>
                      <a:pt x="308" y="177"/>
                    </a:lnTo>
                    <a:lnTo>
                      <a:pt x="316" y="182"/>
                    </a:lnTo>
                    <a:lnTo>
                      <a:pt x="321" y="184"/>
                    </a:lnTo>
                    <a:lnTo>
                      <a:pt x="323" y="182"/>
                    </a:lnTo>
                    <a:lnTo>
                      <a:pt x="323" y="181"/>
                    </a:lnTo>
                    <a:lnTo>
                      <a:pt x="321" y="177"/>
                    </a:lnTo>
                    <a:lnTo>
                      <a:pt x="318" y="176"/>
                    </a:lnTo>
                    <a:lnTo>
                      <a:pt x="316" y="172"/>
                    </a:lnTo>
                    <a:lnTo>
                      <a:pt x="315" y="172"/>
                    </a:lnTo>
                    <a:lnTo>
                      <a:pt x="311" y="167"/>
                    </a:lnTo>
                    <a:lnTo>
                      <a:pt x="308" y="164"/>
                    </a:lnTo>
                    <a:lnTo>
                      <a:pt x="304" y="159"/>
                    </a:lnTo>
                    <a:lnTo>
                      <a:pt x="303" y="154"/>
                    </a:lnTo>
                    <a:lnTo>
                      <a:pt x="299" y="149"/>
                    </a:lnTo>
                    <a:lnTo>
                      <a:pt x="299" y="142"/>
                    </a:lnTo>
                    <a:lnTo>
                      <a:pt x="298" y="137"/>
                    </a:lnTo>
                    <a:lnTo>
                      <a:pt x="298" y="132"/>
                    </a:lnTo>
                    <a:lnTo>
                      <a:pt x="298" y="127"/>
                    </a:lnTo>
                    <a:lnTo>
                      <a:pt x="298" y="122"/>
                    </a:lnTo>
                    <a:lnTo>
                      <a:pt x="298" y="118"/>
                    </a:lnTo>
                    <a:lnTo>
                      <a:pt x="299" y="115"/>
                    </a:lnTo>
                    <a:lnTo>
                      <a:pt x="299" y="111"/>
                    </a:lnTo>
                    <a:lnTo>
                      <a:pt x="299" y="108"/>
                    </a:lnTo>
                    <a:lnTo>
                      <a:pt x="299" y="106"/>
                    </a:lnTo>
                    <a:lnTo>
                      <a:pt x="299" y="98"/>
                    </a:lnTo>
                    <a:lnTo>
                      <a:pt x="296" y="93"/>
                    </a:lnTo>
                    <a:lnTo>
                      <a:pt x="294" y="86"/>
                    </a:lnTo>
                    <a:lnTo>
                      <a:pt x="291" y="81"/>
                    </a:lnTo>
                    <a:lnTo>
                      <a:pt x="287" y="78"/>
                    </a:lnTo>
                    <a:lnTo>
                      <a:pt x="286" y="74"/>
                    </a:lnTo>
                    <a:lnTo>
                      <a:pt x="284" y="72"/>
                    </a:lnTo>
                    <a:lnTo>
                      <a:pt x="282" y="72"/>
                    </a:lnTo>
                    <a:lnTo>
                      <a:pt x="296" y="72"/>
                    </a:lnTo>
                    <a:lnTo>
                      <a:pt x="301" y="67"/>
                    </a:lnTo>
                    <a:lnTo>
                      <a:pt x="301" y="66"/>
                    </a:lnTo>
                    <a:lnTo>
                      <a:pt x="301" y="64"/>
                    </a:lnTo>
                    <a:lnTo>
                      <a:pt x="301" y="61"/>
                    </a:lnTo>
                    <a:lnTo>
                      <a:pt x="301" y="59"/>
                    </a:lnTo>
                    <a:lnTo>
                      <a:pt x="299" y="56"/>
                    </a:lnTo>
                    <a:lnTo>
                      <a:pt x="298" y="52"/>
                    </a:lnTo>
                    <a:lnTo>
                      <a:pt x="299" y="52"/>
                    </a:lnTo>
                    <a:lnTo>
                      <a:pt x="301" y="52"/>
                    </a:lnTo>
                    <a:lnTo>
                      <a:pt x="303" y="52"/>
                    </a:lnTo>
                    <a:lnTo>
                      <a:pt x="303" y="54"/>
                    </a:lnTo>
                    <a:lnTo>
                      <a:pt x="304" y="56"/>
                    </a:lnTo>
                    <a:lnTo>
                      <a:pt x="306" y="59"/>
                    </a:lnTo>
                    <a:lnTo>
                      <a:pt x="306" y="61"/>
                    </a:lnTo>
                    <a:lnTo>
                      <a:pt x="308" y="61"/>
                    </a:lnTo>
                    <a:lnTo>
                      <a:pt x="309" y="59"/>
                    </a:lnTo>
                    <a:lnTo>
                      <a:pt x="309" y="57"/>
                    </a:lnTo>
                    <a:lnTo>
                      <a:pt x="311" y="56"/>
                    </a:lnTo>
                    <a:lnTo>
                      <a:pt x="321" y="42"/>
                    </a:lnTo>
                    <a:lnTo>
                      <a:pt x="320" y="40"/>
                    </a:lnTo>
                    <a:lnTo>
                      <a:pt x="320" y="39"/>
                    </a:lnTo>
                    <a:lnTo>
                      <a:pt x="320" y="35"/>
                    </a:lnTo>
                    <a:lnTo>
                      <a:pt x="320" y="34"/>
                    </a:lnTo>
                    <a:lnTo>
                      <a:pt x="320" y="32"/>
                    </a:lnTo>
                    <a:lnTo>
                      <a:pt x="320" y="28"/>
                    </a:lnTo>
                    <a:lnTo>
                      <a:pt x="325" y="23"/>
                    </a:lnTo>
                    <a:lnTo>
                      <a:pt x="328" y="22"/>
                    </a:lnTo>
                    <a:lnTo>
                      <a:pt x="330" y="20"/>
                    </a:lnTo>
                    <a:lnTo>
                      <a:pt x="331" y="22"/>
                    </a:lnTo>
                    <a:lnTo>
                      <a:pt x="331" y="23"/>
                    </a:lnTo>
                    <a:lnTo>
                      <a:pt x="331" y="25"/>
                    </a:lnTo>
                    <a:lnTo>
                      <a:pt x="331" y="27"/>
                    </a:lnTo>
                    <a:lnTo>
                      <a:pt x="330" y="27"/>
                    </a:lnTo>
                    <a:lnTo>
                      <a:pt x="330" y="32"/>
                    </a:lnTo>
                    <a:lnTo>
                      <a:pt x="330" y="35"/>
                    </a:lnTo>
                    <a:lnTo>
                      <a:pt x="333" y="35"/>
                    </a:lnTo>
                    <a:lnTo>
                      <a:pt x="335" y="34"/>
                    </a:lnTo>
                    <a:lnTo>
                      <a:pt x="337" y="32"/>
                    </a:lnTo>
                    <a:lnTo>
                      <a:pt x="338" y="30"/>
                    </a:lnTo>
                    <a:lnTo>
                      <a:pt x="340" y="30"/>
                    </a:lnTo>
                    <a:lnTo>
                      <a:pt x="338" y="34"/>
                    </a:lnTo>
                    <a:lnTo>
                      <a:pt x="338" y="37"/>
                    </a:lnTo>
                    <a:lnTo>
                      <a:pt x="337" y="39"/>
                    </a:lnTo>
                    <a:lnTo>
                      <a:pt x="333" y="42"/>
                    </a:lnTo>
                    <a:lnTo>
                      <a:pt x="331" y="44"/>
                    </a:lnTo>
                    <a:lnTo>
                      <a:pt x="330" y="45"/>
                    </a:lnTo>
                    <a:lnTo>
                      <a:pt x="330" y="47"/>
                    </a:lnTo>
                    <a:lnTo>
                      <a:pt x="328" y="47"/>
                    </a:lnTo>
                    <a:lnTo>
                      <a:pt x="323" y="52"/>
                    </a:lnTo>
                    <a:lnTo>
                      <a:pt x="320" y="59"/>
                    </a:lnTo>
                    <a:lnTo>
                      <a:pt x="316" y="66"/>
                    </a:lnTo>
                    <a:lnTo>
                      <a:pt x="316" y="72"/>
                    </a:lnTo>
                    <a:lnTo>
                      <a:pt x="316" y="79"/>
                    </a:lnTo>
                    <a:lnTo>
                      <a:pt x="316" y="84"/>
                    </a:lnTo>
                    <a:lnTo>
                      <a:pt x="318" y="88"/>
                    </a:lnTo>
                    <a:lnTo>
                      <a:pt x="318" y="89"/>
                    </a:lnTo>
                    <a:lnTo>
                      <a:pt x="321" y="88"/>
                    </a:lnTo>
                    <a:lnTo>
                      <a:pt x="323" y="86"/>
                    </a:lnTo>
                    <a:lnTo>
                      <a:pt x="326" y="83"/>
                    </a:lnTo>
                    <a:lnTo>
                      <a:pt x="328" y="79"/>
                    </a:lnTo>
                    <a:lnTo>
                      <a:pt x="330" y="76"/>
                    </a:lnTo>
                    <a:lnTo>
                      <a:pt x="331" y="72"/>
                    </a:lnTo>
                    <a:lnTo>
                      <a:pt x="333" y="71"/>
                    </a:lnTo>
                    <a:lnTo>
                      <a:pt x="333" y="69"/>
                    </a:lnTo>
                    <a:lnTo>
                      <a:pt x="335" y="72"/>
                    </a:lnTo>
                    <a:lnTo>
                      <a:pt x="335" y="76"/>
                    </a:lnTo>
                    <a:lnTo>
                      <a:pt x="333" y="79"/>
                    </a:lnTo>
                    <a:lnTo>
                      <a:pt x="331" y="83"/>
                    </a:lnTo>
                    <a:lnTo>
                      <a:pt x="330" y="86"/>
                    </a:lnTo>
                    <a:lnTo>
                      <a:pt x="328" y="88"/>
                    </a:lnTo>
                    <a:lnTo>
                      <a:pt x="328" y="89"/>
                    </a:lnTo>
                    <a:lnTo>
                      <a:pt x="326" y="89"/>
                    </a:lnTo>
                    <a:lnTo>
                      <a:pt x="326" y="91"/>
                    </a:lnTo>
                    <a:lnTo>
                      <a:pt x="326" y="93"/>
                    </a:lnTo>
                    <a:lnTo>
                      <a:pt x="326" y="96"/>
                    </a:lnTo>
                    <a:lnTo>
                      <a:pt x="326" y="100"/>
                    </a:lnTo>
                    <a:lnTo>
                      <a:pt x="326" y="103"/>
                    </a:lnTo>
                    <a:lnTo>
                      <a:pt x="326" y="106"/>
                    </a:lnTo>
                    <a:lnTo>
                      <a:pt x="325" y="110"/>
                    </a:lnTo>
                    <a:lnTo>
                      <a:pt x="320" y="116"/>
                    </a:lnTo>
                    <a:lnTo>
                      <a:pt x="318" y="120"/>
                    </a:lnTo>
                    <a:lnTo>
                      <a:pt x="316" y="123"/>
                    </a:lnTo>
                    <a:lnTo>
                      <a:pt x="316" y="125"/>
                    </a:lnTo>
                    <a:lnTo>
                      <a:pt x="318" y="127"/>
                    </a:lnTo>
                    <a:lnTo>
                      <a:pt x="320" y="127"/>
                    </a:lnTo>
                    <a:lnTo>
                      <a:pt x="330" y="132"/>
                    </a:lnTo>
                    <a:lnTo>
                      <a:pt x="337" y="137"/>
                    </a:lnTo>
                    <a:lnTo>
                      <a:pt x="340" y="140"/>
                    </a:lnTo>
                    <a:lnTo>
                      <a:pt x="342" y="142"/>
                    </a:lnTo>
                    <a:lnTo>
                      <a:pt x="342" y="144"/>
                    </a:lnTo>
                    <a:lnTo>
                      <a:pt x="340" y="145"/>
                    </a:lnTo>
                    <a:lnTo>
                      <a:pt x="338" y="145"/>
                    </a:lnTo>
                    <a:lnTo>
                      <a:pt x="337" y="145"/>
                    </a:lnTo>
                    <a:lnTo>
                      <a:pt x="331" y="145"/>
                    </a:lnTo>
                    <a:lnTo>
                      <a:pt x="328" y="147"/>
                    </a:lnTo>
                    <a:lnTo>
                      <a:pt x="325" y="147"/>
                    </a:lnTo>
                    <a:lnTo>
                      <a:pt x="325" y="149"/>
                    </a:lnTo>
                    <a:lnTo>
                      <a:pt x="325" y="150"/>
                    </a:lnTo>
                    <a:lnTo>
                      <a:pt x="325" y="152"/>
                    </a:lnTo>
                    <a:lnTo>
                      <a:pt x="326" y="152"/>
                    </a:lnTo>
                    <a:lnTo>
                      <a:pt x="333" y="152"/>
                    </a:lnTo>
                    <a:lnTo>
                      <a:pt x="337" y="154"/>
                    </a:lnTo>
                    <a:lnTo>
                      <a:pt x="337" y="155"/>
                    </a:lnTo>
                    <a:lnTo>
                      <a:pt x="335" y="157"/>
                    </a:lnTo>
                    <a:lnTo>
                      <a:pt x="331" y="159"/>
                    </a:lnTo>
                    <a:lnTo>
                      <a:pt x="328" y="160"/>
                    </a:lnTo>
                    <a:lnTo>
                      <a:pt x="326" y="160"/>
                    </a:lnTo>
                    <a:lnTo>
                      <a:pt x="325" y="162"/>
                    </a:lnTo>
                    <a:lnTo>
                      <a:pt x="325" y="166"/>
                    </a:lnTo>
                    <a:lnTo>
                      <a:pt x="335" y="177"/>
                    </a:lnTo>
                    <a:lnTo>
                      <a:pt x="337" y="176"/>
                    </a:lnTo>
                    <a:lnTo>
                      <a:pt x="338" y="176"/>
                    </a:lnTo>
                    <a:lnTo>
                      <a:pt x="340" y="174"/>
                    </a:lnTo>
                    <a:lnTo>
                      <a:pt x="342" y="176"/>
                    </a:lnTo>
                    <a:lnTo>
                      <a:pt x="345" y="177"/>
                    </a:lnTo>
                    <a:lnTo>
                      <a:pt x="347" y="181"/>
                    </a:lnTo>
                    <a:lnTo>
                      <a:pt x="348" y="182"/>
                    </a:lnTo>
                    <a:lnTo>
                      <a:pt x="348" y="184"/>
                    </a:lnTo>
                    <a:lnTo>
                      <a:pt x="350" y="186"/>
                    </a:lnTo>
                    <a:lnTo>
                      <a:pt x="352" y="188"/>
                    </a:lnTo>
                    <a:lnTo>
                      <a:pt x="355" y="188"/>
                    </a:lnTo>
                    <a:lnTo>
                      <a:pt x="359" y="186"/>
                    </a:lnTo>
                    <a:lnTo>
                      <a:pt x="360" y="186"/>
                    </a:lnTo>
                    <a:lnTo>
                      <a:pt x="359" y="184"/>
                    </a:lnTo>
                    <a:lnTo>
                      <a:pt x="359" y="182"/>
                    </a:lnTo>
                    <a:lnTo>
                      <a:pt x="357" y="179"/>
                    </a:lnTo>
                    <a:lnTo>
                      <a:pt x="355" y="176"/>
                    </a:lnTo>
                    <a:lnTo>
                      <a:pt x="357" y="174"/>
                    </a:lnTo>
                    <a:lnTo>
                      <a:pt x="359" y="172"/>
                    </a:lnTo>
                    <a:lnTo>
                      <a:pt x="360" y="171"/>
                    </a:lnTo>
                    <a:lnTo>
                      <a:pt x="362" y="171"/>
                    </a:lnTo>
                    <a:lnTo>
                      <a:pt x="364" y="171"/>
                    </a:lnTo>
                    <a:lnTo>
                      <a:pt x="364" y="177"/>
                    </a:lnTo>
                    <a:lnTo>
                      <a:pt x="364" y="182"/>
                    </a:lnTo>
                    <a:lnTo>
                      <a:pt x="365" y="184"/>
                    </a:lnTo>
                    <a:lnTo>
                      <a:pt x="367" y="186"/>
                    </a:lnTo>
                    <a:lnTo>
                      <a:pt x="369" y="184"/>
                    </a:lnTo>
                    <a:lnTo>
                      <a:pt x="370" y="182"/>
                    </a:lnTo>
                    <a:lnTo>
                      <a:pt x="372" y="182"/>
                    </a:lnTo>
                    <a:lnTo>
                      <a:pt x="372" y="181"/>
                    </a:lnTo>
                    <a:lnTo>
                      <a:pt x="374" y="181"/>
                    </a:lnTo>
                    <a:lnTo>
                      <a:pt x="375" y="182"/>
                    </a:lnTo>
                    <a:lnTo>
                      <a:pt x="377" y="184"/>
                    </a:lnTo>
                    <a:lnTo>
                      <a:pt x="370" y="191"/>
                    </a:lnTo>
                    <a:lnTo>
                      <a:pt x="369" y="194"/>
                    </a:lnTo>
                    <a:lnTo>
                      <a:pt x="369" y="198"/>
                    </a:lnTo>
                    <a:lnTo>
                      <a:pt x="372" y="198"/>
                    </a:lnTo>
                    <a:lnTo>
                      <a:pt x="375" y="196"/>
                    </a:lnTo>
                    <a:lnTo>
                      <a:pt x="379" y="194"/>
                    </a:lnTo>
                    <a:lnTo>
                      <a:pt x="382" y="193"/>
                    </a:lnTo>
                    <a:lnTo>
                      <a:pt x="382" y="194"/>
                    </a:lnTo>
                    <a:lnTo>
                      <a:pt x="382" y="198"/>
                    </a:lnTo>
                    <a:lnTo>
                      <a:pt x="382" y="199"/>
                    </a:lnTo>
                    <a:lnTo>
                      <a:pt x="382" y="203"/>
                    </a:lnTo>
                    <a:lnTo>
                      <a:pt x="382" y="204"/>
                    </a:lnTo>
                    <a:lnTo>
                      <a:pt x="382" y="206"/>
                    </a:lnTo>
                    <a:lnTo>
                      <a:pt x="381" y="211"/>
                    </a:lnTo>
                    <a:lnTo>
                      <a:pt x="381" y="215"/>
                    </a:lnTo>
                    <a:lnTo>
                      <a:pt x="381" y="218"/>
                    </a:lnTo>
                    <a:lnTo>
                      <a:pt x="382" y="220"/>
                    </a:lnTo>
                    <a:lnTo>
                      <a:pt x="384" y="221"/>
                    </a:lnTo>
                    <a:lnTo>
                      <a:pt x="386" y="223"/>
                    </a:lnTo>
                    <a:lnTo>
                      <a:pt x="387" y="223"/>
                    </a:lnTo>
                    <a:lnTo>
                      <a:pt x="394" y="220"/>
                    </a:lnTo>
                    <a:lnTo>
                      <a:pt x="397" y="216"/>
                    </a:lnTo>
                    <a:lnTo>
                      <a:pt x="399" y="215"/>
                    </a:lnTo>
                    <a:lnTo>
                      <a:pt x="403" y="211"/>
                    </a:lnTo>
                    <a:lnTo>
                      <a:pt x="406" y="210"/>
                    </a:lnTo>
                    <a:lnTo>
                      <a:pt x="409" y="206"/>
                    </a:lnTo>
                    <a:lnTo>
                      <a:pt x="413" y="204"/>
                    </a:lnTo>
                    <a:lnTo>
                      <a:pt x="418" y="203"/>
                    </a:lnTo>
                    <a:lnTo>
                      <a:pt x="425" y="203"/>
                    </a:lnTo>
                    <a:lnTo>
                      <a:pt x="430" y="198"/>
                    </a:lnTo>
                    <a:lnTo>
                      <a:pt x="431" y="171"/>
                    </a:lnTo>
                    <a:lnTo>
                      <a:pt x="436" y="171"/>
                    </a:lnTo>
                    <a:lnTo>
                      <a:pt x="440" y="145"/>
                    </a:lnTo>
                    <a:lnTo>
                      <a:pt x="441" y="144"/>
                    </a:lnTo>
                    <a:lnTo>
                      <a:pt x="443" y="144"/>
                    </a:lnTo>
                    <a:lnTo>
                      <a:pt x="443" y="145"/>
                    </a:lnTo>
                    <a:lnTo>
                      <a:pt x="443" y="155"/>
                    </a:lnTo>
                    <a:lnTo>
                      <a:pt x="441" y="164"/>
                    </a:lnTo>
                    <a:lnTo>
                      <a:pt x="441" y="172"/>
                    </a:lnTo>
                    <a:lnTo>
                      <a:pt x="440" y="179"/>
                    </a:lnTo>
                    <a:lnTo>
                      <a:pt x="438" y="184"/>
                    </a:lnTo>
                    <a:lnTo>
                      <a:pt x="438" y="189"/>
                    </a:lnTo>
                    <a:lnTo>
                      <a:pt x="436" y="194"/>
                    </a:lnTo>
                    <a:lnTo>
                      <a:pt x="436" y="198"/>
                    </a:lnTo>
                    <a:lnTo>
                      <a:pt x="435" y="201"/>
                    </a:lnTo>
                    <a:lnTo>
                      <a:pt x="435" y="203"/>
                    </a:lnTo>
                    <a:lnTo>
                      <a:pt x="435" y="204"/>
                    </a:lnTo>
                    <a:lnTo>
                      <a:pt x="433" y="206"/>
                    </a:lnTo>
                    <a:lnTo>
                      <a:pt x="433" y="208"/>
                    </a:lnTo>
                    <a:lnTo>
                      <a:pt x="433" y="210"/>
                    </a:lnTo>
                    <a:lnTo>
                      <a:pt x="433" y="215"/>
                    </a:lnTo>
                    <a:lnTo>
                      <a:pt x="433" y="216"/>
                    </a:lnTo>
                    <a:lnTo>
                      <a:pt x="433" y="218"/>
                    </a:lnTo>
                    <a:lnTo>
                      <a:pt x="435" y="216"/>
                    </a:lnTo>
                    <a:lnTo>
                      <a:pt x="435" y="215"/>
                    </a:lnTo>
                    <a:lnTo>
                      <a:pt x="436" y="215"/>
                    </a:lnTo>
                    <a:lnTo>
                      <a:pt x="436" y="213"/>
                    </a:lnTo>
                    <a:lnTo>
                      <a:pt x="438" y="211"/>
                    </a:lnTo>
                    <a:lnTo>
                      <a:pt x="440" y="206"/>
                    </a:lnTo>
                    <a:lnTo>
                      <a:pt x="441" y="203"/>
                    </a:lnTo>
                    <a:lnTo>
                      <a:pt x="443" y="198"/>
                    </a:lnTo>
                    <a:lnTo>
                      <a:pt x="443" y="191"/>
                    </a:lnTo>
                    <a:lnTo>
                      <a:pt x="445" y="186"/>
                    </a:lnTo>
                    <a:lnTo>
                      <a:pt x="447" y="179"/>
                    </a:lnTo>
                    <a:lnTo>
                      <a:pt x="447" y="172"/>
                    </a:lnTo>
                    <a:lnTo>
                      <a:pt x="447" y="167"/>
                    </a:lnTo>
                    <a:lnTo>
                      <a:pt x="447" y="160"/>
                    </a:lnTo>
                    <a:lnTo>
                      <a:pt x="447" y="155"/>
                    </a:lnTo>
                    <a:lnTo>
                      <a:pt x="448" y="150"/>
                    </a:lnTo>
                    <a:lnTo>
                      <a:pt x="448" y="147"/>
                    </a:lnTo>
                    <a:lnTo>
                      <a:pt x="448" y="144"/>
                    </a:lnTo>
                    <a:lnTo>
                      <a:pt x="448" y="142"/>
                    </a:lnTo>
                    <a:lnTo>
                      <a:pt x="386" y="154"/>
                    </a:lnTo>
                    <a:lnTo>
                      <a:pt x="345" y="0"/>
                    </a:lnTo>
                    <a:lnTo>
                      <a:pt x="0" y="66"/>
                    </a:lnTo>
                    <a:lnTo>
                      <a:pt x="10" y="127"/>
                    </a:lnTo>
                    <a:lnTo>
                      <a:pt x="45" y="94"/>
                    </a:lnTo>
                    <a:lnTo>
                      <a:pt x="45" y="96"/>
                    </a:lnTo>
                    <a:lnTo>
                      <a:pt x="47" y="96"/>
                    </a:lnTo>
                    <a:lnTo>
                      <a:pt x="49" y="96"/>
                    </a:lnTo>
                    <a:lnTo>
                      <a:pt x="52" y="94"/>
                    </a:lnTo>
                    <a:lnTo>
                      <a:pt x="57" y="89"/>
                    </a:lnTo>
                    <a:lnTo>
                      <a:pt x="62" y="83"/>
                    </a:lnTo>
                    <a:lnTo>
                      <a:pt x="69" y="71"/>
                    </a:lnTo>
                    <a:lnTo>
                      <a:pt x="71" y="71"/>
                    </a:lnTo>
                    <a:lnTo>
                      <a:pt x="74" y="72"/>
                    </a:lnTo>
                    <a:lnTo>
                      <a:pt x="79" y="74"/>
                    </a:lnTo>
                    <a:lnTo>
                      <a:pt x="84" y="74"/>
                    </a:lnTo>
                    <a:lnTo>
                      <a:pt x="89" y="74"/>
                    </a:lnTo>
                    <a:lnTo>
                      <a:pt x="96" y="72"/>
                    </a:lnTo>
                    <a:lnTo>
                      <a:pt x="101" y="67"/>
                    </a:lnTo>
                    <a:lnTo>
                      <a:pt x="106" y="61"/>
                    </a:lnTo>
                    <a:lnTo>
                      <a:pt x="108" y="59"/>
                    </a:lnTo>
                    <a:lnTo>
                      <a:pt x="108" y="57"/>
                    </a:lnTo>
                    <a:lnTo>
                      <a:pt x="111" y="54"/>
                    </a:lnTo>
                    <a:lnTo>
                      <a:pt x="115" y="52"/>
                    </a:lnTo>
                    <a:lnTo>
                      <a:pt x="120" y="50"/>
                    </a:lnTo>
                    <a:lnTo>
                      <a:pt x="125" y="50"/>
                    </a:lnTo>
                    <a:lnTo>
                      <a:pt x="133" y="52"/>
                    </a:lnTo>
                    <a:lnTo>
                      <a:pt x="144" y="56"/>
                    </a:lnTo>
                    <a:lnTo>
                      <a:pt x="145" y="56"/>
                    </a:lnTo>
                    <a:lnTo>
                      <a:pt x="147" y="56"/>
                    </a:lnTo>
                    <a:lnTo>
                      <a:pt x="149" y="56"/>
                    </a:lnTo>
                    <a:lnTo>
                      <a:pt x="150" y="56"/>
                    </a:lnTo>
                    <a:lnTo>
                      <a:pt x="154" y="56"/>
                    </a:lnTo>
                    <a:lnTo>
                      <a:pt x="155" y="56"/>
                    </a:lnTo>
                    <a:lnTo>
                      <a:pt x="157" y="56"/>
                    </a:lnTo>
                    <a:lnTo>
                      <a:pt x="159" y="62"/>
                    </a:lnTo>
                    <a:lnTo>
                      <a:pt x="161" y="64"/>
                    </a:lnTo>
                    <a:lnTo>
                      <a:pt x="164" y="66"/>
                    </a:lnTo>
                    <a:lnTo>
                      <a:pt x="167" y="69"/>
                    </a:lnTo>
                    <a:lnTo>
                      <a:pt x="171" y="72"/>
                    </a:lnTo>
                    <a:lnTo>
                      <a:pt x="174" y="78"/>
                    </a:lnTo>
                    <a:lnTo>
                      <a:pt x="176" y="83"/>
                    </a:lnTo>
                    <a:lnTo>
                      <a:pt x="176" y="88"/>
                    </a:lnTo>
                    <a:lnTo>
                      <a:pt x="172" y="93"/>
                    </a:lnTo>
                    <a:lnTo>
                      <a:pt x="174" y="91"/>
                    </a:lnTo>
                    <a:lnTo>
                      <a:pt x="176" y="89"/>
                    </a:lnTo>
                    <a:lnTo>
                      <a:pt x="179" y="89"/>
                    </a:lnTo>
                    <a:lnTo>
                      <a:pt x="184" y="88"/>
                    </a:lnTo>
                    <a:lnTo>
                      <a:pt x="188" y="86"/>
                    </a:lnTo>
                    <a:lnTo>
                      <a:pt x="193" y="86"/>
                    </a:lnTo>
                    <a:lnTo>
                      <a:pt x="196" y="89"/>
                    </a:lnTo>
                    <a:lnTo>
                      <a:pt x="199" y="93"/>
                    </a:lnTo>
                    <a:lnTo>
                      <a:pt x="199" y="94"/>
                    </a:lnTo>
                    <a:lnTo>
                      <a:pt x="198" y="98"/>
                    </a:lnTo>
                    <a:lnTo>
                      <a:pt x="198" y="100"/>
                    </a:lnTo>
                    <a:lnTo>
                      <a:pt x="198" y="103"/>
                    </a:lnTo>
                    <a:lnTo>
                      <a:pt x="198" y="108"/>
                    </a:lnTo>
                    <a:lnTo>
                      <a:pt x="203" y="110"/>
                    </a:lnTo>
                    <a:lnTo>
                      <a:pt x="210" y="113"/>
                    </a:lnTo>
                    <a:lnTo>
                      <a:pt x="221" y="113"/>
                    </a:lnTo>
                    <a:lnTo>
                      <a:pt x="223" y="113"/>
                    </a:lnTo>
                    <a:lnTo>
                      <a:pt x="227" y="115"/>
                    </a:lnTo>
                    <a:lnTo>
                      <a:pt x="228" y="115"/>
                    </a:lnTo>
                    <a:lnTo>
                      <a:pt x="230" y="116"/>
                    </a:lnTo>
                    <a:lnTo>
                      <a:pt x="233" y="118"/>
                    </a:lnTo>
                    <a:lnTo>
                      <a:pt x="237" y="120"/>
                    </a:lnTo>
                    <a:lnTo>
                      <a:pt x="240" y="122"/>
                    </a:lnTo>
                    <a:lnTo>
                      <a:pt x="247" y="11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31" name="Group 76"/>
            <p:cNvGrpSpPr>
              <a:grpSpLocks/>
            </p:cNvGrpSpPr>
            <p:nvPr/>
          </p:nvGrpSpPr>
          <p:grpSpPr bwMode="auto">
            <a:xfrm>
              <a:off x="311" y="3378"/>
              <a:ext cx="744" cy="497"/>
              <a:chOff x="439" y="3034"/>
              <a:chExt cx="765" cy="512"/>
            </a:xfrm>
          </p:grpSpPr>
          <p:sp>
            <p:nvSpPr>
              <p:cNvPr id="108" name="Freeform 77"/>
              <p:cNvSpPr>
                <a:spLocks/>
              </p:cNvSpPr>
              <p:nvPr/>
            </p:nvSpPr>
            <p:spPr bwMode="auto">
              <a:xfrm>
                <a:off x="659" y="3034"/>
                <a:ext cx="545" cy="452"/>
              </a:xfrm>
              <a:custGeom>
                <a:avLst/>
                <a:gdLst>
                  <a:gd name="T0" fmla="*/ 543 w 545"/>
                  <a:gd name="T1" fmla="*/ 329 h 452"/>
                  <a:gd name="T2" fmla="*/ 514 w 545"/>
                  <a:gd name="T3" fmla="*/ 312 h 452"/>
                  <a:gd name="T4" fmla="*/ 381 w 545"/>
                  <a:gd name="T5" fmla="*/ 266 h 452"/>
                  <a:gd name="T6" fmla="*/ 347 w 545"/>
                  <a:gd name="T7" fmla="*/ 266 h 452"/>
                  <a:gd name="T8" fmla="*/ 232 w 545"/>
                  <a:gd name="T9" fmla="*/ 17 h 452"/>
                  <a:gd name="T10" fmla="*/ 193 w 545"/>
                  <a:gd name="T11" fmla="*/ 16 h 452"/>
                  <a:gd name="T12" fmla="*/ 173 w 545"/>
                  <a:gd name="T13" fmla="*/ 17 h 452"/>
                  <a:gd name="T14" fmla="*/ 147 w 545"/>
                  <a:gd name="T15" fmla="*/ 9 h 452"/>
                  <a:gd name="T16" fmla="*/ 108 w 545"/>
                  <a:gd name="T17" fmla="*/ 11 h 452"/>
                  <a:gd name="T18" fmla="*/ 86 w 545"/>
                  <a:gd name="T19" fmla="*/ 22 h 452"/>
                  <a:gd name="T20" fmla="*/ 59 w 545"/>
                  <a:gd name="T21" fmla="*/ 46 h 452"/>
                  <a:gd name="T22" fmla="*/ 30 w 545"/>
                  <a:gd name="T23" fmla="*/ 83 h 452"/>
                  <a:gd name="T24" fmla="*/ 63 w 545"/>
                  <a:gd name="T25" fmla="*/ 116 h 452"/>
                  <a:gd name="T26" fmla="*/ 63 w 545"/>
                  <a:gd name="T27" fmla="*/ 122 h 452"/>
                  <a:gd name="T28" fmla="*/ 27 w 545"/>
                  <a:gd name="T29" fmla="*/ 134 h 452"/>
                  <a:gd name="T30" fmla="*/ 8 w 545"/>
                  <a:gd name="T31" fmla="*/ 139 h 452"/>
                  <a:gd name="T32" fmla="*/ 7 w 545"/>
                  <a:gd name="T33" fmla="*/ 165 h 452"/>
                  <a:gd name="T34" fmla="*/ 29 w 545"/>
                  <a:gd name="T35" fmla="*/ 183 h 452"/>
                  <a:gd name="T36" fmla="*/ 78 w 545"/>
                  <a:gd name="T37" fmla="*/ 175 h 452"/>
                  <a:gd name="T38" fmla="*/ 79 w 545"/>
                  <a:gd name="T39" fmla="*/ 205 h 452"/>
                  <a:gd name="T40" fmla="*/ 51 w 545"/>
                  <a:gd name="T41" fmla="*/ 226 h 452"/>
                  <a:gd name="T42" fmla="*/ 30 w 545"/>
                  <a:gd name="T43" fmla="*/ 232 h 452"/>
                  <a:gd name="T44" fmla="*/ 20 w 545"/>
                  <a:gd name="T45" fmla="*/ 248 h 452"/>
                  <a:gd name="T46" fmla="*/ 8 w 545"/>
                  <a:gd name="T47" fmla="*/ 266 h 452"/>
                  <a:gd name="T48" fmla="*/ 20 w 545"/>
                  <a:gd name="T49" fmla="*/ 278 h 452"/>
                  <a:gd name="T50" fmla="*/ 29 w 545"/>
                  <a:gd name="T51" fmla="*/ 303 h 452"/>
                  <a:gd name="T52" fmla="*/ 52 w 545"/>
                  <a:gd name="T53" fmla="*/ 314 h 452"/>
                  <a:gd name="T54" fmla="*/ 61 w 545"/>
                  <a:gd name="T55" fmla="*/ 312 h 452"/>
                  <a:gd name="T56" fmla="*/ 66 w 545"/>
                  <a:gd name="T57" fmla="*/ 336 h 452"/>
                  <a:gd name="T58" fmla="*/ 78 w 545"/>
                  <a:gd name="T59" fmla="*/ 341 h 452"/>
                  <a:gd name="T60" fmla="*/ 91 w 545"/>
                  <a:gd name="T61" fmla="*/ 339 h 452"/>
                  <a:gd name="T62" fmla="*/ 103 w 545"/>
                  <a:gd name="T63" fmla="*/ 352 h 452"/>
                  <a:gd name="T64" fmla="*/ 127 w 545"/>
                  <a:gd name="T65" fmla="*/ 342 h 452"/>
                  <a:gd name="T66" fmla="*/ 127 w 545"/>
                  <a:gd name="T67" fmla="*/ 352 h 452"/>
                  <a:gd name="T68" fmla="*/ 112 w 545"/>
                  <a:gd name="T69" fmla="*/ 391 h 452"/>
                  <a:gd name="T70" fmla="*/ 88 w 545"/>
                  <a:gd name="T71" fmla="*/ 412 h 452"/>
                  <a:gd name="T72" fmla="*/ 78 w 545"/>
                  <a:gd name="T73" fmla="*/ 430 h 452"/>
                  <a:gd name="T74" fmla="*/ 63 w 545"/>
                  <a:gd name="T75" fmla="*/ 425 h 452"/>
                  <a:gd name="T76" fmla="*/ 52 w 545"/>
                  <a:gd name="T77" fmla="*/ 446 h 452"/>
                  <a:gd name="T78" fmla="*/ 68 w 545"/>
                  <a:gd name="T79" fmla="*/ 437 h 452"/>
                  <a:gd name="T80" fmla="*/ 96 w 545"/>
                  <a:gd name="T81" fmla="*/ 434 h 452"/>
                  <a:gd name="T82" fmla="*/ 113 w 545"/>
                  <a:gd name="T83" fmla="*/ 415 h 452"/>
                  <a:gd name="T84" fmla="*/ 144 w 545"/>
                  <a:gd name="T85" fmla="*/ 381 h 452"/>
                  <a:gd name="T86" fmla="*/ 183 w 545"/>
                  <a:gd name="T87" fmla="*/ 339 h 452"/>
                  <a:gd name="T88" fmla="*/ 174 w 545"/>
                  <a:gd name="T89" fmla="*/ 322 h 452"/>
                  <a:gd name="T90" fmla="*/ 220 w 545"/>
                  <a:gd name="T91" fmla="*/ 264 h 452"/>
                  <a:gd name="T92" fmla="*/ 210 w 545"/>
                  <a:gd name="T93" fmla="*/ 298 h 452"/>
                  <a:gd name="T94" fmla="*/ 210 w 545"/>
                  <a:gd name="T95" fmla="*/ 317 h 452"/>
                  <a:gd name="T96" fmla="*/ 237 w 545"/>
                  <a:gd name="T97" fmla="*/ 300 h 452"/>
                  <a:gd name="T98" fmla="*/ 247 w 545"/>
                  <a:gd name="T99" fmla="*/ 286 h 452"/>
                  <a:gd name="T100" fmla="*/ 286 w 545"/>
                  <a:gd name="T101" fmla="*/ 278 h 452"/>
                  <a:gd name="T102" fmla="*/ 357 w 545"/>
                  <a:gd name="T103" fmla="*/ 276 h 452"/>
                  <a:gd name="T104" fmla="*/ 374 w 545"/>
                  <a:gd name="T105" fmla="*/ 280 h 452"/>
                  <a:gd name="T106" fmla="*/ 418 w 545"/>
                  <a:gd name="T107" fmla="*/ 295 h 452"/>
                  <a:gd name="T108" fmla="*/ 425 w 545"/>
                  <a:gd name="T109" fmla="*/ 278 h 452"/>
                  <a:gd name="T110" fmla="*/ 430 w 545"/>
                  <a:gd name="T111" fmla="*/ 264 h 452"/>
                  <a:gd name="T112" fmla="*/ 472 w 545"/>
                  <a:gd name="T113" fmla="*/ 300 h 452"/>
                  <a:gd name="T114" fmla="*/ 509 w 545"/>
                  <a:gd name="T115" fmla="*/ 322 h 452"/>
                  <a:gd name="T116" fmla="*/ 521 w 545"/>
                  <a:gd name="T117" fmla="*/ 322 h 452"/>
                  <a:gd name="T118" fmla="*/ 541 w 545"/>
                  <a:gd name="T119" fmla="*/ 349 h 452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w 545"/>
                  <a:gd name="T181" fmla="*/ 0 h 452"/>
                  <a:gd name="T182" fmla="*/ 545 w 545"/>
                  <a:gd name="T183" fmla="*/ 452 h 452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T180" t="T181" r="T182" b="T183"/>
                <a:pathLst>
                  <a:path w="545" h="452">
                    <a:moveTo>
                      <a:pt x="541" y="349"/>
                    </a:moveTo>
                    <a:lnTo>
                      <a:pt x="541" y="349"/>
                    </a:lnTo>
                    <a:lnTo>
                      <a:pt x="541" y="347"/>
                    </a:lnTo>
                    <a:lnTo>
                      <a:pt x="543" y="346"/>
                    </a:lnTo>
                    <a:lnTo>
                      <a:pt x="543" y="344"/>
                    </a:lnTo>
                    <a:lnTo>
                      <a:pt x="545" y="341"/>
                    </a:lnTo>
                    <a:lnTo>
                      <a:pt x="545" y="339"/>
                    </a:lnTo>
                    <a:lnTo>
                      <a:pt x="545" y="336"/>
                    </a:lnTo>
                    <a:lnTo>
                      <a:pt x="545" y="332"/>
                    </a:lnTo>
                    <a:lnTo>
                      <a:pt x="543" y="329"/>
                    </a:lnTo>
                    <a:lnTo>
                      <a:pt x="541" y="325"/>
                    </a:lnTo>
                    <a:lnTo>
                      <a:pt x="538" y="320"/>
                    </a:lnTo>
                    <a:lnTo>
                      <a:pt x="535" y="317"/>
                    </a:lnTo>
                    <a:lnTo>
                      <a:pt x="533" y="315"/>
                    </a:lnTo>
                    <a:lnTo>
                      <a:pt x="530" y="315"/>
                    </a:lnTo>
                    <a:lnTo>
                      <a:pt x="526" y="314"/>
                    </a:lnTo>
                    <a:lnTo>
                      <a:pt x="523" y="314"/>
                    </a:lnTo>
                    <a:lnTo>
                      <a:pt x="519" y="314"/>
                    </a:lnTo>
                    <a:lnTo>
                      <a:pt x="516" y="312"/>
                    </a:lnTo>
                    <a:lnTo>
                      <a:pt x="514" y="312"/>
                    </a:lnTo>
                    <a:lnTo>
                      <a:pt x="506" y="310"/>
                    </a:lnTo>
                    <a:lnTo>
                      <a:pt x="452" y="271"/>
                    </a:lnTo>
                    <a:lnTo>
                      <a:pt x="435" y="259"/>
                    </a:lnTo>
                    <a:lnTo>
                      <a:pt x="421" y="251"/>
                    </a:lnTo>
                    <a:lnTo>
                      <a:pt x="413" y="263"/>
                    </a:lnTo>
                    <a:lnTo>
                      <a:pt x="413" y="271"/>
                    </a:lnTo>
                    <a:lnTo>
                      <a:pt x="403" y="280"/>
                    </a:lnTo>
                    <a:lnTo>
                      <a:pt x="381" y="266"/>
                    </a:lnTo>
                    <a:lnTo>
                      <a:pt x="379" y="264"/>
                    </a:lnTo>
                    <a:lnTo>
                      <a:pt x="377" y="261"/>
                    </a:lnTo>
                    <a:lnTo>
                      <a:pt x="374" y="259"/>
                    </a:lnTo>
                    <a:lnTo>
                      <a:pt x="369" y="258"/>
                    </a:lnTo>
                    <a:lnTo>
                      <a:pt x="365" y="258"/>
                    </a:lnTo>
                    <a:lnTo>
                      <a:pt x="360" y="259"/>
                    </a:lnTo>
                    <a:lnTo>
                      <a:pt x="355" y="263"/>
                    </a:lnTo>
                    <a:lnTo>
                      <a:pt x="354" y="264"/>
                    </a:lnTo>
                    <a:lnTo>
                      <a:pt x="350" y="264"/>
                    </a:lnTo>
                    <a:lnTo>
                      <a:pt x="347" y="266"/>
                    </a:lnTo>
                    <a:lnTo>
                      <a:pt x="345" y="266"/>
                    </a:lnTo>
                    <a:lnTo>
                      <a:pt x="271" y="17"/>
                    </a:lnTo>
                    <a:lnTo>
                      <a:pt x="269" y="17"/>
                    </a:lnTo>
                    <a:lnTo>
                      <a:pt x="266" y="16"/>
                    </a:lnTo>
                    <a:lnTo>
                      <a:pt x="261" y="14"/>
                    </a:lnTo>
                    <a:lnTo>
                      <a:pt x="255" y="12"/>
                    </a:lnTo>
                    <a:lnTo>
                      <a:pt x="249" y="11"/>
                    </a:lnTo>
                    <a:lnTo>
                      <a:pt x="244" y="12"/>
                    </a:lnTo>
                    <a:lnTo>
                      <a:pt x="237" y="14"/>
                    </a:lnTo>
                    <a:lnTo>
                      <a:pt x="232" y="17"/>
                    </a:lnTo>
                    <a:lnTo>
                      <a:pt x="230" y="17"/>
                    </a:lnTo>
                    <a:lnTo>
                      <a:pt x="225" y="17"/>
                    </a:lnTo>
                    <a:lnTo>
                      <a:pt x="218" y="17"/>
                    </a:lnTo>
                    <a:lnTo>
                      <a:pt x="211" y="17"/>
                    </a:lnTo>
                    <a:lnTo>
                      <a:pt x="205" y="17"/>
                    </a:lnTo>
                    <a:lnTo>
                      <a:pt x="200" y="17"/>
                    </a:lnTo>
                    <a:lnTo>
                      <a:pt x="195" y="16"/>
                    </a:lnTo>
                    <a:lnTo>
                      <a:pt x="193" y="16"/>
                    </a:lnTo>
                    <a:lnTo>
                      <a:pt x="191" y="16"/>
                    </a:lnTo>
                    <a:lnTo>
                      <a:pt x="189" y="16"/>
                    </a:lnTo>
                    <a:lnTo>
                      <a:pt x="188" y="16"/>
                    </a:lnTo>
                    <a:lnTo>
                      <a:pt x="184" y="16"/>
                    </a:lnTo>
                    <a:lnTo>
                      <a:pt x="183" y="16"/>
                    </a:lnTo>
                    <a:lnTo>
                      <a:pt x="181" y="16"/>
                    </a:lnTo>
                    <a:lnTo>
                      <a:pt x="179" y="16"/>
                    </a:lnTo>
                    <a:lnTo>
                      <a:pt x="176" y="17"/>
                    </a:lnTo>
                    <a:lnTo>
                      <a:pt x="173" y="17"/>
                    </a:lnTo>
                    <a:lnTo>
                      <a:pt x="169" y="17"/>
                    </a:lnTo>
                    <a:lnTo>
                      <a:pt x="166" y="16"/>
                    </a:lnTo>
                    <a:lnTo>
                      <a:pt x="162" y="12"/>
                    </a:lnTo>
                    <a:lnTo>
                      <a:pt x="157" y="7"/>
                    </a:lnTo>
                    <a:lnTo>
                      <a:pt x="156" y="7"/>
                    </a:lnTo>
                    <a:lnTo>
                      <a:pt x="154" y="9"/>
                    </a:lnTo>
                    <a:lnTo>
                      <a:pt x="152" y="9"/>
                    </a:lnTo>
                    <a:lnTo>
                      <a:pt x="149" y="9"/>
                    </a:lnTo>
                    <a:lnTo>
                      <a:pt x="147" y="9"/>
                    </a:lnTo>
                    <a:lnTo>
                      <a:pt x="145" y="11"/>
                    </a:lnTo>
                    <a:lnTo>
                      <a:pt x="137" y="2"/>
                    </a:lnTo>
                    <a:lnTo>
                      <a:pt x="130" y="7"/>
                    </a:lnTo>
                    <a:lnTo>
                      <a:pt x="129" y="0"/>
                    </a:lnTo>
                    <a:lnTo>
                      <a:pt x="117" y="0"/>
                    </a:lnTo>
                    <a:lnTo>
                      <a:pt x="110" y="9"/>
                    </a:lnTo>
                    <a:lnTo>
                      <a:pt x="108" y="11"/>
                    </a:lnTo>
                    <a:lnTo>
                      <a:pt x="108" y="12"/>
                    </a:lnTo>
                    <a:lnTo>
                      <a:pt x="107" y="12"/>
                    </a:lnTo>
                    <a:lnTo>
                      <a:pt x="103" y="14"/>
                    </a:lnTo>
                    <a:lnTo>
                      <a:pt x="100" y="14"/>
                    </a:lnTo>
                    <a:lnTo>
                      <a:pt x="95" y="14"/>
                    </a:lnTo>
                    <a:lnTo>
                      <a:pt x="93" y="16"/>
                    </a:lnTo>
                    <a:lnTo>
                      <a:pt x="91" y="17"/>
                    </a:lnTo>
                    <a:lnTo>
                      <a:pt x="90" y="19"/>
                    </a:lnTo>
                    <a:lnTo>
                      <a:pt x="86" y="22"/>
                    </a:lnTo>
                    <a:lnTo>
                      <a:pt x="85" y="24"/>
                    </a:lnTo>
                    <a:lnTo>
                      <a:pt x="83" y="26"/>
                    </a:lnTo>
                    <a:lnTo>
                      <a:pt x="81" y="26"/>
                    </a:lnTo>
                    <a:lnTo>
                      <a:pt x="78" y="26"/>
                    </a:lnTo>
                    <a:lnTo>
                      <a:pt x="74" y="29"/>
                    </a:lnTo>
                    <a:lnTo>
                      <a:pt x="69" y="33"/>
                    </a:lnTo>
                    <a:lnTo>
                      <a:pt x="64" y="38"/>
                    </a:lnTo>
                    <a:lnTo>
                      <a:pt x="59" y="46"/>
                    </a:lnTo>
                    <a:lnTo>
                      <a:pt x="54" y="56"/>
                    </a:lnTo>
                    <a:lnTo>
                      <a:pt x="52" y="58"/>
                    </a:lnTo>
                    <a:lnTo>
                      <a:pt x="51" y="61"/>
                    </a:lnTo>
                    <a:lnTo>
                      <a:pt x="47" y="63"/>
                    </a:lnTo>
                    <a:lnTo>
                      <a:pt x="47" y="65"/>
                    </a:lnTo>
                    <a:lnTo>
                      <a:pt x="30" y="65"/>
                    </a:lnTo>
                    <a:lnTo>
                      <a:pt x="22" y="78"/>
                    </a:lnTo>
                    <a:lnTo>
                      <a:pt x="22" y="80"/>
                    </a:lnTo>
                    <a:lnTo>
                      <a:pt x="25" y="82"/>
                    </a:lnTo>
                    <a:lnTo>
                      <a:pt x="30" y="83"/>
                    </a:lnTo>
                    <a:lnTo>
                      <a:pt x="35" y="87"/>
                    </a:lnTo>
                    <a:lnTo>
                      <a:pt x="42" y="92"/>
                    </a:lnTo>
                    <a:lnTo>
                      <a:pt x="46" y="97"/>
                    </a:lnTo>
                    <a:lnTo>
                      <a:pt x="49" y="105"/>
                    </a:lnTo>
                    <a:lnTo>
                      <a:pt x="51" y="114"/>
                    </a:lnTo>
                    <a:lnTo>
                      <a:pt x="54" y="116"/>
                    </a:lnTo>
                    <a:lnTo>
                      <a:pt x="56" y="116"/>
                    </a:lnTo>
                    <a:lnTo>
                      <a:pt x="59" y="116"/>
                    </a:lnTo>
                    <a:lnTo>
                      <a:pt x="63" y="116"/>
                    </a:lnTo>
                    <a:lnTo>
                      <a:pt x="66" y="116"/>
                    </a:lnTo>
                    <a:lnTo>
                      <a:pt x="68" y="117"/>
                    </a:lnTo>
                    <a:lnTo>
                      <a:pt x="71" y="129"/>
                    </a:lnTo>
                    <a:lnTo>
                      <a:pt x="81" y="129"/>
                    </a:lnTo>
                    <a:lnTo>
                      <a:pt x="79" y="132"/>
                    </a:lnTo>
                    <a:lnTo>
                      <a:pt x="68" y="132"/>
                    </a:lnTo>
                    <a:lnTo>
                      <a:pt x="63" y="122"/>
                    </a:lnTo>
                    <a:lnTo>
                      <a:pt x="59" y="126"/>
                    </a:lnTo>
                    <a:lnTo>
                      <a:pt x="68" y="136"/>
                    </a:lnTo>
                    <a:lnTo>
                      <a:pt x="76" y="138"/>
                    </a:lnTo>
                    <a:lnTo>
                      <a:pt x="68" y="144"/>
                    </a:lnTo>
                    <a:lnTo>
                      <a:pt x="46" y="139"/>
                    </a:lnTo>
                    <a:lnTo>
                      <a:pt x="46" y="127"/>
                    </a:lnTo>
                    <a:lnTo>
                      <a:pt x="27" y="132"/>
                    </a:lnTo>
                    <a:lnTo>
                      <a:pt x="27" y="134"/>
                    </a:lnTo>
                    <a:lnTo>
                      <a:pt x="27" y="138"/>
                    </a:lnTo>
                    <a:lnTo>
                      <a:pt x="27" y="139"/>
                    </a:lnTo>
                    <a:lnTo>
                      <a:pt x="27" y="141"/>
                    </a:lnTo>
                    <a:lnTo>
                      <a:pt x="25" y="141"/>
                    </a:lnTo>
                    <a:lnTo>
                      <a:pt x="22" y="139"/>
                    </a:lnTo>
                    <a:lnTo>
                      <a:pt x="19" y="136"/>
                    </a:lnTo>
                    <a:lnTo>
                      <a:pt x="15" y="138"/>
                    </a:lnTo>
                    <a:lnTo>
                      <a:pt x="12" y="138"/>
                    </a:lnTo>
                    <a:lnTo>
                      <a:pt x="8" y="139"/>
                    </a:lnTo>
                    <a:lnTo>
                      <a:pt x="5" y="143"/>
                    </a:lnTo>
                    <a:lnTo>
                      <a:pt x="2" y="144"/>
                    </a:lnTo>
                    <a:lnTo>
                      <a:pt x="0" y="148"/>
                    </a:lnTo>
                    <a:lnTo>
                      <a:pt x="0" y="151"/>
                    </a:lnTo>
                    <a:lnTo>
                      <a:pt x="0" y="153"/>
                    </a:lnTo>
                    <a:lnTo>
                      <a:pt x="0" y="154"/>
                    </a:lnTo>
                    <a:lnTo>
                      <a:pt x="2" y="156"/>
                    </a:lnTo>
                    <a:lnTo>
                      <a:pt x="3" y="160"/>
                    </a:lnTo>
                    <a:lnTo>
                      <a:pt x="5" y="161"/>
                    </a:lnTo>
                    <a:lnTo>
                      <a:pt x="7" y="165"/>
                    </a:lnTo>
                    <a:lnTo>
                      <a:pt x="8" y="165"/>
                    </a:lnTo>
                    <a:lnTo>
                      <a:pt x="8" y="166"/>
                    </a:lnTo>
                    <a:lnTo>
                      <a:pt x="13" y="171"/>
                    </a:lnTo>
                    <a:lnTo>
                      <a:pt x="13" y="173"/>
                    </a:lnTo>
                    <a:lnTo>
                      <a:pt x="13" y="175"/>
                    </a:lnTo>
                    <a:lnTo>
                      <a:pt x="15" y="178"/>
                    </a:lnTo>
                    <a:lnTo>
                      <a:pt x="17" y="180"/>
                    </a:lnTo>
                    <a:lnTo>
                      <a:pt x="22" y="182"/>
                    </a:lnTo>
                    <a:lnTo>
                      <a:pt x="29" y="183"/>
                    </a:lnTo>
                    <a:lnTo>
                      <a:pt x="39" y="183"/>
                    </a:lnTo>
                    <a:lnTo>
                      <a:pt x="41" y="183"/>
                    </a:lnTo>
                    <a:lnTo>
                      <a:pt x="44" y="185"/>
                    </a:lnTo>
                    <a:lnTo>
                      <a:pt x="47" y="187"/>
                    </a:lnTo>
                    <a:lnTo>
                      <a:pt x="49" y="187"/>
                    </a:lnTo>
                    <a:lnTo>
                      <a:pt x="59" y="187"/>
                    </a:lnTo>
                    <a:lnTo>
                      <a:pt x="71" y="176"/>
                    </a:lnTo>
                    <a:lnTo>
                      <a:pt x="74" y="176"/>
                    </a:lnTo>
                    <a:lnTo>
                      <a:pt x="78" y="175"/>
                    </a:lnTo>
                    <a:lnTo>
                      <a:pt x="81" y="175"/>
                    </a:lnTo>
                    <a:lnTo>
                      <a:pt x="83" y="176"/>
                    </a:lnTo>
                    <a:lnTo>
                      <a:pt x="83" y="178"/>
                    </a:lnTo>
                    <a:lnTo>
                      <a:pt x="81" y="182"/>
                    </a:lnTo>
                    <a:lnTo>
                      <a:pt x="74" y="185"/>
                    </a:lnTo>
                    <a:lnTo>
                      <a:pt x="74" y="187"/>
                    </a:lnTo>
                    <a:lnTo>
                      <a:pt x="76" y="190"/>
                    </a:lnTo>
                    <a:lnTo>
                      <a:pt x="78" y="195"/>
                    </a:lnTo>
                    <a:lnTo>
                      <a:pt x="79" y="200"/>
                    </a:lnTo>
                    <a:lnTo>
                      <a:pt x="79" y="205"/>
                    </a:lnTo>
                    <a:lnTo>
                      <a:pt x="78" y="209"/>
                    </a:lnTo>
                    <a:lnTo>
                      <a:pt x="71" y="212"/>
                    </a:lnTo>
                    <a:lnTo>
                      <a:pt x="63" y="212"/>
                    </a:lnTo>
                    <a:lnTo>
                      <a:pt x="61" y="214"/>
                    </a:lnTo>
                    <a:lnTo>
                      <a:pt x="59" y="214"/>
                    </a:lnTo>
                    <a:lnTo>
                      <a:pt x="57" y="217"/>
                    </a:lnTo>
                    <a:lnTo>
                      <a:pt x="56" y="219"/>
                    </a:lnTo>
                    <a:lnTo>
                      <a:pt x="54" y="220"/>
                    </a:lnTo>
                    <a:lnTo>
                      <a:pt x="52" y="224"/>
                    </a:lnTo>
                    <a:lnTo>
                      <a:pt x="51" y="226"/>
                    </a:lnTo>
                    <a:lnTo>
                      <a:pt x="51" y="224"/>
                    </a:lnTo>
                    <a:lnTo>
                      <a:pt x="47" y="222"/>
                    </a:lnTo>
                    <a:lnTo>
                      <a:pt x="44" y="220"/>
                    </a:lnTo>
                    <a:lnTo>
                      <a:pt x="41" y="220"/>
                    </a:lnTo>
                    <a:lnTo>
                      <a:pt x="35" y="220"/>
                    </a:lnTo>
                    <a:lnTo>
                      <a:pt x="34" y="220"/>
                    </a:lnTo>
                    <a:lnTo>
                      <a:pt x="30" y="224"/>
                    </a:lnTo>
                    <a:lnTo>
                      <a:pt x="30" y="231"/>
                    </a:lnTo>
                    <a:lnTo>
                      <a:pt x="30" y="232"/>
                    </a:lnTo>
                    <a:lnTo>
                      <a:pt x="30" y="234"/>
                    </a:lnTo>
                    <a:lnTo>
                      <a:pt x="30" y="236"/>
                    </a:lnTo>
                    <a:lnTo>
                      <a:pt x="29" y="237"/>
                    </a:lnTo>
                    <a:lnTo>
                      <a:pt x="29" y="239"/>
                    </a:lnTo>
                    <a:lnTo>
                      <a:pt x="27" y="242"/>
                    </a:lnTo>
                    <a:lnTo>
                      <a:pt x="25" y="242"/>
                    </a:lnTo>
                    <a:lnTo>
                      <a:pt x="22" y="242"/>
                    </a:lnTo>
                    <a:lnTo>
                      <a:pt x="22" y="244"/>
                    </a:lnTo>
                    <a:lnTo>
                      <a:pt x="20" y="244"/>
                    </a:lnTo>
                    <a:lnTo>
                      <a:pt x="20" y="248"/>
                    </a:lnTo>
                    <a:lnTo>
                      <a:pt x="19" y="249"/>
                    </a:lnTo>
                    <a:lnTo>
                      <a:pt x="17" y="251"/>
                    </a:lnTo>
                    <a:lnTo>
                      <a:pt x="17" y="254"/>
                    </a:lnTo>
                    <a:lnTo>
                      <a:pt x="17" y="256"/>
                    </a:lnTo>
                    <a:lnTo>
                      <a:pt x="15" y="256"/>
                    </a:lnTo>
                    <a:lnTo>
                      <a:pt x="13" y="258"/>
                    </a:lnTo>
                    <a:lnTo>
                      <a:pt x="12" y="261"/>
                    </a:lnTo>
                    <a:lnTo>
                      <a:pt x="10" y="263"/>
                    </a:lnTo>
                    <a:lnTo>
                      <a:pt x="8" y="266"/>
                    </a:lnTo>
                    <a:lnTo>
                      <a:pt x="10" y="266"/>
                    </a:lnTo>
                    <a:lnTo>
                      <a:pt x="12" y="266"/>
                    </a:lnTo>
                    <a:lnTo>
                      <a:pt x="19" y="264"/>
                    </a:lnTo>
                    <a:lnTo>
                      <a:pt x="19" y="268"/>
                    </a:lnTo>
                    <a:lnTo>
                      <a:pt x="17" y="271"/>
                    </a:lnTo>
                    <a:lnTo>
                      <a:pt x="17" y="273"/>
                    </a:lnTo>
                    <a:lnTo>
                      <a:pt x="19" y="275"/>
                    </a:lnTo>
                    <a:lnTo>
                      <a:pt x="20" y="278"/>
                    </a:lnTo>
                    <a:lnTo>
                      <a:pt x="24" y="280"/>
                    </a:lnTo>
                    <a:lnTo>
                      <a:pt x="27" y="283"/>
                    </a:lnTo>
                    <a:lnTo>
                      <a:pt x="30" y="286"/>
                    </a:lnTo>
                    <a:lnTo>
                      <a:pt x="35" y="288"/>
                    </a:lnTo>
                    <a:lnTo>
                      <a:pt x="41" y="288"/>
                    </a:lnTo>
                    <a:lnTo>
                      <a:pt x="39" y="290"/>
                    </a:lnTo>
                    <a:lnTo>
                      <a:pt x="37" y="292"/>
                    </a:lnTo>
                    <a:lnTo>
                      <a:pt x="34" y="295"/>
                    </a:lnTo>
                    <a:lnTo>
                      <a:pt x="30" y="300"/>
                    </a:lnTo>
                    <a:lnTo>
                      <a:pt x="29" y="303"/>
                    </a:lnTo>
                    <a:lnTo>
                      <a:pt x="27" y="307"/>
                    </a:lnTo>
                    <a:lnTo>
                      <a:pt x="29" y="308"/>
                    </a:lnTo>
                    <a:lnTo>
                      <a:pt x="32" y="310"/>
                    </a:lnTo>
                    <a:lnTo>
                      <a:pt x="34" y="310"/>
                    </a:lnTo>
                    <a:lnTo>
                      <a:pt x="35" y="314"/>
                    </a:lnTo>
                    <a:lnTo>
                      <a:pt x="37" y="317"/>
                    </a:lnTo>
                    <a:lnTo>
                      <a:pt x="41" y="319"/>
                    </a:lnTo>
                    <a:lnTo>
                      <a:pt x="44" y="320"/>
                    </a:lnTo>
                    <a:lnTo>
                      <a:pt x="47" y="319"/>
                    </a:lnTo>
                    <a:lnTo>
                      <a:pt x="52" y="314"/>
                    </a:lnTo>
                    <a:lnTo>
                      <a:pt x="56" y="305"/>
                    </a:lnTo>
                    <a:lnTo>
                      <a:pt x="57" y="303"/>
                    </a:lnTo>
                    <a:lnTo>
                      <a:pt x="59" y="300"/>
                    </a:lnTo>
                    <a:lnTo>
                      <a:pt x="59" y="298"/>
                    </a:lnTo>
                    <a:lnTo>
                      <a:pt x="59" y="300"/>
                    </a:lnTo>
                    <a:lnTo>
                      <a:pt x="59" y="302"/>
                    </a:lnTo>
                    <a:lnTo>
                      <a:pt x="59" y="305"/>
                    </a:lnTo>
                    <a:lnTo>
                      <a:pt x="59" y="308"/>
                    </a:lnTo>
                    <a:lnTo>
                      <a:pt x="61" y="312"/>
                    </a:lnTo>
                    <a:lnTo>
                      <a:pt x="63" y="315"/>
                    </a:lnTo>
                    <a:lnTo>
                      <a:pt x="64" y="319"/>
                    </a:lnTo>
                    <a:lnTo>
                      <a:pt x="68" y="322"/>
                    </a:lnTo>
                    <a:lnTo>
                      <a:pt x="69" y="322"/>
                    </a:lnTo>
                    <a:lnTo>
                      <a:pt x="69" y="324"/>
                    </a:lnTo>
                    <a:lnTo>
                      <a:pt x="69" y="327"/>
                    </a:lnTo>
                    <a:lnTo>
                      <a:pt x="68" y="329"/>
                    </a:lnTo>
                    <a:lnTo>
                      <a:pt x="68" y="332"/>
                    </a:lnTo>
                    <a:lnTo>
                      <a:pt x="66" y="334"/>
                    </a:lnTo>
                    <a:lnTo>
                      <a:pt x="66" y="336"/>
                    </a:lnTo>
                    <a:lnTo>
                      <a:pt x="64" y="346"/>
                    </a:lnTo>
                    <a:lnTo>
                      <a:pt x="64" y="347"/>
                    </a:lnTo>
                    <a:lnTo>
                      <a:pt x="66" y="351"/>
                    </a:lnTo>
                    <a:lnTo>
                      <a:pt x="66" y="352"/>
                    </a:lnTo>
                    <a:lnTo>
                      <a:pt x="68" y="352"/>
                    </a:lnTo>
                    <a:lnTo>
                      <a:pt x="69" y="352"/>
                    </a:lnTo>
                    <a:lnTo>
                      <a:pt x="73" y="349"/>
                    </a:lnTo>
                    <a:lnTo>
                      <a:pt x="78" y="341"/>
                    </a:lnTo>
                    <a:lnTo>
                      <a:pt x="79" y="341"/>
                    </a:lnTo>
                    <a:lnTo>
                      <a:pt x="79" y="339"/>
                    </a:lnTo>
                    <a:lnTo>
                      <a:pt x="79" y="336"/>
                    </a:lnTo>
                    <a:lnTo>
                      <a:pt x="81" y="334"/>
                    </a:lnTo>
                    <a:lnTo>
                      <a:pt x="83" y="336"/>
                    </a:lnTo>
                    <a:lnTo>
                      <a:pt x="86" y="337"/>
                    </a:lnTo>
                    <a:lnTo>
                      <a:pt x="90" y="341"/>
                    </a:lnTo>
                    <a:lnTo>
                      <a:pt x="91" y="341"/>
                    </a:lnTo>
                    <a:lnTo>
                      <a:pt x="91" y="339"/>
                    </a:lnTo>
                    <a:lnTo>
                      <a:pt x="91" y="337"/>
                    </a:lnTo>
                    <a:lnTo>
                      <a:pt x="93" y="336"/>
                    </a:lnTo>
                    <a:lnTo>
                      <a:pt x="93" y="334"/>
                    </a:lnTo>
                    <a:lnTo>
                      <a:pt x="95" y="336"/>
                    </a:lnTo>
                    <a:lnTo>
                      <a:pt x="96" y="337"/>
                    </a:lnTo>
                    <a:lnTo>
                      <a:pt x="98" y="344"/>
                    </a:lnTo>
                    <a:lnTo>
                      <a:pt x="100" y="346"/>
                    </a:lnTo>
                    <a:lnTo>
                      <a:pt x="100" y="347"/>
                    </a:lnTo>
                    <a:lnTo>
                      <a:pt x="101" y="351"/>
                    </a:lnTo>
                    <a:lnTo>
                      <a:pt x="103" y="352"/>
                    </a:lnTo>
                    <a:lnTo>
                      <a:pt x="105" y="354"/>
                    </a:lnTo>
                    <a:lnTo>
                      <a:pt x="107" y="352"/>
                    </a:lnTo>
                    <a:lnTo>
                      <a:pt x="108" y="351"/>
                    </a:lnTo>
                    <a:lnTo>
                      <a:pt x="108" y="344"/>
                    </a:lnTo>
                    <a:lnTo>
                      <a:pt x="110" y="344"/>
                    </a:lnTo>
                    <a:lnTo>
                      <a:pt x="113" y="346"/>
                    </a:lnTo>
                    <a:lnTo>
                      <a:pt x="117" y="346"/>
                    </a:lnTo>
                    <a:lnTo>
                      <a:pt x="122" y="346"/>
                    </a:lnTo>
                    <a:lnTo>
                      <a:pt x="127" y="342"/>
                    </a:lnTo>
                    <a:lnTo>
                      <a:pt x="132" y="337"/>
                    </a:lnTo>
                    <a:lnTo>
                      <a:pt x="139" y="329"/>
                    </a:lnTo>
                    <a:lnTo>
                      <a:pt x="137" y="332"/>
                    </a:lnTo>
                    <a:lnTo>
                      <a:pt x="135" y="336"/>
                    </a:lnTo>
                    <a:lnTo>
                      <a:pt x="134" y="341"/>
                    </a:lnTo>
                    <a:lnTo>
                      <a:pt x="130" y="344"/>
                    </a:lnTo>
                    <a:lnTo>
                      <a:pt x="130" y="347"/>
                    </a:lnTo>
                    <a:lnTo>
                      <a:pt x="129" y="351"/>
                    </a:lnTo>
                    <a:lnTo>
                      <a:pt x="127" y="352"/>
                    </a:lnTo>
                    <a:lnTo>
                      <a:pt x="127" y="358"/>
                    </a:lnTo>
                    <a:lnTo>
                      <a:pt x="125" y="364"/>
                    </a:lnTo>
                    <a:lnTo>
                      <a:pt x="125" y="371"/>
                    </a:lnTo>
                    <a:lnTo>
                      <a:pt x="122" y="378"/>
                    </a:lnTo>
                    <a:lnTo>
                      <a:pt x="120" y="383"/>
                    </a:lnTo>
                    <a:lnTo>
                      <a:pt x="117" y="388"/>
                    </a:lnTo>
                    <a:lnTo>
                      <a:pt x="112" y="390"/>
                    </a:lnTo>
                    <a:lnTo>
                      <a:pt x="112" y="391"/>
                    </a:lnTo>
                    <a:lnTo>
                      <a:pt x="113" y="391"/>
                    </a:lnTo>
                    <a:lnTo>
                      <a:pt x="113" y="393"/>
                    </a:lnTo>
                    <a:lnTo>
                      <a:pt x="112" y="396"/>
                    </a:lnTo>
                    <a:lnTo>
                      <a:pt x="110" y="398"/>
                    </a:lnTo>
                    <a:lnTo>
                      <a:pt x="107" y="402"/>
                    </a:lnTo>
                    <a:lnTo>
                      <a:pt x="100" y="405"/>
                    </a:lnTo>
                    <a:lnTo>
                      <a:pt x="96" y="407"/>
                    </a:lnTo>
                    <a:lnTo>
                      <a:pt x="91" y="408"/>
                    </a:lnTo>
                    <a:lnTo>
                      <a:pt x="88" y="412"/>
                    </a:lnTo>
                    <a:lnTo>
                      <a:pt x="85" y="413"/>
                    </a:lnTo>
                    <a:lnTo>
                      <a:pt x="83" y="418"/>
                    </a:lnTo>
                    <a:lnTo>
                      <a:pt x="83" y="422"/>
                    </a:lnTo>
                    <a:lnTo>
                      <a:pt x="85" y="425"/>
                    </a:lnTo>
                    <a:lnTo>
                      <a:pt x="85" y="427"/>
                    </a:lnTo>
                    <a:lnTo>
                      <a:pt x="85" y="429"/>
                    </a:lnTo>
                    <a:lnTo>
                      <a:pt x="83" y="430"/>
                    </a:lnTo>
                    <a:lnTo>
                      <a:pt x="81" y="430"/>
                    </a:lnTo>
                    <a:lnTo>
                      <a:pt x="79" y="432"/>
                    </a:lnTo>
                    <a:lnTo>
                      <a:pt x="78" y="430"/>
                    </a:lnTo>
                    <a:lnTo>
                      <a:pt x="76" y="429"/>
                    </a:lnTo>
                    <a:lnTo>
                      <a:pt x="76" y="424"/>
                    </a:lnTo>
                    <a:lnTo>
                      <a:pt x="74" y="424"/>
                    </a:lnTo>
                    <a:lnTo>
                      <a:pt x="71" y="424"/>
                    </a:lnTo>
                    <a:lnTo>
                      <a:pt x="69" y="424"/>
                    </a:lnTo>
                    <a:lnTo>
                      <a:pt x="68" y="425"/>
                    </a:lnTo>
                    <a:lnTo>
                      <a:pt x="64" y="425"/>
                    </a:lnTo>
                    <a:lnTo>
                      <a:pt x="63" y="425"/>
                    </a:lnTo>
                    <a:lnTo>
                      <a:pt x="46" y="442"/>
                    </a:lnTo>
                    <a:lnTo>
                      <a:pt x="44" y="442"/>
                    </a:lnTo>
                    <a:lnTo>
                      <a:pt x="44" y="444"/>
                    </a:lnTo>
                    <a:lnTo>
                      <a:pt x="42" y="447"/>
                    </a:lnTo>
                    <a:lnTo>
                      <a:pt x="41" y="449"/>
                    </a:lnTo>
                    <a:lnTo>
                      <a:pt x="41" y="452"/>
                    </a:lnTo>
                    <a:lnTo>
                      <a:pt x="42" y="452"/>
                    </a:lnTo>
                    <a:lnTo>
                      <a:pt x="44" y="451"/>
                    </a:lnTo>
                    <a:lnTo>
                      <a:pt x="51" y="447"/>
                    </a:lnTo>
                    <a:lnTo>
                      <a:pt x="52" y="446"/>
                    </a:lnTo>
                    <a:lnTo>
                      <a:pt x="56" y="444"/>
                    </a:lnTo>
                    <a:lnTo>
                      <a:pt x="57" y="440"/>
                    </a:lnTo>
                    <a:lnTo>
                      <a:pt x="61" y="439"/>
                    </a:lnTo>
                    <a:lnTo>
                      <a:pt x="64" y="435"/>
                    </a:lnTo>
                    <a:lnTo>
                      <a:pt x="66" y="434"/>
                    </a:lnTo>
                    <a:lnTo>
                      <a:pt x="68" y="432"/>
                    </a:lnTo>
                    <a:lnTo>
                      <a:pt x="68" y="434"/>
                    </a:lnTo>
                    <a:lnTo>
                      <a:pt x="68" y="437"/>
                    </a:lnTo>
                    <a:lnTo>
                      <a:pt x="68" y="439"/>
                    </a:lnTo>
                    <a:lnTo>
                      <a:pt x="69" y="440"/>
                    </a:lnTo>
                    <a:lnTo>
                      <a:pt x="73" y="440"/>
                    </a:lnTo>
                    <a:lnTo>
                      <a:pt x="78" y="439"/>
                    </a:lnTo>
                    <a:lnTo>
                      <a:pt x="86" y="434"/>
                    </a:lnTo>
                    <a:lnTo>
                      <a:pt x="88" y="430"/>
                    </a:lnTo>
                    <a:lnTo>
                      <a:pt x="90" y="429"/>
                    </a:lnTo>
                    <a:lnTo>
                      <a:pt x="91" y="429"/>
                    </a:lnTo>
                    <a:lnTo>
                      <a:pt x="95" y="434"/>
                    </a:lnTo>
                    <a:lnTo>
                      <a:pt x="96" y="434"/>
                    </a:lnTo>
                    <a:lnTo>
                      <a:pt x="96" y="432"/>
                    </a:lnTo>
                    <a:lnTo>
                      <a:pt x="96" y="430"/>
                    </a:lnTo>
                    <a:lnTo>
                      <a:pt x="98" y="427"/>
                    </a:lnTo>
                    <a:lnTo>
                      <a:pt x="101" y="424"/>
                    </a:lnTo>
                    <a:lnTo>
                      <a:pt x="105" y="422"/>
                    </a:lnTo>
                    <a:lnTo>
                      <a:pt x="110" y="420"/>
                    </a:lnTo>
                    <a:lnTo>
                      <a:pt x="117" y="420"/>
                    </a:lnTo>
                    <a:lnTo>
                      <a:pt x="117" y="418"/>
                    </a:lnTo>
                    <a:lnTo>
                      <a:pt x="115" y="418"/>
                    </a:lnTo>
                    <a:lnTo>
                      <a:pt x="113" y="415"/>
                    </a:lnTo>
                    <a:lnTo>
                      <a:pt x="113" y="413"/>
                    </a:lnTo>
                    <a:lnTo>
                      <a:pt x="115" y="408"/>
                    </a:lnTo>
                    <a:lnTo>
                      <a:pt x="120" y="405"/>
                    </a:lnTo>
                    <a:lnTo>
                      <a:pt x="127" y="398"/>
                    </a:lnTo>
                    <a:lnTo>
                      <a:pt x="139" y="391"/>
                    </a:lnTo>
                    <a:lnTo>
                      <a:pt x="140" y="391"/>
                    </a:lnTo>
                    <a:lnTo>
                      <a:pt x="139" y="390"/>
                    </a:lnTo>
                    <a:lnTo>
                      <a:pt x="139" y="388"/>
                    </a:lnTo>
                    <a:lnTo>
                      <a:pt x="140" y="385"/>
                    </a:lnTo>
                    <a:lnTo>
                      <a:pt x="144" y="381"/>
                    </a:lnTo>
                    <a:lnTo>
                      <a:pt x="151" y="374"/>
                    </a:lnTo>
                    <a:lnTo>
                      <a:pt x="161" y="366"/>
                    </a:lnTo>
                    <a:lnTo>
                      <a:pt x="174" y="354"/>
                    </a:lnTo>
                    <a:lnTo>
                      <a:pt x="176" y="352"/>
                    </a:lnTo>
                    <a:lnTo>
                      <a:pt x="178" y="347"/>
                    </a:lnTo>
                    <a:lnTo>
                      <a:pt x="178" y="344"/>
                    </a:lnTo>
                    <a:lnTo>
                      <a:pt x="179" y="342"/>
                    </a:lnTo>
                    <a:lnTo>
                      <a:pt x="181" y="341"/>
                    </a:lnTo>
                    <a:lnTo>
                      <a:pt x="183" y="339"/>
                    </a:lnTo>
                    <a:lnTo>
                      <a:pt x="183" y="337"/>
                    </a:lnTo>
                    <a:lnTo>
                      <a:pt x="184" y="336"/>
                    </a:lnTo>
                    <a:lnTo>
                      <a:pt x="183" y="332"/>
                    </a:lnTo>
                    <a:lnTo>
                      <a:pt x="181" y="330"/>
                    </a:lnTo>
                    <a:lnTo>
                      <a:pt x="174" y="330"/>
                    </a:lnTo>
                    <a:lnTo>
                      <a:pt x="173" y="330"/>
                    </a:lnTo>
                    <a:lnTo>
                      <a:pt x="173" y="329"/>
                    </a:lnTo>
                    <a:lnTo>
                      <a:pt x="173" y="327"/>
                    </a:lnTo>
                    <a:lnTo>
                      <a:pt x="174" y="322"/>
                    </a:lnTo>
                    <a:lnTo>
                      <a:pt x="178" y="317"/>
                    </a:lnTo>
                    <a:lnTo>
                      <a:pt x="183" y="310"/>
                    </a:lnTo>
                    <a:lnTo>
                      <a:pt x="191" y="302"/>
                    </a:lnTo>
                    <a:lnTo>
                      <a:pt x="193" y="298"/>
                    </a:lnTo>
                    <a:lnTo>
                      <a:pt x="195" y="293"/>
                    </a:lnTo>
                    <a:lnTo>
                      <a:pt x="196" y="285"/>
                    </a:lnTo>
                    <a:lnTo>
                      <a:pt x="200" y="276"/>
                    </a:lnTo>
                    <a:lnTo>
                      <a:pt x="205" y="268"/>
                    </a:lnTo>
                    <a:lnTo>
                      <a:pt x="211" y="264"/>
                    </a:lnTo>
                    <a:lnTo>
                      <a:pt x="220" y="264"/>
                    </a:lnTo>
                    <a:lnTo>
                      <a:pt x="230" y="271"/>
                    </a:lnTo>
                    <a:lnTo>
                      <a:pt x="228" y="271"/>
                    </a:lnTo>
                    <a:lnTo>
                      <a:pt x="225" y="271"/>
                    </a:lnTo>
                    <a:lnTo>
                      <a:pt x="220" y="273"/>
                    </a:lnTo>
                    <a:lnTo>
                      <a:pt x="213" y="273"/>
                    </a:lnTo>
                    <a:lnTo>
                      <a:pt x="210" y="276"/>
                    </a:lnTo>
                    <a:lnTo>
                      <a:pt x="206" y="281"/>
                    </a:lnTo>
                    <a:lnTo>
                      <a:pt x="206" y="288"/>
                    </a:lnTo>
                    <a:lnTo>
                      <a:pt x="210" y="297"/>
                    </a:lnTo>
                    <a:lnTo>
                      <a:pt x="210" y="298"/>
                    </a:lnTo>
                    <a:lnTo>
                      <a:pt x="208" y="302"/>
                    </a:lnTo>
                    <a:lnTo>
                      <a:pt x="205" y="305"/>
                    </a:lnTo>
                    <a:lnTo>
                      <a:pt x="203" y="308"/>
                    </a:lnTo>
                    <a:lnTo>
                      <a:pt x="203" y="310"/>
                    </a:lnTo>
                    <a:lnTo>
                      <a:pt x="205" y="312"/>
                    </a:lnTo>
                    <a:lnTo>
                      <a:pt x="208" y="310"/>
                    </a:lnTo>
                    <a:lnTo>
                      <a:pt x="215" y="307"/>
                    </a:lnTo>
                    <a:lnTo>
                      <a:pt x="213" y="308"/>
                    </a:lnTo>
                    <a:lnTo>
                      <a:pt x="211" y="312"/>
                    </a:lnTo>
                    <a:lnTo>
                      <a:pt x="210" y="317"/>
                    </a:lnTo>
                    <a:lnTo>
                      <a:pt x="208" y="320"/>
                    </a:lnTo>
                    <a:lnTo>
                      <a:pt x="208" y="324"/>
                    </a:lnTo>
                    <a:lnTo>
                      <a:pt x="210" y="322"/>
                    </a:lnTo>
                    <a:lnTo>
                      <a:pt x="217" y="319"/>
                    </a:lnTo>
                    <a:lnTo>
                      <a:pt x="227" y="308"/>
                    </a:lnTo>
                    <a:lnTo>
                      <a:pt x="227" y="307"/>
                    </a:lnTo>
                    <a:lnTo>
                      <a:pt x="230" y="305"/>
                    </a:lnTo>
                    <a:lnTo>
                      <a:pt x="232" y="303"/>
                    </a:lnTo>
                    <a:lnTo>
                      <a:pt x="233" y="302"/>
                    </a:lnTo>
                    <a:lnTo>
                      <a:pt x="237" y="300"/>
                    </a:lnTo>
                    <a:lnTo>
                      <a:pt x="239" y="298"/>
                    </a:lnTo>
                    <a:lnTo>
                      <a:pt x="240" y="297"/>
                    </a:lnTo>
                    <a:lnTo>
                      <a:pt x="242" y="297"/>
                    </a:lnTo>
                    <a:lnTo>
                      <a:pt x="244" y="297"/>
                    </a:lnTo>
                    <a:lnTo>
                      <a:pt x="245" y="295"/>
                    </a:lnTo>
                    <a:lnTo>
                      <a:pt x="247" y="293"/>
                    </a:lnTo>
                    <a:lnTo>
                      <a:pt x="249" y="290"/>
                    </a:lnTo>
                    <a:lnTo>
                      <a:pt x="247" y="286"/>
                    </a:lnTo>
                    <a:lnTo>
                      <a:pt x="245" y="281"/>
                    </a:lnTo>
                    <a:lnTo>
                      <a:pt x="245" y="280"/>
                    </a:lnTo>
                    <a:lnTo>
                      <a:pt x="244" y="276"/>
                    </a:lnTo>
                    <a:lnTo>
                      <a:pt x="242" y="273"/>
                    </a:lnTo>
                    <a:lnTo>
                      <a:pt x="240" y="271"/>
                    </a:lnTo>
                    <a:lnTo>
                      <a:pt x="250" y="264"/>
                    </a:lnTo>
                    <a:lnTo>
                      <a:pt x="255" y="268"/>
                    </a:lnTo>
                    <a:lnTo>
                      <a:pt x="266" y="263"/>
                    </a:lnTo>
                    <a:lnTo>
                      <a:pt x="281" y="271"/>
                    </a:lnTo>
                    <a:lnTo>
                      <a:pt x="286" y="278"/>
                    </a:lnTo>
                    <a:lnTo>
                      <a:pt x="293" y="270"/>
                    </a:lnTo>
                    <a:lnTo>
                      <a:pt x="303" y="286"/>
                    </a:lnTo>
                    <a:lnTo>
                      <a:pt x="305" y="285"/>
                    </a:lnTo>
                    <a:lnTo>
                      <a:pt x="310" y="281"/>
                    </a:lnTo>
                    <a:lnTo>
                      <a:pt x="315" y="278"/>
                    </a:lnTo>
                    <a:lnTo>
                      <a:pt x="323" y="276"/>
                    </a:lnTo>
                    <a:lnTo>
                      <a:pt x="333" y="275"/>
                    </a:lnTo>
                    <a:lnTo>
                      <a:pt x="343" y="275"/>
                    </a:lnTo>
                    <a:lnTo>
                      <a:pt x="357" y="276"/>
                    </a:lnTo>
                    <a:lnTo>
                      <a:pt x="359" y="276"/>
                    </a:lnTo>
                    <a:lnTo>
                      <a:pt x="360" y="275"/>
                    </a:lnTo>
                    <a:lnTo>
                      <a:pt x="362" y="273"/>
                    </a:lnTo>
                    <a:lnTo>
                      <a:pt x="364" y="271"/>
                    </a:lnTo>
                    <a:lnTo>
                      <a:pt x="365" y="271"/>
                    </a:lnTo>
                    <a:lnTo>
                      <a:pt x="369" y="271"/>
                    </a:lnTo>
                    <a:lnTo>
                      <a:pt x="371" y="275"/>
                    </a:lnTo>
                    <a:lnTo>
                      <a:pt x="371" y="278"/>
                    </a:lnTo>
                    <a:lnTo>
                      <a:pt x="371" y="280"/>
                    </a:lnTo>
                    <a:lnTo>
                      <a:pt x="374" y="280"/>
                    </a:lnTo>
                    <a:lnTo>
                      <a:pt x="377" y="281"/>
                    </a:lnTo>
                    <a:lnTo>
                      <a:pt x="381" y="281"/>
                    </a:lnTo>
                    <a:lnTo>
                      <a:pt x="384" y="281"/>
                    </a:lnTo>
                    <a:lnTo>
                      <a:pt x="387" y="283"/>
                    </a:lnTo>
                    <a:lnTo>
                      <a:pt x="389" y="283"/>
                    </a:lnTo>
                    <a:lnTo>
                      <a:pt x="391" y="283"/>
                    </a:lnTo>
                    <a:lnTo>
                      <a:pt x="411" y="295"/>
                    </a:lnTo>
                    <a:lnTo>
                      <a:pt x="413" y="295"/>
                    </a:lnTo>
                    <a:lnTo>
                      <a:pt x="415" y="295"/>
                    </a:lnTo>
                    <a:lnTo>
                      <a:pt x="418" y="295"/>
                    </a:lnTo>
                    <a:lnTo>
                      <a:pt x="421" y="295"/>
                    </a:lnTo>
                    <a:lnTo>
                      <a:pt x="425" y="295"/>
                    </a:lnTo>
                    <a:lnTo>
                      <a:pt x="425" y="292"/>
                    </a:lnTo>
                    <a:lnTo>
                      <a:pt x="423" y="288"/>
                    </a:lnTo>
                    <a:lnTo>
                      <a:pt x="416" y="280"/>
                    </a:lnTo>
                    <a:lnTo>
                      <a:pt x="418" y="280"/>
                    </a:lnTo>
                    <a:lnTo>
                      <a:pt x="420" y="278"/>
                    </a:lnTo>
                    <a:lnTo>
                      <a:pt x="423" y="276"/>
                    </a:lnTo>
                    <a:lnTo>
                      <a:pt x="425" y="278"/>
                    </a:lnTo>
                    <a:lnTo>
                      <a:pt x="428" y="280"/>
                    </a:lnTo>
                    <a:lnTo>
                      <a:pt x="431" y="283"/>
                    </a:lnTo>
                    <a:lnTo>
                      <a:pt x="435" y="286"/>
                    </a:lnTo>
                    <a:lnTo>
                      <a:pt x="438" y="288"/>
                    </a:lnTo>
                    <a:lnTo>
                      <a:pt x="438" y="286"/>
                    </a:lnTo>
                    <a:lnTo>
                      <a:pt x="435" y="281"/>
                    </a:lnTo>
                    <a:lnTo>
                      <a:pt x="430" y="271"/>
                    </a:lnTo>
                    <a:lnTo>
                      <a:pt x="428" y="270"/>
                    </a:lnTo>
                    <a:lnTo>
                      <a:pt x="430" y="266"/>
                    </a:lnTo>
                    <a:lnTo>
                      <a:pt x="430" y="264"/>
                    </a:lnTo>
                    <a:lnTo>
                      <a:pt x="431" y="264"/>
                    </a:lnTo>
                    <a:lnTo>
                      <a:pt x="445" y="283"/>
                    </a:lnTo>
                    <a:lnTo>
                      <a:pt x="455" y="280"/>
                    </a:lnTo>
                    <a:lnTo>
                      <a:pt x="455" y="281"/>
                    </a:lnTo>
                    <a:lnTo>
                      <a:pt x="457" y="281"/>
                    </a:lnTo>
                    <a:lnTo>
                      <a:pt x="460" y="283"/>
                    </a:lnTo>
                    <a:lnTo>
                      <a:pt x="462" y="286"/>
                    </a:lnTo>
                    <a:lnTo>
                      <a:pt x="465" y="290"/>
                    </a:lnTo>
                    <a:lnTo>
                      <a:pt x="469" y="295"/>
                    </a:lnTo>
                    <a:lnTo>
                      <a:pt x="472" y="300"/>
                    </a:lnTo>
                    <a:lnTo>
                      <a:pt x="475" y="305"/>
                    </a:lnTo>
                    <a:lnTo>
                      <a:pt x="479" y="312"/>
                    </a:lnTo>
                    <a:lnTo>
                      <a:pt x="482" y="314"/>
                    </a:lnTo>
                    <a:lnTo>
                      <a:pt x="484" y="314"/>
                    </a:lnTo>
                    <a:lnTo>
                      <a:pt x="486" y="312"/>
                    </a:lnTo>
                    <a:lnTo>
                      <a:pt x="487" y="310"/>
                    </a:lnTo>
                    <a:lnTo>
                      <a:pt x="487" y="308"/>
                    </a:lnTo>
                    <a:lnTo>
                      <a:pt x="487" y="307"/>
                    </a:lnTo>
                    <a:lnTo>
                      <a:pt x="509" y="322"/>
                    </a:lnTo>
                    <a:lnTo>
                      <a:pt x="508" y="325"/>
                    </a:lnTo>
                    <a:lnTo>
                      <a:pt x="508" y="327"/>
                    </a:lnTo>
                    <a:lnTo>
                      <a:pt x="508" y="330"/>
                    </a:lnTo>
                    <a:lnTo>
                      <a:pt x="508" y="332"/>
                    </a:lnTo>
                    <a:lnTo>
                      <a:pt x="509" y="332"/>
                    </a:lnTo>
                    <a:lnTo>
                      <a:pt x="514" y="329"/>
                    </a:lnTo>
                    <a:lnTo>
                      <a:pt x="519" y="324"/>
                    </a:lnTo>
                    <a:lnTo>
                      <a:pt x="521" y="322"/>
                    </a:lnTo>
                    <a:lnTo>
                      <a:pt x="523" y="322"/>
                    </a:lnTo>
                    <a:lnTo>
                      <a:pt x="525" y="324"/>
                    </a:lnTo>
                    <a:lnTo>
                      <a:pt x="528" y="325"/>
                    </a:lnTo>
                    <a:lnTo>
                      <a:pt x="531" y="330"/>
                    </a:lnTo>
                    <a:lnTo>
                      <a:pt x="535" y="339"/>
                    </a:lnTo>
                    <a:lnTo>
                      <a:pt x="536" y="341"/>
                    </a:lnTo>
                    <a:lnTo>
                      <a:pt x="538" y="344"/>
                    </a:lnTo>
                    <a:lnTo>
                      <a:pt x="540" y="347"/>
                    </a:lnTo>
                    <a:lnTo>
                      <a:pt x="541" y="349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9" name="Freeform 78"/>
              <p:cNvSpPr>
                <a:spLocks/>
              </p:cNvSpPr>
              <p:nvPr/>
            </p:nvSpPr>
            <p:spPr bwMode="auto">
              <a:xfrm>
                <a:off x="659" y="3034"/>
                <a:ext cx="545" cy="452"/>
              </a:xfrm>
              <a:custGeom>
                <a:avLst/>
                <a:gdLst>
                  <a:gd name="T0" fmla="*/ 545 w 545"/>
                  <a:gd name="T1" fmla="*/ 332 h 452"/>
                  <a:gd name="T2" fmla="*/ 516 w 545"/>
                  <a:gd name="T3" fmla="*/ 312 h 452"/>
                  <a:gd name="T4" fmla="*/ 381 w 545"/>
                  <a:gd name="T5" fmla="*/ 266 h 452"/>
                  <a:gd name="T6" fmla="*/ 350 w 545"/>
                  <a:gd name="T7" fmla="*/ 264 h 452"/>
                  <a:gd name="T8" fmla="*/ 237 w 545"/>
                  <a:gd name="T9" fmla="*/ 14 h 452"/>
                  <a:gd name="T10" fmla="*/ 195 w 545"/>
                  <a:gd name="T11" fmla="*/ 16 h 452"/>
                  <a:gd name="T12" fmla="*/ 179 w 545"/>
                  <a:gd name="T13" fmla="*/ 16 h 452"/>
                  <a:gd name="T14" fmla="*/ 152 w 545"/>
                  <a:gd name="T15" fmla="*/ 9 h 452"/>
                  <a:gd name="T16" fmla="*/ 110 w 545"/>
                  <a:gd name="T17" fmla="*/ 9 h 452"/>
                  <a:gd name="T18" fmla="*/ 91 w 545"/>
                  <a:gd name="T19" fmla="*/ 17 h 452"/>
                  <a:gd name="T20" fmla="*/ 69 w 545"/>
                  <a:gd name="T21" fmla="*/ 33 h 452"/>
                  <a:gd name="T22" fmla="*/ 22 w 545"/>
                  <a:gd name="T23" fmla="*/ 78 h 452"/>
                  <a:gd name="T24" fmla="*/ 54 w 545"/>
                  <a:gd name="T25" fmla="*/ 116 h 452"/>
                  <a:gd name="T26" fmla="*/ 68 w 545"/>
                  <a:gd name="T27" fmla="*/ 132 h 452"/>
                  <a:gd name="T28" fmla="*/ 27 w 545"/>
                  <a:gd name="T29" fmla="*/ 132 h 452"/>
                  <a:gd name="T30" fmla="*/ 15 w 545"/>
                  <a:gd name="T31" fmla="*/ 138 h 452"/>
                  <a:gd name="T32" fmla="*/ 3 w 545"/>
                  <a:gd name="T33" fmla="*/ 160 h 452"/>
                  <a:gd name="T34" fmla="*/ 17 w 545"/>
                  <a:gd name="T35" fmla="*/ 180 h 452"/>
                  <a:gd name="T36" fmla="*/ 71 w 545"/>
                  <a:gd name="T37" fmla="*/ 176 h 452"/>
                  <a:gd name="T38" fmla="*/ 76 w 545"/>
                  <a:gd name="T39" fmla="*/ 190 h 452"/>
                  <a:gd name="T40" fmla="*/ 56 w 545"/>
                  <a:gd name="T41" fmla="*/ 219 h 452"/>
                  <a:gd name="T42" fmla="*/ 34 w 545"/>
                  <a:gd name="T43" fmla="*/ 220 h 452"/>
                  <a:gd name="T44" fmla="*/ 22 w 545"/>
                  <a:gd name="T45" fmla="*/ 242 h 452"/>
                  <a:gd name="T46" fmla="*/ 15 w 545"/>
                  <a:gd name="T47" fmla="*/ 256 h 452"/>
                  <a:gd name="T48" fmla="*/ 17 w 545"/>
                  <a:gd name="T49" fmla="*/ 271 h 452"/>
                  <a:gd name="T50" fmla="*/ 41 w 545"/>
                  <a:gd name="T51" fmla="*/ 288 h 452"/>
                  <a:gd name="T52" fmla="*/ 35 w 545"/>
                  <a:gd name="T53" fmla="*/ 314 h 452"/>
                  <a:gd name="T54" fmla="*/ 59 w 545"/>
                  <a:gd name="T55" fmla="*/ 298 h 452"/>
                  <a:gd name="T56" fmla="*/ 69 w 545"/>
                  <a:gd name="T57" fmla="*/ 322 h 452"/>
                  <a:gd name="T58" fmla="*/ 64 w 545"/>
                  <a:gd name="T59" fmla="*/ 347 h 452"/>
                  <a:gd name="T60" fmla="*/ 79 w 545"/>
                  <a:gd name="T61" fmla="*/ 336 h 452"/>
                  <a:gd name="T62" fmla="*/ 95 w 545"/>
                  <a:gd name="T63" fmla="*/ 336 h 452"/>
                  <a:gd name="T64" fmla="*/ 108 w 545"/>
                  <a:gd name="T65" fmla="*/ 344 h 452"/>
                  <a:gd name="T66" fmla="*/ 139 w 545"/>
                  <a:gd name="T67" fmla="*/ 329 h 452"/>
                  <a:gd name="T68" fmla="*/ 125 w 545"/>
                  <a:gd name="T69" fmla="*/ 364 h 452"/>
                  <a:gd name="T70" fmla="*/ 112 w 545"/>
                  <a:gd name="T71" fmla="*/ 396 h 452"/>
                  <a:gd name="T72" fmla="*/ 83 w 545"/>
                  <a:gd name="T73" fmla="*/ 422 h 452"/>
                  <a:gd name="T74" fmla="*/ 76 w 545"/>
                  <a:gd name="T75" fmla="*/ 424 h 452"/>
                  <a:gd name="T76" fmla="*/ 44 w 545"/>
                  <a:gd name="T77" fmla="*/ 442 h 452"/>
                  <a:gd name="T78" fmla="*/ 57 w 545"/>
                  <a:gd name="T79" fmla="*/ 440 h 452"/>
                  <a:gd name="T80" fmla="*/ 69 w 545"/>
                  <a:gd name="T81" fmla="*/ 440 h 452"/>
                  <a:gd name="T82" fmla="*/ 96 w 545"/>
                  <a:gd name="T83" fmla="*/ 432 h 452"/>
                  <a:gd name="T84" fmla="*/ 113 w 545"/>
                  <a:gd name="T85" fmla="*/ 413 h 452"/>
                  <a:gd name="T86" fmla="*/ 151 w 545"/>
                  <a:gd name="T87" fmla="*/ 374 h 452"/>
                  <a:gd name="T88" fmla="*/ 183 w 545"/>
                  <a:gd name="T89" fmla="*/ 339 h 452"/>
                  <a:gd name="T90" fmla="*/ 174 w 545"/>
                  <a:gd name="T91" fmla="*/ 322 h 452"/>
                  <a:gd name="T92" fmla="*/ 220 w 545"/>
                  <a:gd name="T93" fmla="*/ 264 h 452"/>
                  <a:gd name="T94" fmla="*/ 210 w 545"/>
                  <a:gd name="T95" fmla="*/ 297 h 452"/>
                  <a:gd name="T96" fmla="*/ 211 w 545"/>
                  <a:gd name="T97" fmla="*/ 312 h 452"/>
                  <a:gd name="T98" fmla="*/ 233 w 545"/>
                  <a:gd name="T99" fmla="*/ 302 h 452"/>
                  <a:gd name="T100" fmla="*/ 249 w 545"/>
                  <a:gd name="T101" fmla="*/ 290 h 452"/>
                  <a:gd name="T102" fmla="*/ 281 w 545"/>
                  <a:gd name="T103" fmla="*/ 271 h 452"/>
                  <a:gd name="T104" fmla="*/ 343 w 545"/>
                  <a:gd name="T105" fmla="*/ 275 h 452"/>
                  <a:gd name="T106" fmla="*/ 371 w 545"/>
                  <a:gd name="T107" fmla="*/ 278 h 452"/>
                  <a:gd name="T108" fmla="*/ 413 w 545"/>
                  <a:gd name="T109" fmla="*/ 295 h 452"/>
                  <a:gd name="T110" fmla="*/ 423 w 545"/>
                  <a:gd name="T111" fmla="*/ 276 h 452"/>
                  <a:gd name="T112" fmla="*/ 430 w 545"/>
                  <a:gd name="T113" fmla="*/ 271 h 452"/>
                  <a:gd name="T114" fmla="*/ 462 w 545"/>
                  <a:gd name="T115" fmla="*/ 286 h 452"/>
                  <a:gd name="T116" fmla="*/ 487 w 545"/>
                  <a:gd name="T117" fmla="*/ 310 h 452"/>
                  <a:gd name="T118" fmla="*/ 514 w 545"/>
                  <a:gd name="T119" fmla="*/ 329 h 452"/>
                  <a:gd name="T120" fmla="*/ 535 w 545"/>
                  <a:gd name="T121" fmla="*/ 339 h 452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w 545"/>
                  <a:gd name="T184" fmla="*/ 0 h 452"/>
                  <a:gd name="T185" fmla="*/ 545 w 545"/>
                  <a:gd name="T186" fmla="*/ 452 h 452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T183" t="T184" r="T185" b="T186"/>
                <a:pathLst>
                  <a:path w="545" h="452">
                    <a:moveTo>
                      <a:pt x="541" y="349"/>
                    </a:moveTo>
                    <a:lnTo>
                      <a:pt x="541" y="349"/>
                    </a:lnTo>
                    <a:lnTo>
                      <a:pt x="541" y="347"/>
                    </a:lnTo>
                    <a:lnTo>
                      <a:pt x="543" y="346"/>
                    </a:lnTo>
                    <a:lnTo>
                      <a:pt x="543" y="344"/>
                    </a:lnTo>
                    <a:lnTo>
                      <a:pt x="545" y="341"/>
                    </a:lnTo>
                    <a:lnTo>
                      <a:pt x="545" y="339"/>
                    </a:lnTo>
                    <a:lnTo>
                      <a:pt x="545" y="336"/>
                    </a:lnTo>
                    <a:lnTo>
                      <a:pt x="545" y="332"/>
                    </a:lnTo>
                    <a:lnTo>
                      <a:pt x="543" y="329"/>
                    </a:lnTo>
                    <a:lnTo>
                      <a:pt x="541" y="325"/>
                    </a:lnTo>
                    <a:lnTo>
                      <a:pt x="538" y="320"/>
                    </a:lnTo>
                    <a:lnTo>
                      <a:pt x="535" y="317"/>
                    </a:lnTo>
                    <a:lnTo>
                      <a:pt x="533" y="315"/>
                    </a:lnTo>
                    <a:lnTo>
                      <a:pt x="530" y="315"/>
                    </a:lnTo>
                    <a:lnTo>
                      <a:pt x="526" y="314"/>
                    </a:lnTo>
                    <a:lnTo>
                      <a:pt x="523" y="314"/>
                    </a:lnTo>
                    <a:lnTo>
                      <a:pt x="519" y="314"/>
                    </a:lnTo>
                    <a:lnTo>
                      <a:pt x="516" y="312"/>
                    </a:lnTo>
                    <a:lnTo>
                      <a:pt x="514" y="312"/>
                    </a:lnTo>
                    <a:lnTo>
                      <a:pt x="506" y="310"/>
                    </a:lnTo>
                    <a:lnTo>
                      <a:pt x="452" y="271"/>
                    </a:lnTo>
                    <a:lnTo>
                      <a:pt x="435" y="259"/>
                    </a:lnTo>
                    <a:lnTo>
                      <a:pt x="421" y="251"/>
                    </a:lnTo>
                    <a:lnTo>
                      <a:pt x="413" y="263"/>
                    </a:lnTo>
                    <a:lnTo>
                      <a:pt x="413" y="271"/>
                    </a:lnTo>
                    <a:lnTo>
                      <a:pt x="403" y="280"/>
                    </a:lnTo>
                    <a:lnTo>
                      <a:pt x="381" y="266"/>
                    </a:lnTo>
                    <a:lnTo>
                      <a:pt x="379" y="264"/>
                    </a:lnTo>
                    <a:lnTo>
                      <a:pt x="377" y="261"/>
                    </a:lnTo>
                    <a:lnTo>
                      <a:pt x="374" y="259"/>
                    </a:lnTo>
                    <a:lnTo>
                      <a:pt x="369" y="258"/>
                    </a:lnTo>
                    <a:lnTo>
                      <a:pt x="365" y="258"/>
                    </a:lnTo>
                    <a:lnTo>
                      <a:pt x="360" y="259"/>
                    </a:lnTo>
                    <a:lnTo>
                      <a:pt x="355" y="263"/>
                    </a:lnTo>
                    <a:lnTo>
                      <a:pt x="354" y="264"/>
                    </a:lnTo>
                    <a:lnTo>
                      <a:pt x="350" y="264"/>
                    </a:lnTo>
                    <a:lnTo>
                      <a:pt x="347" y="266"/>
                    </a:lnTo>
                    <a:lnTo>
                      <a:pt x="345" y="266"/>
                    </a:lnTo>
                    <a:lnTo>
                      <a:pt x="271" y="17"/>
                    </a:lnTo>
                    <a:lnTo>
                      <a:pt x="269" y="17"/>
                    </a:lnTo>
                    <a:lnTo>
                      <a:pt x="266" y="16"/>
                    </a:lnTo>
                    <a:lnTo>
                      <a:pt x="261" y="14"/>
                    </a:lnTo>
                    <a:lnTo>
                      <a:pt x="255" y="12"/>
                    </a:lnTo>
                    <a:lnTo>
                      <a:pt x="249" y="11"/>
                    </a:lnTo>
                    <a:lnTo>
                      <a:pt x="244" y="12"/>
                    </a:lnTo>
                    <a:lnTo>
                      <a:pt x="237" y="14"/>
                    </a:lnTo>
                    <a:lnTo>
                      <a:pt x="232" y="17"/>
                    </a:lnTo>
                    <a:lnTo>
                      <a:pt x="230" y="17"/>
                    </a:lnTo>
                    <a:lnTo>
                      <a:pt x="225" y="17"/>
                    </a:lnTo>
                    <a:lnTo>
                      <a:pt x="218" y="17"/>
                    </a:lnTo>
                    <a:lnTo>
                      <a:pt x="211" y="17"/>
                    </a:lnTo>
                    <a:lnTo>
                      <a:pt x="205" y="17"/>
                    </a:lnTo>
                    <a:lnTo>
                      <a:pt x="200" y="17"/>
                    </a:lnTo>
                    <a:lnTo>
                      <a:pt x="195" y="16"/>
                    </a:lnTo>
                    <a:lnTo>
                      <a:pt x="193" y="16"/>
                    </a:lnTo>
                    <a:lnTo>
                      <a:pt x="191" y="16"/>
                    </a:lnTo>
                    <a:lnTo>
                      <a:pt x="189" y="16"/>
                    </a:lnTo>
                    <a:lnTo>
                      <a:pt x="188" y="16"/>
                    </a:lnTo>
                    <a:lnTo>
                      <a:pt x="184" y="16"/>
                    </a:lnTo>
                    <a:lnTo>
                      <a:pt x="183" y="16"/>
                    </a:lnTo>
                    <a:lnTo>
                      <a:pt x="181" y="16"/>
                    </a:lnTo>
                    <a:lnTo>
                      <a:pt x="179" y="16"/>
                    </a:lnTo>
                    <a:lnTo>
                      <a:pt x="176" y="17"/>
                    </a:lnTo>
                    <a:lnTo>
                      <a:pt x="173" y="17"/>
                    </a:lnTo>
                    <a:lnTo>
                      <a:pt x="169" y="17"/>
                    </a:lnTo>
                    <a:lnTo>
                      <a:pt x="166" y="16"/>
                    </a:lnTo>
                    <a:lnTo>
                      <a:pt x="162" y="12"/>
                    </a:lnTo>
                    <a:lnTo>
                      <a:pt x="157" y="7"/>
                    </a:lnTo>
                    <a:lnTo>
                      <a:pt x="156" y="7"/>
                    </a:lnTo>
                    <a:lnTo>
                      <a:pt x="154" y="9"/>
                    </a:lnTo>
                    <a:lnTo>
                      <a:pt x="152" y="9"/>
                    </a:lnTo>
                    <a:lnTo>
                      <a:pt x="149" y="9"/>
                    </a:lnTo>
                    <a:lnTo>
                      <a:pt x="147" y="9"/>
                    </a:lnTo>
                    <a:lnTo>
                      <a:pt x="145" y="11"/>
                    </a:lnTo>
                    <a:lnTo>
                      <a:pt x="137" y="2"/>
                    </a:lnTo>
                    <a:lnTo>
                      <a:pt x="130" y="7"/>
                    </a:lnTo>
                    <a:lnTo>
                      <a:pt x="129" y="0"/>
                    </a:lnTo>
                    <a:lnTo>
                      <a:pt x="117" y="0"/>
                    </a:lnTo>
                    <a:lnTo>
                      <a:pt x="110" y="9"/>
                    </a:lnTo>
                    <a:lnTo>
                      <a:pt x="108" y="11"/>
                    </a:lnTo>
                    <a:lnTo>
                      <a:pt x="108" y="12"/>
                    </a:lnTo>
                    <a:lnTo>
                      <a:pt x="107" y="12"/>
                    </a:lnTo>
                    <a:lnTo>
                      <a:pt x="103" y="14"/>
                    </a:lnTo>
                    <a:lnTo>
                      <a:pt x="100" y="14"/>
                    </a:lnTo>
                    <a:lnTo>
                      <a:pt x="95" y="14"/>
                    </a:lnTo>
                    <a:lnTo>
                      <a:pt x="93" y="16"/>
                    </a:lnTo>
                    <a:lnTo>
                      <a:pt x="91" y="17"/>
                    </a:lnTo>
                    <a:lnTo>
                      <a:pt x="90" y="19"/>
                    </a:lnTo>
                    <a:lnTo>
                      <a:pt x="86" y="22"/>
                    </a:lnTo>
                    <a:lnTo>
                      <a:pt x="85" y="24"/>
                    </a:lnTo>
                    <a:lnTo>
                      <a:pt x="83" y="26"/>
                    </a:lnTo>
                    <a:lnTo>
                      <a:pt x="81" y="26"/>
                    </a:lnTo>
                    <a:lnTo>
                      <a:pt x="78" y="26"/>
                    </a:lnTo>
                    <a:lnTo>
                      <a:pt x="74" y="29"/>
                    </a:lnTo>
                    <a:lnTo>
                      <a:pt x="69" y="33"/>
                    </a:lnTo>
                    <a:lnTo>
                      <a:pt x="64" y="38"/>
                    </a:lnTo>
                    <a:lnTo>
                      <a:pt x="59" y="46"/>
                    </a:lnTo>
                    <a:lnTo>
                      <a:pt x="54" y="56"/>
                    </a:lnTo>
                    <a:lnTo>
                      <a:pt x="52" y="58"/>
                    </a:lnTo>
                    <a:lnTo>
                      <a:pt x="51" y="61"/>
                    </a:lnTo>
                    <a:lnTo>
                      <a:pt x="47" y="63"/>
                    </a:lnTo>
                    <a:lnTo>
                      <a:pt x="47" y="65"/>
                    </a:lnTo>
                    <a:lnTo>
                      <a:pt x="30" y="65"/>
                    </a:lnTo>
                    <a:lnTo>
                      <a:pt x="22" y="78"/>
                    </a:lnTo>
                    <a:lnTo>
                      <a:pt x="22" y="80"/>
                    </a:lnTo>
                    <a:lnTo>
                      <a:pt x="25" y="82"/>
                    </a:lnTo>
                    <a:lnTo>
                      <a:pt x="30" y="83"/>
                    </a:lnTo>
                    <a:lnTo>
                      <a:pt x="35" y="87"/>
                    </a:lnTo>
                    <a:lnTo>
                      <a:pt x="42" y="92"/>
                    </a:lnTo>
                    <a:lnTo>
                      <a:pt x="46" y="97"/>
                    </a:lnTo>
                    <a:lnTo>
                      <a:pt x="49" y="105"/>
                    </a:lnTo>
                    <a:lnTo>
                      <a:pt x="51" y="114"/>
                    </a:lnTo>
                    <a:lnTo>
                      <a:pt x="54" y="116"/>
                    </a:lnTo>
                    <a:lnTo>
                      <a:pt x="56" y="116"/>
                    </a:lnTo>
                    <a:lnTo>
                      <a:pt x="59" y="116"/>
                    </a:lnTo>
                    <a:lnTo>
                      <a:pt x="63" y="116"/>
                    </a:lnTo>
                    <a:lnTo>
                      <a:pt x="66" y="116"/>
                    </a:lnTo>
                    <a:lnTo>
                      <a:pt x="68" y="117"/>
                    </a:lnTo>
                    <a:lnTo>
                      <a:pt x="71" y="129"/>
                    </a:lnTo>
                    <a:lnTo>
                      <a:pt x="81" y="129"/>
                    </a:lnTo>
                    <a:lnTo>
                      <a:pt x="79" y="132"/>
                    </a:lnTo>
                    <a:lnTo>
                      <a:pt x="68" y="132"/>
                    </a:lnTo>
                    <a:lnTo>
                      <a:pt x="63" y="122"/>
                    </a:lnTo>
                    <a:lnTo>
                      <a:pt x="59" y="126"/>
                    </a:lnTo>
                    <a:lnTo>
                      <a:pt x="68" y="136"/>
                    </a:lnTo>
                    <a:lnTo>
                      <a:pt x="76" y="138"/>
                    </a:lnTo>
                    <a:lnTo>
                      <a:pt x="68" y="144"/>
                    </a:lnTo>
                    <a:lnTo>
                      <a:pt x="46" y="139"/>
                    </a:lnTo>
                    <a:lnTo>
                      <a:pt x="46" y="127"/>
                    </a:lnTo>
                    <a:lnTo>
                      <a:pt x="27" y="132"/>
                    </a:lnTo>
                    <a:lnTo>
                      <a:pt x="27" y="134"/>
                    </a:lnTo>
                    <a:lnTo>
                      <a:pt x="27" y="138"/>
                    </a:lnTo>
                    <a:lnTo>
                      <a:pt x="27" y="139"/>
                    </a:lnTo>
                    <a:lnTo>
                      <a:pt x="27" y="141"/>
                    </a:lnTo>
                    <a:lnTo>
                      <a:pt x="25" y="141"/>
                    </a:lnTo>
                    <a:lnTo>
                      <a:pt x="22" y="139"/>
                    </a:lnTo>
                    <a:lnTo>
                      <a:pt x="19" y="136"/>
                    </a:lnTo>
                    <a:lnTo>
                      <a:pt x="15" y="138"/>
                    </a:lnTo>
                    <a:lnTo>
                      <a:pt x="12" y="138"/>
                    </a:lnTo>
                    <a:lnTo>
                      <a:pt x="8" y="139"/>
                    </a:lnTo>
                    <a:lnTo>
                      <a:pt x="5" y="143"/>
                    </a:lnTo>
                    <a:lnTo>
                      <a:pt x="2" y="144"/>
                    </a:lnTo>
                    <a:lnTo>
                      <a:pt x="0" y="148"/>
                    </a:lnTo>
                    <a:lnTo>
                      <a:pt x="0" y="151"/>
                    </a:lnTo>
                    <a:lnTo>
                      <a:pt x="0" y="153"/>
                    </a:lnTo>
                    <a:lnTo>
                      <a:pt x="0" y="154"/>
                    </a:lnTo>
                    <a:lnTo>
                      <a:pt x="2" y="156"/>
                    </a:lnTo>
                    <a:lnTo>
                      <a:pt x="3" y="160"/>
                    </a:lnTo>
                    <a:lnTo>
                      <a:pt x="5" y="161"/>
                    </a:lnTo>
                    <a:lnTo>
                      <a:pt x="7" y="165"/>
                    </a:lnTo>
                    <a:lnTo>
                      <a:pt x="8" y="165"/>
                    </a:lnTo>
                    <a:lnTo>
                      <a:pt x="8" y="166"/>
                    </a:lnTo>
                    <a:lnTo>
                      <a:pt x="13" y="171"/>
                    </a:lnTo>
                    <a:lnTo>
                      <a:pt x="13" y="173"/>
                    </a:lnTo>
                    <a:lnTo>
                      <a:pt x="13" y="175"/>
                    </a:lnTo>
                    <a:lnTo>
                      <a:pt x="15" y="178"/>
                    </a:lnTo>
                    <a:lnTo>
                      <a:pt x="17" y="180"/>
                    </a:lnTo>
                    <a:lnTo>
                      <a:pt x="22" y="182"/>
                    </a:lnTo>
                    <a:lnTo>
                      <a:pt x="29" y="183"/>
                    </a:lnTo>
                    <a:lnTo>
                      <a:pt x="39" y="183"/>
                    </a:lnTo>
                    <a:lnTo>
                      <a:pt x="41" y="183"/>
                    </a:lnTo>
                    <a:lnTo>
                      <a:pt x="44" y="185"/>
                    </a:lnTo>
                    <a:lnTo>
                      <a:pt x="47" y="187"/>
                    </a:lnTo>
                    <a:lnTo>
                      <a:pt x="49" y="187"/>
                    </a:lnTo>
                    <a:lnTo>
                      <a:pt x="59" y="187"/>
                    </a:lnTo>
                    <a:lnTo>
                      <a:pt x="71" y="176"/>
                    </a:lnTo>
                    <a:lnTo>
                      <a:pt x="74" y="176"/>
                    </a:lnTo>
                    <a:lnTo>
                      <a:pt x="78" y="175"/>
                    </a:lnTo>
                    <a:lnTo>
                      <a:pt x="81" y="175"/>
                    </a:lnTo>
                    <a:lnTo>
                      <a:pt x="83" y="176"/>
                    </a:lnTo>
                    <a:lnTo>
                      <a:pt x="83" y="178"/>
                    </a:lnTo>
                    <a:lnTo>
                      <a:pt x="81" y="182"/>
                    </a:lnTo>
                    <a:lnTo>
                      <a:pt x="74" y="185"/>
                    </a:lnTo>
                    <a:lnTo>
                      <a:pt x="74" y="187"/>
                    </a:lnTo>
                    <a:lnTo>
                      <a:pt x="76" y="190"/>
                    </a:lnTo>
                    <a:lnTo>
                      <a:pt x="78" y="195"/>
                    </a:lnTo>
                    <a:lnTo>
                      <a:pt x="79" y="200"/>
                    </a:lnTo>
                    <a:lnTo>
                      <a:pt x="79" y="205"/>
                    </a:lnTo>
                    <a:lnTo>
                      <a:pt x="78" y="209"/>
                    </a:lnTo>
                    <a:lnTo>
                      <a:pt x="71" y="212"/>
                    </a:lnTo>
                    <a:lnTo>
                      <a:pt x="63" y="212"/>
                    </a:lnTo>
                    <a:lnTo>
                      <a:pt x="61" y="214"/>
                    </a:lnTo>
                    <a:lnTo>
                      <a:pt x="59" y="214"/>
                    </a:lnTo>
                    <a:lnTo>
                      <a:pt x="57" y="217"/>
                    </a:lnTo>
                    <a:lnTo>
                      <a:pt x="56" y="219"/>
                    </a:lnTo>
                    <a:lnTo>
                      <a:pt x="54" y="220"/>
                    </a:lnTo>
                    <a:lnTo>
                      <a:pt x="52" y="224"/>
                    </a:lnTo>
                    <a:lnTo>
                      <a:pt x="51" y="226"/>
                    </a:lnTo>
                    <a:lnTo>
                      <a:pt x="51" y="224"/>
                    </a:lnTo>
                    <a:lnTo>
                      <a:pt x="47" y="222"/>
                    </a:lnTo>
                    <a:lnTo>
                      <a:pt x="44" y="220"/>
                    </a:lnTo>
                    <a:lnTo>
                      <a:pt x="41" y="220"/>
                    </a:lnTo>
                    <a:lnTo>
                      <a:pt x="35" y="220"/>
                    </a:lnTo>
                    <a:lnTo>
                      <a:pt x="34" y="220"/>
                    </a:lnTo>
                    <a:lnTo>
                      <a:pt x="30" y="224"/>
                    </a:lnTo>
                    <a:lnTo>
                      <a:pt x="30" y="231"/>
                    </a:lnTo>
                    <a:lnTo>
                      <a:pt x="30" y="232"/>
                    </a:lnTo>
                    <a:lnTo>
                      <a:pt x="30" y="234"/>
                    </a:lnTo>
                    <a:lnTo>
                      <a:pt x="30" y="236"/>
                    </a:lnTo>
                    <a:lnTo>
                      <a:pt x="29" y="237"/>
                    </a:lnTo>
                    <a:lnTo>
                      <a:pt x="29" y="239"/>
                    </a:lnTo>
                    <a:lnTo>
                      <a:pt x="27" y="242"/>
                    </a:lnTo>
                    <a:lnTo>
                      <a:pt x="25" y="242"/>
                    </a:lnTo>
                    <a:lnTo>
                      <a:pt x="22" y="242"/>
                    </a:lnTo>
                    <a:lnTo>
                      <a:pt x="22" y="244"/>
                    </a:lnTo>
                    <a:lnTo>
                      <a:pt x="20" y="244"/>
                    </a:lnTo>
                    <a:lnTo>
                      <a:pt x="20" y="248"/>
                    </a:lnTo>
                    <a:lnTo>
                      <a:pt x="19" y="249"/>
                    </a:lnTo>
                    <a:lnTo>
                      <a:pt x="17" y="251"/>
                    </a:lnTo>
                    <a:lnTo>
                      <a:pt x="17" y="254"/>
                    </a:lnTo>
                    <a:lnTo>
                      <a:pt x="17" y="256"/>
                    </a:lnTo>
                    <a:lnTo>
                      <a:pt x="15" y="256"/>
                    </a:lnTo>
                    <a:lnTo>
                      <a:pt x="13" y="258"/>
                    </a:lnTo>
                    <a:lnTo>
                      <a:pt x="12" y="261"/>
                    </a:lnTo>
                    <a:lnTo>
                      <a:pt x="10" y="263"/>
                    </a:lnTo>
                    <a:lnTo>
                      <a:pt x="8" y="266"/>
                    </a:lnTo>
                    <a:lnTo>
                      <a:pt x="10" y="266"/>
                    </a:lnTo>
                    <a:lnTo>
                      <a:pt x="12" y="266"/>
                    </a:lnTo>
                    <a:lnTo>
                      <a:pt x="19" y="264"/>
                    </a:lnTo>
                    <a:lnTo>
                      <a:pt x="19" y="268"/>
                    </a:lnTo>
                    <a:lnTo>
                      <a:pt x="17" y="271"/>
                    </a:lnTo>
                    <a:lnTo>
                      <a:pt x="17" y="273"/>
                    </a:lnTo>
                    <a:lnTo>
                      <a:pt x="19" y="275"/>
                    </a:lnTo>
                    <a:lnTo>
                      <a:pt x="20" y="278"/>
                    </a:lnTo>
                    <a:lnTo>
                      <a:pt x="24" y="280"/>
                    </a:lnTo>
                    <a:lnTo>
                      <a:pt x="27" y="283"/>
                    </a:lnTo>
                    <a:lnTo>
                      <a:pt x="30" y="286"/>
                    </a:lnTo>
                    <a:lnTo>
                      <a:pt x="35" y="288"/>
                    </a:lnTo>
                    <a:lnTo>
                      <a:pt x="41" y="288"/>
                    </a:lnTo>
                    <a:lnTo>
                      <a:pt x="39" y="290"/>
                    </a:lnTo>
                    <a:lnTo>
                      <a:pt x="37" y="292"/>
                    </a:lnTo>
                    <a:lnTo>
                      <a:pt x="34" y="295"/>
                    </a:lnTo>
                    <a:lnTo>
                      <a:pt x="30" y="300"/>
                    </a:lnTo>
                    <a:lnTo>
                      <a:pt x="29" y="303"/>
                    </a:lnTo>
                    <a:lnTo>
                      <a:pt x="27" y="307"/>
                    </a:lnTo>
                    <a:lnTo>
                      <a:pt x="29" y="308"/>
                    </a:lnTo>
                    <a:lnTo>
                      <a:pt x="32" y="310"/>
                    </a:lnTo>
                    <a:lnTo>
                      <a:pt x="34" y="310"/>
                    </a:lnTo>
                    <a:lnTo>
                      <a:pt x="35" y="314"/>
                    </a:lnTo>
                    <a:lnTo>
                      <a:pt x="37" y="317"/>
                    </a:lnTo>
                    <a:lnTo>
                      <a:pt x="41" y="319"/>
                    </a:lnTo>
                    <a:lnTo>
                      <a:pt x="44" y="320"/>
                    </a:lnTo>
                    <a:lnTo>
                      <a:pt x="47" y="319"/>
                    </a:lnTo>
                    <a:lnTo>
                      <a:pt x="52" y="314"/>
                    </a:lnTo>
                    <a:lnTo>
                      <a:pt x="56" y="305"/>
                    </a:lnTo>
                    <a:lnTo>
                      <a:pt x="57" y="303"/>
                    </a:lnTo>
                    <a:lnTo>
                      <a:pt x="59" y="300"/>
                    </a:lnTo>
                    <a:lnTo>
                      <a:pt x="59" y="298"/>
                    </a:lnTo>
                    <a:lnTo>
                      <a:pt x="59" y="300"/>
                    </a:lnTo>
                    <a:lnTo>
                      <a:pt x="59" y="302"/>
                    </a:lnTo>
                    <a:lnTo>
                      <a:pt x="59" y="305"/>
                    </a:lnTo>
                    <a:lnTo>
                      <a:pt x="59" y="308"/>
                    </a:lnTo>
                    <a:lnTo>
                      <a:pt x="61" y="312"/>
                    </a:lnTo>
                    <a:lnTo>
                      <a:pt x="63" y="315"/>
                    </a:lnTo>
                    <a:lnTo>
                      <a:pt x="64" y="319"/>
                    </a:lnTo>
                    <a:lnTo>
                      <a:pt x="68" y="322"/>
                    </a:lnTo>
                    <a:lnTo>
                      <a:pt x="69" y="322"/>
                    </a:lnTo>
                    <a:lnTo>
                      <a:pt x="69" y="324"/>
                    </a:lnTo>
                    <a:lnTo>
                      <a:pt x="69" y="327"/>
                    </a:lnTo>
                    <a:lnTo>
                      <a:pt x="68" y="329"/>
                    </a:lnTo>
                    <a:lnTo>
                      <a:pt x="68" y="332"/>
                    </a:lnTo>
                    <a:lnTo>
                      <a:pt x="66" y="334"/>
                    </a:lnTo>
                    <a:lnTo>
                      <a:pt x="66" y="336"/>
                    </a:lnTo>
                    <a:lnTo>
                      <a:pt x="64" y="346"/>
                    </a:lnTo>
                    <a:lnTo>
                      <a:pt x="64" y="347"/>
                    </a:lnTo>
                    <a:lnTo>
                      <a:pt x="66" y="351"/>
                    </a:lnTo>
                    <a:lnTo>
                      <a:pt x="66" y="352"/>
                    </a:lnTo>
                    <a:lnTo>
                      <a:pt x="68" y="352"/>
                    </a:lnTo>
                    <a:lnTo>
                      <a:pt x="69" y="352"/>
                    </a:lnTo>
                    <a:lnTo>
                      <a:pt x="73" y="349"/>
                    </a:lnTo>
                    <a:lnTo>
                      <a:pt x="78" y="341"/>
                    </a:lnTo>
                    <a:lnTo>
                      <a:pt x="79" y="341"/>
                    </a:lnTo>
                    <a:lnTo>
                      <a:pt x="79" y="339"/>
                    </a:lnTo>
                    <a:lnTo>
                      <a:pt x="79" y="336"/>
                    </a:lnTo>
                    <a:lnTo>
                      <a:pt x="81" y="334"/>
                    </a:lnTo>
                    <a:lnTo>
                      <a:pt x="83" y="336"/>
                    </a:lnTo>
                    <a:lnTo>
                      <a:pt x="86" y="337"/>
                    </a:lnTo>
                    <a:lnTo>
                      <a:pt x="90" y="341"/>
                    </a:lnTo>
                    <a:lnTo>
                      <a:pt x="91" y="341"/>
                    </a:lnTo>
                    <a:lnTo>
                      <a:pt x="91" y="339"/>
                    </a:lnTo>
                    <a:lnTo>
                      <a:pt x="91" y="337"/>
                    </a:lnTo>
                    <a:lnTo>
                      <a:pt x="93" y="336"/>
                    </a:lnTo>
                    <a:lnTo>
                      <a:pt x="93" y="334"/>
                    </a:lnTo>
                    <a:lnTo>
                      <a:pt x="95" y="336"/>
                    </a:lnTo>
                    <a:lnTo>
                      <a:pt x="96" y="337"/>
                    </a:lnTo>
                    <a:lnTo>
                      <a:pt x="98" y="344"/>
                    </a:lnTo>
                    <a:lnTo>
                      <a:pt x="100" y="346"/>
                    </a:lnTo>
                    <a:lnTo>
                      <a:pt x="100" y="347"/>
                    </a:lnTo>
                    <a:lnTo>
                      <a:pt x="101" y="351"/>
                    </a:lnTo>
                    <a:lnTo>
                      <a:pt x="103" y="352"/>
                    </a:lnTo>
                    <a:lnTo>
                      <a:pt x="105" y="354"/>
                    </a:lnTo>
                    <a:lnTo>
                      <a:pt x="107" y="352"/>
                    </a:lnTo>
                    <a:lnTo>
                      <a:pt x="108" y="351"/>
                    </a:lnTo>
                    <a:lnTo>
                      <a:pt x="108" y="344"/>
                    </a:lnTo>
                    <a:lnTo>
                      <a:pt x="110" y="344"/>
                    </a:lnTo>
                    <a:lnTo>
                      <a:pt x="113" y="346"/>
                    </a:lnTo>
                    <a:lnTo>
                      <a:pt x="117" y="346"/>
                    </a:lnTo>
                    <a:lnTo>
                      <a:pt x="122" y="346"/>
                    </a:lnTo>
                    <a:lnTo>
                      <a:pt x="127" y="342"/>
                    </a:lnTo>
                    <a:lnTo>
                      <a:pt x="132" y="337"/>
                    </a:lnTo>
                    <a:lnTo>
                      <a:pt x="139" y="329"/>
                    </a:lnTo>
                    <a:lnTo>
                      <a:pt x="137" y="332"/>
                    </a:lnTo>
                    <a:lnTo>
                      <a:pt x="135" y="336"/>
                    </a:lnTo>
                    <a:lnTo>
                      <a:pt x="134" y="341"/>
                    </a:lnTo>
                    <a:lnTo>
                      <a:pt x="130" y="344"/>
                    </a:lnTo>
                    <a:lnTo>
                      <a:pt x="130" y="347"/>
                    </a:lnTo>
                    <a:lnTo>
                      <a:pt x="129" y="351"/>
                    </a:lnTo>
                    <a:lnTo>
                      <a:pt x="127" y="352"/>
                    </a:lnTo>
                    <a:lnTo>
                      <a:pt x="127" y="358"/>
                    </a:lnTo>
                    <a:lnTo>
                      <a:pt x="125" y="364"/>
                    </a:lnTo>
                    <a:lnTo>
                      <a:pt x="125" y="371"/>
                    </a:lnTo>
                    <a:lnTo>
                      <a:pt x="122" y="378"/>
                    </a:lnTo>
                    <a:lnTo>
                      <a:pt x="120" y="383"/>
                    </a:lnTo>
                    <a:lnTo>
                      <a:pt x="117" y="388"/>
                    </a:lnTo>
                    <a:lnTo>
                      <a:pt x="112" y="390"/>
                    </a:lnTo>
                    <a:lnTo>
                      <a:pt x="112" y="391"/>
                    </a:lnTo>
                    <a:lnTo>
                      <a:pt x="113" y="391"/>
                    </a:lnTo>
                    <a:lnTo>
                      <a:pt x="113" y="393"/>
                    </a:lnTo>
                    <a:lnTo>
                      <a:pt x="112" y="396"/>
                    </a:lnTo>
                    <a:lnTo>
                      <a:pt x="110" y="398"/>
                    </a:lnTo>
                    <a:lnTo>
                      <a:pt x="107" y="402"/>
                    </a:lnTo>
                    <a:lnTo>
                      <a:pt x="100" y="405"/>
                    </a:lnTo>
                    <a:lnTo>
                      <a:pt x="96" y="407"/>
                    </a:lnTo>
                    <a:lnTo>
                      <a:pt x="91" y="408"/>
                    </a:lnTo>
                    <a:lnTo>
                      <a:pt x="88" y="412"/>
                    </a:lnTo>
                    <a:lnTo>
                      <a:pt x="85" y="413"/>
                    </a:lnTo>
                    <a:lnTo>
                      <a:pt x="83" y="418"/>
                    </a:lnTo>
                    <a:lnTo>
                      <a:pt x="83" y="422"/>
                    </a:lnTo>
                    <a:lnTo>
                      <a:pt x="85" y="425"/>
                    </a:lnTo>
                    <a:lnTo>
                      <a:pt x="85" y="427"/>
                    </a:lnTo>
                    <a:lnTo>
                      <a:pt x="85" y="429"/>
                    </a:lnTo>
                    <a:lnTo>
                      <a:pt x="83" y="430"/>
                    </a:lnTo>
                    <a:lnTo>
                      <a:pt x="81" y="430"/>
                    </a:lnTo>
                    <a:lnTo>
                      <a:pt x="79" y="432"/>
                    </a:lnTo>
                    <a:lnTo>
                      <a:pt x="78" y="430"/>
                    </a:lnTo>
                    <a:lnTo>
                      <a:pt x="76" y="429"/>
                    </a:lnTo>
                    <a:lnTo>
                      <a:pt x="76" y="424"/>
                    </a:lnTo>
                    <a:lnTo>
                      <a:pt x="74" y="424"/>
                    </a:lnTo>
                    <a:lnTo>
                      <a:pt x="71" y="424"/>
                    </a:lnTo>
                    <a:lnTo>
                      <a:pt x="69" y="424"/>
                    </a:lnTo>
                    <a:lnTo>
                      <a:pt x="68" y="425"/>
                    </a:lnTo>
                    <a:lnTo>
                      <a:pt x="64" y="425"/>
                    </a:lnTo>
                    <a:lnTo>
                      <a:pt x="63" y="425"/>
                    </a:lnTo>
                    <a:lnTo>
                      <a:pt x="46" y="442"/>
                    </a:lnTo>
                    <a:lnTo>
                      <a:pt x="44" y="442"/>
                    </a:lnTo>
                    <a:lnTo>
                      <a:pt x="44" y="444"/>
                    </a:lnTo>
                    <a:lnTo>
                      <a:pt x="42" y="447"/>
                    </a:lnTo>
                    <a:lnTo>
                      <a:pt x="41" y="449"/>
                    </a:lnTo>
                    <a:lnTo>
                      <a:pt x="41" y="452"/>
                    </a:lnTo>
                    <a:lnTo>
                      <a:pt x="42" y="452"/>
                    </a:lnTo>
                    <a:lnTo>
                      <a:pt x="44" y="451"/>
                    </a:lnTo>
                    <a:lnTo>
                      <a:pt x="51" y="447"/>
                    </a:lnTo>
                    <a:lnTo>
                      <a:pt x="52" y="446"/>
                    </a:lnTo>
                    <a:lnTo>
                      <a:pt x="56" y="444"/>
                    </a:lnTo>
                    <a:lnTo>
                      <a:pt x="57" y="440"/>
                    </a:lnTo>
                    <a:lnTo>
                      <a:pt x="61" y="439"/>
                    </a:lnTo>
                    <a:lnTo>
                      <a:pt x="64" y="435"/>
                    </a:lnTo>
                    <a:lnTo>
                      <a:pt x="66" y="434"/>
                    </a:lnTo>
                    <a:lnTo>
                      <a:pt x="68" y="432"/>
                    </a:lnTo>
                    <a:lnTo>
                      <a:pt x="68" y="434"/>
                    </a:lnTo>
                    <a:lnTo>
                      <a:pt x="68" y="437"/>
                    </a:lnTo>
                    <a:lnTo>
                      <a:pt x="68" y="439"/>
                    </a:lnTo>
                    <a:lnTo>
                      <a:pt x="69" y="440"/>
                    </a:lnTo>
                    <a:lnTo>
                      <a:pt x="73" y="440"/>
                    </a:lnTo>
                    <a:lnTo>
                      <a:pt x="78" y="439"/>
                    </a:lnTo>
                    <a:lnTo>
                      <a:pt x="86" y="434"/>
                    </a:lnTo>
                    <a:lnTo>
                      <a:pt x="88" y="430"/>
                    </a:lnTo>
                    <a:lnTo>
                      <a:pt x="90" y="429"/>
                    </a:lnTo>
                    <a:lnTo>
                      <a:pt x="91" y="429"/>
                    </a:lnTo>
                    <a:lnTo>
                      <a:pt x="95" y="434"/>
                    </a:lnTo>
                    <a:lnTo>
                      <a:pt x="96" y="434"/>
                    </a:lnTo>
                    <a:lnTo>
                      <a:pt x="96" y="432"/>
                    </a:lnTo>
                    <a:lnTo>
                      <a:pt x="96" y="430"/>
                    </a:lnTo>
                    <a:lnTo>
                      <a:pt x="98" y="427"/>
                    </a:lnTo>
                    <a:lnTo>
                      <a:pt x="101" y="424"/>
                    </a:lnTo>
                    <a:lnTo>
                      <a:pt x="105" y="422"/>
                    </a:lnTo>
                    <a:lnTo>
                      <a:pt x="110" y="420"/>
                    </a:lnTo>
                    <a:lnTo>
                      <a:pt x="117" y="420"/>
                    </a:lnTo>
                    <a:lnTo>
                      <a:pt x="117" y="418"/>
                    </a:lnTo>
                    <a:lnTo>
                      <a:pt x="115" y="418"/>
                    </a:lnTo>
                    <a:lnTo>
                      <a:pt x="113" y="415"/>
                    </a:lnTo>
                    <a:lnTo>
                      <a:pt x="113" y="413"/>
                    </a:lnTo>
                    <a:lnTo>
                      <a:pt x="115" y="408"/>
                    </a:lnTo>
                    <a:lnTo>
                      <a:pt x="120" y="405"/>
                    </a:lnTo>
                    <a:lnTo>
                      <a:pt x="127" y="398"/>
                    </a:lnTo>
                    <a:lnTo>
                      <a:pt x="139" y="391"/>
                    </a:lnTo>
                    <a:lnTo>
                      <a:pt x="140" y="391"/>
                    </a:lnTo>
                    <a:lnTo>
                      <a:pt x="139" y="390"/>
                    </a:lnTo>
                    <a:lnTo>
                      <a:pt x="139" y="388"/>
                    </a:lnTo>
                    <a:lnTo>
                      <a:pt x="140" y="385"/>
                    </a:lnTo>
                    <a:lnTo>
                      <a:pt x="144" y="381"/>
                    </a:lnTo>
                    <a:lnTo>
                      <a:pt x="151" y="374"/>
                    </a:lnTo>
                    <a:lnTo>
                      <a:pt x="161" y="366"/>
                    </a:lnTo>
                    <a:lnTo>
                      <a:pt x="174" y="354"/>
                    </a:lnTo>
                    <a:lnTo>
                      <a:pt x="176" y="352"/>
                    </a:lnTo>
                    <a:lnTo>
                      <a:pt x="178" y="347"/>
                    </a:lnTo>
                    <a:lnTo>
                      <a:pt x="178" y="344"/>
                    </a:lnTo>
                    <a:lnTo>
                      <a:pt x="179" y="342"/>
                    </a:lnTo>
                    <a:lnTo>
                      <a:pt x="181" y="341"/>
                    </a:lnTo>
                    <a:lnTo>
                      <a:pt x="183" y="339"/>
                    </a:lnTo>
                    <a:lnTo>
                      <a:pt x="183" y="337"/>
                    </a:lnTo>
                    <a:lnTo>
                      <a:pt x="184" y="336"/>
                    </a:lnTo>
                    <a:lnTo>
                      <a:pt x="183" y="332"/>
                    </a:lnTo>
                    <a:lnTo>
                      <a:pt x="181" y="330"/>
                    </a:lnTo>
                    <a:lnTo>
                      <a:pt x="174" y="330"/>
                    </a:lnTo>
                    <a:lnTo>
                      <a:pt x="173" y="330"/>
                    </a:lnTo>
                    <a:lnTo>
                      <a:pt x="173" y="329"/>
                    </a:lnTo>
                    <a:lnTo>
                      <a:pt x="173" y="327"/>
                    </a:lnTo>
                    <a:lnTo>
                      <a:pt x="174" y="322"/>
                    </a:lnTo>
                    <a:lnTo>
                      <a:pt x="178" y="317"/>
                    </a:lnTo>
                    <a:lnTo>
                      <a:pt x="183" y="310"/>
                    </a:lnTo>
                    <a:lnTo>
                      <a:pt x="191" y="302"/>
                    </a:lnTo>
                    <a:lnTo>
                      <a:pt x="193" y="298"/>
                    </a:lnTo>
                    <a:lnTo>
                      <a:pt x="195" y="293"/>
                    </a:lnTo>
                    <a:lnTo>
                      <a:pt x="196" y="285"/>
                    </a:lnTo>
                    <a:lnTo>
                      <a:pt x="200" y="276"/>
                    </a:lnTo>
                    <a:lnTo>
                      <a:pt x="205" y="268"/>
                    </a:lnTo>
                    <a:lnTo>
                      <a:pt x="211" y="264"/>
                    </a:lnTo>
                    <a:lnTo>
                      <a:pt x="220" y="264"/>
                    </a:lnTo>
                    <a:lnTo>
                      <a:pt x="230" y="271"/>
                    </a:lnTo>
                    <a:lnTo>
                      <a:pt x="228" y="271"/>
                    </a:lnTo>
                    <a:lnTo>
                      <a:pt x="225" y="271"/>
                    </a:lnTo>
                    <a:lnTo>
                      <a:pt x="220" y="273"/>
                    </a:lnTo>
                    <a:lnTo>
                      <a:pt x="213" y="273"/>
                    </a:lnTo>
                    <a:lnTo>
                      <a:pt x="210" y="276"/>
                    </a:lnTo>
                    <a:lnTo>
                      <a:pt x="206" y="281"/>
                    </a:lnTo>
                    <a:lnTo>
                      <a:pt x="206" y="288"/>
                    </a:lnTo>
                    <a:lnTo>
                      <a:pt x="210" y="297"/>
                    </a:lnTo>
                    <a:lnTo>
                      <a:pt x="210" y="298"/>
                    </a:lnTo>
                    <a:lnTo>
                      <a:pt x="208" y="302"/>
                    </a:lnTo>
                    <a:lnTo>
                      <a:pt x="205" y="305"/>
                    </a:lnTo>
                    <a:lnTo>
                      <a:pt x="203" y="308"/>
                    </a:lnTo>
                    <a:lnTo>
                      <a:pt x="203" y="310"/>
                    </a:lnTo>
                    <a:lnTo>
                      <a:pt x="205" y="312"/>
                    </a:lnTo>
                    <a:lnTo>
                      <a:pt x="208" y="310"/>
                    </a:lnTo>
                    <a:lnTo>
                      <a:pt x="215" y="307"/>
                    </a:lnTo>
                    <a:lnTo>
                      <a:pt x="213" y="308"/>
                    </a:lnTo>
                    <a:lnTo>
                      <a:pt x="211" y="312"/>
                    </a:lnTo>
                    <a:lnTo>
                      <a:pt x="210" y="317"/>
                    </a:lnTo>
                    <a:lnTo>
                      <a:pt x="208" y="320"/>
                    </a:lnTo>
                    <a:lnTo>
                      <a:pt x="208" y="324"/>
                    </a:lnTo>
                    <a:lnTo>
                      <a:pt x="210" y="322"/>
                    </a:lnTo>
                    <a:lnTo>
                      <a:pt x="217" y="319"/>
                    </a:lnTo>
                    <a:lnTo>
                      <a:pt x="227" y="308"/>
                    </a:lnTo>
                    <a:lnTo>
                      <a:pt x="227" y="307"/>
                    </a:lnTo>
                    <a:lnTo>
                      <a:pt x="230" y="305"/>
                    </a:lnTo>
                    <a:lnTo>
                      <a:pt x="232" y="303"/>
                    </a:lnTo>
                    <a:lnTo>
                      <a:pt x="233" y="302"/>
                    </a:lnTo>
                    <a:lnTo>
                      <a:pt x="237" y="300"/>
                    </a:lnTo>
                    <a:lnTo>
                      <a:pt x="239" y="298"/>
                    </a:lnTo>
                    <a:lnTo>
                      <a:pt x="240" y="297"/>
                    </a:lnTo>
                    <a:lnTo>
                      <a:pt x="242" y="297"/>
                    </a:lnTo>
                    <a:lnTo>
                      <a:pt x="244" y="297"/>
                    </a:lnTo>
                    <a:lnTo>
                      <a:pt x="245" y="295"/>
                    </a:lnTo>
                    <a:lnTo>
                      <a:pt x="247" y="293"/>
                    </a:lnTo>
                    <a:lnTo>
                      <a:pt x="249" y="290"/>
                    </a:lnTo>
                    <a:lnTo>
                      <a:pt x="247" y="286"/>
                    </a:lnTo>
                    <a:lnTo>
                      <a:pt x="245" y="281"/>
                    </a:lnTo>
                    <a:lnTo>
                      <a:pt x="245" y="280"/>
                    </a:lnTo>
                    <a:lnTo>
                      <a:pt x="244" y="276"/>
                    </a:lnTo>
                    <a:lnTo>
                      <a:pt x="242" y="273"/>
                    </a:lnTo>
                    <a:lnTo>
                      <a:pt x="240" y="271"/>
                    </a:lnTo>
                    <a:lnTo>
                      <a:pt x="250" y="264"/>
                    </a:lnTo>
                    <a:lnTo>
                      <a:pt x="255" y="268"/>
                    </a:lnTo>
                    <a:lnTo>
                      <a:pt x="266" y="263"/>
                    </a:lnTo>
                    <a:lnTo>
                      <a:pt x="281" y="271"/>
                    </a:lnTo>
                    <a:lnTo>
                      <a:pt x="286" y="278"/>
                    </a:lnTo>
                    <a:lnTo>
                      <a:pt x="293" y="270"/>
                    </a:lnTo>
                    <a:lnTo>
                      <a:pt x="303" y="286"/>
                    </a:lnTo>
                    <a:lnTo>
                      <a:pt x="305" y="285"/>
                    </a:lnTo>
                    <a:lnTo>
                      <a:pt x="310" y="281"/>
                    </a:lnTo>
                    <a:lnTo>
                      <a:pt x="315" y="278"/>
                    </a:lnTo>
                    <a:lnTo>
                      <a:pt x="323" y="276"/>
                    </a:lnTo>
                    <a:lnTo>
                      <a:pt x="333" y="275"/>
                    </a:lnTo>
                    <a:lnTo>
                      <a:pt x="343" y="275"/>
                    </a:lnTo>
                    <a:lnTo>
                      <a:pt x="357" y="276"/>
                    </a:lnTo>
                    <a:lnTo>
                      <a:pt x="359" y="276"/>
                    </a:lnTo>
                    <a:lnTo>
                      <a:pt x="360" y="275"/>
                    </a:lnTo>
                    <a:lnTo>
                      <a:pt x="362" y="273"/>
                    </a:lnTo>
                    <a:lnTo>
                      <a:pt x="364" y="271"/>
                    </a:lnTo>
                    <a:lnTo>
                      <a:pt x="365" y="271"/>
                    </a:lnTo>
                    <a:lnTo>
                      <a:pt x="369" y="271"/>
                    </a:lnTo>
                    <a:lnTo>
                      <a:pt x="371" y="275"/>
                    </a:lnTo>
                    <a:lnTo>
                      <a:pt x="371" y="278"/>
                    </a:lnTo>
                    <a:lnTo>
                      <a:pt x="371" y="280"/>
                    </a:lnTo>
                    <a:lnTo>
                      <a:pt x="374" y="280"/>
                    </a:lnTo>
                    <a:lnTo>
                      <a:pt x="377" y="281"/>
                    </a:lnTo>
                    <a:lnTo>
                      <a:pt x="381" y="281"/>
                    </a:lnTo>
                    <a:lnTo>
                      <a:pt x="384" y="281"/>
                    </a:lnTo>
                    <a:lnTo>
                      <a:pt x="387" y="283"/>
                    </a:lnTo>
                    <a:lnTo>
                      <a:pt x="389" y="283"/>
                    </a:lnTo>
                    <a:lnTo>
                      <a:pt x="391" y="283"/>
                    </a:lnTo>
                    <a:lnTo>
                      <a:pt x="411" y="295"/>
                    </a:lnTo>
                    <a:lnTo>
                      <a:pt x="413" y="295"/>
                    </a:lnTo>
                    <a:lnTo>
                      <a:pt x="415" y="295"/>
                    </a:lnTo>
                    <a:lnTo>
                      <a:pt x="418" y="295"/>
                    </a:lnTo>
                    <a:lnTo>
                      <a:pt x="421" y="295"/>
                    </a:lnTo>
                    <a:lnTo>
                      <a:pt x="425" y="295"/>
                    </a:lnTo>
                    <a:lnTo>
                      <a:pt x="425" y="292"/>
                    </a:lnTo>
                    <a:lnTo>
                      <a:pt x="423" y="288"/>
                    </a:lnTo>
                    <a:lnTo>
                      <a:pt x="416" y="280"/>
                    </a:lnTo>
                    <a:lnTo>
                      <a:pt x="418" y="280"/>
                    </a:lnTo>
                    <a:lnTo>
                      <a:pt x="420" y="278"/>
                    </a:lnTo>
                    <a:lnTo>
                      <a:pt x="423" y="276"/>
                    </a:lnTo>
                    <a:lnTo>
                      <a:pt x="425" y="278"/>
                    </a:lnTo>
                    <a:lnTo>
                      <a:pt x="428" y="280"/>
                    </a:lnTo>
                    <a:lnTo>
                      <a:pt x="431" y="283"/>
                    </a:lnTo>
                    <a:lnTo>
                      <a:pt x="435" y="286"/>
                    </a:lnTo>
                    <a:lnTo>
                      <a:pt x="438" y="288"/>
                    </a:lnTo>
                    <a:lnTo>
                      <a:pt x="438" y="286"/>
                    </a:lnTo>
                    <a:lnTo>
                      <a:pt x="435" y="281"/>
                    </a:lnTo>
                    <a:lnTo>
                      <a:pt x="430" y="271"/>
                    </a:lnTo>
                    <a:lnTo>
                      <a:pt x="428" y="270"/>
                    </a:lnTo>
                    <a:lnTo>
                      <a:pt x="430" y="266"/>
                    </a:lnTo>
                    <a:lnTo>
                      <a:pt x="430" y="264"/>
                    </a:lnTo>
                    <a:lnTo>
                      <a:pt x="431" y="264"/>
                    </a:lnTo>
                    <a:lnTo>
                      <a:pt x="445" y="283"/>
                    </a:lnTo>
                    <a:lnTo>
                      <a:pt x="455" y="280"/>
                    </a:lnTo>
                    <a:lnTo>
                      <a:pt x="455" y="281"/>
                    </a:lnTo>
                    <a:lnTo>
                      <a:pt x="457" y="281"/>
                    </a:lnTo>
                    <a:lnTo>
                      <a:pt x="460" y="283"/>
                    </a:lnTo>
                    <a:lnTo>
                      <a:pt x="462" y="286"/>
                    </a:lnTo>
                    <a:lnTo>
                      <a:pt x="465" y="290"/>
                    </a:lnTo>
                    <a:lnTo>
                      <a:pt x="469" y="295"/>
                    </a:lnTo>
                    <a:lnTo>
                      <a:pt x="472" y="300"/>
                    </a:lnTo>
                    <a:lnTo>
                      <a:pt x="475" y="305"/>
                    </a:lnTo>
                    <a:lnTo>
                      <a:pt x="479" y="312"/>
                    </a:lnTo>
                    <a:lnTo>
                      <a:pt x="482" y="314"/>
                    </a:lnTo>
                    <a:lnTo>
                      <a:pt x="484" y="314"/>
                    </a:lnTo>
                    <a:lnTo>
                      <a:pt x="486" y="312"/>
                    </a:lnTo>
                    <a:lnTo>
                      <a:pt x="487" y="310"/>
                    </a:lnTo>
                    <a:lnTo>
                      <a:pt x="487" y="308"/>
                    </a:lnTo>
                    <a:lnTo>
                      <a:pt x="487" y="307"/>
                    </a:lnTo>
                    <a:lnTo>
                      <a:pt x="509" y="322"/>
                    </a:lnTo>
                    <a:lnTo>
                      <a:pt x="508" y="325"/>
                    </a:lnTo>
                    <a:lnTo>
                      <a:pt x="508" y="327"/>
                    </a:lnTo>
                    <a:lnTo>
                      <a:pt x="508" y="330"/>
                    </a:lnTo>
                    <a:lnTo>
                      <a:pt x="508" y="332"/>
                    </a:lnTo>
                    <a:lnTo>
                      <a:pt x="509" y="332"/>
                    </a:lnTo>
                    <a:lnTo>
                      <a:pt x="514" y="329"/>
                    </a:lnTo>
                    <a:lnTo>
                      <a:pt x="519" y="324"/>
                    </a:lnTo>
                    <a:lnTo>
                      <a:pt x="521" y="322"/>
                    </a:lnTo>
                    <a:lnTo>
                      <a:pt x="523" y="322"/>
                    </a:lnTo>
                    <a:lnTo>
                      <a:pt x="525" y="324"/>
                    </a:lnTo>
                    <a:lnTo>
                      <a:pt x="528" y="325"/>
                    </a:lnTo>
                    <a:lnTo>
                      <a:pt x="531" y="330"/>
                    </a:lnTo>
                    <a:lnTo>
                      <a:pt x="535" y="339"/>
                    </a:lnTo>
                    <a:lnTo>
                      <a:pt x="536" y="341"/>
                    </a:lnTo>
                    <a:lnTo>
                      <a:pt x="538" y="344"/>
                    </a:lnTo>
                    <a:lnTo>
                      <a:pt x="540" y="347"/>
                    </a:lnTo>
                    <a:lnTo>
                      <a:pt x="541" y="349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0" name="Freeform 79"/>
              <p:cNvSpPr>
                <a:spLocks/>
              </p:cNvSpPr>
              <p:nvPr/>
            </p:nvSpPr>
            <p:spPr bwMode="auto">
              <a:xfrm>
                <a:off x="1085" y="3327"/>
                <a:ext cx="27" cy="22"/>
              </a:xfrm>
              <a:custGeom>
                <a:avLst/>
                <a:gdLst>
                  <a:gd name="T0" fmla="*/ 0 w 27"/>
                  <a:gd name="T1" fmla="*/ 10 h 22"/>
                  <a:gd name="T2" fmla="*/ 0 w 27"/>
                  <a:gd name="T3" fmla="*/ 7 h 22"/>
                  <a:gd name="T4" fmla="*/ 2 w 27"/>
                  <a:gd name="T5" fmla="*/ 4 h 22"/>
                  <a:gd name="T6" fmla="*/ 14 w 27"/>
                  <a:gd name="T7" fmla="*/ 0 h 22"/>
                  <a:gd name="T8" fmla="*/ 27 w 27"/>
                  <a:gd name="T9" fmla="*/ 14 h 22"/>
                  <a:gd name="T10" fmla="*/ 22 w 27"/>
                  <a:gd name="T11" fmla="*/ 15 h 22"/>
                  <a:gd name="T12" fmla="*/ 22 w 27"/>
                  <a:gd name="T13" fmla="*/ 15 h 22"/>
                  <a:gd name="T14" fmla="*/ 17 w 27"/>
                  <a:gd name="T15" fmla="*/ 10 h 22"/>
                  <a:gd name="T16" fmla="*/ 12 w 27"/>
                  <a:gd name="T17" fmla="*/ 14 h 22"/>
                  <a:gd name="T18" fmla="*/ 17 w 27"/>
                  <a:gd name="T19" fmla="*/ 19 h 22"/>
                  <a:gd name="T20" fmla="*/ 14 w 27"/>
                  <a:gd name="T21" fmla="*/ 22 h 22"/>
                  <a:gd name="T22" fmla="*/ 0 w 27"/>
                  <a:gd name="T23" fmla="*/ 10 h 22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w 27"/>
                  <a:gd name="T37" fmla="*/ 0 h 22"/>
                  <a:gd name="T38" fmla="*/ 27 w 27"/>
                  <a:gd name="T39" fmla="*/ 22 h 22"/>
                </a:gdLst>
                <a:ahLst/>
                <a:cxnLst>
                  <a:cxn ang="T24">
                    <a:pos x="T0" y="T1"/>
                  </a:cxn>
                  <a:cxn ang="T25">
                    <a:pos x="T2" y="T3"/>
                  </a:cxn>
                  <a:cxn ang="T26">
                    <a:pos x="T4" y="T5"/>
                  </a:cxn>
                  <a:cxn ang="T27">
                    <a:pos x="T6" y="T7"/>
                  </a:cxn>
                  <a:cxn ang="T28">
                    <a:pos x="T8" y="T9"/>
                  </a:cxn>
                  <a:cxn ang="T29">
                    <a:pos x="T10" y="T11"/>
                  </a:cxn>
                  <a:cxn ang="T30">
                    <a:pos x="T12" y="T13"/>
                  </a:cxn>
                  <a:cxn ang="T31">
                    <a:pos x="T14" y="T15"/>
                  </a:cxn>
                  <a:cxn ang="T32">
                    <a:pos x="T16" y="T17"/>
                  </a:cxn>
                  <a:cxn ang="T33">
                    <a:pos x="T18" y="T19"/>
                  </a:cxn>
                  <a:cxn ang="T34">
                    <a:pos x="T20" y="T21"/>
                  </a:cxn>
                  <a:cxn ang="T35">
                    <a:pos x="T22" y="T23"/>
                  </a:cxn>
                </a:cxnLst>
                <a:rect l="T36" t="T37" r="T38" b="T39"/>
                <a:pathLst>
                  <a:path w="27" h="22">
                    <a:moveTo>
                      <a:pt x="0" y="10"/>
                    </a:moveTo>
                    <a:lnTo>
                      <a:pt x="0" y="7"/>
                    </a:lnTo>
                    <a:lnTo>
                      <a:pt x="2" y="4"/>
                    </a:lnTo>
                    <a:lnTo>
                      <a:pt x="14" y="0"/>
                    </a:lnTo>
                    <a:lnTo>
                      <a:pt x="27" y="14"/>
                    </a:lnTo>
                    <a:lnTo>
                      <a:pt x="22" y="15"/>
                    </a:lnTo>
                    <a:lnTo>
                      <a:pt x="17" y="10"/>
                    </a:lnTo>
                    <a:lnTo>
                      <a:pt x="12" y="14"/>
                    </a:lnTo>
                    <a:lnTo>
                      <a:pt x="17" y="19"/>
                    </a:lnTo>
                    <a:lnTo>
                      <a:pt x="14" y="22"/>
                    </a:lnTo>
                    <a:lnTo>
                      <a:pt x="0" y="1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1" name="Freeform 80"/>
              <p:cNvSpPr>
                <a:spLocks/>
              </p:cNvSpPr>
              <p:nvPr/>
            </p:nvSpPr>
            <p:spPr bwMode="auto">
              <a:xfrm>
                <a:off x="1085" y="3327"/>
                <a:ext cx="27" cy="22"/>
              </a:xfrm>
              <a:custGeom>
                <a:avLst/>
                <a:gdLst>
                  <a:gd name="T0" fmla="*/ 0 w 27"/>
                  <a:gd name="T1" fmla="*/ 10 h 22"/>
                  <a:gd name="T2" fmla="*/ 0 w 27"/>
                  <a:gd name="T3" fmla="*/ 7 h 22"/>
                  <a:gd name="T4" fmla="*/ 2 w 27"/>
                  <a:gd name="T5" fmla="*/ 4 h 22"/>
                  <a:gd name="T6" fmla="*/ 14 w 27"/>
                  <a:gd name="T7" fmla="*/ 0 h 22"/>
                  <a:gd name="T8" fmla="*/ 27 w 27"/>
                  <a:gd name="T9" fmla="*/ 14 h 22"/>
                  <a:gd name="T10" fmla="*/ 22 w 27"/>
                  <a:gd name="T11" fmla="*/ 15 h 22"/>
                  <a:gd name="T12" fmla="*/ 22 w 27"/>
                  <a:gd name="T13" fmla="*/ 15 h 22"/>
                  <a:gd name="T14" fmla="*/ 17 w 27"/>
                  <a:gd name="T15" fmla="*/ 10 h 22"/>
                  <a:gd name="T16" fmla="*/ 12 w 27"/>
                  <a:gd name="T17" fmla="*/ 14 h 22"/>
                  <a:gd name="T18" fmla="*/ 17 w 27"/>
                  <a:gd name="T19" fmla="*/ 19 h 22"/>
                  <a:gd name="T20" fmla="*/ 14 w 27"/>
                  <a:gd name="T21" fmla="*/ 22 h 22"/>
                  <a:gd name="T22" fmla="*/ 0 w 27"/>
                  <a:gd name="T23" fmla="*/ 10 h 22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w 27"/>
                  <a:gd name="T37" fmla="*/ 0 h 22"/>
                  <a:gd name="T38" fmla="*/ 27 w 27"/>
                  <a:gd name="T39" fmla="*/ 22 h 22"/>
                </a:gdLst>
                <a:ahLst/>
                <a:cxnLst>
                  <a:cxn ang="T24">
                    <a:pos x="T0" y="T1"/>
                  </a:cxn>
                  <a:cxn ang="T25">
                    <a:pos x="T2" y="T3"/>
                  </a:cxn>
                  <a:cxn ang="T26">
                    <a:pos x="T4" y="T5"/>
                  </a:cxn>
                  <a:cxn ang="T27">
                    <a:pos x="T6" y="T7"/>
                  </a:cxn>
                  <a:cxn ang="T28">
                    <a:pos x="T8" y="T9"/>
                  </a:cxn>
                  <a:cxn ang="T29">
                    <a:pos x="T10" y="T11"/>
                  </a:cxn>
                  <a:cxn ang="T30">
                    <a:pos x="T12" y="T13"/>
                  </a:cxn>
                  <a:cxn ang="T31">
                    <a:pos x="T14" y="T15"/>
                  </a:cxn>
                  <a:cxn ang="T32">
                    <a:pos x="T16" y="T17"/>
                  </a:cxn>
                  <a:cxn ang="T33">
                    <a:pos x="T18" y="T19"/>
                  </a:cxn>
                  <a:cxn ang="T34">
                    <a:pos x="T20" y="T21"/>
                  </a:cxn>
                  <a:cxn ang="T35">
                    <a:pos x="T22" y="T23"/>
                  </a:cxn>
                </a:cxnLst>
                <a:rect l="T36" t="T37" r="T38" b="T39"/>
                <a:pathLst>
                  <a:path w="27" h="22">
                    <a:moveTo>
                      <a:pt x="0" y="10"/>
                    </a:moveTo>
                    <a:lnTo>
                      <a:pt x="0" y="7"/>
                    </a:lnTo>
                    <a:lnTo>
                      <a:pt x="2" y="4"/>
                    </a:lnTo>
                    <a:lnTo>
                      <a:pt x="14" y="0"/>
                    </a:lnTo>
                    <a:lnTo>
                      <a:pt x="27" y="14"/>
                    </a:lnTo>
                    <a:lnTo>
                      <a:pt x="22" y="15"/>
                    </a:lnTo>
                    <a:lnTo>
                      <a:pt x="17" y="10"/>
                    </a:lnTo>
                    <a:lnTo>
                      <a:pt x="12" y="14"/>
                    </a:lnTo>
                    <a:lnTo>
                      <a:pt x="17" y="19"/>
                    </a:lnTo>
                    <a:lnTo>
                      <a:pt x="14" y="22"/>
                    </a:lnTo>
                    <a:lnTo>
                      <a:pt x="0" y="1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2" name="Freeform 81"/>
              <p:cNvSpPr>
                <a:spLocks/>
              </p:cNvSpPr>
              <p:nvPr/>
            </p:nvSpPr>
            <p:spPr bwMode="auto">
              <a:xfrm>
                <a:off x="1107" y="3348"/>
                <a:ext cx="21" cy="23"/>
              </a:xfrm>
              <a:custGeom>
                <a:avLst/>
                <a:gdLst>
                  <a:gd name="T0" fmla="*/ 5 w 21"/>
                  <a:gd name="T1" fmla="*/ 0 h 23"/>
                  <a:gd name="T2" fmla="*/ 0 w 21"/>
                  <a:gd name="T3" fmla="*/ 3 h 23"/>
                  <a:gd name="T4" fmla="*/ 11 w 21"/>
                  <a:gd name="T5" fmla="*/ 16 h 23"/>
                  <a:gd name="T6" fmla="*/ 21 w 21"/>
                  <a:gd name="T7" fmla="*/ 23 h 23"/>
                  <a:gd name="T8" fmla="*/ 14 w 21"/>
                  <a:gd name="T9" fmla="*/ 6 h 23"/>
                  <a:gd name="T10" fmla="*/ 5 w 21"/>
                  <a:gd name="T11" fmla="*/ 0 h 23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21"/>
                  <a:gd name="T19" fmla="*/ 0 h 23"/>
                  <a:gd name="T20" fmla="*/ 21 w 21"/>
                  <a:gd name="T21" fmla="*/ 23 h 23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21" h="23">
                    <a:moveTo>
                      <a:pt x="5" y="0"/>
                    </a:moveTo>
                    <a:lnTo>
                      <a:pt x="0" y="3"/>
                    </a:lnTo>
                    <a:lnTo>
                      <a:pt x="11" y="16"/>
                    </a:lnTo>
                    <a:lnTo>
                      <a:pt x="21" y="23"/>
                    </a:lnTo>
                    <a:lnTo>
                      <a:pt x="14" y="6"/>
                    </a:lnTo>
                    <a:lnTo>
                      <a:pt x="5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3" name="Freeform 82"/>
              <p:cNvSpPr>
                <a:spLocks/>
              </p:cNvSpPr>
              <p:nvPr/>
            </p:nvSpPr>
            <p:spPr bwMode="auto">
              <a:xfrm>
                <a:off x="1107" y="3348"/>
                <a:ext cx="21" cy="23"/>
              </a:xfrm>
              <a:custGeom>
                <a:avLst/>
                <a:gdLst>
                  <a:gd name="T0" fmla="*/ 5 w 21"/>
                  <a:gd name="T1" fmla="*/ 0 h 23"/>
                  <a:gd name="T2" fmla="*/ 0 w 21"/>
                  <a:gd name="T3" fmla="*/ 3 h 23"/>
                  <a:gd name="T4" fmla="*/ 11 w 21"/>
                  <a:gd name="T5" fmla="*/ 16 h 23"/>
                  <a:gd name="T6" fmla="*/ 21 w 21"/>
                  <a:gd name="T7" fmla="*/ 23 h 23"/>
                  <a:gd name="T8" fmla="*/ 14 w 21"/>
                  <a:gd name="T9" fmla="*/ 6 h 23"/>
                  <a:gd name="T10" fmla="*/ 5 w 21"/>
                  <a:gd name="T11" fmla="*/ 0 h 23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21"/>
                  <a:gd name="T19" fmla="*/ 0 h 23"/>
                  <a:gd name="T20" fmla="*/ 21 w 21"/>
                  <a:gd name="T21" fmla="*/ 23 h 23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21" h="23">
                    <a:moveTo>
                      <a:pt x="5" y="0"/>
                    </a:moveTo>
                    <a:lnTo>
                      <a:pt x="0" y="3"/>
                    </a:lnTo>
                    <a:lnTo>
                      <a:pt x="11" y="16"/>
                    </a:lnTo>
                    <a:lnTo>
                      <a:pt x="21" y="23"/>
                    </a:lnTo>
                    <a:lnTo>
                      <a:pt x="14" y="6"/>
                    </a:lnTo>
                    <a:lnTo>
                      <a:pt x="5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4" name="Freeform 83"/>
              <p:cNvSpPr>
                <a:spLocks/>
              </p:cNvSpPr>
              <p:nvPr/>
            </p:nvSpPr>
            <p:spPr bwMode="auto">
              <a:xfrm>
                <a:off x="1107" y="3322"/>
                <a:ext cx="19" cy="24"/>
              </a:xfrm>
              <a:custGeom>
                <a:avLst/>
                <a:gdLst>
                  <a:gd name="T0" fmla="*/ 4 w 19"/>
                  <a:gd name="T1" fmla="*/ 0 h 24"/>
                  <a:gd name="T2" fmla="*/ 19 w 19"/>
                  <a:gd name="T3" fmla="*/ 15 h 24"/>
                  <a:gd name="T4" fmla="*/ 17 w 19"/>
                  <a:gd name="T5" fmla="*/ 24 h 24"/>
                  <a:gd name="T6" fmla="*/ 11 w 19"/>
                  <a:gd name="T7" fmla="*/ 22 h 24"/>
                  <a:gd name="T8" fmla="*/ 11 w 19"/>
                  <a:gd name="T9" fmla="*/ 15 h 24"/>
                  <a:gd name="T10" fmla="*/ 0 w 19"/>
                  <a:gd name="T11" fmla="*/ 2 h 24"/>
                  <a:gd name="T12" fmla="*/ 4 w 19"/>
                  <a:gd name="T13" fmla="*/ 0 h 24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w 19"/>
                  <a:gd name="T22" fmla="*/ 0 h 24"/>
                  <a:gd name="T23" fmla="*/ 19 w 19"/>
                  <a:gd name="T24" fmla="*/ 24 h 24"/>
                </a:gdLst>
                <a:ahLst/>
                <a:cxnLst>
                  <a:cxn ang="T14">
                    <a:pos x="T0" y="T1"/>
                  </a:cxn>
                  <a:cxn ang="T15">
                    <a:pos x="T2" y="T3"/>
                  </a:cxn>
                  <a:cxn ang="T16">
                    <a:pos x="T4" y="T5"/>
                  </a:cxn>
                  <a:cxn ang="T17">
                    <a:pos x="T6" y="T7"/>
                  </a:cxn>
                  <a:cxn ang="T18">
                    <a:pos x="T8" y="T9"/>
                  </a:cxn>
                  <a:cxn ang="T19">
                    <a:pos x="T10" y="T11"/>
                  </a:cxn>
                  <a:cxn ang="T20">
                    <a:pos x="T12" y="T13"/>
                  </a:cxn>
                </a:cxnLst>
                <a:rect l="T21" t="T22" r="T23" b="T24"/>
                <a:pathLst>
                  <a:path w="19" h="24">
                    <a:moveTo>
                      <a:pt x="4" y="0"/>
                    </a:moveTo>
                    <a:lnTo>
                      <a:pt x="19" y="15"/>
                    </a:lnTo>
                    <a:lnTo>
                      <a:pt x="17" y="24"/>
                    </a:lnTo>
                    <a:lnTo>
                      <a:pt x="11" y="22"/>
                    </a:lnTo>
                    <a:lnTo>
                      <a:pt x="11" y="15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5" name="Freeform 84"/>
              <p:cNvSpPr>
                <a:spLocks/>
              </p:cNvSpPr>
              <p:nvPr/>
            </p:nvSpPr>
            <p:spPr bwMode="auto">
              <a:xfrm>
                <a:off x="1107" y="3322"/>
                <a:ext cx="19" cy="24"/>
              </a:xfrm>
              <a:custGeom>
                <a:avLst/>
                <a:gdLst>
                  <a:gd name="T0" fmla="*/ 4 w 19"/>
                  <a:gd name="T1" fmla="*/ 0 h 24"/>
                  <a:gd name="T2" fmla="*/ 19 w 19"/>
                  <a:gd name="T3" fmla="*/ 15 h 24"/>
                  <a:gd name="T4" fmla="*/ 17 w 19"/>
                  <a:gd name="T5" fmla="*/ 24 h 24"/>
                  <a:gd name="T6" fmla="*/ 11 w 19"/>
                  <a:gd name="T7" fmla="*/ 22 h 24"/>
                  <a:gd name="T8" fmla="*/ 11 w 19"/>
                  <a:gd name="T9" fmla="*/ 15 h 24"/>
                  <a:gd name="T10" fmla="*/ 0 w 19"/>
                  <a:gd name="T11" fmla="*/ 2 h 24"/>
                  <a:gd name="T12" fmla="*/ 4 w 19"/>
                  <a:gd name="T13" fmla="*/ 0 h 24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w 19"/>
                  <a:gd name="T22" fmla="*/ 0 h 24"/>
                  <a:gd name="T23" fmla="*/ 19 w 19"/>
                  <a:gd name="T24" fmla="*/ 24 h 24"/>
                </a:gdLst>
                <a:ahLst/>
                <a:cxnLst>
                  <a:cxn ang="T14">
                    <a:pos x="T0" y="T1"/>
                  </a:cxn>
                  <a:cxn ang="T15">
                    <a:pos x="T2" y="T3"/>
                  </a:cxn>
                  <a:cxn ang="T16">
                    <a:pos x="T4" y="T5"/>
                  </a:cxn>
                  <a:cxn ang="T17">
                    <a:pos x="T6" y="T7"/>
                  </a:cxn>
                  <a:cxn ang="T18">
                    <a:pos x="T8" y="T9"/>
                  </a:cxn>
                  <a:cxn ang="T19">
                    <a:pos x="T10" y="T11"/>
                  </a:cxn>
                  <a:cxn ang="T20">
                    <a:pos x="T12" y="T13"/>
                  </a:cxn>
                </a:cxnLst>
                <a:rect l="T21" t="T22" r="T23" b="T24"/>
                <a:pathLst>
                  <a:path w="19" h="24">
                    <a:moveTo>
                      <a:pt x="4" y="0"/>
                    </a:moveTo>
                    <a:lnTo>
                      <a:pt x="19" y="15"/>
                    </a:lnTo>
                    <a:lnTo>
                      <a:pt x="17" y="24"/>
                    </a:lnTo>
                    <a:lnTo>
                      <a:pt x="11" y="22"/>
                    </a:lnTo>
                    <a:lnTo>
                      <a:pt x="11" y="15"/>
                    </a:lnTo>
                    <a:lnTo>
                      <a:pt x="0" y="2"/>
                    </a:lnTo>
                    <a:lnTo>
                      <a:pt x="4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6" name="Freeform 85"/>
              <p:cNvSpPr>
                <a:spLocks/>
              </p:cNvSpPr>
              <p:nvPr/>
            </p:nvSpPr>
            <p:spPr bwMode="auto">
              <a:xfrm>
                <a:off x="1153" y="3370"/>
                <a:ext cx="27" cy="25"/>
              </a:xfrm>
              <a:custGeom>
                <a:avLst/>
                <a:gdLst>
                  <a:gd name="T0" fmla="*/ 2 w 27"/>
                  <a:gd name="T1" fmla="*/ 0 h 25"/>
                  <a:gd name="T2" fmla="*/ 10 w 27"/>
                  <a:gd name="T3" fmla="*/ 1 h 25"/>
                  <a:gd name="T4" fmla="*/ 27 w 27"/>
                  <a:gd name="T5" fmla="*/ 20 h 25"/>
                  <a:gd name="T6" fmla="*/ 24 w 27"/>
                  <a:gd name="T7" fmla="*/ 25 h 25"/>
                  <a:gd name="T8" fmla="*/ 14 w 27"/>
                  <a:gd name="T9" fmla="*/ 16 h 25"/>
                  <a:gd name="T10" fmla="*/ 7 w 27"/>
                  <a:gd name="T11" fmla="*/ 15 h 25"/>
                  <a:gd name="T12" fmla="*/ 0 w 27"/>
                  <a:gd name="T13" fmla="*/ 6 h 25"/>
                  <a:gd name="T14" fmla="*/ 2 w 27"/>
                  <a:gd name="T15" fmla="*/ 0 h 2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7"/>
                  <a:gd name="T25" fmla="*/ 0 h 25"/>
                  <a:gd name="T26" fmla="*/ 27 w 27"/>
                  <a:gd name="T27" fmla="*/ 25 h 2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7" h="25">
                    <a:moveTo>
                      <a:pt x="2" y="0"/>
                    </a:moveTo>
                    <a:lnTo>
                      <a:pt x="10" y="1"/>
                    </a:lnTo>
                    <a:lnTo>
                      <a:pt x="27" y="20"/>
                    </a:lnTo>
                    <a:lnTo>
                      <a:pt x="24" y="25"/>
                    </a:lnTo>
                    <a:lnTo>
                      <a:pt x="14" y="16"/>
                    </a:lnTo>
                    <a:lnTo>
                      <a:pt x="7" y="15"/>
                    </a:lnTo>
                    <a:lnTo>
                      <a:pt x="0" y="6"/>
                    </a:lnTo>
                    <a:lnTo>
                      <a:pt x="2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7" name="Freeform 86"/>
              <p:cNvSpPr>
                <a:spLocks/>
              </p:cNvSpPr>
              <p:nvPr/>
            </p:nvSpPr>
            <p:spPr bwMode="auto">
              <a:xfrm>
                <a:off x="1153" y="3370"/>
                <a:ext cx="27" cy="25"/>
              </a:xfrm>
              <a:custGeom>
                <a:avLst/>
                <a:gdLst>
                  <a:gd name="T0" fmla="*/ 2 w 27"/>
                  <a:gd name="T1" fmla="*/ 0 h 25"/>
                  <a:gd name="T2" fmla="*/ 10 w 27"/>
                  <a:gd name="T3" fmla="*/ 1 h 25"/>
                  <a:gd name="T4" fmla="*/ 27 w 27"/>
                  <a:gd name="T5" fmla="*/ 20 h 25"/>
                  <a:gd name="T6" fmla="*/ 24 w 27"/>
                  <a:gd name="T7" fmla="*/ 25 h 25"/>
                  <a:gd name="T8" fmla="*/ 14 w 27"/>
                  <a:gd name="T9" fmla="*/ 16 h 25"/>
                  <a:gd name="T10" fmla="*/ 7 w 27"/>
                  <a:gd name="T11" fmla="*/ 15 h 25"/>
                  <a:gd name="T12" fmla="*/ 0 w 27"/>
                  <a:gd name="T13" fmla="*/ 6 h 25"/>
                  <a:gd name="T14" fmla="*/ 2 w 27"/>
                  <a:gd name="T15" fmla="*/ 0 h 2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7"/>
                  <a:gd name="T25" fmla="*/ 0 h 25"/>
                  <a:gd name="T26" fmla="*/ 27 w 27"/>
                  <a:gd name="T27" fmla="*/ 25 h 2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7" h="25">
                    <a:moveTo>
                      <a:pt x="2" y="0"/>
                    </a:moveTo>
                    <a:lnTo>
                      <a:pt x="10" y="1"/>
                    </a:lnTo>
                    <a:lnTo>
                      <a:pt x="27" y="20"/>
                    </a:lnTo>
                    <a:lnTo>
                      <a:pt x="24" y="25"/>
                    </a:lnTo>
                    <a:lnTo>
                      <a:pt x="14" y="16"/>
                    </a:lnTo>
                    <a:lnTo>
                      <a:pt x="7" y="15"/>
                    </a:lnTo>
                    <a:lnTo>
                      <a:pt x="0" y="6"/>
                    </a:lnTo>
                    <a:lnTo>
                      <a:pt x="2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8" name="Freeform 87"/>
              <p:cNvSpPr>
                <a:spLocks/>
              </p:cNvSpPr>
              <p:nvPr/>
            </p:nvSpPr>
            <p:spPr bwMode="auto">
              <a:xfrm>
                <a:off x="1175" y="3412"/>
                <a:ext cx="25" cy="20"/>
              </a:xfrm>
              <a:custGeom>
                <a:avLst/>
                <a:gdLst>
                  <a:gd name="T0" fmla="*/ 0 w 25"/>
                  <a:gd name="T1" fmla="*/ 2 h 20"/>
                  <a:gd name="T2" fmla="*/ 12 w 25"/>
                  <a:gd name="T3" fmla="*/ 2 h 20"/>
                  <a:gd name="T4" fmla="*/ 12 w 25"/>
                  <a:gd name="T5" fmla="*/ 12 h 20"/>
                  <a:gd name="T6" fmla="*/ 19 w 25"/>
                  <a:gd name="T7" fmla="*/ 10 h 20"/>
                  <a:gd name="T8" fmla="*/ 17 w 25"/>
                  <a:gd name="T9" fmla="*/ 0 h 20"/>
                  <a:gd name="T10" fmla="*/ 19 w 25"/>
                  <a:gd name="T11" fmla="*/ 0 h 20"/>
                  <a:gd name="T12" fmla="*/ 20 w 25"/>
                  <a:gd name="T13" fmla="*/ 2 h 20"/>
                  <a:gd name="T14" fmla="*/ 22 w 25"/>
                  <a:gd name="T15" fmla="*/ 3 h 20"/>
                  <a:gd name="T16" fmla="*/ 24 w 25"/>
                  <a:gd name="T17" fmla="*/ 5 h 20"/>
                  <a:gd name="T18" fmla="*/ 25 w 25"/>
                  <a:gd name="T19" fmla="*/ 8 h 20"/>
                  <a:gd name="T20" fmla="*/ 25 w 25"/>
                  <a:gd name="T21" fmla="*/ 12 h 20"/>
                  <a:gd name="T22" fmla="*/ 24 w 25"/>
                  <a:gd name="T23" fmla="*/ 15 h 20"/>
                  <a:gd name="T24" fmla="*/ 22 w 25"/>
                  <a:gd name="T25" fmla="*/ 20 h 20"/>
                  <a:gd name="T26" fmla="*/ 20 w 25"/>
                  <a:gd name="T27" fmla="*/ 20 h 20"/>
                  <a:gd name="T28" fmla="*/ 19 w 25"/>
                  <a:gd name="T29" fmla="*/ 20 h 20"/>
                  <a:gd name="T30" fmla="*/ 17 w 25"/>
                  <a:gd name="T31" fmla="*/ 20 h 20"/>
                  <a:gd name="T32" fmla="*/ 14 w 25"/>
                  <a:gd name="T33" fmla="*/ 18 h 20"/>
                  <a:gd name="T34" fmla="*/ 12 w 25"/>
                  <a:gd name="T35" fmla="*/ 18 h 20"/>
                  <a:gd name="T36" fmla="*/ 10 w 25"/>
                  <a:gd name="T37" fmla="*/ 18 h 20"/>
                  <a:gd name="T38" fmla="*/ 9 w 25"/>
                  <a:gd name="T39" fmla="*/ 18 h 20"/>
                  <a:gd name="T40" fmla="*/ 9 w 25"/>
                  <a:gd name="T41" fmla="*/ 18 h 20"/>
                  <a:gd name="T42" fmla="*/ 2 w 25"/>
                  <a:gd name="T43" fmla="*/ 10 h 20"/>
                  <a:gd name="T44" fmla="*/ 0 w 25"/>
                  <a:gd name="T45" fmla="*/ 2 h 20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w 25"/>
                  <a:gd name="T70" fmla="*/ 0 h 20"/>
                  <a:gd name="T71" fmla="*/ 25 w 25"/>
                  <a:gd name="T72" fmla="*/ 20 h 20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T69" t="T70" r="T71" b="T72"/>
                <a:pathLst>
                  <a:path w="25" h="20">
                    <a:moveTo>
                      <a:pt x="0" y="2"/>
                    </a:moveTo>
                    <a:lnTo>
                      <a:pt x="12" y="2"/>
                    </a:lnTo>
                    <a:lnTo>
                      <a:pt x="12" y="12"/>
                    </a:lnTo>
                    <a:lnTo>
                      <a:pt x="19" y="10"/>
                    </a:lnTo>
                    <a:lnTo>
                      <a:pt x="17" y="0"/>
                    </a:lnTo>
                    <a:lnTo>
                      <a:pt x="19" y="0"/>
                    </a:lnTo>
                    <a:lnTo>
                      <a:pt x="20" y="2"/>
                    </a:lnTo>
                    <a:lnTo>
                      <a:pt x="22" y="3"/>
                    </a:lnTo>
                    <a:lnTo>
                      <a:pt x="24" y="5"/>
                    </a:lnTo>
                    <a:lnTo>
                      <a:pt x="25" y="8"/>
                    </a:lnTo>
                    <a:lnTo>
                      <a:pt x="25" y="12"/>
                    </a:lnTo>
                    <a:lnTo>
                      <a:pt x="24" y="15"/>
                    </a:lnTo>
                    <a:lnTo>
                      <a:pt x="22" y="20"/>
                    </a:lnTo>
                    <a:lnTo>
                      <a:pt x="20" y="20"/>
                    </a:lnTo>
                    <a:lnTo>
                      <a:pt x="19" y="20"/>
                    </a:lnTo>
                    <a:lnTo>
                      <a:pt x="17" y="20"/>
                    </a:lnTo>
                    <a:lnTo>
                      <a:pt x="14" y="18"/>
                    </a:lnTo>
                    <a:lnTo>
                      <a:pt x="12" y="18"/>
                    </a:lnTo>
                    <a:lnTo>
                      <a:pt x="10" y="18"/>
                    </a:lnTo>
                    <a:lnTo>
                      <a:pt x="9" y="18"/>
                    </a:lnTo>
                    <a:lnTo>
                      <a:pt x="2" y="10"/>
                    </a:lnTo>
                    <a:lnTo>
                      <a:pt x="0" y="2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9" name="Freeform 88"/>
              <p:cNvSpPr>
                <a:spLocks/>
              </p:cNvSpPr>
              <p:nvPr/>
            </p:nvSpPr>
            <p:spPr bwMode="auto">
              <a:xfrm>
                <a:off x="1175" y="3412"/>
                <a:ext cx="25" cy="20"/>
              </a:xfrm>
              <a:custGeom>
                <a:avLst/>
                <a:gdLst>
                  <a:gd name="T0" fmla="*/ 0 w 25"/>
                  <a:gd name="T1" fmla="*/ 2 h 20"/>
                  <a:gd name="T2" fmla="*/ 12 w 25"/>
                  <a:gd name="T3" fmla="*/ 2 h 20"/>
                  <a:gd name="T4" fmla="*/ 12 w 25"/>
                  <a:gd name="T5" fmla="*/ 12 h 20"/>
                  <a:gd name="T6" fmla="*/ 19 w 25"/>
                  <a:gd name="T7" fmla="*/ 10 h 20"/>
                  <a:gd name="T8" fmla="*/ 17 w 25"/>
                  <a:gd name="T9" fmla="*/ 0 h 20"/>
                  <a:gd name="T10" fmla="*/ 17 w 25"/>
                  <a:gd name="T11" fmla="*/ 0 h 20"/>
                  <a:gd name="T12" fmla="*/ 19 w 25"/>
                  <a:gd name="T13" fmla="*/ 0 h 20"/>
                  <a:gd name="T14" fmla="*/ 20 w 25"/>
                  <a:gd name="T15" fmla="*/ 2 h 20"/>
                  <a:gd name="T16" fmla="*/ 22 w 25"/>
                  <a:gd name="T17" fmla="*/ 3 h 20"/>
                  <a:gd name="T18" fmla="*/ 24 w 25"/>
                  <a:gd name="T19" fmla="*/ 5 h 20"/>
                  <a:gd name="T20" fmla="*/ 25 w 25"/>
                  <a:gd name="T21" fmla="*/ 8 h 20"/>
                  <a:gd name="T22" fmla="*/ 25 w 25"/>
                  <a:gd name="T23" fmla="*/ 12 h 20"/>
                  <a:gd name="T24" fmla="*/ 24 w 25"/>
                  <a:gd name="T25" fmla="*/ 15 h 20"/>
                  <a:gd name="T26" fmla="*/ 22 w 25"/>
                  <a:gd name="T27" fmla="*/ 20 h 20"/>
                  <a:gd name="T28" fmla="*/ 22 w 25"/>
                  <a:gd name="T29" fmla="*/ 20 h 20"/>
                  <a:gd name="T30" fmla="*/ 20 w 25"/>
                  <a:gd name="T31" fmla="*/ 20 h 20"/>
                  <a:gd name="T32" fmla="*/ 19 w 25"/>
                  <a:gd name="T33" fmla="*/ 20 h 20"/>
                  <a:gd name="T34" fmla="*/ 17 w 25"/>
                  <a:gd name="T35" fmla="*/ 20 h 20"/>
                  <a:gd name="T36" fmla="*/ 14 w 25"/>
                  <a:gd name="T37" fmla="*/ 18 h 20"/>
                  <a:gd name="T38" fmla="*/ 12 w 25"/>
                  <a:gd name="T39" fmla="*/ 18 h 20"/>
                  <a:gd name="T40" fmla="*/ 10 w 25"/>
                  <a:gd name="T41" fmla="*/ 18 h 20"/>
                  <a:gd name="T42" fmla="*/ 9 w 25"/>
                  <a:gd name="T43" fmla="*/ 18 h 20"/>
                  <a:gd name="T44" fmla="*/ 9 w 25"/>
                  <a:gd name="T45" fmla="*/ 18 h 20"/>
                  <a:gd name="T46" fmla="*/ 2 w 25"/>
                  <a:gd name="T47" fmla="*/ 10 h 20"/>
                  <a:gd name="T48" fmla="*/ 0 w 25"/>
                  <a:gd name="T49" fmla="*/ 2 h 20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25"/>
                  <a:gd name="T76" fmla="*/ 0 h 20"/>
                  <a:gd name="T77" fmla="*/ 25 w 25"/>
                  <a:gd name="T78" fmla="*/ 20 h 20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25" h="20">
                    <a:moveTo>
                      <a:pt x="0" y="2"/>
                    </a:moveTo>
                    <a:lnTo>
                      <a:pt x="12" y="2"/>
                    </a:lnTo>
                    <a:lnTo>
                      <a:pt x="12" y="12"/>
                    </a:lnTo>
                    <a:lnTo>
                      <a:pt x="19" y="10"/>
                    </a:lnTo>
                    <a:lnTo>
                      <a:pt x="17" y="0"/>
                    </a:lnTo>
                    <a:lnTo>
                      <a:pt x="19" y="0"/>
                    </a:lnTo>
                    <a:lnTo>
                      <a:pt x="20" y="2"/>
                    </a:lnTo>
                    <a:lnTo>
                      <a:pt x="22" y="3"/>
                    </a:lnTo>
                    <a:lnTo>
                      <a:pt x="24" y="5"/>
                    </a:lnTo>
                    <a:lnTo>
                      <a:pt x="25" y="8"/>
                    </a:lnTo>
                    <a:lnTo>
                      <a:pt x="25" y="12"/>
                    </a:lnTo>
                    <a:lnTo>
                      <a:pt x="24" y="15"/>
                    </a:lnTo>
                    <a:lnTo>
                      <a:pt x="22" y="20"/>
                    </a:lnTo>
                    <a:lnTo>
                      <a:pt x="20" y="20"/>
                    </a:lnTo>
                    <a:lnTo>
                      <a:pt x="19" y="20"/>
                    </a:lnTo>
                    <a:lnTo>
                      <a:pt x="17" y="20"/>
                    </a:lnTo>
                    <a:lnTo>
                      <a:pt x="14" y="18"/>
                    </a:lnTo>
                    <a:lnTo>
                      <a:pt x="12" y="18"/>
                    </a:lnTo>
                    <a:lnTo>
                      <a:pt x="10" y="18"/>
                    </a:lnTo>
                    <a:lnTo>
                      <a:pt x="9" y="18"/>
                    </a:lnTo>
                    <a:lnTo>
                      <a:pt x="2" y="10"/>
                    </a:lnTo>
                    <a:lnTo>
                      <a:pt x="0" y="2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0" name="Freeform 89"/>
              <p:cNvSpPr>
                <a:spLocks/>
              </p:cNvSpPr>
              <p:nvPr/>
            </p:nvSpPr>
            <p:spPr bwMode="auto">
              <a:xfrm>
                <a:off x="1126" y="3351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3 h 10"/>
                  <a:gd name="T4" fmla="*/ 0 w 8"/>
                  <a:gd name="T5" fmla="*/ 2 h 10"/>
                  <a:gd name="T6" fmla="*/ 2 w 8"/>
                  <a:gd name="T7" fmla="*/ 0 h 10"/>
                  <a:gd name="T8" fmla="*/ 3 w 8"/>
                  <a:gd name="T9" fmla="*/ 0 h 10"/>
                  <a:gd name="T10" fmla="*/ 5 w 8"/>
                  <a:gd name="T11" fmla="*/ 0 h 10"/>
                  <a:gd name="T12" fmla="*/ 7 w 8"/>
                  <a:gd name="T13" fmla="*/ 2 h 10"/>
                  <a:gd name="T14" fmla="*/ 7 w 8"/>
                  <a:gd name="T15" fmla="*/ 3 h 10"/>
                  <a:gd name="T16" fmla="*/ 8 w 8"/>
                  <a:gd name="T17" fmla="*/ 5 h 10"/>
                  <a:gd name="T18" fmla="*/ 7 w 8"/>
                  <a:gd name="T19" fmla="*/ 7 h 10"/>
                  <a:gd name="T20" fmla="*/ 7 w 8"/>
                  <a:gd name="T21" fmla="*/ 8 h 10"/>
                  <a:gd name="T22" fmla="*/ 5 w 8"/>
                  <a:gd name="T23" fmla="*/ 10 h 10"/>
                  <a:gd name="T24" fmla="*/ 3 w 8"/>
                  <a:gd name="T25" fmla="*/ 10 h 10"/>
                  <a:gd name="T26" fmla="*/ 2 w 8"/>
                  <a:gd name="T27" fmla="*/ 10 h 10"/>
                  <a:gd name="T28" fmla="*/ 0 w 8"/>
                  <a:gd name="T29" fmla="*/ 8 h 10"/>
                  <a:gd name="T30" fmla="*/ 0 w 8"/>
                  <a:gd name="T31" fmla="*/ 7 h 10"/>
                  <a:gd name="T32" fmla="*/ 0 w 8"/>
                  <a:gd name="T33" fmla="*/ 5 h 1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8"/>
                  <a:gd name="T52" fmla="*/ 0 h 10"/>
                  <a:gd name="T53" fmla="*/ 8 w 8"/>
                  <a:gd name="T54" fmla="*/ 10 h 10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8" h="10">
                    <a:moveTo>
                      <a:pt x="0" y="5"/>
                    </a:moveTo>
                    <a:lnTo>
                      <a:pt x="0" y="3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2"/>
                    </a:lnTo>
                    <a:lnTo>
                      <a:pt x="7" y="3"/>
                    </a:lnTo>
                    <a:lnTo>
                      <a:pt x="8" y="5"/>
                    </a:lnTo>
                    <a:lnTo>
                      <a:pt x="7" y="7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1" name="Freeform 90"/>
              <p:cNvSpPr>
                <a:spLocks/>
              </p:cNvSpPr>
              <p:nvPr/>
            </p:nvSpPr>
            <p:spPr bwMode="auto">
              <a:xfrm>
                <a:off x="1126" y="3351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5 h 10"/>
                  <a:gd name="T4" fmla="*/ 0 w 8"/>
                  <a:gd name="T5" fmla="*/ 3 h 10"/>
                  <a:gd name="T6" fmla="*/ 0 w 8"/>
                  <a:gd name="T7" fmla="*/ 2 h 10"/>
                  <a:gd name="T8" fmla="*/ 2 w 8"/>
                  <a:gd name="T9" fmla="*/ 0 h 10"/>
                  <a:gd name="T10" fmla="*/ 3 w 8"/>
                  <a:gd name="T11" fmla="*/ 0 h 10"/>
                  <a:gd name="T12" fmla="*/ 3 w 8"/>
                  <a:gd name="T13" fmla="*/ 0 h 10"/>
                  <a:gd name="T14" fmla="*/ 5 w 8"/>
                  <a:gd name="T15" fmla="*/ 0 h 10"/>
                  <a:gd name="T16" fmla="*/ 7 w 8"/>
                  <a:gd name="T17" fmla="*/ 2 h 10"/>
                  <a:gd name="T18" fmla="*/ 7 w 8"/>
                  <a:gd name="T19" fmla="*/ 3 h 10"/>
                  <a:gd name="T20" fmla="*/ 8 w 8"/>
                  <a:gd name="T21" fmla="*/ 5 h 10"/>
                  <a:gd name="T22" fmla="*/ 8 w 8"/>
                  <a:gd name="T23" fmla="*/ 5 h 10"/>
                  <a:gd name="T24" fmla="*/ 7 w 8"/>
                  <a:gd name="T25" fmla="*/ 7 h 10"/>
                  <a:gd name="T26" fmla="*/ 7 w 8"/>
                  <a:gd name="T27" fmla="*/ 8 h 10"/>
                  <a:gd name="T28" fmla="*/ 5 w 8"/>
                  <a:gd name="T29" fmla="*/ 10 h 10"/>
                  <a:gd name="T30" fmla="*/ 3 w 8"/>
                  <a:gd name="T31" fmla="*/ 10 h 10"/>
                  <a:gd name="T32" fmla="*/ 3 w 8"/>
                  <a:gd name="T33" fmla="*/ 10 h 10"/>
                  <a:gd name="T34" fmla="*/ 2 w 8"/>
                  <a:gd name="T35" fmla="*/ 10 h 10"/>
                  <a:gd name="T36" fmla="*/ 0 w 8"/>
                  <a:gd name="T37" fmla="*/ 8 h 10"/>
                  <a:gd name="T38" fmla="*/ 0 w 8"/>
                  <a:gd name="T39" fmla="*/ 7 h 10"/>
                  <a:gd name="T40" fmla="*/ 0 w 8"/>
                  <a:gd name="T41" fmla="*/ 5 h 1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8"/>
                  <a:gd name="T64" fmla="*/ 0 h 10"/>
                  <a:gd name="T65" fmla="*/ 8 w 8"/>
                  <a:gd name="T66" fmla="*/ 10 h 10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8" h="10">
                    <a:moveTo>
                      <a:pt x="0" y="5"/>
                    </a:moveTo>
                    <a:lnTo>
                      <a:pt x="0" y="5"/>
                    </a:lnTo>
                    <a:lnTo>
                      <a:pt x="0" y="3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2"/>
                    </a:lnTo>
                    <a:lnTo>
                      <a:pt x="7" y="3"/>
                    </a:lnTo>
                    <a:lnTo>
                      <a:pt x="8" y="5"/>
                    </a:lnTo>
                    <a:lnTo>
                      <a:pt x="7" y="7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2" name="Freeform 91"/>
              <p:cNvSpPr>
                <a:spLocks/>
              </p:cNvSpPr>
              <p:nvPr/>
            </p:nvSpPr>
            <p:spPr bwMode="auto">
              <a:xfrm>
                <a:off x="1138" y="3351"/>
                <a:ext cx="10" cy="10"/>
              </a:xfrm>
              <a:custGeom>
                <a:avLst/>
                <a:gdLst>
                  <a:gd name="T0" fmla="*/ 0 w 10"/>
                  <a:gd name="T1" fmla="*/ 5 h 10"/>
                  <a:gd name="T2" fmla="*/ 0 w 10"/>
                  <a:gd name="T3" fmla="*/ 2 h 10"/>
                  <a:gd name="T4" fmla="*/ 2 w 10"/>
                  <a:gd name="T5" fmla="*/ 0 h 10"/>
                  <a:gd name="T6" fmla="*/ 3 w 10"/>
                  <a:gd name="T7" fmla="*/ 0 h 10"/>
                  <a:gd name="T8" fmla="*/ 5 w 10"/>
                  <a:gd name="T9" fmla="*/ 0 h 10"/>
                  <a:gd name="T10" fmla="*/ 7 w 10"/>
                  <a:gd name="T11" fmla="*/ 0 h 10"/>
                  <a:gd name="T12" fmla="*/ 8 w 10"/>
                  <a:gd name="T13" fmla="*/ 0 h 10"/>
                  <a:gd name="T14" fmla="*/ 8 w 10"/>
                  <a:gd name="T15" fmla="*/ 2 h 10"/>
                  <a:gd name="T16" fmla="*/ 10 w 10"/>
                  <a:gd name="T17" fmla="*/ 5 h 10"/>
                  <a:gd name="T18" fmla="*/ 8 w 10"/>
                  <a:gd name="T19" fmla="*/ 7 h 10"/>
                  <a:gd name="T20" fmla="*/ 8 w 10"/>
                  <a:gd name="T21" fmla="*/ 8 h 10"/>
                  <a:gd name="T22" fmla="*/ 7 w 10"/>
                  <a:gd name="T23" fmla="*/ 10 h 10"/>
                  <a:gd name="T24" fmla="*/ 5 w 10"/>
                  <a:gd name="T25" fmla="*/ 10 h 10"/>
                  <a:gd name="T26" fmla="*/ 3 w 10"/>
                  <a:gd name="T27" fmla="*/ 10 h 10"/>
                  <a:gd name="T28" fmla="*/ 2 w 10"/>
                  <a:gd name="T29" fmla="*/ 8 h 10"/>
                  <a:gd name="T30" fmla="*/ 0 w 10"/>
                  <a:gd name="T31" fmla="*/ 7 h 10"/>
                  <a:gd name="T32" fmla="*/ 0 w 10"/>
                  <a:gd name="T33" fmla="*/ 5 h 1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0"/>
                  <a:gd name="T52" fmla="*/ 0 h 10"/>
                  <a:gd name="T53" fmla="*/ 10 w 10"/>
                  <a:gd name="T54" fmla="*/ 10 h 10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0" h="10">
                    <a:moveTo>
                      <a:pt x="0" y="5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8" y="0"/>
                    </a:lnTo>
                    <a:lnTo>
                      <a:pt x="8" y="2"/>
                    </a:lnTo>
                    <a:lnTo>
                      <a:pt x="10" y="5"/>
                    </a:lnTo>
                    <a:lnTo>
                      <a:pt x="8" y="7"/>
                    </a:lnTo>
                    <a:lnTo>
                      <a:pt x="8" y="8"/>
                    </a:lnTo>
                    <a:lnTo>
                      <a:pt x="7" y="10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8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3" name="Freeform 92"/>
              <p:cNvSpPr>
                <a:spLocks/>
              </p:cNvSpPr>
              <p:nvPr/>
            </p:nvSpPr>
            <p:spPr bwMode="auto">
              <a:xfrm>
                <a:off x="1138" y="3351"/>
                <a:ext cx="10" cy="10"/>
              </a:xfrm>
              <a:custGeom>
                <a:avLst/>
                <a:gdLst>
                  <a:gd name="T0" fmla="*/ 0 w 10"/>
                  <a:gd name="T1" fmla="*/ 5 h 10"/>
                  <a:gd name="T2" fmla="*/ 0 w 10"/>
                  <a:gd name="T3" fmla="*/ 5 h 10"/>
                  <a:gd name="T4" fmla="*/ 0 w 10"/>
                  <a:gd name="T5" fmla="*/ 2 h 10"/>
                  <a:gd name="T6" fmla="*/ 2 w 10"/>
                  <a:gd name="T7" fmla="*/ 0 h 10"/>
                  <a:gd name="T8" fmla="*/ 3 w 10"/>
                  <a:gd name="T9" fmla="*/ 0 h 10"/>
                  <a:gd name="T10" fmla="*/ 5 w 10"/>
                  <a:gd name="T11" fmla="*/ 0 h 10"/>
                  <a:gd name="T12" fmla="*/ 5 w 10"/>
                  <a:gd name="T13" fmla="*/ 0 h 10"/>
                  <a:gd name="T14" fmla="*/ 7 w 10"/>
                  <a:gd name="T15" fmla="*/ 0 h 10"/>
                  <a:gd name="T16" fmla="*/ 8 w 10"/>
                  <a:gd name="T17" fmla="*/ 0 h 10"/>
                  <a:gd name="T18" fmla="*/ 8 w 10"/>
                  <a:gd name="T19" fmla="*/ 2 h 10"/>
                  <a:gd name="T20" fmla="*/ 10 w 10"/>
                  <a:gd name="T21" fmla="*/ 5 h 10"/>
                  <a:gd name="T22" fmla="*/ 10 w 10"/>
                  <a:gd name="T23" fmla="*/ 5 h 10"/>
                  <a:gd name="T24" fmla="*/ 8 w 10"/>
                  <a:gd name="T25" fmla="*/ 7 h 10"/>
                  <a:gd name="T26" fmla="*/ 8 w 10"/>
                  <a:gd name="T27" fmla="*/ 8 h 10"/>
                  <a:gd name="T28" fmla="*/ 7 w 10"/>
                  <a:gd name="T29" fmla="*/ 10 h 10"/>
                  <a:gd name="T30" fmla="*/ 5 w 10"/>
                  <a:gd name="T31" fmla="*/ 10 h 10"/>
                  <a:gd name="T32" fmla="*/ 5 w 10"/>
                  <a:gd name="T33" fmla="*/ 10 h 10"/>
                  <a:gd name="T34" fmla="*/ 3 w 10"/>
                  <a:gd name="T35" fmla="*/ 10 h 10"/>
                  <a:gd name="T36" fmla="*/ 2 w 10"/>
                  <a:gd name="T37" fmla="*/ 8 h 10"/>
                  <a:gd name="T38" fmla="*/ 0 w 10"/>
                  <a:gd name="T39" fmla="*/ 7 h 10"/>
                  <a:gd name="T40" fmla="*/ 0 w 10"/>
                  <a:gd name="T41" fmla="*/ 5 h 1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0"/>
                  <a:gd name="T64" fmla="*/ 0 h 10"/>
                  <a:gd name="T65" fmla="*/ 10 w 10"/>
                  <a:gd name="T66" fmla="*/ 10 h 10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0" h="10">
                    <a:moveTo>
                      <a:pt x="0" y="5"/>
                    </a:moveTo>
                    <a:lnTo>
                      <a:pt x="0" y="5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8" y="0"/>
                    </a:lnTo>
                    <a:lnTo>
                      <a:pt x="8" y="2"/>
                    </a:lnTo>
                    <a:lnTo>
                      <a:pt x="10" y="5"/>
                    </a:lnTo>
                    <a:lnTo>
                      <a:pt x="8" y="7"/>
                    </a:lnTo>
                    <a:lnTo>
                      <a:pt x="8" y="8"/>
                    </a:lnTo>
                    <a:lnTo>
                      <a:pt x="7" y="10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8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4" name="Freeform 93"/>
              <p:cNvSpPr>
                <a:spLocks/>
              </p:cNvSpPr>
              <p:nvPr/>
            </p:nvSpPr>
            <p:spPr bwMode="auto">
              <a:xfrm>
                <a:off x="828" y="3395"/>
                <a:ext cx="36" cy="29"/>
              </a:xfrm>
              <a:custGeom>
                <a:avLst/>
                <a:gdLst>
                  <a:gd name="T0" fmla="*/ 32 w 36"/>
                  <a:gd name="T1" fmla="*/ 0 h 29"/>
                  <a:gd name="T2" fmla="*/ 22 w 36"/>
                  <a:gd name="T3" fmla="*/ 2 h 29"/>
                  <a:gd name="T4" fmla="*/ 15 w 36"/>
                  <a:gd name="T5" fmla="*/ 5 h 29"/>
                  <a:gd name="T6" fmla="*/ 17 w 36"/>
                  <a:gd name="T7" fmla="*/ 12 h 29"/>
                  <a:gd name="T8" fmla="*/ 12 w 36"/>
                  <a:gd name="T9" fmla="*/ 17 h 29"/>
                  <a:gd name="T10" fmla="*/ 5 w 36"/>
                  <a:gd name="T11" fmla="*/ 8 h 29"/>
                  <a:gd name="T12" fmla="*/ 0 w 36"/>
                  <a:gd name="T13" fmla="*/ 19 h 29"/>
                  <a:gd name="T14" fmla="*/ 5 w 36"/>
                  <a:gd name="T15" fmla="*/ 29 h 29"/>
                  <a:gd name="T16" fmla="*/ 19 w 36"/>
                  <a:gd name="T17" fmla="*/ 22 h 29"/>
                  <a:gd name="T18" fmla="*/ 27 w 36"/>
                  <a:gd name="T19" fmla="*/ 12 h 29"/>
                  <a:gd name="T20" fmla="*/ 36 w 36"/>
                  <a:gd name="T21" fmla="*/ 12 h 29"/>
                  <a:gd name="T22" fmla="*/ 34 w 36"/>
                  <a:gd name="T23" fmla="*/ 5 h 29"/>
                  <a:gd name="T24" fmla="*/ 32 w 36"/>
                  <a:gd name="T25" fmla="*/ 0 h 29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w 36"/>
                  <a:gd name="T40" fmla="*/ 0 h 29"/>
                  <a:gd name="T41" fmla="*/ 36 w 36"/>
                  <a:gd name="T42" fmla="*/ 29 h 29"/>
                </a:gdLst>
                <a:ahLst/>
                <a:cxnLst>
                  <a:cxn ang="T26">
                    <a:pos x="T0" y="T1"/>
                  </a:cxn>
                  <a:cxn ang="T27">
                    <a:pos x="T2" y="T3"/>
                  </a:cxn>
                  <a:cxn ang="T28">
                    <a:pos x="T4" y="T5"/>
                  </a:cxn>
                  <a:cxn ang="T29">
                    <a:pos x="T6" y="T7"/>
                  </a:cxn>
                  <a:cxn ang="T30">
                    <a:pos x="T8" y="T9"/>
                  </a:cxn>
                  <a:cxn ang="T31">
                    <a:pos x="T10" y="T11"/>
                  </a:cxn>
                  <a:cxn ang="T32">
                    <a:pos x="T12" y="T13"/>
                  </a:cxn>
                  <a:cxn ang="T33">
                    <a:pos x="T14" y="T15"/>
                  </a:cxn>
                  <a:cxn ang="T34">
                    <a:pos x="T16" y="T17"/>
                  </a:cxn>
                  <a:cxn ang="T35">
                    <a:pos x="T18" y="T19"/>
                  </a:cxn>
                  <a:cxn ang="T36">
                    <a:pos x="T20" y="T21"/>
                  </a:cxn>
                  <a:cxn ang="T37">
                    <a:pos x="T22" y="T23"/>
                  </a:cxn>
                  <a:cxn ang="T38">
                    <a:pos x="T24" y="T25"/>
                  </a:cxn>
                </a:cxnLst>
                <a:rect l="T39" t="T40" r="T41" b="T42"/>
                <a:pathLst>
                  <a:path w="36" h="29">
                    <a:moveTo>
                      <a:pt x="32" y="0"/>
                    </a:moveTo>
                    <a:lnTo>
                      <a:pt x="22" y="2"/>
                    </a:lnTo>
                    <a:lnTo>
                      <a:pt x="15" y="5"/>
                    </a:lnTo>
                    <a:lnTo>
                      <a:pt x="17" y="12"/>
                    </a:lnTo>
                    <a:lnTo>
                      <a:pt x="12" y="17"/>
                    </a:lnTo>
                    <a:lnTo>
                      <a:pt x="5" y="8"/>
                    </a:lnTo>
                    <a:lnTo>
                      <a:pt x="0" y="19"/>
                    </a:lnTo>
                    <a:lnTo>
                      <a:pt x="5" y="29"/>
                    </a:lnTo>
                    <a:lnTo>
                      <a:pt x="19" y="22"/>
                    </a:lnTo>
                    <a:lnTo>
                      <a:pt x="27" y="12"/>
                    </a:lnTo>
                    <a:lnTo>
                      <a:pt x="36" y="12"/>
                    </a:lnTo>
                    <a:lnTo>
                      <a:pt x="34" y="5"/>
                    </a:lnTo>
                    <a:lnTo>
                      <a:pt x="32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5" name="Freeform 94"/>
              <p:cNvSpPr>
                <a:spLocks/>
              </p:cNvSpPr>
              <p:nvPr/>
            </p:nvSpPr>
            <p:spPr bwMode="auto">
              <a:xfrm>
                <a:off x="828" y="3395"/>
                <a:ext cx="36" cy="29"/>
              </a:xfrm>
              <a:custGeom>
                <a:avLst/>
                <a:gdLst>
                  <a:gd name="T0" fmla="*/ 32 w 36"/>
                  <a:gd name="T1" fmla="*/ 0 h 29"/>
                  <a:gd name="T2" fmla="*/ 22 w 36"/>
                  <a:gd name="T3" fmla="*/ 2 h 29"/>
                  <a:gd name="T4" fmla="*/ 15 w 36"/>
                  <a:gd name="T5" fmla="*/ 5 h 29"/>
                  <a:gd name="T6" fmla="*/ 17 w 36"/>
                  <a:gd name="T7" fmla="*/ 12 h 29"/>
                  <a:gd name="T8" fmla="*/ 12 w 36"/>
                  <a:gd name="T9" fmla="*/ 17 h 29"/>
                  <a:gd name="T10" fmla="*/ 5 w 36"/>
                  <a:gd name="T11" fmla="*/ 8 h 29"/>
                  <a:gd name="T12" fmla="*/ 0 w 36"/>
                  <a:gd name="T13" fmla="*/ 19 h 29"/>
                  <a:gd name="T14" fmla="*/ 5 w 36"/>
                  <a:gd name="T15" fmla="*/ 29 h 29"/>
                  <a:gd name="T16" fmla="*/ 19 w 36"/>
                  <a:gd name="T17" fmla="*/ 22 h 29"/>
                  <a:gd name="T18" fmla="*/ 27 w 36"/>
                  <a:gd name="T19" fmla="*/ 12 h 29"/>
                  <a:gd name="T20" fmla="*/ 36 w 36"/>
                  <a:gd name="T21" fmla="*/ 12 h 29"/>
                  <a:gd name="T22" fmla="*/ 34 w 36"/>
                  <a:gd name="T23" fmla="*/ 5 h 29"/>
                  <a:gd name="T24" fmla="*/ 32 w 36"/>
                  <a:gd name="T25" fmla="*/ 0 h 29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w 36"/>
                  <a:gd name="T40" fmla="*/ 0 h 29"/>
                  <a:gd name="T41" fmla="*/ 36 w 36"/>
                  <a:gd name="T42" fmla="*/ 29 h 29"/>
                </a:gdLst>
                <a:ahLst/>
                <a:cxnLst>
                  <a:cxn ang="T26">
                    <a:pos x="T0" y="T1"/>
                  </a:cxn>
                  <a:cxn ang="T27">
                    <a:pos x="T2" y="T3"/>
                  </a:cxn>
                  <a:cxn ang="T28">
                    <a:pos x="T4" y="T5"/>
                  </a:cxn>
                  <a:cxn ang="T29">
                    <a:pos x="T6" y="T7"/>
                  </a:cxn>
                  <a:cxn ang="T30">
                    <a:pos x="T8" y="T9"/>
                  </a:cxn>
                  <a:cxn ang="T31">
                    <a:pos x="T10" y="T11"/>
                  </a:cxn>
                  <a:cxn ang="T32">
                    <a:pos x="T12" y="T13"/>
                  </a:cxn>
                  <a:cxn ang="T33">
                    <a:pos x="T14" y="T15"/>
                  </a:cxn>
                  <a:cxn ang="T34">
                    <a:pos x="T16" y="T17"/>
                  </a:cxn>
                  <a:cxn ang="T35">
                    <a:pos x="T18" y="T19"/>
                  </a:cxn>
                  <a:cxn ang="T36">
                    <a:pos x="T20" y="T21"/>
                  </a:cxn>
                  <a:cxn ang="T37">
                    <a:pos x="T22" y="T23"/>
                  </a:cxn>
                  <a:cxn ang="T38">
                    <a:pos x="T24" y="T25"/>
                  </a:cxn>
                </a:cxnLst>
                <a:rect l="T39" t="T40" r="T41" b="T42"/>
                <a:pathLst>
                  <a:path w="36" h="29">
                    <a:moveTo>
                      <a:pt x="32" y="0"/>
                    </a:moveTo>
                    <a:lnTo>
                      <a:pt x="22" y="2"/>
                    </a:lnTo>
                    <a:lnTo>
                      <a:pt x="15" y="5"/>
                    </a:lnTo>
                    <a:lnTo>
                      <a:pt x="17" y="12"/>
                    </a:lnTo>
                    <a:lnTo>
                      <a:pt x="12" y="17"/>
                    </a:lnTo>
                    <a:lnTo>
                      <a:pt x="5" y="8"/>
                    </a:lnTo>
                    <a:lnTo>
                      <a:pt x="0" y="19"/>
                    </a:lnTo>
                    <a:lnTo>
                      <a:pt x="5" y="29"/>
                    </a:lnTo>
                    <a:lnTo>
                      <a:pt x="19" y="22"/>
                    </a:lnTo>
                    <a:lnTo>
                      <a:pt x="27" y="12"/>
                    </a:lnTo>
                    <a:lnTo>
                      <a:pt x="36" y="12"/>
                    </a:lnTo>
                    <a:lnTo>
                      <a:pt x="34" y="5"/>
                    </a:lnTo>
                    <a:lnTo>
                      <a:pt x="32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6" name="Freeform 95"/>
              <p:cNvSpPr>
                <a:spLocks/>
              </p:cNvSpPr>
              <p:nvPr/>
            </p:nvSpPr>
            <p:spPr bwMode="auto">
              <a:xfrm>
                <a:off x="627" y="3507"/>
                <a:ext cx="20" cy="15"/>
              </a:xfrm>
              <a:custGeom>
                <a:avLst/>
                <a:gdLst>
                  <a:gd name="T0" fmla="*/ 8 w 20"/>
                  <a:gd name="T1" fmla="*/ 3 h 15"/>
                  <a:gd name="T2" fmla="*/ 15 w 20"/>
                  <a:gd name="T3" fmla="*/ 0 h 15"/>
                  <a:gd name="T4" fmla="*/ 20 w 20"/>
                  <a:gd name="T5" fmla="*/ 8 h 15"/>
                  <a:gd name="T6" fmla="*/ 7 w 20"/>
                  <a:gd name="T7" fmla="*/ 15 h 15"/>
                  <a:gd name="T8" fmla="*/ 0 w 20"/>
                  <a:gd name="T9" fmla="*/ 15 h 15"/>
                  <a:gd name="T10" fmla="*/ 5 w 20"/>
                  <a:gd name="T11" fmla="*/ 10 h 15"/>
                  <a:gd name="T12" fmla="*/ 13 w 20"/>
                  <a:gd name="T13" fmla="*/ 8 h 15"/>
                  <a:gd name="T14" fmla="*/ 8 w 20"/>
                  <a:gd name="T15" fmla="*/ 3 h 1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0"/>
                  <a:gd name="T25" fmla="*/ 0 h 15"/>
                  <a:gd name="T26" fmla="*/ 20 w 20"/>
                  <a:gd name="T27" fmla="*/ 15 h 1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0" h="15">
                    <a:moveTo>
                      <a:pt x="8" y="3"/>
                    </a:moveTo>
                    <a:lnTo>
                      <a:pt x="15" y="0"/>
                    </a:lnTo>
                    <a:lnTo>
                      <a:pt x="20" y="8"/>
                    </a:lnTo>
                    <a:lnTo>
                      <a:pt x="7" y="15"/>
                    </a:lnTo>
                    <a:lnTo>
                      <a:pt x="0" y="15"/>
                    </a:lnTo>
                    <a:lnTo>
                      <a:pt x="5" y="10"/>
                    </a:lnTo>
                    <a:lnTo>
                      <a:pt x="13" y="8"/>
                    </a:lnTo>
                    <a:lnTo>
                      <a:pt x="8" y="3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7" name="Freeform 96"/>
              <p:cNvSpPr>
                <a:spLocks/>
              </p:cNvSpPr>
              <p:nvPr/>
            </p:nvSpPr>
            <p:spPr bwMode="auto">
              <a:xfrm>
                <a:off x="627" y="3507"/>
                <a:ext cx="20" cy="15"/>
              </a:xfrm>
              <a:custGeom>
                <a:avLst/>
                <a:gdLst>
                  <a:gd name="T0" fmla="*/ 8 w 20"/>
                  <a:gd name="T1" fmla="*/ 3 h 15"/>
                  <a:gd name="T2" fmla="*/ 15 w 20"/>
                  <a:gd name="T3" fmla="*/ 0 h 15"/>
                  <a:gd name="T4" fmla="*/ 20 w 20"/>
                  <a:gd name="T5" fmla="*/ 8 h 15"/>
                  <a:gd name="T6" fmla="*/ 7 w 20"/>
                  <a:gd name="T7" fmla="*/ 15 h 15"/>
                  <a:gd name="T8" fmla="*/ 0 w 20"/>
                  <a:gd name="T9" fmla="*/ 15 h 15"/>
                  <a:gd name="T10" fmla="*/ 5 w 20"/>
                  <a:gd name="T11" fmla="*/ 10 h 15"/>
                  <a:gd name="T12" fmla="*/ 13 w 20"/>
                  <a:gd name="T13" fmla="*/ 8 h 15"/>
                  <a:gd name="T14" fmla="*/ 8 w 20"/>
                  <a:gd name="T15" fmla="*/ 3 h 1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0"/>
                  <a:gd name="T25" fmla="*/ 0 h 15"/>
                  <a:gd name="T26" fmla="*/ 20 w 20"/>
                  <a:gd name="T27" fmla="*/ 15 h 1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0" h="15">
                    <a:moveTo>
                      <a:pt x="8" y="3"/>
                    </a:moveTo>
                    <a:lnTo>
                      <a:pt x="15" y="0"/>
                    </a:lnTo>
                    <a:lnTo>
                      <a:pt x="20" y="8"/>
                    </a:lnTo>
                    <a:lnTo>
                      <a:pt x="7" y="15"/>
                    </a:lnTo>
                    <a:lnTo>
                      <a:pt x="0" y="15"/>
                    </a:lnTo>
                    <a:lnTo>
                      <a:pt x="5" y="10"/>
                    </a:lnTo>
                    <a:lnTo>
                      <a:pt x="13" y="8"/>
                    </a:lnTo>
                    <a:lnTo>
                      <a:pt x="8" y="3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8" name="Freeform 97"/>
              <p:cNvSpPr>
                <a:spLocks/>
              </p:cNvSpPr>
              <p:nvPr/>
            </p:nvSpPr>
            <p:spPr bwMode="auto">
              <a:xfrm>
                <a:off x="600" y="3513"/>
                <a:ext cx="23" cy="19"/>
              </a:xfrm>
              <a:custGeom>
                <a:avLst/>
                <a:gdLst>
                  <a:gd name="T0" fmla="*/ 0 w 23"/>
                  <a:gd name="T1" fmla="*/ 19 h 19"/>
                  <a:gd name="T2" fmla="*/ 0 w 23"/>
                  <a:gd name="T3" fmla="*/ 17 h 19"/>
                  <a:gd name="T4" fmla="*/ 0 w 23"/>
                  <a:gd name="T5" fmla="*/ 17 h 19"/>
                  <a:gd name="T6" fmla="*/ 1 w 23"/>
                  <a:gd name="T7" fmla="*/ 16 h 19"/>
                  <a:gd name="T8" fmla="*/ 1 w 23"/>
                  <a:gd name="T9" fmla="*/ 14 h 19"/>
                  <a:gd name="T10" fmla="*/ 3 w 23"/>
                  <a:gd name="T11" fmla="*/ 12 h 19"/>
                  <a:gd name="T12" fmla="*/ 5 w 23"/>
                  <a:gd name="T13" fmla="*/ 11 h 19"/>
                  <a:gd name="T14" fmla="*/ 6 w 23"/>
                  <a:gd name="T15" fmla="*/ 9 h 19"/>
                  <a:gd name="T16" fmla="*/ 8 w 23"/>
                  <a:gd name="T17" fmla="*/ 5 h 19"/>
                  <a:gd name="T18" fmla="*/ 12 w 23"/>
                  <a:gd name="T19" fmla="*/ 4 h 19"/>
                  <a:gd name="T20" fmla="*/ 13 w 23"/>
                  <a:gd name="T21" fmla="*/ 4 h 19"/>
                  <a:gd name="T22" fmla="*/ 15 w 23"/>
                  <a:gd name="T23" fmla="*/ 2 h 19"/>
                  <a:gd name="T24" fmla="*/ 18 w 23"/>
                  <a:gd name="T25" fmla="*/ 0 h 19"/>
                  <a:gd name="T26" fmla="*/ 18 w 23"/>
                  <a:gd name="T27" fmla="*/ 0 h 19"/>
                  <a:gd name="T28" fmla="*/ 20 w 23"/>
                  <a:gd name="T29" fmla="*/ 0 h 19"/>
                  <a:gd name="T30" fmla="*/ 22 w 23"/>
                  <a:gd name="T31" fmla="*/ 0 h 19"/>
                  <a:gd name="T32" fmla="*/ 22 w 23"/>
                  <a:gd name="T33" fmla="*/ 0 h 19"/>
                  <a:gd name="T34" fmla="*/ 23 w 23"/>
                  <a:gd name="T35" fmla="*/ 2 h 19"/>
                  <a:gd name="T36" fmla="*/ 22 w 23"/>
                  <a:gd name="T37" fmla="*/ 4 h 19"/>
                  <a:gd name="T38" fmla="*/ 22 w 23"/>
                  <a:gd name="T39" fmla="*/ 4 h 19"/>
                  <a:gd name="T40" fmla="*/ 20 w 23"/>
                  <a:gd name="T41" fmla="*/ 5 h 19"/>
                  <a:gd name="T42" fmla="*/ 20 w 23"/>
                  <a:gd name="T43" fmla="*/ 7 h 19"/>
                  <a:gd name="T44" fmla="*/ 18 w 23"/>
                  <a:gd name="T45" fmla="*/ 9 h 19"/>
                  <a:gd name="T46" fmla="*/ 17 w 23"/>
                  <a:gd name="T47" fmla="*/ 11 h 19"/>
                  <a:gd name="T48" fmla="*/ 13 w 23"/>
                  <a:gd name="T49" fmla="*/ 12 h 19"/>
                  <a:gd name="T50" fmla="*/ 12 w 23"/>
                  <a:gd name="T51" fmla="*/ 14 h 19"/>
                  <a:gd name="T52" fmla="*/ 10 w 23"/>
                  <a:gd name="T53" fmla="*/ 16 h 19"/>
                  <a:gd name="T54" fmla="*/ 6 w 23"/>
                  <a:gd name="T55" fmla="*/ 17 h 19"/>
                  <a:gd name="T56" fmla="*/ 5 w 23"/>
                  <a:gd name="T57" fmla="*/ 17 h 19"/>
                  <a:gd name="T58" fmla="*/ 3 w 23"/>
                  <a:gd name="T59" fmla="*/ 19 h 19"/>
                  <a:gd name="T60" fmla="*/ 1 w 23"/>
                  <a:gd name="T61" fmla="*/ 19 h 19"/>
                  <a:gd name="T62" fmla="*/ 1 w 23"/>
                  <a:gd name="T63" fmla="*/ 19 h 19"/>
                  <a:gd name="T64" fmla="*/ 0 w 23"/>
                  <a:gd name="T65" fmla="*/ 19 h 19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w 23"/>
                  <a:gd name="T100" fmla="*/ 0 h 19"/>
                  <a:gd name="T101" fmla="*/ 23 w 23"/>
                  <a:gd name="T102" fmla="*/ 19 h 19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T99" t="T100" r="T101" b="T102"/>
                <a:pathLst>
                  <a:path w="23" h="19">
                    <a:moveTo>
                      <a:pt x="0" y="19"/>
                    </a:moveTo>
                    <a:lnTo>
                      <a:pt x="0" y="17"/>
                    </a:lnTo>
                    <a:lnTo>
                      <a:pt x="1" y="16"/>
                    </a:lnTo>
                    <a:lnTo>
                      <a:pt x="1" y="14"/>
                    </a:lnTo>
                    <a:lnTo>
                      <a:pt x="3" y="12"/>
                    </a:lnTo>
                    <a:lnTo>
                      <a:pt x="5" y="11"/>
                    </a:lnTo>
                    <a:lnTo>
                      <a:pt x="6" y="9"/>
                    </a:lnTo>
                    <a:lnTo>
                      <a:pt x="8" y="5"/>
                    </a:lnTo>
                    <a:lnTo>
                      <a:pt x="12" y="4"/>
                    </a:lnTo>
                    <a:lnTo>
                      <a:pt x="13" y="4"/>
                    </a:lnTo>
                    <a:lnTo>
                      <a:pt x="15" y="2"/>
                    </a:lnTo>
                    <a:lnTo>
                      <a:pt x="18" y="0"/>
                    </a:lnTo>
                    <a:lnTo>
                      <a:pt x="20" y="0"/>
                    </a:lnTo>
                    <a:lnTo>
                      <a:pt x="22" y="0"/>
                    </a:lnTo>
                    <a:lnTo>
                      <a:pt x="23" y="2"/>
                    </a:lnTo>
                    <a:lnTo>
                      <a:pt x="22" y="4"/>
                    </a:lnTo>
                    <a:lnTo>
                      <a:pt x="20" y="5"/>
                    </a:lnTo>
                    <a:lnTo>
                      <a:pt x="20" y="7"/>
                    </a:lnTo>
                    <a:lnTo>
                      <a:pt x="18" y="9"/>
                    </a:lnTo>
                    <a:lnTo>
                      <a:pt x="17" y="11"/>
                    </a:lnTo>
                    <a:lnTo>
                      <a:pt x="13" y="12"/>
                    </a:lnTo>
                    <a:lnTo>
                      <a:pt x="12" y="14"/>
                    </a:lnTo>
                    <a:lnTo>
                      <a:pt x="10" y="16"/>
                    </a:lnTo>
                    <a:lnTo>
                      <a:pt x="6" y="17"/>
                    </a:lnTo>
                    <a:lnTo>
                      <a:pt x="5" y="17"/>
                    </a:lnTo>
                    <a:lnTo>
                      <a:pt x="3" y="19"/>
                    </a:lnTo>
                    <a:lnTo>
                      <a:pt x="1" y="19"/>
                    </a:lnTo>
                    <a:lnTo>
                      <a:pt x="0" y="19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9" name="Freeform 98"/>
              <p:cNvSpPr>
                <a:spLocks/>
              </p:cNvSpPr>
              <p:nvPr/>
            </p:nvSpPr>
            <p:spPr bwMode="auto">
              <a:xfrm>
                <a:off x="600" y="3513"/>
                <a:ext cx="23" cy="19"/>
              </a:xfrm>
              <a:custGeom>
                <a:avLst/>
                <a:gdLst>
                  <a:gd name="T0" fmla="*/ 0 w 23"/>
                  <a:gd name="T1" fmla="*/ 19 h 19"/>
                  <a:gd name="T2" fmla="*/ 0 w 23"/>
                  <a:gd name="T3" fmla="*/ 19 h 19"/>
                  <a:gd name="T4" fmla="*/ 0 w 23"/>
                  <a:gd name="T5" fmla="*/ 17 h 19"/>
                  <a:gd name="T6" fmla="*/ 0 w 23"/>
                  <a:gd name="T7" fmla="*/ 17 h 19"/>
                  <a:gd name="T8" fmla="*/ 1 w 23"/>
                  <a:gd name="T9" fmla="*/ 16 h 19"/>
                  <a:gd name="T10" fmla="*/ 1 w 23"/>
                  <a:gd name="T11" fmla="*/ 14 h 19"/>
                  <a:gd name="T12" fmla="*/ 3 w 23"/>
                  <a:gd name="T13" fmla="*/ 12 h 19"/>
                  <a:gd name="T14" fmla="*/ 5 w 23"/>
                  <a:gd name="T15" fmla="*/ 11 h 19"/>
                  <a:gd name="T16" fmla="*/ 6 w 23"/>
                  <a:gd name="T17" fmla="*/ 9 h 19"/>
                  <a:gd name="T18" fmla="*/ 8 w 23"/>
                  <a:gd name="T19" fmla="*/ 5 h 19"/>
                  <a:gd name="T20" fmla="*/ 8 w 23"/>
                  <a:gd name="T21" fmla="*/ 5 h 19"/>
                  <a:gd name="T22" fmla="*/ 12 w 23"/>
                  <a:gd name="T23" fmla="*/ 4 h 19"/>
                  <a:gd name="T24" fmla="*/ 13 w 23"/>
                  <a:gd name="T25" fmla="*/ 4 h 19"/>
                  <a:gd name="T26" fmla="*/ 15 w 23"/>
                  <a:gd name="T27" fmla="*/ 2 h 19"/>
                  <a:gd name="T28" fmla="*/ 18 w 23"/>
                  <a:gd name="T29" fmla="*/ 0 h 19"/>
                  <a:gd name="T30" fmla="*/ 18 w 23"/>
                  <a:gd name="T31" fmla="*/ 0 h 19"/>
                  <a:gd name="T32" fmla="*/ 20 w 23"/>
                  <a:gd name="T33" fmla="*/ 0 h 19"/>
                  <a:gd name="T34" fmla="*/ 22 w 23"/>
                  <a:gd name="T35" fmla="*/ 0 h 19"/>
                  <a:gd name="T36" fmla="*/ 22 w 23"/>
                  <a:gd name="T37" fmla="*/ 0 h 19"/>
                  <a:gd name="T38" fmla="*/ 22 w 23"/>
                  <a:gd name="T39" fmla="*/ 0 h 19"/>
                  <a:gd name="T40" fmla="*/ 23 w 23"/>
                  <a:gd name="T41" fmla="*/ 2 h 19"/>
                  <a:gd name="T42" fmla="*/ 22 w 23"/>
                  <a:gd name="T43" fmla="*/ 4 h 19"/>
                  <a:gd name="T44" fmla="*/ 22 w 23"/>
                  <a:gd name="T45" fmla="*/ 4 h 19"/>
                  <a:gd name="T46" fmla="*/ 20 w 23"/>
                  <a:gd name="T47" fmla="*/ 5 h 19"/>
                  <a:gd name="T48" fmla="*/ 20 w 23"/>
                  <a:gd name="T49" fmla="*/ 7 h 19"/>
                  <a:gd name="T50" fmla="*/ 18 w 23"/>
                  <a:gd name="T51" fmla="*/ 9 h 19"/>
                  <a:gd name="T52" fmla="*/ 17 w 23"/>
                  <a:gd name="T53" fmla="*/ 11 h 19"/>
                  <a:gd name="T54" fmla="*/ 13 w 23"/>
                  <a:gd name="T55" fmla="*/ 12 h 19"/>
                  <a:gd name="T56" fmla="*/ 13 w 23"/>
                  <a:gd name="T57" fmla="*/ 12 h 19"/>
                  <a:gd name="T58" fmla="*/ 12 w 23"/>
                  <a:gd name="T59" fmla="*/ 14 h 19"/>
                  <a:gd name="T60" fmla="*/ 10 w 23"/>
                  <a:gd name="T61" fmla="*/ 16 h 19"/>
                  <a:gd name="T62" fmla="*/ 6 w 23"/>
                  <a:gd name="T63" fmla="*/ 17 h 19"/>
                  <a:gd name="T64" fmla="*/ 5 w 23"/>
                  <a:gd name="T65" fmla="*/ 17 h 19"/>
                  <a:gd name="T66" fmla="*/ 3 w 23"/>
                  <a:gd name="T67" fmla="*/ 19 h 19"/>
                  <a:gd name="T68" fmla="*/ 1 w 23"/>
                  <a:gd name="T69" fmla="*/ 19 h 19"/>
                  <a:gd name="T70" fmla="*/ 1 w 23"/>
                  <a:gd name="T71" fmla="*/ 19 h 19"/>
                  <a:gd name="T72" fmla="*/ 0 w 23"/>
                  <a:gd name="T73" fmla="*/ 19 h 19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w 23"/>
                  <a:gd name="T112" fmla="*/ 0 h 19"/>
                  <a:gd name="T113" fmla="*/ 23 w 23"/>
                  <a:gd name="T114" fmla="*/ 19 h 19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T111" t="T112" r="T113" b="T114"/>
                <a:pathLst>
                  <a:path w="23" h="19">
                    <a:moveTo>
                      <a:pt x="0" y="19"/>
                    </a:moveTo>
                    <a:lnTo>
                      <a:pt x="0" y="19"/>
                    </a:lnTo>
                    <a:lnTo>
                      <a:pt x="0" y="17"/>
                    </a:lnTo>
                    <a:lnTo>
                      <a:pt x="1" y="16"/>
                    </a:lnTo>
                    <a:lnTo>
                      <a:pt x="1" y="14"/>
                    </a:lnTo>
                    <a:lnTo>
                      <a:pt x="3" y="12"/>
                    </a:lnTo>
                    <a:lnTo>
                      <a:pt x="5" y="11"/>
                    </a:lnTo>
                    <a:lnTo>
                      <a:pt x="6" y="9"/>
                    </a:lnTo>
                    <a:lnTo>
                      <a:pt x="8" y="5"/>
                    </a:lnTo>
                    <a:lnTo>
                      <a:pt x="12" y="4"/>
                    </a:lnTo>
                    <a:lnTo>
                      <a:pt x="13" y="4"/>
                    </a:lnTo>
                    <a:lnTo>
                      <a:pt x="15" y="2"/>
                    </a:lnTo>
                    <a:lnTo>
                      <a:pt x="18" y="0"/>
                    </a:lnTo>
                    <a:lnTo>
                      <a:pt x="20" y="0"/>
                    </a:lnTo>
                    <a:lnTo>
                      <a:pt x="22" y="0"/>
                    </a:lnTo>
                    <a:lnTo>
                      <a:pt x="23" y="2"/>
                    </a:lnTo>
                    <a:lnTo>
                      <a:pt x="22" y="4"/>
                    </a:lnTo>
                    <a:lnTo>
                      <a:pt x="20" y="5"/>
                    </a:lnTo>
                    <a:lnTo>
                      <a:pt x="20" y="7"/>
                    </a:lnTo>
                    <a:lnTo>
                      <a:pt x="18" y="9"/>
                    </a:lnTo>
                    <a:lnTo>
                      <a:pt x="17" y="11"/>
                    </a:lnTo>
                    <a:lnTo>
                      <a:pt x="13" y="12"/>
                    </a:lnTo>
                    <a:lnTo>
                      <a:pt x="12" y="14"/>
                    </a:lnTo>
                    <a:lnTo>
                      <a:pt x="10" y="16"/>
                    </a:lnTo>
                    <a:lnTo>
                      <a:pt x="6" y="17"/>
                    </a:lnTo>
                    <a:lnTo>
                      <a:pt x="5" y="17"/>
                    </a:lnTo>
                    <a:lnTo>
                      <a:pt x="3" y="19"/>
                    </a:lnTo>
                    <a:lnTo>
                      <a:pt x="1" y="19"/>
                    </a:lnTo>
                    <a:lnTo>
                      <a:pt x="0" y="19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30" name="Freeform 99"/>
              <p:cNvSpPr>
                <a:spLocks/>
              </p:cNvSpPr>
              <p:nvPr/>
            </p:nvSpPr>
            <p:spPr bwMode="auto">
              <a:xfrm>
                <a:off x="674" y="3486"/>
                <a:ext cx="12" cy="12"/>
              </a:xfrm>
              <a:custGeom>
                <a:avLst/>
                <a:gdLst>
                  <a:gd name="T0" fmla="*/ 0 w 12"/>
                  <a:gd name="T1" fmla="*/ 5 h 12"/>
                  <a:gd name="T2" fmla="*/ 0 w 12"/>
                  <a:gd name="T3" fmla="*/ 4 h 12"/>
                  <a:gd name="T4" fmla="*/ 2 w 12"/>
                  <a:gd name="T5" fmla="*/ 2 h 12"/>
                  <a:gd name="T6" fmla="*/ 4 w 12"/>
                  <a:gd name="T7" fmla="*/ 0 h 12"/>
                  <a:gd name="T8" fmla="*/ 7 w 12"/>
                  <a:gd name="T9" fmla="*/ 0 h 12"/>
                  <a:gd name="T10" fmla="*/ 9 w 12"/>
                  <a:gd name="T11" fmla="*/ 0 h 12"/>
                  <a:gd name="T12" fmla="*/ 10 w 12"/>
                  <a:gd name="T13" fmla="*/ 2 h 12"/>
                  <a:gd name="T14" fmla="*/ 12 w 12"/>
                  <a:gd name="T15" fmla="*/ 4 h 12"/>
                  <a:gd name="T16" fmla="*/ 12 w 12"/>
                  <a:gd name="T17" fmla="*/ 5 h 12"/>
                  <a:gd name="T18" fmla="*/ 12 w 12"/>
                  <a:gd name="T19" fmla="*/ 9 h 12"/>
                  <a:gd name="T20" fmla="*/ 10 w 12"/>
                  <a:gd name="T21" fmla="*/ 10 h 12"/>
                  <a:gd name="T22" fmla="*/ 9 w 12"/>
                  <a:gd name="T23" fmla="*/ 10 h 12"/>
                  <a:gd name="T24" fmla="*/ 7 w 12"/>
                  <a:gd name="T25" fmla="*/ 12 h 12"/>
                  <a:gd name="T26" fmla="*/ 4 w 12"/>
                  <a:gd name="T27" fmla="*/ 10 h 12"/>
                  <a:gd name="T28" fmla="*/ 2 w 12"/>
                  <a:gd name="T29" fmla="*/ 10 h 12"/>
                  <a:gd name="T30" fmla="*/ 0 w 12"/>
                  <a:gd name="T31" fmla="*/ 9 h 12"/>
                  <a:gd name="T32" fmla="*/ 0 w 12"/>
                  <a:gd name="T33" fmla="*/ 5 h 12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2"/>
                  <a:gd name="T52" fmla="*/ 0 h 12"/>
                  <a:gd name="T53" fmla="*/ 12 w 12"/>
                  <a:gd name="T54" fmla="*/ 12 h 12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2" h="12">
                    <a:moveTo>
                      <a:pt x="0" y="5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7" y="0"/>
                    </a:lnTo>
                    <a:lnTo>
                      <a:pt x="9" y="0"/>
                    </a:lnTo>
                    <a:lnTo>
                      <a:pt x="10" y="2"/>
                    </a:lnTo>
                    <a:lnTo>
                      <a:pt x="12" y="4"/>
                    </a:lnTo>
                    <a:lnTo>
                      <a:pt x="12" y="5"/>
                    </a:lnTo>
                    <a:lnTo>
                      <a:pt x="12" y="9"/>
                    </a:lnTo>
                    <a:lnTo>
                      <a:pt x="10" y="10"/>
                    </a:lnTo>
                    <a:lnTo>
                      <a:pt x="9" y="10"/>
                    </a:lnTo>
                    <a:lnTo>
                      <a:pt x="7" y="12"/>
                    </a:lnTo>
                    <a:lnTo>
                      <a:pt x="4" y="10"/>
                    </a:lnTo>
                    <a:lnTo>
                      <a:pt x="2" y="10"/>
                    </a:lnTo>
                    <a:lnTo>
                      <a:pt x="0" y="9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31" name="Freeform 100"/>
              <p:cNvSpPr>
                <a:spLocks/>
              </p:cNvSpPr>
              <p:nvPr/>
            </p:nvSpPr>
            <p:spPr bwMode="auto">
              <a:xfrm>
                <a:off x="674" y="3486"/>
                <a:ext cx="12" cy="12"/>
              </a:xfrm>
              <a:custGeom>
                <a:avLst/>
                <a:gdLst>
                  <a:gd name="T0" fmla="*/ 0 w 12"/>
                  <a:gd name="T1" fmla="*/ 5 h 12"/>
                  <a:gd name="T2" fmla="*/ 0 w 12"/>
                  <a:gd name="T3" fmla="*/ 5 h 12"/>
                  <a:gd name="T4" fmla="*/ 0 w 12"/>
                  <a:gd name="T5" fmla="*/ 4 h 12"/>
                  <a:gd name="T6" fmla="*/ 2 w 12"/>
                  <a:gd name="T7" fmla="*/ 2 h 12"/>
                  <a:gd name="T8" fmla="*/ 4 w 12"/>
                  <a:gd name="T9" fmla="*/ 0 h 12"/>
                  <a:gd name="T10" fmla="*/ 7 w 12"/>
                  <a:gd name="T11" fmla="*/ 0 h 12"/>
                  <a:gd name="T12" fmla="*/ 7 w 12"/>
                  <a:gd name="T13" fmla="*/ 0 h 12"/>
                  <a:gd name="T14" fmla="*/ 9 w 12"/>
                  <a:gd name="T15" fmla="*/ 0 h 12"/>
                  <a:gd name="T16" fmla="*/ 10 w 12"/>
                  <a:gd name="T17" fmla="*/ 2 h 12"/>
                  <a:gd name="T18" fmla="*/ 12 w 12"/>
                  <a:gd name="T19" fmla="*/ 4 h 12"/>
                  <a:gd name="T20" fmla="*/ 12 w 12"/>
                  <a:gd name="T21" fmla="*/ 5 h 12"/>
                  <a:gd name="T22" fmla="*/ 12 w 12"/>
                  <a:gd name="T23" fmla="*/ 5 h 12"/>
                  <a:gd name="T24" fmla="*/ 12 w 12"/>
                  <a:gd name="T25" fmla="*/ 9 h 12"/>
                  <a:gd name="T26" fmla="*/ 10 w 12"/>
                  <a:gd name="T27" fmla="*/ 10 h 12"/>
                  <a:gd name="T28" fmla="*/ 9 w 12"/>
                  <a:gd name="T29" fmla="*/ 10 h 12"/>
                  <a:gd name="T30" fmla="*/ 7 w 12"/>
                  <a:gd name="T31" fmla="*/ 12 h 12"/>
                  <a:gd name="T32" fmla="*/ 7 w 12"/>
                  <a:gd name="T33" fmla="*/ 12 h 12"/>
                  <a:gd name="T34" fmla="*/ 4 w 12"/>
                  <a:gd name="T35" fmla="*/ 10 h 12"/>
                  <a:gd name="T36" fmla="*/ 2 w 12"/>
                  <a:gd name="T37" fmla="*/ 10 h 12"/>
                  <a:gd name="T38" fmla="*/ 0 w 12"/>
                  <a:gd name="T39" fmla="*/ 9 h 12"/>
                  <a:gd name="T40" fmla="*/ 0 w 12"/>
                  <a:gd name="T41" fmla="*/ 5 h 12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2"/>
                  <a:gd name="T64" fmla="*/ 0 h 12"/>
                  <a:gd name="T65" fmla="*/ 12 w 12"/>
                  <a:gd name="T66" fmla="*/ 12 h 12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2" h="12">
                    <a:moveTo>
                      <a:pt x="0" y="5"/>
                    </a:moveTo>
                    <a:lnTo>
                      <a:pt x="0" y="5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7" y="0"/>
                    </a:lnTo>
                    <a:lnTo>
                      <a:pt x="9" y="0"/>
                    </a:lnTo>
                    <a:lnTo>
                      <a:pt x="10" y="2"/>
                    </a:lnTo>
                    <a:lnTo>
                      <a:pt x="12" y="4"/>
                    </a:lnTo>
                    <a:lnTo>
                      <a:pt x="12" y="5"/>
                    </a:lnTo>
                    <a:lnTo>
                      <a:pt x="12" y="9"/>
                    </a:lnTo>
                    <a:lnTo>
                      <a:pt x="10" y="10"/>
                    </a:lnTo>
                    <a:lnTo>
                      <a:pt x="9" y="10"/>
                    </a:lnTo>
                    <a:lnTo>
                      <a:pt x="7" y="12"/>
                    </a:lnTo>
                    <a:lnTo>
                      <a:pt x="4" y="10"/>
                    </a:lnTo>
                    <a:lnTo>
                      <a:pt x="2" y="10"/>
                    </a:lnTo>
                    <a:lnTo>
                      <a:pt x="0" y="9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32" name="Freeform 101"/>
              <p:cNvSpPr>
                <a:spLocks/>
              </p:cNvSpPr>
              <p:nvPr/>
            </p:nvSpPr>
            <p:spPr bwMode="auto">
              <a:xfrm>
                <a:off x="463" y="3535"/>
                <a:ext cx="10" cy="9"/>
              </a:xfrm>
              <a:custGeom>
                <a:avLst/>
                <a:gdLst>
                  <a:gd name="T0" fmla="*/ 0 w 10"/>
                  <a:gd name="T1" fmla="*/ 5 h 9"/>
                  <a:gd name="T2" fmla="*/ 0 w 10"/>
                  <a:gd name="T3" fmla="*/ 4 h 9"/>
                  <a:gd name="T4" fmla="*/ 1 w 10"/>
                  <a:gd name="T5" fmla="*/ 2 h 9"/>
                  <a:gd name="T6" fmla="*/ 3 w 10"/>
                  <a:gd name="T7" fmla="*/ 0 h 9"/>
                  <a:gd name="T8" fmla="*/ 5 w 10"/>
                  <a:gd name="T9" fmla="*/ 0 h 9"/>
                  <a:gd name="T10" fmla="*/ 6 w 10"/>
                  <a:gd name="T11" fmla="*/ 0 h 9"/>
                  <a:gd name="T12" fmla="*/ 8 w 10"/>
                  <a:gd name="T13" fmla="*/ 2 h 9"/>
                  <a:gd name="T14" fmla="*/ 10 w 10"/>
                  <a:gd name="T15" fmla="*/ 4 h 9"/>
                  <a:gd name="T16" fmla="*/ 10 w 10"/>
                  <a:gd name="T17" fmla="*/ 5 h 9"/>
                  <a:gd name="T18" fmla="*/ 10 w 10"/>
                  <a:gd name="T19" fmla="*/ 7 h 9"/>
                  <a:gd name="T20" fmla="*/ 8 w 10"/>
                  <a:gd name="T21" fmla="*/ 9 h 9"/>
                  <a:gd name="T22" fmla="*/ 6 w 10"/>
                  <a:gd name="T23" fmla="*/ 9 h 9"/>
                  <a:gd name="T24" fmla="*/ 5 w 10"/>
                  <a:gd name="T25" fmla="*/ 9 h 9"/>
                  <a:gd name="T26" fmla="*/ 3 w 10"/>
                  <a:gd name="T27" fmla="*/ 9 h 9"/>
                  <a:gd name="T28" fmla="*/ 1 w 10"/>
                  <a:gd name="T29" fmla="*/ 9 h 9"/>
                  <a:gd name="T30" fmla="*/ 0 w 10"/>
                  <a:gd name="T31" fmla="*/ 7 h 9"/>
                  <a:gd name="T32" fmla="*/ 0 w 10"/>
                  <a:gd name="T33" fmla="*/ 5 h 9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0"/>
                  <a:gd name="T52" fmla="*/ 0 h 9"/>
                  <a:gd name="T53" fmla="*/ 10 w 10"/>
                  <a:gd name="T54" fmla="*/ 9 h 9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0" h="9">
                    <a:moveTo>
                      <a:pt x="0" y="5"/>
                    </a:moveTo>
                    <a:lnTo>
                      <a:pt x="0" y="4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6" y="0"/>
                    </a:lnTo>
                    <a:lnTo>
                      <a:pt x="8" y="2"/>
                    </a:lnTo>
                    <a:lnTo>
                      <a:pt x="10" y="4"/>
                    </a:lnTo>
                    <a:lnTo>
                      <a:pt x="10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5" y="9"/>
                    </a:lnTo>
                    <a:lnTo>
                      <a:pt x="3" y="9"/>
                    </a:lnTo>
                    <a:lnTo>
                      <a:pt x="1" y="9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33" name="Freeform 102"/>
              <p:cNvSpPr>
                <a:spLocks/>
              </p:cNvSpPr>
              <p:nvPr/>
            </p:nvSpPr>
            <p:spPr bwMode="auto">
              <a:xfrm>
                <a:off x="463" y="3535"/>
                <a:ext cx="10" cy="9"/>
              </a:xfrm>
              <a:custGeom>
                <a:avLst/>
                <a:gdLst>
                  <a:gd name="T0" fmla="*/ 0 w 10"/>
                  <a:gd name="T1" fmla="*/ 5 h 9"/>
                  <a:gd name="T2" fmla="*/ 0 w 10"/>
                  <a:gd name="T3" fmla="*/ 5 h 9"/>
                  <a:gd name="T4" fmla="*/ 0 w 10"/>
                  <a:gd name="T5" fmla="*/ 4 h 9"/>
                  <a:gd name="T6" fmla="*/ 1 w 10"/>
                  <a:gd name="T7" fmla="*/ 2 h 9"/>
                  <a:gd name="T8" fmla="*/ 3 w 10"/>
                  <a:gd name="T9" fmla="*/ 0 h 9"/>
                  <a:gd name="T10" fmla="*/ 5 w 10"/>
                  <a:gd name="T11" fmla="*/ 0 h 9"/>
                  <a:gd name="T12" fmla="*/ 5 w 10"/>
                  <a:gd name="T13" fmla="*/ 0 h 9"/>
                  <a:gd name="T14" fmla="*/ 6 w 10"/>
                  <a:gd name="T15" fmla="*/ 0 h 9"/>
                  <a:gd name="T16" fmla="*/ 8 w 10"/>
                  <a:gd name="T17" fmla="*/ 2 h 9"/>
                  <a:gd name="T18" fmla="*/ 10 w 10"/>
                  <a:gd name="T19" fmla="*/ 4 h 9"/>
                  <a:gd name="T20" fmla="*/ 10 w 10"/>
                  <a:gd name="T21" fmla="*/ 5 h 9"/>
                  <a:gd name="T22" fmla="*/ 10 w 10"/>
                  <a:gd name="T23" fmla="*/ 5 h 9"/>
                  <a:gd name="T24" fmla="*/ 10 w 10"/>
                  <a:gd name="T25" fmla="*/ 7 h 9"/>
                  <a:gd name="T26" fmla="*/ 8 w 10"/>
                  <a:gd name="T27" fmla="*/ 9 h 9"/>
                  <a:gd name="T28" fmla="*/ 6 w 10"/>
                  <a:gd name="T29" fmla="*/ 9 h 9"/>
                  <a:gd name="T30" fmla="*/ 5 w 10"/>
                  <a:gd name="T31" fmla="*/ 9 h 9"/>
                  <a:gd name="T32" fmla="*/ 5 w 10"/>
                  <a:gd name="T33" fmla="*/ 9 h 9"/>
                  <a:gd name="T34" fmla="*/ 3 w 10"/>
                  <a:gd name="T35" fmla="*/ 9 h 9"/>
                  <a:gd name="T36" fmla="*/ 1 w 10"/>
                  <a:gd name="T37" fmla="*/ 9 h 9"/>
                  <a:gd name="T38" fmla="*/ 0 w 10"/>
                  <a:gd name="T39" fmla="*/ 7 h 9"/>
                  <a:gd name="T40" fmla="*/ 0 w 10"/>
                  <a:gd name="T41" fmla="*/ 5 h 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0"/>
                  <a:gd name="T64" fmla="*/ 0 h 9"/>
                  <a:gd name="T65" fmla="*/ 10 w 10"/>
                  <a:gd name="T66" fmla="*/ 9 h 9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0" h="9">
                    <a:moveTo>
                      <a:pt x="0" y="5"/>
                    </a:moveTo>
                    <a:lnTo>
                      <a:pt x="0" y="5"/>
                    </a:lnTo>
                    <a:lnTo>
                      <a:pt x="0" y="4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6" y="0"/>
                    </a:lnTo>
                    <a:lnTo>
                      <a:pt x="8" y="2"/>
                    </a:lnTo>
                    <a:lnTo>
                      <a:pt x="10" y="4"/>
                    </a:lnTo>
                    <a:lnTo>
                      <a:pt x="10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5" y="9"/>
                    </a:lnTo>
                    <a:lnTo>
                      <a:pt x="3" y="9"/>
                    </a:lnTo>
                    <a:lnTo>
                      <a:pt x="1" y="9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34" name="Freeform 103"/>
              <p:cNvSpPr>
                <a:spLocks/>
              </p:cNvSpPr>
              <p:nvPr/>
            </p:nvSpPr>
            <p:spPr bwMode="auto">
              <a:xfrm>
                <a:off x="515" y="3537"/>
                <a:ext cx="15" cy="9"/>
              </a:xfrm>
              <a:custGeom>
                <a:avLst/>
                <a:gdLst>
                  <a:gd name="T0" fmla="*/ 0 w 15"/>
                  <a:gd name="T1" fmla="*/ 5 h 9"/>
                  <a:gd name="T2" fmla="*/ 0 w 15"/>
                  <a:gd name="T3" fmla="*/ 3 h 9"/>
                  <a:gd name="T4" fmla="*/ 2 w 15"/>
                  <a:gd name="T5" fmla="*/ 2 h 9"/>
                  <a:gd name="T6" fmla="*/ 5 w 15"/>
                  <a:gd name="T7" fmla="*/ 0 h 9"/>
                  <a:gd name="T8" fmla="*/ 7 w 15"/>
                  <a:gd name="T9" fmla="*/ 0 h 9"/>
                  <a:gd name="T10" fmla="*/ 10 w 15"/>
                  <a:gd name="T11" fmla="*/ 0 h 9"/>
                  <a:gd name="T12" fmla="*/ 12 w 15"/>
                  <a:gd name="T13" fmla="*/ 2 h 9"/>
                  <a:gd name="T14" fmla="*/ 14 w 15"/>
                  <a:gd name="T15" fmla="*/ 3 h 9"/>
                  <a:gd name="T16" fmla="*/ 15 w 15"/>
                  <a:gd name="T17" fmla="*/ 5 h 9"/>
                  <a:gd name="T18" fmla="*/ 14 w 15"/>
                  <a:gd name="T19" fmla="*/ 7 h 9"/>
                  <a:gd name="T20" fmla="*/ 12 w 15"/>
                  <a:gd name="T21" fmla="*/ 7 h 9"/>
                  <a:gd name="T22" fmla="*/ 10 w 15"/>
                  <a:gd name="T23" fmla="*/ 9 h 9"/>
                  <a:gd name="T24" fmla="*/ 7 w 15"/>
                  <a:gd name="T25" fmla="*/ 9 h 9"/>
                  <a:gd name="T26" fmla="*/ 5 w 15"/>
                  <a:gd name="T27" fmla="*/ 9 h 9"/>
                  <a:gd name="T28" fmla="*/ 2 w 15"/>
                  <a:gd name="T29" fmla="*/ 7 h 9"/>
                  <a:gd name="T30" fmla="*/ 0 w 15"/>
                  <a:gd name="T31" fmla="*/ 7 h 9"/>
                  <a:gd name="T32" fmla="*/ 0 w 15"/>
                  <a:gd name="T33" fmla="*/ 5 h 9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5"/>
                  <a:gd name="T52" fmla="*/ 0 h 9"/>
                  <a:gd name="T53" fmla="*/ 15 w 15"/>
                  <a:gd name="T54" fmla="*/ 9 h 9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5" h="9">
                    <a:moveTo>
                      <a:pt x="0" y="5"/>
                    </a:moveTo>
                    <a:lnTo>
                      <a:pt x="0" y="3"/>
                    </a:lnTo>
                    <a:lnTo>
                      <a:pt x="2" y="2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10" y="0"/>
                    </a:lnTo>
                    <a:lnTo>
                      <a:pt x="12" y="2"/>
                    </a:lnTo>
                    <a:lnTo>
                      <a:pt x="14" y="3"/>
                    </a:lnTo>
                    <a:lnTo>
                      <a:pt x="15" y="5"/>
                    </a:lnTo>
                    <a:lnTo>
                      <a:pt x="14" y="7"/>
                    </a:lnTo>
                    <a:lnTo>
                      <a:pt x="12" y="7"/>
                    </a:lnTo>
                    <a:lnTo>
                      <a:pt x="10" y="9"/>
                    </a:lnTo>
                    <a:lnTo>
                      <a:pt x="7" y="9"/>
                    </a:lnTo>
                    <a:lnTo>
                      <a:pt x="5" y="9"/>
                    </a:lnTo>
                    <a:lnTo>
                      <a:pt x="2" y="7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35" name="Freeform 104"/>
              <p:cNvSpPr>
                <a:spLocks/>
              </p:cNvSpPr>
              <p:nvPr/>
            </p:nvSpPr>
            <p:spPr bwMode="auto">
              <a:xfrm>
                <a:off x="515" y="3537"/>
                <a:ext cx="15" cy="9"/>
              </a:xfrm>
              <a:custGeom>
                <a:avLst/>
                <a:gdLst>
                  <a:gd name="T0" fmla="*/ 0 w 15"/>
                  <a:gd name="T1" fmla="*/ 5 h 9"/>
                  <a:gd name="T2" fmla="*/ 0 w 15"/>
                  <a:gd name="T3" fmla="*/ 5 h 9"/>
                  <a:gd name="T4" fmla="*/ 0 w 15"/>
                  <a:gd name="T5" fmla="*/ 3 h 9"/>
                  <a:gd name="T6" fmla="*/ 2 w 15"/>
                  <a:gd name="T7" fmla="*/ 2 h 9"/>
                  <a:gd name="T8" fmla="*/ 5 w 15"/>
                  <a:gd name="T9" fmla="*/ 0 h 9"/>
                  <a:gd name="T10" fmla="*/ 7 w 15"/>
                  <a:gd name="T11" fmla="*/ 0 h 9"/>
                  <a:gd name="T12" fmla="*/ 7 w 15"/>
                  <a:gd name="T13" fmla="*/ 0 h 9"/>
                  <a:gd name="T14" fmla="*/ 10 w 15"/>
                  <a:gd name="T15" fmla="*/ 0 h 9"/>
                  <a:gd name="T16" fmla="*/ 12 w 15"/>
                  <a:gd name="T17" fmla="*/ 2 h 9"/>
                  <a:gd name="T18" fmla="*/ 14 w 15"/>
                  <a:gd name="T19" fmla="*/ 3 h 9"/>
                  <a:gd name="T20" fmla="*/ 15 w 15"/>
                  <a:gd name="T21" fmla="*/ 5 h 9"/>
                  <a:gd name="T22" fmla="*/ 15 w 15"/>
                  <a:gd name="T23" fmla="*/ 5 h 9"/>
                  <a:gd name="T24" fmla="*/ 14 w 15"/>
                  <a:gd name="T25" fmla="*/ 7 h 9"/>
                  <a:gd name="T26" fmla="*/ 12 w 15"/>
                  <a:gd name="T27" fmla="*/ 7 h 9"/>
                  <a:gd name="T28" fmla="*/ 10 w 15"/>
                  <a:gd name="T29" fmla="*/ 9 h 9"/>
                  <a:gd name="T30" fmla="*/ 7 w 15"/>
                  <a:gd name="T31" fmla="*/ 9 h 9"/>
                  <a:gd name="T32" fmla="*/ 7 w 15"/>
                  <a:gd name="T33" fmla="*/ 9 h 9"/>
                  <a:gd name="T34" fmla="*/ 5 w 15"/>
                  <a:gd name="T35" fmla="*/ 9 h 9"/>
                  <a:gd name="T36" fmla="*/ 2 w 15"/>
                  <a:gd name="T37" fmla="*/ 7 h 9"/>
                  <a:gd name="T38" fmla="*/ 0 w 15"/>
                  <a:gd name="T39" fmla="*/ 7 h 9"/>
                  <a:gd name="T40" fmla="*/ 0 w 15"/>
                  <a:gd name="T41" fmla="*/ 5 h 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5"/>
                  <a:gd name="T64" fmla="*/ 0 h 9"/>
                  <a:gd name="T65" fmla="*/ 15 w 15"/>
                  <a:gd name="T66" fmla="*/ 9 h 9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5" h="9">
                    <a:moveTo>
                      <a:pt x="0" y="5"/>
                    </a:moveTo>
                    <a:lnTo>
                      <a:pt x="0" y="5"/>
                    </a:lnTo>
                    <a:lnTo>
                      <a:pt x="0" y="3"/>
                    </a:lnTo>
                    <a:lnTo>
                      <a:pt x="2" y="2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10" y="0"/>
                    </a:lnTo>
                    <a:lnTo>
                      <a:pt x="12" y="2"/>
                    </a:lnTo>
                    <a:lnTo>
                      <a:pt x="14" y="3"/>
                    </a:lnTo>
                    <a:lnTo>
                      <a:pt x="15" y="5"/>
                    </a:lnTo>
                    <a:lnTo>
                      <a:pt x="14" y="7"/>
                    </a:lnTo>
                    <a:lnTo>
                      <a:pt x="12" y="7"/>
                    </a:lnTo>
                    <a:lnTo>
                      <a:pt x="10" y="9"/>
                    </a:lnTo>
                    <a:lnTo>
                      <a:pt x="7" y="9"/>
                    </a:lnTo>
                    <a:lnTo>
                      <a:pt x="5" y="9"/>
                    </a:lnTo>
                    <a:lnTo>
                      <a:pt x="2" y="7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36" name="Freeform 105"/>
              <p:cNvSpPr>
                <a:spLocks/>
              </p:cNvSpPr>
              <p:nvPr/>
            </p:nvSpPr>
            <p:spPr bwMode="auto">
              <a:xfrm>
                <a:off x="439" y="3529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1 h 10"/>
                  <a:gd name="T4" fmla="*/ 2 w 8"/>
                  <a:gd name="T5" fmla="*/ 1 h 10"/>
                  <a:gd name="T6" fmla="*/ 2 w 8"/>
                  <a:gd name="T7" fmla="*/ 0 h 10"/>
                  <a:gd name="T8" fmla="*/ 3 w 8"/>
                  <a:gd name="T9" fmla="*/ 0 h 10"/>
                  <a:gd name="T10" fmla="*/ 5 w 8"/>
                  <a:gd name="T11" fmla="*/ 0 h 10"/>
                  <a:gd name="T12" fmla="*/ 7 w 8"/>
                  <a:gd name="T13" fmla="*/ 1 h 10"/>
                  <a:gd name="T14" fmla="*/ 8 w 8"/>
                  <a:gd name="T15" fmla="*/ 1 h 10"/>
                  <a:gd name="T16" fmla="*/ 8 w 8"/>
                  <a:gd name="T17" fmla="*/ 5 h 10"/>
                  <a:gd name="T18" fmla="*/ 8 w 8"/>
                  <a:gd name="T19" fmla="*/ 6 h 10"/>
                  <a:gd name="T20" fmla="*/ 7 w 8"/>
                  <a:gd name="T21" fmla="*/ 8 h 10"/>
                  <a:gd name="T22" fmla="*/ 5 w 8"/>
                  <a:gd name="T23" fmla="*/ 10 h 10"/>
                  <a:gd name="T24" fmla="*/ 3 w 8"/>
                  <a:gd name="T25" fmla="*/ 10 h 10"/>
                  <a:gd name="T26" fmla="*/ 2 w 8"/>
                  <a:gd name="T27" fmla="*/ 10 h 10"/>
                  <a:gd name="T28" fmla="*/ 2 w 8"/>
                  <a:gd name="T29" fmla="*/ 8 h 10"/>
                  <a:gd name="T30" fmla="*/ 0 w 8"/>
                  <a:gd name="T31" fmla="*/ 6 h 10"/>
                  <a:gd name="T32" fmla="*/ 0 w 8"/>
                  <a:gd name="T33" fmla="*/ 5 h 1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8"/>
                  <a:gd name="T52" fmla="*/ 0 h 10"/>
                  <a:gd name="T53" fmla="*/ 8 w 8"/>
                  <a:gd name="T54" fmla="*/ 10 h 10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8" h="10">
                    <a:moveTo>
                      <a:pt x="0" y="5"/>
                    </a:moveTo>
                    <a:lnTo>
                      <a:pt x="0" y="1"/>
                    </a:lnTo>
                    <a:lnTo>
                      <a:pt x="2" y="1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1"/>
                    </a:lnTo>
                    <a:lnTo>
                      <a:pt x="8" y="1"/>
                    </a:lnTo>
                    <a:lnTo>
                      <a:pt x="8" y="5"/>
                    </a:lnTo>
                    <a:lnTo>
                      <a:pt x="8" y="6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6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37" name="Freeform 106"/>
              <p:cNvSpPr>
                <a:spLocks/>
              </p:cNvSpPr>
              <p:nvPr/>
            </p:nvSpPr>
            <p:spPr bwMode="auto">
              <a:xfrm>
                <a:off x="439" y="3529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5 h 10"/>
                  <a:gd name="T4" fmla="*/ 0 w 8"/>
                  <a:gd name="T5" fmla="*/ 1 h 10"/>
                  <a:gd name="T6" fmla="*/ 2 w 8"/>
                  <a:gd name="T7" fmla="*/ 1 h 10"/>
                  <a:gd name="T8" fmla="*/ 2 w 8"/>
                  <a:gd name="T9" fmla="*/ 0 h 10"/>
                  <a:gd name="T10" fmla="*/ 3 w 8"/>
                  <a:gd name="T11" fmla="*/ 0 h 10"/>
                  <a:gd name="T12" fmla="*/ 3 w 8"/>
                  <a:gd name="T13" fmla="*/ 0 h 10"/>
                  <a:gd name="T14" fmla="*/ 5 w 8"/>
                  <a:gd name="T15" fmla="*/ 0 h 10"/>
                  <a:gd name="T16" fmla="*/ 7 w 8"/>
                  <a:gd name="T17" fmla="*/ 1 h 10"/>
                  <a:gd name="T18" fmla="*/ 8 w 8"/>
                  <a:gd name="T19" fmla="*/ 1 h 10"/>
                  <a:gd name="T20" fmla="*/ 8 w 8"/>
                  <a:gd name="T21" fmla="*/ 5 h 10"/>
                  <a:gd name="T22" fmla="*/ 8 w 8"/>
                  <a:gd name="T23" fmla="*/ 5 h 10"/>
                  <a:gd name="T24" fmla="*/ 8 w 8"/>
                  <a:gd name="T25" fmla="*/ 6 h 10"/>
                  <a:gd name="T26" fmla="*/ 7 w 8"/>
                  <a:gd name="T27" fmla="*/ 8 h 10"/>
                  <a:gd name="T28" fmla="*/ 5 w 8"/>
                  <a:gd name="T29" fmla="*/ 10 h 10"/>
                  <a:gd name="T30" fmla="*/ 3 w 8"/>
                  <a:gd name="T31" fmla="*/ 10 h 10"/>
                  <a:gd name="T32" fmla="*/ 3 w 8"/>
                  <a:gd name="T33" fmla="*/ 10 h 10"/>
                  <a:gd name="T34" fmla="*/ 2 w 8"/>
                  <a:gd name="T35" fmla="*/ 10 h 10"/>
                  <a:gd name="T36" fmla="*/ 2 w 8"/>
                  <a:gd name="T37" fmla="*/ 8 h 10"/>
                  <a:gd name="T38" fmla="*/ 0 w 8"/>
                  <a:gd name="T39" fmla="*/ 6 h 10"/>
                  <a:gd name="T40" fmla="*/ 0 w 8"/>
                  <a:gd name="T41" fmla="*/ 5 h 1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8"/>
                  <a:gd name="T64" fmla="*/ 0 h 10"/>
                  <a:gd name="T65" fmla="*/ 8 w 8"/>
                  <a:gd name="T66" fmla="*/ 10 h 10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8" h="10">
                    <a:moveTo>
                      <a:pt x="0" y="5"/>
                    </a:moveTo>
                    <a:lnTo>
                      <a:pt x="0" y="5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1"/>
                    </a:lnTo>
                    <a:lnTo>
                      <a:pt x="8" y="1"/>
                    </a:lnTo>
                    <a:lnTo>
                      <a:pt x="8" y="5"/>
                    </a:lnTo>
                    <a:lnTo>
                      <a:pt x="8" y="6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6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38" name="Freeform 107"/>
              <p:cNvSpPr>
                <a:spLocks/>
              </p:cNvSpPr>
              <p:nvPr/>
            </p:nvSpPr>
            <p:spPr bwMode="auto">
              <a:xfrm>
                <a:off x="738" y="3474"/>
                <a:ext cx="7" cy="11"/>
              </a:xfrm>
              <a:custGeom>
                <a:avLst/>
                <a:gdLst>
                  <a:gd name="T0" fmla="*/ 0 w 7"/>
                  <a:gd name="T1" fmla="*/ 6 h 11"/>
                  <a:gd name="T2" fmla="*/ 0 w 7"/>
                  <a:gd name="T3" fmla="*/ 4 h 11"/>
                  <a:gd name="T4" fmla="*/ 2 w 7"/>
                  <a:gd name="T5" fmla="*/ 2 h 11"/>
                  <a:gd name="T6" fmla="*/ 2 w 7"/>
                  <a:gd name="T7" fmla="*/ 0 h 11"/>
                  <a:gd name="T8" fmla="*/ 4 w 7"/>
                  <a:gd name="T9" fmla="*/ 0 h 11"/>
                  <a:gd name="T10" fmla="*/ 6 w 7"/>
                  <a:gd name="T11" fmla="*/ 0 h 11"/>
                  <a:gd name="T12" fmla="*/ 7 w 7"/>
                  <a:gd name="T13" fmla="*/ 2 h 11"/>
                  <a:gd name="T14" fmla="*/ 7 w 7"/>
                  <a:gd name="T15" fmla="*/ 4 h 11"/>
                  <a:gd name="T16" fmla="*/ 7 w 7"/>
                  <a:gd name="T17" fmla="*/ 6 h 11"/>
                  <a:gd name="T18" fmla="*/ 7 w 7"/>
                  <a:gd name="T19" fmla="*/ 7 h 11"/>
                  <a:gd name="T20" fmla="*/ 7 w 7"/>
                  <a:gd name="T21" fmla="*/ 9 h 11"/>
                  <a:gd name="T22" fmla="*/ 6 w 7"/>
                  <a:gd name="T23" fmla="*/ 9 h 11"/>
                  <a:gd name="T24" fmla="*/ 4 w 7"/>
                  <a:gd name="T25" fmla="*/ 11 h 11"/>
                  <a:gd name="T26" fmla="*/ 2 w 7"/>
                  <a:gd name="T27" fmla="*/ 9 h 11"/>
                  <a:gd name="T28" fmla="*/ 2 w 7"/>
                  <a:gd name="T29" fmla="*/ 9 h 11"/>
                  <a:gd name="T30" fmla="*/ 0 w 7"/>
                  <a:gd name="T31" fmla="*/ 7 h 11"/>
                  <a:gd name="T32" fmla="*/ 0 w 7"/>
                  <a:gd name="T33" fmla="*/ 6 h 11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7"/>
                  <a:gd name="T52" fmla="*/ 0 h 11"/>
                  <a:gd name="T53" fmla="*/ 7 w 7"/>
                  <a:gd name="T54" fmla="*/ 11 h 11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7" h="11">
                    <a:moveTo>
                      <a:pt x="0" y="6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2"/>
                    </a:lnTo>
                    <a:lnTo>
                      <a:pt x="7" y="4"/>
                    </a:lnTo>
                    <a:lnTo>
                      <a:pt x="7" y="6"/>
                    </a:lnTo>
                    <a:lnTo>
                      <a:pt x="7" y="7"/>
                    </a:lnTo>
                    <a:lnTo>
                      <a:pt x="7" y="9"/>
                    </a:lnTo>
                    <a:lnTo>
                      <a:pt x="6" y="9"/>
                    </a:lnTo>
                    <a:lnTo>
                      <a:pt x="4" y="11"/>
                    </a:lnTo>
                    <a:lnTo>
                      <a:pt x="2" y="9"/>
                    </a:lnTo>
                    <a:lnTo>
                      <a:pt x="0" y="7"/>
                    </a:lnTo>
                    <a:lnTo>
                      <a:pt x="0" y="6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39" name="Freeform 108"/>
              <p:cNvSpPr>
                <a:spLocks/>
              </p:cNvSpPr>
              <p:nvPr/>
            </p:nvSpPr>
            <p:spPr bwMode="auto">
              <a:xfrm>
                <a:off x="738" y="3474"/>
                <a:ext cx="7" cy="11"/>
              </a:xfrm>
              <a:custGeom>
                <a:avLst/>
                <a:gdLst>
                  <a:gd name="T0" fmla="*/ 0 w 7"/>
                  <a:gd name="T1" fmla="*/ 6 h 11"/>
                  <a:gd name="T2" fmla="*/ 0 w 7"/>
                  <a:gd name="T3" fmla="*/ 6 h 11"/>
                  <a:gd name="T4" fmla="*/ 0 w 7"/>
                  <a:gd name="T5" fmla="*/ 4 h 11"/>
                  <a:gd name="T6" fmla="*/ 2 w 7"/>
                  <a:gd name="T7" fmla="*/ 2 h 11"/>
                  <a:gd name="T8" fmla="*/ 2 w 7"/>
                  <a:gd name="T9" fmla="*/ 0 h 11"/>
                  <a:gd name="T10" fmla="*/ 4 w 7"/>
                  <a:gd name="T11" fmla="*/ 0 h 11"/>
                  <a:gd name="T12" fmla="*/ 4 w 7"/>
                  <a:gd name="T13" fmla="*/ 0 h 11"/>
                  <a:gd name="T14" fmla="*/ 6 w 7"/>
                  <a:gd name="T15" fmla="*/ 0 h 11"/>
                  <a:gd name="T16" fmla="*/ 7 w 7"/>
                  <a:gd name="T17" fmla="*/ 2 h 11"/>
                  <a:gd name="T18" fmla="*/ 7 w 7"/>
                  <a:gd name="T19" fmla="*/ 4 h 11"/>
                  <a:gd name="T20" fmla="*/ 7 w 7"/>
                  <a:gd name="T21" fmla="*/ 6 h 11"/>
                  <a:gd name="T22" fmla="*/ 7 w 7"/>
                  <a:gd name="T23" fmla="*/ 6 h 11"/>
                  <a:gd name="T24" fmla="*/ 7 w 7"/>
                  <a:gd name="T25" fmla="*/ 7 h 11"/>
                  <a:gd name="T26" fmla="*/ 7 w 7"/>
                  <a:gd name="T27" fmla="*/ 9 h 11"/>
                  <a:gd name="T28" fmla="*/ 6 w 7"/>
                  <a:gd name="T29" fmla="*/ 9 h 11"/>
                  <a:gd name="T30" fmla="*/ 4 w 7"/>
                  <a:gd name="T31" fmla="*/ 11 h 11"/>
                  <a:gd name="T32" fmla="*/ 4 w 7"/>
                  <a:gd name="T33" fmla="*/ 11 h 11"/>
                  <a:gd name="T34" fmla="*/ 2 w 7"/>
                  <a:gd name="T35" fmla="*/ 9 h 11"/>
                  <a:gd name="T36" fmla="*/ 2 w 7"/>
                  <a:gd name="T37" fmla="*/ 9 h 11"/>
                  <a:gd name="T38" fmla="*/ 0 w 7"/>
                  <a:gd name="T39" fmla="*/ 7 h 11"/>
                  <a:gd name="T40" fmla="*/ 0 w 7"/>
                  <a:gd name="T41" fmla="*/ 6 h 11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7"/>
                  <a:gd name="T64" fmla="*/ 0 h 11"/>
                  <a:gd name="T65" fmla="*/ 7 w 7"/>
                  <a:gd name="T66" fmla="*/ 11 h 11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7" h="11">
                    <a:moveTo>
                      <a:pt x="0" y="6"/>
                    </a:moveTo>
                    <a:lnTo>
                      <a:pt x="0" y="6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2"/>
                    </a:lnTo>
                    <a:lnTo>
                      <a:pt x="7" y="4"/>
                    </a:lnTo>
                    <a:lnTo>
                      <a:pt x="7" y="6"/>
                    </a:lnTo>
                    <a:lnTo>
                      <a:pt x="7" y="7"/>
                    </a:lnTo>
                    <a:lnTo>
                      <a:pt x="7" y="9"/>
                    </a:lnTo>
                    <a:lnTo>
                      <a:pt x="6" y="9"/>
                    </a:lnTo>
                    <a:lnTo>
                      <a:pt x="4" y="11"/>
                    </a:lnTo>
                    <a:lnTo>
                      <a:pt x="2" y="9"/>
                    </a:lnTo>
                    <a:lnTo>
                      <a:pt x="0" y="7"/>
                    </a:lnTo>
                    <a:lnTo>
                      <a:pt x="0" y="6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40" name="Freeform 109"/>
              <p:cNvSpPr>
                <a:spLocks/>
              </p:cNvSpPr>
              <p:nvPr/>
            </p:nvSpPr>
            <p:spPr bwMode="auto">
              <a:xfrm>
                <a:off x="650" y="3331"/>
                <a:ext cx="21" cy="15"/>
              </a:xfrm>
              <a:custGeom>
                <a:avLst/>
                <a:gdLst>
                  <a:gd name="T0" fmla="*/ 2 w 21"/>
                  <a:gd name="T1" fmla="*/ 1 h 15"/>
                  <a:gd name="T2" fmla="*/ 19 w 21"/>
                  <a:gd name="T3" fmla="*/ 0 h 15"/>
                  <a:gd name="T4" fmla="*/ 19 w 21"/>
                  <a:gd name="T5" fmla="*/ 1 h 15"/>
                  <a:gd name="T6" fmla="*/ 19 w 21"/>
                  <a:gd name="T7" fmla="*/ 3 h 15"/>
                  <a:gd name="T8" fmla="*/ 21 w 21"/>
                  <a:gd name="T9" fmla="*/ 5 h 15"/>
                  <a:gd name="T10" fmla="*/ 21 w 21"/>
                  <a:gd name="T11" fmla="*/ 8 h 15"/>
                  <a:gd name="T12" fmla="*/ 21 w 21"/>
                  <a:gd name="T13" fmla="*/ 10 h 15"/>
                  <a:gd name="T14" fmla="*/ 21 w 21"/>
                  <a:gd name="T15" fmla="*/ 13 h 15"/>
                  <a:gd name="T16" fmla="*/ 17 w 21"/>
                  <a:gd name="T17" fmla="*/ 15 h 15"/>
                  <a:gd name="T18" fmla="*/ 12 w 21"/>
                  <a:gd name="T19" fmla="*/ 15 h 15"/>
                  <a:gd name="T20" fmla="*/ 12 w 21"/>
                  <a:gd name="T21" fmla="*/ 15 h 15"/>
                  <a:gd name="T22" fmla="*/ 11 w 21"/>
                  <a:gd name="T23" fmla="*/ 13 h 15"/>
                  <a:gd name="T24" fmla="*/ 7 w 21"/>
                  <a:gd name="T25" fmla="*/ 11 h 15"/>
                  <a:gd name="T26" fmla="*/ 6 w 21"/>
                  <a:gd name="T27" fmla="*/ 10 h 15"/>
                  <a:gd name="T28" fmla="*/ 4 w 21"/>
                  <a:gd name="T29" fmla="*/ 8 h 15"/>
                  <a:gd name="T30" fmla="*/ 2 w 21"/>
                  <a:gd name="T31" fmla="*/ 6 h 15"/>
                  <a:gd name="T32" fmla="*/ 0 w 21"/>
                  <a:gd name="T33" fmla="*/ 6 h 15"/>
                  <a:gd name="T34" fmla="*/ 0 w 21"/>
                  <a:gd name="T35" fmla="*/ 6 h 15"/>
                  <a:gd name="T36" fmla="*/ 2 w 21"/>
                  <a:gd name="T37" fmla="*/ 1 h 15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w 21"/>
                  <a:gd name="T58" fmla="*/ 0 h 15"/>
                  <a:gd name="T59" fmla="*/ 21 w 21"/>
                  <a:gd name="T60" fmla="*/ 15 h 15"/>
                </a:gdLst>
                <a:ahLst/>
                <a:cxnLst>
                  <a:cxn ang="T38">
                    <a:pos x="T0" y="T1"/>
                  </a:cxn>
                  <a:cxn ang="T39">
                    <a:pos x="T2" y="T3"/>
                  </a:cxn>
                  <a:cxn ang="T40">
                    <a:pos x="T4" y="T5"/>
                  </a:cxn>
                  <a:cxn ang="T41">
                    <a:pos x="T6" y="T7"/>
                  </a:cxn>
                  <a:cxn ang="T42">
                    <a:pos x="T8" y="T9"/>
                  </a:cxn>
                  <a:cxn ang="T43">
                    <a:pos x="T10" y="T11"/>
                  </a:cxn>
                  <a:cxn ang="T44">
                    <a:pos x="T12" y="T13"/>
                  </a:cxn>
                  <a:cxn ang="T45">
                    <a:pos x="T14" y="T15"/>
                  </a:cxn>
                  <a:cxn ang="T46">
                    <a:pos x="T16" y="T17"/>
                  </a:cxn>
                  <a:cxn ang="T47">
                    <a:pos x="T18" y="T19"/>
                  </a:cxn>
                  <a:cxn ang="T48">
                    <a:pos x="T20" y="T21"/>
                  </a:cxn>
                  <a:cxn ang="T49">
                    <a:pos x="T22" y="T23"/>
                  </a:cxn>
                  <a:cxn ang="T50">
                    <a:pos x="T24" y="T25"/>
                  </a:cxn>
                  <a:cxn ang="T51">
                    <a:pos x="T26" y="T27"/>
                  </a:cxn>
                  <a:cxn ang="T52">
                    <a:pos x="T28" y="T29"/>
                  </a:cxn>
                  <a:cxn ang="T53">
                    <a:pos x="T30" y="T31"/>
                  </a:cxn>
                  <a:cxn ang="T54">
                    <a:pos x="T32" y="T33"/>
                  </a:cxn>
                  <a:cxn ang="T55">
                    <a:pos x="T34" y="T35"/>
                  </a:cxn>
                  <a:cxn ang="T56">
                    <a:pos x="T36" y="T37"/>
                  </a:cxn>
                </a:cxnLst>
                <a:rect l="T57" t="T58" r="T59" b="T60"/>
                <a:pathLst>
                  <a:path w="21" h="15">
                    <a:moveTo>
                      <a:pt x="2" y="1"/>
                    </a:moveTo>
                    <a:lnTo>
                      <a:pt x="19" y="0"/>
                    </a:lnTo>
                    <a:lnTo>
                      <a:pt x="19" y="1"/>
                    </a:lnTo>
                    <a:lnTo>
                      <a:pt x="19" y="3"/>
                    </a:lnTo>
                    <a:lnTo>
                      <a:pt x="21" y="5"/>
                    </a:lnTo>
                    <a:lnTo>
                      <a:pt x="21" y="8"/>
                    </a:lnTo>
                    <a:lnTo>
                      <a:pt x="21" y="10"/>
                    </a:lnTo>
                    <a:lnTo>
                      <a:pt x="21" y="13"/>
                    </a:lnTo>
                    <a:lnTo>
                      <a:pt x="17" y="15"/>
                    </a:lnTo>
                    <a:lnTo>
                      <a:pt x="12" y="15"/>
                    </a:lnTo>
                    <a:lnTo>
                      <a:pt x="11" y="13"/>
                    </a:lnTo>
                    <a:lnTo>
                      <a:pt x="7" y="11"/>
                    </a:lnTo>
                    <a:lnTo>
                      <a:pt x="6" y="10"/>
                    </a:lnTo>
                    <a:lnTo>
                      <a:pt x="4" y="8"/>
                    </a:lnTo>
                    <a:lnTo>
                      <a:pt x="2" y="6"/>
                    </a:lnTo>
                    <a:lnTo>
                      <a:pt x="0" y="6"/>
                    </a:lnTo>
                    <a:lnTo>
                      <a:pt x="2" y="1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41" name="Freeform 110"/>
              <p:cNvSpPr>
                <a:spLocks/>
              </p:cNvSpPr>
              <p:nvPr/>
            </p:nvSpPr>
            <p:spPr bwMode="auto">
              <a:xfrm>
                <a:off x="650" y="3331"/>
                <a:ext cx="21" cy="15"/>
              </a:xfrm>
              <a:custGeom>
                <a:avLst/>
                <a:gdLst>
                  <a:gd name="T0" fmla="*/ 2 w 21"/>
                  <a:gd name="T1" fmla="*/ 1 h 15"/>
                  <a:gd name="T2" fmla="*/ 19 w 21"/>
                  <a:gd name="T3" fmla="*/ 0 h 15"/>
                  <a:gd name="T4" fmla="*/ 19 w 21"/>
                  <a:gd name="T5" fmla="*/ 0 h 15"/>
                  <a:gd name="T6" fmla="*/ 19 w 21"/>
                  <a:gd name="T7" fmla="*/ 1 h 15"/>
                  <a:gd name="T8" fmla="*/ 19 w 21"/>
                  <a:gd name="T9" fmla="*/ 3 h 15"/>
                  <a:gd name="T10" fmla="*/ 21 w 21"/>
                  <a:gd name="T11" fmla="*/ 5 h 15"/>
                  <a:gd name="T12" fmla="*/ 21 w 21"/>
                  <a:gd name="T13" fmla="*/ 8 h 15"/>
                  <a:gd name="T14" fmla="*/ 21 w 21"/>
                  <a:gd name="T15" fmla="*/ 10 h 15"/>
                  <a:gd name="T16" fmla="*/ 21 w 21"/>
                  <a:gd name="T17" fmla="*/ 13 h 15"/>
                  <a:gd name="T18" fmla="*/ 17 w 21"/>
                  <a:gd name="T19" fmla="*/ 15 h 15"/>
                  <a:gd name="T20" fmla="*/ 12 w 21"/>
                  <a:gd name="T21" fmla="*/ 15 h 15"/>
                  <a:gd name="T22" fmla="*/ 12 w 21"/>
                  <a:gd name="T23" fmla="*/ 15 h 15"/>
                  <a:gd name="T24" fmla="*/ 12 w 21"/>
                  <a:gd name="T25" fmla="*/ 15 h 15"/>
                  <a:gd name="T26" fmla="*/ 11 w 21"/>
                  <a:gd name="T27" fmla="*/ 13 h 15"/>
                  <a:gd name="T28" fmla="*/ 7 w 21"/>
                  <a:gd name="T29" fmla="*/ 11 h 15"/>
                  <a:gd name="T30" fmla="*/ 6 w 21"/>
                  <a:gd name="T31" fmla="*/ 10 h 15"/>
                  <a:gd name="T32" fmla="*/ 4 w 21"/>
                  <a:gd name="T33" fmla="*/ 8 h 15"/>
                  <a:gd name="T34" fmla="*/ 2 w 21"/>
                  <a:gd name="T35" fmla="*/ 6 h 15"/>
                  <a:gd name="T36" fmla="*/ 0 w 21"/>
                  <a:gd name="T37" fmla="*/ 6 h 15"/>
                  <a:gd name="T38" fmla="*/ 0 w 21"/>
                  <a:gd name="T39" fmla="*/ 6 h 15"/>
                  <a:gd name="T40" fmla="*/ 2 w 21"/>
                  <a:gd name="T41" fmla="*/ 1 h 15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21"/>
                  <a:gd name="T64" fmla="*/ 0 h 15"/>
                  <a:gd name="T65" fmla="*/ 21 w 21"/>
                  <a:gd name="T66" fmla="*/ 15 h 15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21" h="15">
                    <a:moveTo>
                      <a:pt x="2" y="1"/>
                    </a:moveTo>
                    <a:lnTo>
                      <a:pt x="19" y="0"/>
                    </a:lnTo>
                    <a:lnTo>
                      <a:pt x="19" y="1"/>
                    </a:lnTo>
                    <a:lnTo>
                      <a:pt x="19" y="3"/>
                    </a:lnTo>
                    <a:lnTo>
                      <a:pt x="21" y="5"/>
                    </a:lnTo>
                    <a:lnTo>
                      <a:pt x="21" y="8"/>
                    </a:lnTo>
                    <a:lnTo>
                      <a:pt x="21" y="10"/>
                    </a:lnTo>
                    <a:lnTo>
                      <a:pt x="21" y="13"/>
                    </a:lnTo>
                    <a:lnTo>
                      <a:pt x="17" y="15"/>
                    </a:lnTo>
                    <a:lnTo>
                      <a:pt x="12" y="15"/>
                    </a:lnTo>
                    <a:lnTo>
                      <a:pt x="11" y="13"/>
                    </a:lnTo>
                    <a:lnTo>
                      <a:pt x="7" y="11"/>
                    </a:lnTo>
                    <a:lnTo>
                      <a:pt x="6" y="10"/>
                    </a:lnTo>
                    <a:lnTo>
                      <a:pt x="4" y="8"/>
                    </a:lnTo>
                    <a:lnTo>
                      <a:pt x="2" y="6"/>
                    </a:lnTo>
                    <a:lnTo>
                      <a:pt x="0" y="6"/>
                    </a:lnTo>
                    <a:lnTo>
                      <a:pt x="2" y="1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42" name="Freeform 111"/>
              <p:cNvSpPr>
                <a:spLocks/>
              </p:cNvSpPr>
              <p:nvPr/>
            </p:nvSpPr>
            <p:spPr bwMode="auto">
              <a:xfrm>
                <a:off x="495" y="3530"/>
                <a:ext cx="18" cy="9"/>
              </a:xfrm>
              <a:custGeom>
                <a:avLst/>
                <a:gdLst>
                  <a:gd name="T0" fmla="*/ 12 w 18"/>
                  <a:gd name="T1" fmla="*/ 2 h 9"/>
                  <a:gd name="T2" fmla="*/ 0 w 18"/>
                  <a:gd name="T3" fmla="*/ 5 h 9"/>
                  <a:gd name="T4" fmla="*/ 13 w 18"/>
                  <a:gd name="T5" fmla="*/ 9 h 9"/>
                  <a:gd name="T6" fmla="*/ 18 w 18"/>
                  <a:gd name="T7" fmla="*/ 0 h 9"/>
                  <a:gd name="T8" fmla="*/ 12 w 18"/>
                  <a:gd name="T9" fmla="*/ 2 h 9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18"/>
                  <a:gd name="T16" fmla="*/ 0 h 9"/>
                  <a:gd name="T17" fmla="*/ 18 w 18"/>
                  <a:gd name="T18" fmla="*/ 9 h 9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18" h="9">
                    <a:moveTo>
                      <a:pt x="12" y="2"/>
                    </a:moveTo>
                    <a:lnTo>
                      <a:pt x="0" y="5"/>
                    </a:lnTo>
                    <a:lnTo>
                      <a:pt x="13" y="9"/>
                    </a:lnTo>
                    <a:lnTo>
                      <a:pt x="18" y="0"/>
                    </a:lnTo>
                    <a:lnTo>
                      <a:pt x="12" y="2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43" name="Freeform 112"/>
              <p:cNvSpPr>
                <a:spLocks/>
              </p:cNvSpPr>
              <p:nvPr/>
            </p:nvSpPr>
            <p:spPr bwMode="auto">
              <a:xfrm>
                <a:off x="495" y="3530"/>
                <a:ext cx="18" cy="9"/>
              </a:xfrm>
              <a:custGeom>
                <a:avLst/>
                <a:gdLst>
                  <a:gd name="T0" fmla="*/ 12 w 18"/>
                  <a:gd name="T1" fmla="*/ 2 h 9"/>
                  <a:gd name="T2" fmla="*/ 0 w 18"/>
                  <a:gd name="T3" fmla="*/ 5 h 9"/>
                  <a:gd name="T4" fmla="*/ 13 w 18"/>
                  <a:gd name="T5" fmla="*/ 9 h 9"/>
                  <a:gd name="T6" fmla="*/ 18 w 18"/>
                  <a:gd name="T7" fmla="*/ 0 h 9"/>
                  <a:gd name="T8" fmla="*/ 12 w 18"/>
                  <a:gd name="T9" fmla="*/ 2 h 9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18"/>
                  <a:gd name="T16" fmla="*/ 0 h 9"/>
                  <a:gd name="T17" fmla="*/ 18 w 18"/>
                  <a:gd name="T18" fmla="*/ 9 h 9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18" h="9">
                    <a:moveTo>
                      <a:pt x="12" y="2"/>
                    </a:moveTo>
                    <a:lnTo>
                      <a:pt x="0" y="5"/>
                    </a:lnTo>
                    <a:lnTo>
                      <a:pt x="13" y="9"/>
                    </a:lnTo>
                    <a:lnTo>
                      <a:pt x="18" y="0"/>
                    </a:lnTo>
                    <a:lnTo>
                      <a:pt x="12" y="2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44" name="Freeform 113"/>
              <p:cNvSpPr>
                <a:spLocks/>
              </p:cNvSpPr>
              <p:nvPr/>
            </p:nvSpPr>
            <p:spPr bwMode="auto">
              <a:xfrm>
                <a:off x="606" y="3229"/>
                <a:ext cx="34" cy="25"/>
              </a:xfrm>
              <a:custGeom>
                <a:avLst/>
                <a:gdLst>
                  <a:gd name="T0" fmla="*/ 4 w 34"/>
                  <a:gd name="T1" fmla="*/ 0 h 25"/>
                  <a:gd name="T2" fmla="*/ 4 w 34"/>
                  <a:gd name="T3" fmla="*/ 0 h 25"/>
                  <a:gd name="T4" fmla="*/ 4 w 34"/>
                  <a:gd name="T5" fmla="*/ 2 h 25"/>
                  <a:gd name="T6" fmla="*/ 6 w 34"/>
                  <a:gd name="T7" fmla="*/ 3 h 25"/>
                  <a:gd name="T8" fmla="*/ 9 w 34"/>
                  <a:gd name="T9" fmla="*/ 5 h 25"/>
                  <a:gd name="T10" fmla="*/ 11 w 34"/>
                  <a:gd name="T11" fmla="*/ 7 h 25"/>
                  <a:gd name="T12" fmla="*/ 14 w 34"/>
                  <a:gd name="T13" fmla="*/ 7 h 25"/>
                  <a:gd name="T14" fmla="*/ 17 w 34"/>
                  <a:gd name="T15" fmla="*/ 5 h 25"/>
                  <a:gd name="T16" fmla="*/ 21 w 34"/>
                  <a:gd name="T17" fmla="*/ 3 h 25"/>
                  <a:gd name="T18" fmla="*/ 21 w 34"/>
                  <a:gd name="T19" fmla="*/ 3 h 25"/>
                  <a:gd name="T20" fmla="*/ 21 w 34"/>
                  <a:gd name="T21" fmla="*/ 5 h 25"/>
                  <a:gd name="T22" fmla="*/ 22 w 34"/>
                  <a:gd name="T23" fmla="*/ 7 h 25"/>
                  <a:gd name="T24" fmla="*/ 22 w 34"/>
                  <a:gd name="T25" fmla="*/ 10 h 25"/>
                  <a:gd name="T26" fmla="*/ 26 w 34"/>
                  <a:gd name="T27" fmla="*/ 14 h 25"/>
                  <a:gd name="T28" fmla="*/ 28 w 34"/>
                  <a:gd name="T29" fmla="*/ 15 h 25"/>
                  <a:gd name="T30" fmla="*/ 31 w 34"/>
                  <a:gd name="T31" fmla="*/ 17 h 25"/>
                  <a:gd name="T32" fmla="*/ 34 w 34"/>
                  <a:gd name="T33" fmla="*/ 17 h 25"/>
                  <a:gd name="T34" fmla="*/ 34 w 34"/>
                  <a:gd name="T35" fmla="*/ 19 h 25"/>
                  <a:gd name="T36" fmla="*/ 33 w 34"/>
                  <a:gd name="T37" fmla="*/ 19 h 25"/>
                  <a:gd name="T38" fmla="*/ 31 w 34"/>
                  <a:gd name="T39" fmla="*/ 20 h 25"/>
                  <a:gd name="T40" fmla="*/ 28 w 34"/>
                  <a:gd name="T41" fmla="*/ 22 h 25"/>
                  <a:gd name="T42" fmla="*/ 26 w 34"/>
                  <a:gd name="T43" fmla="*/ 24 h 25"/>
                  <a:gd name="T44" fmla="*/ 24 w 34"/>
                  <a:gd name="T45" fmla="*/ 25 h 25"/>
                  <a:gd name="T46" fmla="*/ 22 w 34"/>
                  <a:gd name="T47" fmla="*/ 25 h 25"/>
                  <a:gd name="T48" fmla="*/ 22 w 34"/>
                  <a:gd name="T49" fmla="*/ 25 h 25"/>
                  <a:gd name="T50" fmla="*/ 22 w 34"/>
                  <a:gd name="T51" fmla="*/ 25 h 25"/>
                  <a:gd name="T52" fmla="*/ 22 w 34"/>
                  <a:gd name="T53" fmla="*/ 24 h 25"/>
                  <a:gd name="T54" fmla="*/ 21 w 34"/>
                  <a:gd name="T55" fmla="*/ 20 h 25"/>
                  <a:gd name="T56" fmla="*/ 19 w 34"/>
                  <a:gd name="T57" fmla="*/ 19 h 25"/>
                  <a:gd name="T58" fmla="*/ 17 w 34"/>
                  <a:gd name="T59" fmla="*/ 15 h 25"/>
                  <a:gd name="T60" fmla="*/ 12 w 34"/>
                  <a:gd name="T61" fmla="*/ 14 h 25"/>
                  <a:gd name="T62" fmla="*/ 7 w 34"/>
                  <a:gd name="T63" fmla="*/ 10 h 25"/>
                  <a:gd name="T64" fmla="*/ 0 w 34"/>
                  <a:gd name="T65" fmla="*/ 10 h 25"/>
                  <a:gd name="T66" fmla="*/ 0 w 34"/>
                  <a:gd name="T67" fmla="*/ 9 h 25"/>
                  <a:gd name="T68" fmla="*/ 0 w 34"/>
                  <a:gd name="T69" fmla="*/ 5 h 25"/>
                  <a:gd name="T70" fmla="*/ 2 w 34"/>
                  <a:gd name="T71" fmla="*/ 2 h 25"/>
                  <a:gd name="T72" fmla="*/ 4 w 34"/>
                  <a:gd name="T73" fmla="*/ 0 h 25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w 34"/>
                  <a:gd name="T112" fmla="*/ 0 h 25"/>
                  <a:gd name="T113" fmla="*/ 34 w 34"/>
                  <a:gd name="T114" fmla="*/ 25 h 25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T111" t="T112" r="T113" b="T114"/>
                <a:pathLst>
                  <a:path w="34" h="25">
                    <a:moveTo>
                      <a:pt x="4" y="0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6" y="3"/>
                    </a:lnTo>
                    <a:lnTo>
                      <a:pt x="9" y="5"/>
                    </a:lnTo>
                    <a:lnTo>
                      <a:pt x="11" y="7"/>
                    </a:lnTo>
                    <a:lnTo>
                      <a:pt x="14" y="7"/>
                    </a:lnTo>
                    <a:lnTo>
                      <a:pt x="17" y="5"/>
                    </a:lnTo>
                    <a:lnTo>
                      <a:pt x="21" y="3"/>
                    </a:lnTo>
                    <a:lnTo>
                      <a:pt x="21" y="5"/>
                    </a:lnTo>
                    <a:lnTo>
                      <a:pt x="22" y="7"/>
                    </a:lnTo>
                    <a:lnTo>
                      <a:pt x="22" y="10"/>
                    </a:lnTo>
                    <a:lnTo>
                      <a:pt x="26" y="14"/>
                    </a:lnTo>
                    <a:lnTo>
                      <a:pt x="28" y="15"/>
                    </a:lnTo>
                    <a:lnTo>
                      <a:pt x="31" y="17"/>
                    </a:lnTo>
                    <a:lnTo>
                      <a:pt x="34" y="17"/>
                    </a:lnTo>
                    <a:lnTo>
                      <a:pt x="34" y="19"/>
                    </a:lnTo>
                    <a:lnTo>
                      <a:pt x="33" y="19"/>
                    </a:lnTo>
                    <a:lnTo>
                      <a:pt x="31" y="20"/>
                    </a:lnTo>
                    <a:lnTo>
                      <a:pt x="28" y="22"/>
                    </a:lnTo>
                    <a:lnTo>
                      <a:pt x="26" y="24"/>
                    </a:lnTo>
                    <a:lnTo>
                      <a:pt x="24" y="25"/>
                    </a:lnTo>
                    <a:lnTo>
                      <a:pt x="22" y="25"/>
                    </a:lnTo>
                    <a:lnTo>
                      <a:pt x="22" y="24"/>
                    </a:lnTo>
                    <a:lnTo>
                      <a:pt x="21" y="20"/>
                    </a:lnTo>
                    <a:lnTo>
                      <a:pt x="19" y="19"/>
                    </a:lnTo>
                    <a:lnTo>
                      <a:pt x="17" y="15"/>
                    </a:lnTo>
                    <a:lnTo>
                      <a:pt x="12" y="14"/>
                    </a:lnTo>
                    <a:lnTo>
                      <a:pt x="7" y="10"/>
                    </a:lnTo>
                    <a:lnTo>
                      <a:pt x="0" y="10"/>
                    </a:lnTo>
                    <a:lnTo>
                      <a:pt x="0" y="9"/>
                    </a:lnTo>
                    <a:lnTo>
                      <a:pt x="0" y="5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45" name="Freeform 114"/>
              <p:cNvSpPr>
                <a:spLocks/>
              </p:cNvSpPr>
              <p:nvPr/>
            </p:nvSpPr>
            <p:spPr bwMode="auto">
              <a:xfrm>
                <a:off x="606" y="3229"/>
                <a:ext cx="34" cy="25"/>
              </a:xfrm>
              <a:custGeom>
                <a:avLst/>
                <a:gdLst>
                  <a:gd name="T0" fmla="*/ 4 w 34"/>
                  <a:gd name="T1" fmla="*/ 0 h 25"/>
                  <a:gd name="T2" fmla="*/ 4 w 34"/>
                  <a:gd name="T3" fmla="*/ 0 h 25"/>
                  <a:gd name="T4" fmla="*/ 4 w 34"/>
                  <a:gd name="T5" fmla="*/ 0 h 25"/>
                  <a:gd name="T6" fmla="*/ 4 w 34"/>
                  <a:gd name="T7" fmla="*/ 2 h 25"/>
                  <a:gd name="T8" fmla="*/ 6 w 34"/>
                  <a:gd name="T9" fmla="*/ 3 h 25"/>
                  <a:gd name="T10" fmla="*/ 9 w 34"/>
                  <a:gd name="T11" fmla="*/ 5 h 25"/>
                  <a:gd name="T12" fmla="*/ 11 w 34"/>
                  <a:gd name="T13" fmla="*/ 7 h 25"/>
                  <a:gd name="T14" fmla="*/ 14 w 34"/>
                  <a:gd name="T15" fmla="*/ 7 h 25"/>
                  <a:gd name="T16" fmla="*/ 17 w 34"/>
                  <a:gd name="T17" fmla="*/ 5 h 25"/>
                  <a:gd name="T18" fmla="*/ 21 w 34"/>
                  <a:gd name="T19" fmla="*/ 3 h 25"/>
                  <a:gd name="T20" fmla="*/ 21 w 34"/>
                  <a:gd name="T21" fmla="*/ 3 h 25"/>
                  <a:gd name="T22" fmla="*/ 21 w 34"/>
                  <a:gd name="T23" fmla="*/ 3 h 25"/>
                  <a:gd name="T24" fmla="*/ 21 w 34"/>
                  <a:gd name="T25" fmla="*/ 5 h 25"/>
                  <a:gd name="T26" fmla="*/ 22 w 34"/>
                  <a:gd name="T27" fmla="*/ 7 h 25"/>
                  <a:gd name="T28" fmla="*/ 22 w 34"/>
                  <a:gd name="T29" fmla="*/ 10 h 25"/>
                  <a:gd name="T30" fmla="*/ 26 w 34"/>
                  <a:gd name="T31" fmla="*/ 14 h 25"/>
                  <a:gd name="T32" fmla="*/ 28 w 34"/>
                  <a:gd name="T33" fmla="*/ 15 h 25"/>
                  <a:gd name="T34" fmla="*/ 31 w 34"/>
                  <a:gd name="T35" fmla="*/ 17 h 25"/>
                  <a:gd name="T36" fmla="*/ 34 w 34"/>
                  <a:gd name="T37" fmla="*/ 17 h 25"/>
                  <a:gd name="T38" fmla="*/ 34 w 34"/>
                  <a:gd name="T39" fmla="*/ 17 h 25"/>
                  <a:gd name="T40" fmla="*/ 34 w 34"/>
                  <a:gd name="T41" fmla="*/ 19 h 25"/>
                  <a:gd name="T42" fmla="*/ 33 w 34"/>
                  <a:gd name="T43" fmla="*/ 19 h 25"/>
                  <a:gd name="T44" fmla="*/ 31 w 34"/>
                  <a:gd name="T45" fmla="*/ 20 h 25"/>
                  <a:gd name="T46" fmla="*/ 28 w 34"/>
                  <a:gd name="T47" fmla="*/ 22 h 25"/>
                  <a:gd name="T48" fmla="*/ 26 w 34"/>
                  <a:gd name="T49" fmla="*/ 24 h 25"/>
                  <a:gd name="T50" fmla="*/ 24 w 34"/>
                  <a:gd name="T51" fmla="*/ 25 h 25"/>
                  <a:gd name="T52" fmla="*/ 22 w 34"/>
                  <a:gd name="T53" fmla="*/ 25 h 25"/>
                  <a:gd name="T54" fmla="*/ 22 w 34"/>
                  <a:gd name="T55" fmla="*/ 25 h 25"/>
                  <a:gd name="T56" fmla="*/ 22 w 34"/>
                  <a:gd name="T57" fmla="*/ 25 h 25"/>
                  <a:gd name="T58" fmla="*/ 22 w 34"/>
                  <a:gd name="T59" fmla="*/ 25 h 25"/>
                  <a:gd name="T60" fmla="*/ 22 w 34"/>
                  <a:gd name="T61" fmla="*/ 24 h 25"/>
                  <a:gd name="T62" fmla="*/ 21 w 34"/>
                  <a:gd name="T63" fmla="*/ 20 h 25"/>
                  <a:gd name="T64" fmla="*/ 19 w 34"/>
                  <a:gd name="T65" fmla="*/ 19 h 25"/>
                  <a:gd name="T66" fmla="*/ 17 w 34"/>
                  <a:gd name="T67" fmla="*/ 15 h 25"/>
                  <a:gd name="T68" fmla="*/ 12 w 34"/>
                  <a:gd name="T69" fmla="*/ 14 h 25"/>
                  <a:gd name="T70" fmla="*/ 7 w 34"/>
                  <a:gd name="T71" fmla="*/ 10 h 25"/>
                  <a:gd name="T72" fmla="*/ 0 w 34"/>
                  <a:gd name="T73" fmla="*/ 10 h 25"/>
                  <a:gd name="T74" fmla="*/ 0 w 34"/>
                  <a:gd name="T75" fmla="*/ 10 h 25"/>
                  <a:gd name="T76" fmla="*/ 0 w 34"/>
                  <a:gd name="T77" fmla="*/ 9 h 25"/>
                  <a:gd name="T78" fmla="*/ 0 w 34"/>
                  <a:gd name="T79" fmla="*/ 5 h 25"/>
                  <a:gd name="T80" fmla="*/ 2 w 34"/>
                  <a:gd name="T81" fmla="*/ 2 h 25"/>
                  <a:gd name="T82" fmla="*/ 4 w 34"/>
                  <a:gd name="T83" fmla="*/ 0 h 25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w 34"/>
                  <a:gd name="T127" fmla="*/ 0 h 25"/>
                  <a:gd name="T128" fmla="*/ 34 w 34"/>
                  <a:gd name="T129" fmla="*/ 25 h 25"/>
                </a:gdLst>
                <a:ahLst/>
                <a:cxnLst>
                  <a:cxn ang="T84">
                    <a:pos x="T0" y="T1"/>
                  </a:cxn>
                  <a:cxn ang="T85">
                    <a:pos x="T2" y="T3"/>
                  </a:cxn>
                  <a:cxn ang="T86">
                    <a:pos x="T4" y="T5"/>
                  </a:cxn>
                  <a:cxn ang="T87">
                    <a:pos x="T6" y="T7"/>
                  </a:cxn>
                  <a:cxn ang="T88">
                    <a:pos x="T8" y="T9"/>
                  </a:cxn>
                  <a:cxn ang="T89">
                    <a:pos x="T10" y="T11"/>
                  </a:cxn>
                  <a:cxn ang="T90">
                    <a:pos x="T12" y="T13"/>
                  </a:cxn>
                  <a:cxn ang="T91">
                    <a:pos x="T14" y="T15"/>
                  </a:cxn>
                  <a:cxn ang="T92">
                    <a:pos x="T16" y="T17"/>
                  </a:cxn>
                  <a:cxn ang="T93">
                    <a:pos x="T18" y="T19"/>
                  </a:cxn>
                  <a:cxn ang="T94">
                    <a:pos x="T20" y="T21"/>
                  </a:cxn>
                  <a:cxn ang="T95">
                    <a:pos x="T22" y="T23"/>
                  </a:cxn>
                  <a:cxn ang="T96">
                    <a:pos x="T24" y="T25"/>
                  </a:cxn>
                  <a:cxn ang="T97">
                    <a:pos x="T26" y="T27"/>
                  </a:cxn>
                  <a:cxn ang="T98">
                    <a:pos x="T28" y="T29"/>
                  </a:cxn>
                  <a:cxn ang="T99">
                    <a:pos x="T30" y="T31"/>
                  </a:cxn>
                  <a:cxn ang="T100">
                    <a:pos x="T32" y="T33"/>
                  </a:cxn>
                  <a:cxn ang="T101">
                    <a:pos x="T34" y="T35"/>
                  </a:cxn>
                  <a:cxn ang="T102">
                    <a:pos x="T36" y="T37"/>
                  </a:cxn>
                  <a:cxn ang="T103">
                    <a:pos x="T38" y="T39"/>
                  </a:cxn>
                  <a:cxn ang="T104">
                    <a:pos x="T40" y="T41"/>
                  </a:cxn>
                  <a:cxn ang="T105">
                    <a:pos x="T42" y="T43"/>
                  </a:cxn>
                  <a:cxn ang="T106">
                    <a:pos x="T44" y="T45"/>
                  </a:cxn>
                  <a:cxn ang="T107">
                    <a:pos x="T46" y="T47"/>
                  </a:cxn>
                  <a:cxn ang="T108">
                    <a:pos x="T48" y="T49"/>
                  </a:cxn>
                  <a:cxn ang="T109">
                    <a:pos x="T50" y="T51"/>
                  </a:cxn>
                  <a:cxn ang="T110">
                    <a:pos x="T52" y="T53"/>
                  </a:cxn>
                  <a:cxn ang="T111">
                    <a:pos x="T54" y="T55"/>
                  </a:cxn>
                  <a:cxn ang="T112">
                    <a:pos x="T56" y="T57"/>
                  </a:cxn>
                  <a:cxn ang="T113">
                    <a:pos x="T58" y="T59"/>
                  </a:cxn>
                  <a:cxn ang="T114">
                    <a:pos x="T60" y="T61"/>
                  </a:cxn>
                  <a:cxn ang="T115">
                    <a:pos x="T62" y="T63"/>
                  </a:cxn>
                  <a:cxn ang="T116">
                    <a:pos x="T64" y="T65"/>
                  </a:cxn>
                  <a:cxn ang="T117">
                    <a:pos x="T66" y="T67"/>
                  </a:cxn>
                  <a:cxn ang="T118">
                    <a:pos x="T68" y="T69"/>
                  </a:cxn>
                  <a:cxn ang="T119">
                    <a:pos x="T70" y="T71"/>
                  </a:cxn>
                  <a:cxn ang="T120">
                    <a:pos x="T72" y="T73"/>
                  </a:cxn>
                  <a:cxn ang="T121">
                    <a:pos x="T74" y="T75"/>
                  </a:cxn>
                  <a:cxn ang="T122">
                    <a:pos x="T76" y="T77"/>
                  </a:cxn>
                  <a:cxn ang="T123">
                    <a:pos x="T78" y="T79"/>
                  </a:cxn>
                  <a:cxn ang="T124">
                    <a:pos x="T80" y="T81"/>
                  </a:cxn>
                  <a:cxn ang="T125">
                    <a:pos x="T82" y="T83"/>
                  </a:cxn>
                </a:cxnLst>
                <a:rect l="T126" t="T127" r="T128" b="T129"/>
                <a:pathLst>
                  <a:path w="34" h="25">
                    <a:moveTo>
                      <a:pt x="4" y="0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6" y="3"/>
                    </a:lnTo>
                    <a:lnTo>
                      <a:pt x="9" y="5"/>
                    </a:lnTo>
                    <a:lnTo>
                      <a:pt x="11" y="7"/>
                    </a:lnTo>
                    <a:lnTo>
                      <a:pt x="14" y="7"/>
                    </a:lnTo>
                    <a:lnTo>
                      <a:pt x="17" y="5"/>
                    </a:lnTo>
                    <a:lnTo>
                      <a:pt x="21" y="3"/>
                    </a:lnTo>
                    <a:lnTo>
                      <a:pt x="21" y="5"/>
                    </a:lnTo>
                    <a:lnTo>
                      <a:pt x="22" y="7"/>
                    </a:lnTo>
                    <a:lnTo>
                      <a:pt x="22" y="10"/>
                    </a:lnTo>
                    <a:lnTo>
                      <a:pt x="26" y="14"/>
                    </a:lnTo>
                    <a:lnTo>
                      <a:pt x="28" y="15"/>
                    </a:lnTo>
                    <a:lnTo>
                      <a:pt x="31" y="17"/>
                    </a:lnTo>
                    <a:lnTo>
                      <a:pt x="34" y="17"/>
                    </a:lnTo>
                    <a:lnTo>
                      <a:pt x="34" y="19"/>
                    </a:lnTo>
                    <a:lnTo>
                      <a:pt x="33" y="19"/>
                    </a:lnTo>
                    <a:lnTo>
                      <a:pt x="31" y="20"/>
                    </a:lnTo>
                    <a:lnTo>
                      <a:pt x="28" y="22"/>
                    </a:lnTo>
                    <a:lnTo>
                      <a:pt x="26" y="24"/>
                    </a:lnTo>
                    <a:lnTo>
                      <a:pt x="24" y="25"/>
                    </a:lnTo>
                    <a:lnTo>
                      <a:pt x="22" y="25"/>
                    </a:lnTo>
                    <a:lnTo>
                      <a:pt x="22" y="24"/>
                    </a:lnTo>
                    <a:lnTo>
                      <a:pt x="21" y="20"/>
                    </a:lnTo>
                    <a:lnTo>
                      <a:pt x="19" y="19"/>
                    </a:lnTo>
                    <a:lnTo>
                      <a:pt x="17" y="15"/>
                    </a:lnTo>
                    <a:lnTo>
                      <a:pt x="12" y="14"/>
                    </a:lnTo>
                    <a:lnTo>
                      <a:pt x="7" y="10"/>
                    </a:lnTo>
                    <a:lnTo>
                      <a:pt x="0" y="10"/>
                    </a:lnTo>
                    <a:lnTo>
                      <a:pt x="0" y="9"/>
                    </a:lnTo>
                    <a:lnTo>
                      <a:pt x="0" y="5"/>
                    </a:lnTo>
                    <a:lnTo>
                      <a:pt x="2" y="2"/>
                    </a:lnTo>
                    <a:lnTo>
                      <a:pt x="4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32" name="Freeform 115"/>
            <p:cNvSpPr>
              <a:spLocks/>
            </p:cNvSpPr>
            <p:nvPr/>
          </p:nvSpPr>
          <p:spPr bwMode="auto">
            <a:xfrm>
              <a:off x="250" y="1142"/>
              <a:ext cx="769" cy="650"/>
            </a:xfrm>
            <a:custGeom>
              <a:avLst/>
              <a:gdLst>
                <a:gd name="T0" fmla="*/ 149 w 791"/>
                <a:gd name="T1" fmla="*/ 14 h 669"/>
                <a:gd name="T2" fmla="*/ 137 w 791"/>
                <a:gd name="T3" fmla="*/ 12 h 669"/>
                <a:gd name="T4" fmla="*/ 122 w 791"/>
                <a:gd name="T5" fmla="*/ 0 h 669"/>
                <a:gd name="T6" fmla="*/ 116 w 791"/>
                <a:gd name="T7" fmla="*/ 29 h 669"/>
                <a:gd name="T8" fmla="*/ 89 w 791"/>
                <a:gd name="T9" fmla="*/ 99 h 669"/>
                <a:gd name="T10" fmla="*/ 71 w 791"/>
                <a:gd name="T11" fmla="*/ 147 h 669"/>
                <a:gd name="T12" fmla="*/ 55 w 791"/>
                <a:gd name="T13" fmla="*/ 179 h 669"/>
                <a:gd name="T14" fmla="*/ 40 w 791"/>
                <a:gd name="T15" fmla="*/ 210 h 669"/>
                <a:gd name="T16" fmla="*/ 27 w 791"/>
                <a:gd name="T17" fmla="*/ 224 h 669"/>
                <a:gd name="T18" fmla="*/ 24 w 791"/>
                <a:gd name="T19" fmla="*/ 230 h 669"/>
                <a:gd name="T20" fmla="*/ 14 w 791"/>
                <a:gd name="T21" fmla="*/ 258 h 669"/>
                <a:gd name="T22" fmla="*/ 12 w 791"/>
                <a:gd name="T23" fmla="*/ 275 h 669"/>
                <a:gd name="T24" fmla="*/ 12 w 791"/>
                <a:gd name="T25" fmla="*/ 286 h 669"/>
                <a:gd name="T26" fmla="*/ 2 w 791"/>
                <a:gd name="T27" fmla="*/ 302 h 669"/>
                <a:gd name="T28" fmla="*/ 0 w 791"/>
                <a:gd name="T29" fmla="*/ 317 h 669"/>
                <a:gd name="T30" fmla="*/ 2 w 791"/>
                <a:gd name="T31" fmla="*/ 326 h 669"/>
                <a:gd name="T32" fmla="*/ 4 w 791"/>
                <a:gd name="T33" fmla="*/ 330 h 669"/>
                <a:gd name="T34" fmla="*/ 10 w 791"/>
                <a:gd name="T35" fmla="*/ 337 h 669"/>
                <a:gd name="T36" fmla="*/ 25 w 791"/>
                <a:gd name="T37" fmla="*/ 340 h 669"/>
                <a:gd name="T38" fmla="*/ 59 w 791"/>
                <a:gd name="T39" fmla="*/ 350 h 669"/>
                <a:gd name="T40" fmla="*/ 98 w 791"/>
                <a:gd name="T41" fmla="*/ 361 h 669"/>
                <a:gd name="T42" fmla="*/ 145 w 791"/>
                <a:gd name="T43" fmla="*/ 374 h 669"/>
                <a:gd name="T44" fmla="*/ 193 w 791"/>
                <a:gd name="T45" fmla="*/ 387 h 669"/>
                <a:gd name="T46" fmla="*/ 247 w 791"/>
                <a:gd name="T47" fmla="*/ 400 h 669"/>
                <a:gd name="T48" fmla="*/ 291 w 791"/>
                <a:gd name="T49" fmla="*/ 412 h 669"/>
                <a:gd name="T50" fmla="*/ 330 w 791"/>
                <a:gd name="T51" fmla="*/ 422 h 669"/>
                <a:gd name="T52" fmla="*/ 367 w 791"/>
                <a:gd name="T53" fmla="*/ 431 h 669"/>
                <a:gd name="T54" fmla="*/ 398 w 791"/>
                <a:gd name="T55" fmla="*/ 436 h 669"/>
                <a:gd name="T56" fmla="*/ 421 w 791"/>
                <a:gd name="T57" fmla="*/ 444 h 669"/>
                <a:gd name="T58" fmla="*/ 432 w 791"/>
                <a:gd name="T59" fmla="*/ 448 h 669"/>
                <a:gd name="T60" fmla="*/ 462 w 791"/>
                <a:gd name="T61" fmla="*/ 308 h 669"/>
                <a:gd name="T62" fmla="*/ 477 w 791"/>
                <a:gd name="T63" fmla="*/ 266 h 669"/>
                <a:gd name="T64" fmla="*/ 466 w 791"/>
                <a:gd name="T65" fmla="*/ 250 h 669"/>
                <a:gd name="T66" fmla="*/ 470 w 791"/>
                <a:gd name="T67" fmla="*/ 245 h 669"/>
                <a:gd name="T68" fmla="*/ 492 w 791"/>
                <a:gd name="T69" fmla="*/ 216 h 669"/>
                <a:gd name="T70" fmla="*/ 531 w 791"/>
                <a:gd name="T71" fmla="*/ 159 h 669"/>
                <a:gd name="T72" fmla="*/ 515 w 791"/>
                <a:gd name="T73" fmla="*/ 124 h 669"/>
                <a:gd name="T74" fmla="*/ 398 w 791"/>
                <a:gd name="T75" fmla="*/ 96 h 669"/>
                <a:gd name="T76" fmla="*/ 383 w 791"/>
                <a:gd name="T77" fmla="*/ 98 h 669"/>
                <a:gd name="T78" fmla="*/ 367 w 791"/>
                <a:gd name="T79" fmla="*/ 95 h 669"/>
                <a:gd name="T80" fmla="*/ 357 w 791"/>
                <a:gd name="T81" fmla="*/ 93 h 669"/>
                <a:gd name="T82" fmla="*/ 350 w 791"/>
                <a:gd name="T83" fmla="*/ 96 h 669"/>
                <a:gd name="T84" fmla="*/ 319 w 791"/>
                <a:gd name="T85" fmla="*/ 99 h 669"/>
                <a:gd name="T86" fmla="*/ 297 w 791"/>
                <a:gd name="T87" fmla="*/ 94 h 669"/>
                <a:gd name="T88" fmla="*/ 283 w 791"/>
                <a:gd name="T89" fmla="*/ 95 h 669"/>
                <a:gd name="T90" fmla="*/ 265 w 791"/>
                <a:gd name="T91" fmla="*/ 95 h 669"/>
                <a:gd name="T92" fmla="*/ 244 w 791"/>
                <a:gd name="T93" fmla="*/ 81 h 669"/>
                <a:gd name="T94" fmla="*/ 228 w 791"/>
                <a:gd name="T95" fmla="*/ 80 h 669"/>
                <a:gd name="T96" fmla="*/ 212 w 791"/>
                <a:gd name="T97" fmla="*/ 82 h 669"/>
                <a:gd name="T98" fmla="*/ 193 w 791"/>
                <a:gd name="T99" fmla="*/ 81 h 669"/>
                <a:gd name="T100" fmla="*/ 185 w 791"/>
                <a:gd name="T101" fmla="*/ 76 h 669"/>
                <a:gd name="T102" fmla="*/ 178 w 791"/>
                <a:gd name="T103" fmla="*/ 70 h 669"/>
                <a:gd name="T104" fmla="*/ 177 w 791"/>
                <a:gd name="T105" fmla="*/ 59 h 669"/>
                <a:gd name="T106" fmla="*/ 177 w 791"/>
                <a:gd name="T107" fmla="*/ 43 h 669"/>
                <a:gd name="T108" fmla="*/ 172 w 791"/>
                <a:gd name="T109" fmla="*/ 22 h 669"/>
                <a:gd name="T110" fmla="*/ 159 w 791"/>
                <a:gd name="T111" fmla="*/ 17 h 669"/>
                <a:gd name="T112" fmla="*/ 154 w 791"/>
                <a:gd name="T113" fmla="*/ 17 h 669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w 791"/>
                <a:gd name="T172" fmla="*/ 0 h 669"/>
                <a:gd name="T173" fmla="*/ 791 w 791"/>
                <a:gd name="T174" fmla="*/ 669 h 669"/>
              </a:gdLst>
              <a:ahLst/>
              <a:cxnLst>
                <a:cxn ang="T114">
                  <a:pos x="T0" y="T1"/>
                </a:cxn>
                <a:cxn ang="T115">
                  <a:pos x="T2" y="T3"/>
                </a:cxn>
                <a:cxn ang="T116">
                  <a:pos x="T4" y="T5"/>
                </a:cxn>
                <a:cxn ang="T117">
                  <a:pos x="T6" y="T7"/>
                </a:cxn>
                <a:cxn ang="T118">
                  <a:pos x="T8" y="T9"/>
                </a:cxn>
                <a:cxn ang="T119">
                  <a:pos x="T10" y="T11"/>
                </a:cxn>
                <a:cxn ang="T120">
                  <a:pos x="T12" y="T13"/>
                </a:cxn>
                <a:cxn ang="T121">
                  <a:pos x="T14" y="T15"/>
                </a:cxn>
                <a:cxn ang="T122">
                  <a:pos x="T16" y="T17"/>
                </a:cxn>
                <a:cxn ang="T123">
                  <a:pos x="T18" y="T19"/>
                </a:cxn>
                <a:cxn ang="T124">
                  <a:pos x="T20" y="T21"/>
                </a:cxn>
                <a:cxn ang="T125">
                  <a:pos x="T22" y="T23"/>
                </a:cxn>
                <a:cxn ang="T126">
                  <a:pos x="T24" y="T25"/>
                </a:cxn>
                <a:cxn ang="T127">
                  <a:pos x="T26" y="T27"/>
                </a:cxn>
                <a:cxn ang="T128">
                  <a:pos x="T28" y="T29"/>
                </a:cxn>
                <a:cxn ang="T129">
                  <a:pos x="T30" y="T31"/>
                </a:cxn>
                <a:cxn ang="T130">
                  <a:pos x="T32" y="T33"/>
                </a:cxn>
                <a:cxn ang="T131">
                  <a:pos x="T34" y="T35"/>
                </a:cxn>
                <a:cxn ang="T132">
                  <a:pos x="T36" y="T37"/>
                </a:cxn>
                <a:cxn ang="T133">
                  <a:pos x="T38" y="T39"/>
                </a:cxn>
                <a:cxn ang="T134">
                  <a:pos x="T40" y="T41"/>
                </a:cxn>
                <a:cxn ang="T135">
                  <a:pos x="T42" y="T43"/>
                </a:cxn>
                <a:cxn ang="T136">
                  <a:pos x="T44" y="T45"/>
                </a:cxn>
                <a:cxn ang="T137">
                  <a:pos x="T46" y="T47"/>
                </a:cxn>
                <a:cxn ang="T138">
                  <a:pos x="T48" y="T49"/>
                </a:cxn>
                <a:cxn ang="T139">
                  <a:pos x="T50" y="T51"/>
                </a:cxn>
                <a:cxn ang="T140">
                  <a:pos x="T52" y="T53"/>
                </a:cxn>
                <a:cxn ang="T141">
                  <a:pos x="T54" y="T55"/>
                </a:cxn>
                <a:cxn ang="T142">
                  <a:pos x="T56" y="T57"/>
                </a:cxn>
                <a:cxn ang="T143">
                  <a:pos x="T58" y="T59"/>
                </a:cxn>
                <a:cxn ang="T144">
                  <a:pos x="T60" y="T61"/>
                </a:cxn>
                <a:cxn ang="T145">
                  <a:pos x="T62" y="T63"/>
                </a:cxn>
                <a:cxn ang="T146">
                  <a:pos x="T64" y="T65"/>
                </a:cxn>
                <a:cxn ang="T147">
                  <a:pos x="T66" y="T67"/>
                </a:cxn>
                <a:cxn ang="T148">
                  <a:pos x="T68" y="T69"/>
                </a:cxn>
                <a:cxn ang="T149">
                  <a:pos x="T70" y="T71"/>
                </a:cxn>
                <a:cxn ang="T150">
                  <a:pos x="T72" y="T73"/>
                </a:cxn>
                <a:cxn ang="T151">
                  <a:pos x="T74" y="T75"/>
                </a:cxn>
                <a:cxn ang="T152">
                  <a:pos x="T76" y="T77"/>
                </a:cxn>
                <a:cxn ang="T153">
                  <a:pos x="T78" y="T79"/>
                </a:cxn>
                <a:cxn ang="T154">
                  <a:pos x="T80" y="T81"/>
                </a:cxn>
                <a:cxn ang="T155">
                  <a:pos x="T82" y="T83"/>
                </a:cxn>
                <a:cxn ang="T156">
                  <a:pos x="T84" y="T85"/>
                </a:cxn>
                <a:cxn ang="T157">
                  <a:pos x="T86" y="T87"/>
                </a:cxn>
                <a:cxn ang="T158">
                  <a:pos x="T88" y="T89"/>
                </a:cxn>
                <a:cxn ang="T159">
                  <a:pos x="T90" y="T91"/>
                </a:cxn>
                <a:cxn ang="T160">
                  <a:pos x="T92" y="T93"/>
                </a:cxn>
                <a:cxn ang="T161">
                  <a:pos x="T94" y="T95"/>
                </a:cxn>
                <a:cxn ang="T162">
                  <a:pos x="T96" y="T97"/>
                </a:cxn>
                <a:cxn ang="T163">
                  <a:pos x="T98" y="T99"/>
                </a:cxn>
                <a:cxn ang="T164">
                  <a:pos x="T100" y="T101"/>
                </a:cxn>
                <a:cxn ang="T165">
                  <a:pos x="T102" y="T103"/>
                </a:cxn>
                <a:cxn ang="T166">
                  <a:pos x="T104" y="T105"/>
                </a:cxn>
                <a:cxn ang="T167">
                  <a:pos x="T106" y="T107"/>
                </a:cxn>
                <a:cxn ang="T168">
                  <a:pos x="T108" y="T109"/>
                </a:cxn>
                <a:cxn ang="T169">
                  <a:pos x="T110" y="T111"/>
                </a:cxn>
                <a:cxn ang="T170">
                  <a:pos x="T112" y="T113"/>
                </a:cxn>
              </a:cxnLst>
              <a:rect l="T171" t="T172" r="T173" b="T174"/>
              <a:pathLst>
                <a:path w="791" h="669">
                  <a:moveTo>
                    <a:pt x="239" y="27"/>
                  </a:moveTo>
                  <a:lnTo>
                    <a:pt x="232" y="27"/>
                  </a:lnTo>
                  <a:lnTo>
                    <a:pt x="227" y="22"/>
                  </a:lnTo>
                  <a:lnTo>
                    <a:pt x="222" y="19"/>
                  </a:lnTo>
                  <a:lnTo>
                    <a:pt x="220" y="14"/>
                  </a:lnTo>
                  <a:lnTo>
                    <a:pt x="214" y="12"/>
                  </a:lnTo>
                  <a:lnTo>
                    <a:pt x="212" y="12"/>
                  </a:lnTo>
                  <a:lnTo>
                    <a:pt x="207" y="14"/>
                  </a:lnTo>
                  <a:lnTo>
                    <a:pt x="202" y="12"/>
                  </a:lnTo>
                  <a:lnTo>
                    <a:pt x="197" y="9"/>
                  </a:lnTo>
                  <a:lnTo>
                    <a:pt x="193" y="9"/>
                  </a:lnTo>
                  <a:lnTo>
                    <a:pt x="190" y="12"/>
                  </a:lnTo>
                  <a:lnTo>
                    <a:pt x="185" y="7"/>
                  </a:lnTo>
                  <a:lnTo>
                    <a:pt x="181" y="0"/>
                  </a:lnTo>
                  <a:lnTo>
                    <a:pt x="178" y="0"/>
                  </a:lnTo>
                  <a:lnTo>
                    <a:pt x="180" y="17"/>
                  </a:lnTo>
                  <a:lnTo>
                    <a:pt x="178" y="26"/>
                  </a:lnTo>
                  <a:lnTo>
                    <a:pt x="168" y="34"/>
                  </a:lnTo>
                  <a:lnTo>
                    <a:pt x="173" y="43"/>
                  </a:lnTo>
                  <a:lnTo>
                    <a:pt x="168" y="48"/>
                  </a:lnTo>
                  <a:lnTo>
                    <a:pt x="161" y="63"/>
                  </a:lnTo>
                  <a:lnTo>
                    <a:pt x="164" y="73"/>
                  </a:lnTo>
                  <a:lnTo>
                    <a:pt x="156" y="88"/>
                  </a:lnTo>
                  <a:lnTo>
                    <a:pt x="134" y="147"/>
                  </a:lnTo>
                  <a:lnTo>
                    <a:pt x="119" y="169"/>
                  </a:lnTo>
                  <a:lnTo>
                    <a:pt x="119" y="176"/>
                  </a:lnTo>
                  <a:lnTo>
                    <a:pt x="102" y="222"/>
                  </a:lnTo>
                  <a:lnTo>
                    <a:pt x="104" y="222"/>
                  </a:lnTo>
                  <a:lnTo>
                    <a:pt x="104" y="220"/>
                  </a:lnTo>
                  <a:lnTo>
                    <a:pt x="102" y="222"/>
                  </a:lnTo>
                  <a:lnTo>
                    <a:pt x="95" y="239"/>
                  </a:lnTo>
                  <a:lnTo>
                    <a:pt x="90" y="254"/>
                  </a:lnTo>
                  <a:lnTo>
                    <a:pt x="83" y="268"/>
                  </a:lnTo>
                  <a:lnTo>
                    <a:pt x="76" y="279"/>
                  </a:lnTo>
                  <a:lnTo>
                    <a:pt x="71" y="290"/>
                  </a:lnTo>
                  <a:lnTo>
                    <a:pt x="66" y="300"/>
                  </a:lnTo>
                  <a:lnTo>
                    <a:pt x="61" y="308"/>
                  </a:lnTo>
                  <a:lnTo>
                    <a:pt x="56" y="315"/>
                  </a:lnTo>
                  <a:lnTo>
                    <a:pt x="53" y="322"/>
                  </a:lnTo>
                  <a:lnTo>
                    <a:pt x="49" y="327"/>
                  </a:lnTo>
                  <a:lnTo>
                    <a:pt x="46" y="332"/>
                  </a:lnTo>
                  <a:lnTo>
                    <a:pt x="43" y="335"/>
                  </a:lnTo>
                  <a:lnTo>
                    <a:pt x="41" y="337"/>
                  </a:lnTo>
                  <a:lnTo>
                    <a:pt x="39" y="339"/>
                  </a:lnTo>
                  <a:lnTo>
                    <a:pt x="39" y="340"/>
                  </a:lnTo>
                  <a:lnTo>
                    <a:pt x="39" y="344"/>
                  </a:lnTo>
                  <a:lnTo>
                    <a:pt x="38" y="345"/>
                  </a:lnTo>
                  <a:lnTo>
                    <a:pt x="34" y="351"/>
                  </a:lnTo>
                  <a:lnTo>
                    <a:pt x="31" y="359"/>
                  </a:lnTo>
                  <a:lnTo>
                    <a:pt x="24" y="367"/>
                  </a:lnTo>
                  <a:lnTo>
                    <a:pt x="19" y="378"/>
                  </a:lnTo>
                  <a:lnTo>
                    <a:pt x="14" y="386"/>
                  </a:lnTo>
                  <a:lnTo>
                    <a:pt x="10" y="393"/>
                  </a:lnTo>
                  <a:lnTo>
                    <a:pt x="9" y="396"/>
                  </a:lnTo>
                  <a:lnTo>
                    <a:pt x="10" y="401"/>
                  </a:lnTo>
                  <a:lnTo>
                    <a:pt x="12" y="406"/>
                  </a:lnTo>
                  <a:lnTo>
                    <a:pt x="12" y="411"/>
                  </a:lnTo>
                  <a:lnTo>
                    <a:pt x="12" y="417"/>
                  </a:lnTo>
                  <a:lnTo>
                    <a:pt x="12" y="420"/>
                  </a:lnTo>
                  <a:lnTo>
                    <a:pt x="12" y="423"/>
                  </a:lnTo>
                  <a:lnTo>
                    <a:pt x="12" y="427"/>
                  </a:lnTo>
                  <a:lnTo>
                    <a:pt x="12" y="428"/>
                  </a:lnTo>
                  <a:lnTo>
                    <a:pt x="9" y="432"/>
                  </a:lnTo>
                  <a:lnTo>
                    <a:pt x="7" y="437"/>
                  </a:lnTo>
                  <a:lnTo>
                    <a:pt x="5" y="442"/>
                  </a:lnTo>
                  <a:lnTo>
                    <a:pt x="4" y="447"/>
                  </a:lnTo>
                  <a:lnTo>
                    <a:pt x="2" y="452"/>
                  </a:lnTo>
                  <a:lnTo>
                    <a:pt x="2" y="457"/>
                  </a:lnTo>
                  <a:lnTo>
                    <a:pt x="0" y="462"/>
                  </a:lnTo>
                  <a:lnTo>
                    <a:pt x="0" y="466"/>
                  </a:lnTo>
                  <a:lnTo>
                    <a:pt x="0" y="471"/>
                  </a:lnTo>
                  <a:lnTo>
                    <a:pt x="0" y="474"/>
                  </a:lnTo>
                  <a:lnTo>
                    <a:pt x="0" y="477"/>
                  </a:lnTo>
                  <a:lnTo>
                    <a:pt x="2" y="481"/>
                  </a:lnTo>
                  <a:lnTo>
                    <a:pt x="2" y="484"/>
                  </a:lnTo>
                  <a:lnTo>
                    <a:pt x="2" y="486"/>
                  </a:lnTo>
                  <a:lnTo>
                    <a:pt x="2" y="488"/>
                  </a:lnTo>
                  <a:lnTo>
                    <a:pt x="2" y="489"/>
                  </a:lnTo>
                  <a:lnTo>
                    <a:pt x="4" y="491"/>
                  </a:lnTo>
                  <a:lnTo>
                    <a:pt x="4" y="494"/>
                  </a:lnTo>
                  <a:lnTo>
                    <a:pt x="5" y="496"/>
                  </a:lnTo>
                  <a:lnTo>
                    <a:pt x="5" y="498"/>
                  </a:lnTo>
                  <a:lnTo>
                    <a:pt x="7" y="499"/>
                  </a:lnTo>
                  <a:lnTo>
                    <a:pt x="7" y="501"/>
                  </a:lnTo>
                  <a:lnTo>
                    <a:pt x="10" y="503"/>
                  </a:lnTo>
                  <a:lnTo>
                    <a:pt x="16" y="503"/>
                  </a:lnTo>
                  <a:lnTo>
                    <a:pt x="21" y="506"/>
                  </a:lnTo>
                  <a:lnTo>
                    <a:pt x="26" y="508"/>
                  </a:lnTo>
                  <a:lnTo>
                    <a:pt x="32" y="510"/>
                  </a:lnTo>
                  <a:lnTo>
                    <a:pt x="39" y="511"/>
                  </a:lnTo>
                  <a:lnTo>
                    <a:pt x="48" y="515"/>
                  </a:lnTo>
                  <a:lnTo>
                    <a:pt x="56" y="516"/>
                  </a:lnTo>
                  <a:lnTo>
                    <a:pt x="66" y="520"/>
                  </a:lnTo>
                  <a:lnTo>
                    <a:pt x="76" y="521"/>
                  </a:lnTo>
                  <a:lnTo>
                    <a:pt x="87" y="525"/>
                  </a:lnTo>
                  <a:lnTo>
                    <a:pt x="97" y="528"/>
                  </a:lnTo>
                  <a:lnTo>
                    <a:pt x="109" y="532"/>
                  </a:lnTo>
                  <a:lnTo>
                    <a:pt x="120" y="535"/>
                  </a:lnTo>
                  <a:lnTo>
                    <a:pt x="132" y="538"/>
                  </a:lnTo>
                  <a:lnTo>
                    <a:pt x="146" y="542"/>
                  </a:lnTo>
                  <a:lnTo>
                    <a:pt x="159" y="545"/>
                  </a:lnTo>
                  <a:lnTo>
                    <a:pt x="173" y="549"/>
                  </a:lnTo>
                  <a:lnTo>
                    <a:pt x="186" y="552"/>
                  </a:lnTo>
                  <a:lnTo>
                    <a:pt x="200" y="555"/>
                  </a:lnTo>
                  <a:lnTo>
                    <a:pt x="214" y="560"/>
                  </a:lnTo>
                  <a:lnTo>
                    <a:pt x="229" y="564"/>
                  </a:lnTo>
                  <a:lnTo>
                    <a:pt x="244" y="567"/>
                  </a:lnTo>
                  <a:lnTo>
                    <a:pt x="259" y="572"/>
                  </a:lnTo>
                  <a:lnTo>
                    <a:pt x="274" y="576"/>
                  </a:lnTo>
                  <a:lnTo>
                    <a:pt x="288" y="579"/>
                  </a:lnTo>
                  <a:lnTo>
                    <a:pt x="305" y="584"/>
                  </a:lnTo>
                  <a:lnTo>
                    <a:pt x="318" y="587"/>
                  </a:lnTo>
                  <a:lnTo>
                    <a:pt x="335" y="591"/>
                  </a:lnTo>
                  <a:lnTo>
                    <a:pt x="349" y="594"/>
                  </a:lnTo>
                  <a:lnTo>
                    <a:pt x="366" y="599"/>
                  </a:lnTo>
                  <a:lnTo>
                    <a:pt x="379" y="603"/>
                  </a:lnTo>
                  <a:lnTo>
                    <a:pt x="393" y="606"/>
                  </a:lnTo>
                  <a:lnTo>
                    <a:pt x="406" y="609"/>
                  </a:lnTo>
                  <a:lnTo>
                    <a:pt x="418" y="613"/>
                  </a:lnTo>
                  <a:lnTo>
                    <a:pt x="432" y="616"/>
                  </a:lnTo>
                  <a:lnTo>
                    <a:pt x="444" y="620"/>
                  </a:lnTo>
                  <a:lnTo>
                    <a:pt x="456" y="621"/>
                  </a:lnTo>
                  <a:lnTo>
                    <a:pt x="469" y="625"/>
                  </a:lnTo>
                  <a:lnTo>
                    <a:pt x="479" y="628"/>
                  </a:lnTo>
                  <a:lnTo>
                    <a:pt x="491" y="631"/>
                  </a:lnTo>
                  <a:lnTo>
                    <a:pt x="503" y="633"/>
                  </a:lnTo>
                  <a:lnTo>
                    <a:pt x="515" y="637"/>
                  </a:lnTo>
                  <a:lnTo>
                    <a:pt x="525" y="640"/>
                  </a:lnTo>
                  <a:lnTo>
                    <a:pt x="535" y="642"/>
                  </a:lnTo>
                  <a:lnTo>
                    <a:pt x="545" y="645"/>
                  </a:lnTo>
                  <a:lnTo>
                    <a:pt x="555" y="647"/>
                  </a:lnTo>
                  <a:lnTo>
                    <a:pt x="564" y="650"/>
                  </a:lnTo>
                  <a:lnTo>
                    <a:pt x="574" y="652"/>
                  </a:lnTo>
                  <a:lnTo>
                    <a:pt x="582" y="653"/>
                  </a:lnTo>
                  <a:lnTo>
                    <a:pt x="589" y="655"/>
                  </a:lnTo>
                  <a:lnTo>
                    <a:pt x="598" y="657"/>
                  </a:lnTo>
                  <a:lnTo>
                    <a:pt x="604" y="659"/>
                  </a:lnTo>
                  <a:lnTo>
                    <a:pt x="611" y="660"/>
                  </a:lnTo>
                  <a:lnTo>
                    <a:pt x="616" y="662"/>
                  </a:lnTo>
                  <a:lnTo>
                    <a:pt x="623" y="664"/>
                  </a:lnTo>
                  <a:lnTo>
                    <a:pt x="626" y="665"/>
                  </a:lnTo>
                  <a:lnTo>
                    <a:pt x="632" y="667"/>
                  </a:lnTo>
                  <a:lnTo>
                    <a:pt x="635" y="667"/>
                  </a:lnTo>
                  <a:lnTo>
                    <a:pt x="638" y="667"/>
                  </a:lnTo>
                  <a:lnTo>
                    <a:pt x="640" y="669"/>
                  </a:lnTo>
                  <a:lnTo>
                    <a:pt x="643" y="669"/>
                  </a:lnTo>
                  <a:lnTo>
                    <a:pt x="689" y="474"/>
                  </a:lnTo>
                  <a:lnTo>
                    <a:pt x="687" y="461"/>
                  </a:lnTo>
                  <a:lnTo>
                    <a:pt x="706" y="428"/>
                  </a:lnTo>
                  <a:lnTo>
                    <a:pt x="706" y="418"/>
                  </a:lnTo>
                  <a:lnTo>
                    <a:pt x="711" y="411"/>
                  </a:lnTo>
                  <a:lnTo>
                    <a:pt x="714" y="403"/>
                  </a:lnTo>
                  <a:lnTo>
                    <a:pt x="709" y="398"/>
                  </a:lnTo>
                  <a:lnTo>
                    <a:pt x="691" y="386"/>
                  </a:lnTo>
                  <a:lnTo>
                    <a:pt x="692" y="378"/>
                  </a:lnTo>
                  <a:lnTo>
                    <a:pt x="692" y="376"/>
                  </a:lnTo>
                  <a:lnTo>
                    <a:pt x="692" y="374"/>
                  </a:lnTo>
                  <a:lnTo>
                    <a:pt x="694" y="373"/>
                  </a:lnTo>
                  <a:lnTo>
                    <a:pt x="694" y="371"/>
                  </a:lnTo>
                  <a:lnTo>
                    <a:pt x="696" y="369"/>
                  </a:lnTo>
                  <a:lnTo>
                    <a:pt x="696" y="367"/>
                  </a:lnTo>
                  <a:lnTo>
                    <a:pt x="696" y="366"/>
                  </a:lnTo>
                  <a:lnTo>
                    <a:pt x="701" y="356"/>
                  </a:lnTo>
                  <a:lnTo>
                    <a:pt x="706" y="347"/>
                  </a:lnTo>
                  <a:lnTo>
                    <a:pt x="714" y="339"/>
                  </a:lnTo>
                  <a:lnTo>
                    <a:pt x="721" y="330"/>
                  </a:lnTo>
                  <a:lnTo>
                    <a:pt x="730" y="323"/>
                  </a:lnTo>
                  <a:lnTo>
                    <a:pt x="736" y="318"/>
                  </a:lnTo>
                  <a:lnTo>
                    <a:pt x="740" y="315"/>
                  </a:lnTo>
                  <a:lnTo>
                    <a:pt x="742" y="313"/>
                  </a:lnTo>
                  <a:lnTo>
                    <a:pt x="742" y="305"/>
                  </a:lnTo>
                  <a:lnTo>
                    <a:pt x="789" y="239"/>
                  </a:lnTo>
                  <a:lnTo>
                    <a:pt x="791" y="230"/>
                  </a:lnTo>
                  <a:lnTo>
                    <a:pt x="784" y="217"/>
                  </a:lnTo>
                  <a:lnTo>
                    <a:pt x="774" y="208"/>
                  </a:lnTo>
                  <a:lnTo>
                    <a:pt x="762" y="185"/>
                  </a:lnTo>
                  <a:lnTo>
                    <a:pt x="764" y="186"/>
                  </a:lnTo>
                  <a:lnTo>
                    <a:pt x="596" y="144"/>
                  </a:lnTo>
                  <a:lnTo>
                    <a:pt x="594" y="144"/>
                  </a:lnTo>
                  <a:lnTo>
                    <a:pt x="593" y="144"/>
                  </a:lnTo>
                  <a:lnTo>
                    <a:pt x="589" y="144"/>
                  </a:lnTo>
                  <a:lnTo>
                    <a:pt x="586" y="144"/>
                  </a:lnTo>
                  <a:lnTo>
                    <a:pt x="582" y="146"/>
                  </a:lnTo>
                  <a:lnTo>
                    <a:pt x="577" y="146"/>
                  </a:lnTo>
                  <a:lnTo>
                    <a:pt x="574" y="146"/>
                  </a:lnTo>
                  <a:lnTo>
                    <a:pt x="569" y="146"/>
                  </a:lnTo>
                  <a:lnTo>
                    <a:pt x="564" y="146"/>
                  </a:lnTo>
                  <a:lnTo>
                    <a:pt x="559" y="146"/>
                  </a:lnTo>
                  <a:lnTo>
                    <a:pt x="554" y="144"/>
                  </a:lnTo>
                  <a:lnTo>
                    <a:pt x="549" y="144"/>
                  </a:lnTo>
                  <a:lnTo>
                    <a:pt x="544" y="142"/>
                  </a:lnTo>
                  <a:lnTo>
                    <a:pt x="538" y="141"/>
                  </a:lnTo>
                  <a:lnTo>
                    <a:pt x="533" y="139"/>
                  </a:lnTo>
                  <a:lnTo>
                    <a:pt x="532" y="139"/>
                  </a:lnTo>
                  <a:lnTo>
                    <a:pt x="530" y="139"/>
                  </a:lnTo>
                  <a:lnTo>
                    <a:pt x="528" y="139"/>
                  </a:lnTo>
                  <a:lnTo>
                    <a:pt x="527" y="141"/>
                  </a:lnTo>
                  <a:lnTo>
                    <a:pt x="523" y="142"/>
                  </a:lnTo>
                  <a:lnTo>
                    <a:pt x="522" y="144"/>
                  </a:lnTo>
                  <a:lnTo>
                    <a:pt x="520" y="144"/>
                  </a:lnTo>
                  <a:lnTo>
                    <a:pt x="498" y="144"/>
                  </a:lnTo>
                  <a:lnTo>
                    <a:pt x="496" y="144"/>
                  </a:lnTo>
                  <a:lnTo>
                    <a:pt x="491" y="144"/>
                  </a:lnTo>
                  <a:lnTo>
                    <a:pt x="483" y="146"/>
                  </a:lnTo>
                  <a:lnTo>
                    <a:pt x="472" y="147"/>
                  </a:lnTo>
                  <a:lnTo>
                    <a:pt x="464" y="147"/>
                  </a:lnTo>
                  <a:lnTo>
                    <a:pt x="454" y="147"/>
                  </a:lnTo>
                  <a:lnTo>
                    <a:pt x="447" y="144"/>
                  </a:lnTo>
                  <a:lnTo>
                    <a:pt x="440" y="141"/>
                  </a:lnTo>
                  <a:lnTo>
                    <a:pt x="437" y="141"/>
                  </a:lnTo>
                  <a:lnTo>
                    <a:pt x="434" y="141"/>
                  </a:lnTo>
                  <a:lnTo>
                    <a:pt x="428" y="141"/>
                  </a:lnTo>
                  <a:lnTo>
                    <a:pt x="423" y="141"/>
                  </a:lnTo>
                  <a:lnTo>
                    <a:pt x="420" y="142"/>
                  </a:lnTo>
                  <a:lnTo>
                    <a:pt x="417" y="142"/>
                  </a:lnTo>
                  <a:lnTo>
                    <a:pt x="408" y="141"/>
                  </a:lnTo>
                  <a:lnTo>
                    <a:pt x="395" y="144"/>
                  </a:lnTo>
                  <a:lnTo>
                    <a:pt x="395" y="142"/>
                  </a:lnTo>
                  <a:lnTo>
                    <a:pt x="390" y="139"/>
                  </a:lnTo>
                  <a:lnTo>
                    <a:pt x="384" y="134"/>
                  </a:lnTo>
                  <a:lnTo>
                    <a:pt x="376" y="129"/>
                  </a:lnTo>
                  <a:lnTo>
                    <a:pt x="369" y="124"/>
                  </a:lnTo>
                  <a:lnTo>
                    <a:pt x="361" y="120"/>
                  </a:lnTo>
                  <a:lnTo>
                    <a:pt x="352" y="117"/>
                  </a:lnTo>
                  <a:lnTo>
                    <a:pt x="346" y="117"/>
                  </a:lnTo>
                  <a:lnTo>
                    <a:pt x="344" y="117"/>
                  </a:lnTo>
                  <a:lnTo>
                    <a:pt x="342" y="117"/>
                  </a:lnTo>
                  <a:lnTo>
                    <a:pt x="339" y="119"/>
                  </a:lnTo>
                  <a:lnTo>
                    <a:pt x="335" y="119"/>
                  </a:lnTo>
                  <a:lnTo>
                    <a:pt x="332" y="120"/>
                  </a:lnTo>
                  <a:lnTo>
                    <a:pt x="327" y="120"/>
                  </a:lnTo>
                  <a:lnTo>
                    <a:pt x="320" y="122"/>
                  </a:lnTo>
                  <a:lnTo>
                    <a:pt x="315" y="122"/>
                  </a:lnTo>
                  <a:lnTo>
                    <a:pt x="310" y="122"/>
                  </a:lnTo>
                  <a:lnTo>
                    <a:pt x="303" y="122"/>
                  </a:lnTo>
                  <a:lnTo>
                    <a:pt x="298" y="122"/>
                  </a:lnTo>
                  <a:lnTo>
                    <a:pt x="293" y="122"/>
                  </a:lnTo>
                  <a:lnTo>
                    <a:pt x="288" y="120"/>
                  </a:lnTo>
                  <a:lnTo>
                    <a:pt x="283" y="119"/>
                  </a:lnTo>
                  <a:lnTo>
                    <a:pt x="280" y="117"/>
                  </a:lnTo>
                  <a:lnTo>
                    <a:pt x="278" y="114"/>
                  </a:lnTo>
                  <a:lnTo>
                    <a:pt x="276" y="112"/>
                  </a:lnTo>
                  <a:lnTo>
                    <a:pt x="274" y="112"/>
                  </a:lnTo>
                  <a:lnTo>
                    <a:pt x="273" y="110"/>
                  </a:lnTo>
                  <a:lnTo>
                    <a:pt x="269" y="107"/>
                  </a:lnTo>
                  <a:lnTo>
                    <a:pt x="268" y="105"/>
                  </a:lnTo>
                  <a:lnTo>
                    <a:pt x="266" y="103"/>
                  </a:lnTo>
                  <a:lnTo>
                    <a:pt x="264" y="103"/>
                  </a:lnTo>
                  <a:lnTo>
                    <a:pt x="259" y="92"/>
                  </a:lnTo>
                  <a:lnTo>
                    <a:pt x="259" y="90"/>
                  </a:lnTo>
                  <a:lnTo>
                    <a:pt x="261" y="87"/>
                  </a:lnTo>
                  <a:lnTo>
                    <a:pt x="261" y="83"/>
                  </a:lnTo>
                  <a:lnTo>
                    <a:pt x="263" y="78"/>
                  </a:lnTo>
                  <a:lnTo>
                    <a:pt x="263" y="73"/>
                  </a:lnTo>
                  <a:lnTo>
                    <a:pt x="263" y="68"/>
                  </a:lnTo>
                  <a:lnTo>
                    <a:pt x="263" y="63"/>
                  </a:lnTo>
                  <a:lnTo>
                    <a:pt x="263" y="56"/>
                  </a:lnTo>
                  <a:lnTo>
                    <a:pt x="261" y="51"/>
                  </a:lnTo>
                  <a:lnTo>
                    <a:pt x="261" y="46"/>
                  </a:lnTo>
                  <a:lnTo>
                    <a:pt x="258" y="41"/>
                  </a:lnTo>
                  <a:lnTo>
                    <a:pt x="254" y="36"/>
                  </a:lnTo>
                  <a:lnTo>
                    <a:pt x="251" y="32"/>
                  </a:lnTo>
                  <a:lnTo>
                    <a:pt x="246" y="29"/>
                  </a:lnTo>
                  <a:lnTo>
                    <a:pt x="239" y="27"/>
                  </a:lnTo>
                  <a:lnTo>
                    <a:pt x="237" y="27"/>
                  </a:lnTo>
                  <a:lnTo>
                    <a:pt x="236" y="27"/>
                  </a:lnTo>
                  <a:lnTo>
                    <a:pt x="232" y="26"/>
                  </a:lnTo>
                  <a:lnTo>
                    <a:pt x="230" y="26"/>
                  </a:lnTo>
                  <a:lnTo>
                    <a:pt x="229" y="26"/>
                  </a:lnTo>
                  <a:lnTo>
                    <a:pt x="227" y="26"/>
                  </a:lnTo>
                  <a:lnTo>
                    <a:pt x="239" y="27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33" name="Freeform 116"/>
            <p:cNvSpPr>
              <a:spLocks/>
            </p:cNvSpPr>
            <p:nvPr/>
          </p:nvSpPr>
          <p:spPr bwMode="auto">
            <a:xfrm>
              <a:off x="875" y="965"/>
              <a:ext cx="570" cy="930"/>
            </a:xfrm>
            <a:custGeom>
              <a:avLst/>
              <a:gdLst>
                <a:gd name="T0" fmla="*/ 177 w 586"/>
                <a:gd name="T1" fmla="*/ 129 h 958"/>
                <a:gd name="T2" fmla="*/ 183 w 586"/>
                <a:gd name="T3" fmla="*/ 147 h 958"/>
                <a:gd name="T4" fmla="*/ 183 w 586"/>
                <a:gd name="T5" fmla="*/ 152 h 958"/>
                <a:gd name="T6" fmla="*/ 191 w 586"/>
                <a:gd name="T7" fmla="*/ 156 h 958"/>
                <a:gd name="T8" fmla="*/ 200 w 586"/>
                <a:gd name="T9" fmla="*/ 173 h 958"/>
                <a:gd name="T10" fmla="*/ 208 w 586"/>
                <a:gd name="T11" fmla="*/ 192 h 958"/>
                <a:gd name="T12" fmla="*/ 214 w 586"/>
                <a:gd name="T13" fmla="*/ 202 h 958"/>
                <a:gd name="T14" fmla="*/ 227 w 586"/>
                <a:gd name="T15" fmla="*/ 217 h 958"/>
                <a:gd name="T16" fmla="*/ 232 w 586"/>
                <a:gd name="T17" fmla="*/ 242 h 958"/>
                <a:gd name="T18" fmla="*/ 222 w 586"/>
                <a:gd name="T19" fmla="*/ 265 h 958"/>
                <a:gd name="T20" fmla="*/ 222 w 586"/>
                <a:gd name="T21" fmla="*/ 281 h 958"/>
                <a:gd name="T22" fmla="*/ 213 w 586"/>
                <a:gd name="T23" fmla="*/ 292 h 958"/>
                <a:gd name="T24" fmla="*/ 211 w 586"/>
                <a:gd name="T25" fmla="*/ 305 h 958"/>
                <a:gd name="T26" fmla="*/ 247 w 586"/>
                <a:gd name="T27" fmla="*/ 300 h 958"/>
                <a:gd name="T28" fmla="*/ 250 w 586"/>
                <a:gd name="T29" fmla="*/ 299 h 958"/>
                <a:gd name="T30" fmla="*/ 253 w 586"/>
                <a:gd name="T31" fmla="*/ 329 h 958"/>
                <a:gd name="T32" fmla="*/ 259 w 586"/>
                <a:gd name="T33" fmla="*/ 348 h 958"/>
                <a:gd name="T34" fmla="*/ 264 w 586"/>
                <a:gd name="T35" fmla="*/ 360 h 958"/>
                <a:gd name="T36" fmla="*/ 261 w 586"/>
                <a:gd name="T37" fmla="*/ 369 h 958"/>
                <a:gd name="T38" fmla="*/ 270 w 586"/>
                <a:gd name="T39" fmla="*/ 378 h 958"/>
                <a:gd name="T40" fmla="*/ 282 w 586"/>
                <a:gd name="T41" fmla="*/ 394 h 958"/>
                <a:gd name="T42" fmla="*/ 284 w 586"/>
                <a:gd name="T43" fmla="*/ 415 h 958"/>
                <a:gd name="T44" fmla="*/ 292 w 586"/>
                <a:gd name="T45" fmla="*/ 419 h 958"/>
                <a:gd name="T46" fmla="*/ 295 w 586"/>
                <a:gd name="T47" fmla="*/ 411 h 958"/>
                <a:gd name="T48" fmla="*/ 308 w 586"/>
                <a:gd name="T49" fmla="*/ 413 h 958"/>
                <a:gd name="T50" fmla="*/ 320 w 586"/>
                <a:gd name="T51" fmla="*/ 416 h 958"/>
                <a:gd name="T52" fmla="*/ 327 w 586"/>
                <a:gd name="T53" fmla="*/ 409 h 958"/>
                <a:gd name="T54" fmla="*/ 334 w 586"/>
                <a:gd name="T55" fmla="*/ 411 h 958"/>
                <a:gd name="T56" fmla="*/ 352 w 586"/>
                <a:gd name="T57" fmla="*/ 413 h 958"/>
                <a:gd name="T58" fmla="*/ 386 w 586"/>
                <a:gd name="T59" fmla="*/ 403 h 958"/>
                <a:gd name="T60" fmla="*/ 183 w 586"/>
                <a:gd name="T61" fmla="*/ 599 h 958"/>
                <a:gd name="T62" fmla="*/ 176 w 586"/>
                <a:gd name="T63" fmla="*/ 598 h 958"/>
                <a:gd name="T64" fmla="*/ 156 w 586"/>
                <a:gd name="T65" fmla="*/ 595 h 958"/>
                <a:gd name="T66" fmla="*/ 125 w 586"/>
                <a:gd name="T67" fmla="*/ 588 h 958"/>
                <a:gd name="T68" fmla="*/ 89 w 586"/>
                <a:gd name="T69" fmla="*/ 580 h 958"/>
                <a:gd name="T70" fmla="*/ 51 w 586"/>
                <a:gd name="T71" fmla="*/ 572 h 958"/>
                <a:gd name="T72" fmla="*/ 18 w 586"/>
                <a:gd name="T73" fmla="*/ 564 h 958"/>
                <a:gd name="T74" fmla="*/ 44 w 586"/>
                <a:gd name="T75" fmla="*/ 403 h 958"/>
                <a:gd name="T76" fmla="*/ 34 w 586"/>
                <a:gd name="T77" fmla="*/ 375 h 958"/>
                <a:gd name="T78" fmla="*/ 37 w 586"/>
                <a:gd name="T79" fmla="*/ 368 h 958"/>
                <a:gd name="T80" fmla="*/ 42 w 586"/>
                <a:gd name="T81" fmla="*/ 356 h 958"/>
                <a:gd name="T82" fmla="*/ 64 w 586"/>
                <a:gd name="T83" fmla="*/ 330 h 958"/>
                <a:gd name="T84" fmla="*/ 101 w 586"/>
                <a:gd name="T85" fmla="*/ 273 h 958"/>
                <a:gd name="T86" fmla="*/ 83 w 586"/>
                <a:gd name="T87" fmla="*/ 228 h 958"/>
                <a:gd name="T88" fmla="*/ 83 w 586"/>
                <a:gd name="T89" fmla="*/ 198 h 958"/>
                <a:gd name="T90" fmla="*/ 89 w 586"/>
                <a:gd name="T91" fmla="*/ 176 h 958"/>
                <a:gd name="T92" fmla="*/ 98 w 586"/>
                <a:gd name="T93" fmla="*/ 137 h 958"/>
                <a:gd name="T94" fmla="*/ 109 w 586"/>
                <a:gd name="T95" fmla="*/ 91 h 958"/>
                <a:gd name="T96" fmla="*/ 118 w 586"/>
                <a:gd name="T97" fmla="*/ 46 h 958"/>
                <a:gd name="T98" fmla="*/ 125 w 586"/>
                <a:gd name="T99" fmla="*/ 17 h 958"/>
                <a:gd name="T100" fmla="*/ 127 w 586"/>
                <a:gd name="T101" fmla="*/ 0 h 958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w 586"/>
                <a:gd name="T154" fmla="*/ 0 h 958"/>
                <a:gd name="T155" fmla="*/ 586 w 586"/>
                <a:gd name="T156" fmla="*/ 958 h 958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T153" t="T154" r="T155" b="T156"/>
              <a:pathLst>
                <a:path w="586" h="958">
                  <a:moveTo>
                    <a:pt x="266" y="17"/>
                  </a:moveTo>
                  <a:lnTo>
                    <a:pt x="241" y="139"/>
                  </a:lnTo>
                  <a:lnTo>
                    <a:pt x="249" y="158"/>
                  </a:lnTo>
                  <a:lnTo>
                    <a:pt x="261" y="185"/>
                  </a:lnTo>
                  <a:lnTo>
                    <a:pt x="261" y="195"/>
                  </a:lnTo>
                  <a:lnTo>
                    <a:pt x="254" y="200"/>
                  </a:lnTo>
                  <a:lnTo>
                    <a:pt x="263" y="207"/>
                  </a:lnTo>
                  <a:lnTo>
                    <a:pt x="256" y="212"/>
                  </a:lnTo>
                  <a:lnTo>
                    <a:pt x="256" y="219"/>
                  </a:lnTo>
                  <a:lnTo>
                    <a:pt x="269" y="222"/>
                  </a:lnTo>
                  <a:lnTo>
                    <a:pt x="269" y="224"/>
                  </a:lnTo>
                  <a:lnTo>
                    <a:pt x="269" y="226"/>
                  </a:lnTo>
                  <a:lnTo>
                    <a:pt x="269" y="227"/>
                  </a:lnTo>
                  <a:lnTo>
                    <a:pt x="269" y="229"/>
                  </a:lnTo>
                  <a:lnTo>
                    <a:pt x="269" y="231"/>
                  </a:lnTo>
                  <a:lnTo>
                    <a:pt x="269" y="232"/>
                  </a:lnTo>
                  <a:lnTo>
                    <a:pt x="271" y="234"/>
                  </a:lnTo>
                  <a:lnTo>
                    <a:pt x="276" y="236"/>
                  </a:lnTo>
                  <a:lnTo>
                    <a:pt x="280" y="237"/>
                  </a:lnTo>
                  <a:lnTo>
                    <a:pt x="283" y="241"/>
                  </a:lnTo>
                  <a:lnTo>
                    <a:pt x="286" y="244"/>
                  </a:lnTo>
                  <a:lnTo>
                    <a:pt x="290" y="249"/>
                  </a:lnTo>
                  <a:lnTo>
                    <a:pt x="293" y="256"/>
                  </a:lnTo>
                  <a:lnTo>
                    <a:pt x="295" y="261"/>
                  </a:lnTo>
                  <a:lnTo>
                    <a:pt x="298" y="268"/>
                  </a:lnTo>
                  <a:lnTo>
                    <a:pt x="300" y="275"/>
                  </a:lnTo>
                  <a:lnTo>
                    <a:pt x="302" y="280"/>
                  </a:lnTo>
                  <a:lnTo>
                    <a:pt x="303" y="286"/>
                  </a:lnTo>
                  <a:lnTo>
                    <a:pt x="305" y="292"/>
                  </a:lnTo>
                  <a:lnTo>
                    <a:pt x="305" y="295"/>
                  </a:lnTo>
                  <a:lnTo>
                    <a:pt x="307" y="298"/>
                  </a:lnTo>
                  <a:lnTo>
                    <a:pt x="307" y="300"/>
                  </a:lnTo>
                  <a:lnTo>
                    <a:pt x="307" y="302"/>
                  </a:lnTo>
                  <a:lnTo>
                    <a:pt x="315" y="305"/>
                  </a:lnTo>
                  <a:lnTo>
                    <a:pt x="315" y="317"/>
                  </a:lnTo>
                  <a:lnTo>
                    <a:pt x="327" y="317"/>
                  </a:lnTo>
                  <a:lnTo>
                    <a:pt x="329" y="330"/>
                  </a:lnTo>
                  <a:lnTo>
                    <a:pt x="335" y="330"/>
                  </a:lnTo>
                  <a:lnTo>
                    <a:pt x="354" y="330"/>
                  </a:lnTo>
                  <a:lnTo>
                    <a:pt x="354" y="332"/>
                  </a:lnTo>
                  <a:lnTo>
                    <a:pt x="342" y="354"/>
                  </a:lnTo>
                  <a:lnTo>
                    <a:pt x="342" y="366"/>
                  </a:lnTo>
                  <a:lnTo>
                    <a:pt x="334" y="376"/>
                  </a:lnTo>
                  <a:lnTo>
                    <a:pt x="335" y="376"/>
                  </a:lnTo>
                  <a:lnTo>
                    <a:pt x="335" y="385"/>
                  </a:lnTo>
                  <a:lnTo>
                    <a:pt x="329" y="390"/>
                  </a:lnTo>
                  <a:lnTo>
                    <a:pt x="327" y="400"/>
                  </a:lnTo>
                  <a:lnTo>
                    <a:pt x="330" y="418"/>
                  </a:lnTo>
                  <a:lnTo>
                    <a:pt x="330" y="420"/>
                  </a:lnTo>
                  <a:lnTo>
                    <a:pt x="329" y="422"/>
                  </a:lnTo>
                  <a:lnTo>
                    <a:pt x="327" y="425"/>
                  </a:lnTo>
                  <a:lnTo>
                    <a:pt x="320" y="427"/>
                  </a:lnTo>
                  <a:lnTo>
                    <a:pt x="317" y="430"/>
                  </a:lnTo>
                  <a:lnTo>
                    <a:pt x="315" y="434"/>
                  </a:lnTo>
                  <a:lnTo>
                    <a:pt x="313" y="439"/>
                  </a:lnTo>
                  <a:lnTo>
                    <a:pt x="313" y="444"/>
                  </a:lnTo>
                  <a:lnTo>
                    <a:pt x="315" y="447"/>
                  </a:lnTo>
                  <a:lnTo>
                    <a:pt x="315" y="451"/>
                  </a:lnTo>
                  <a:lnTo>
                    <a:pt x="315" y="452"/>
                  </a:lnTo>
                  <a:lnTo>
                    <a:pt x="310" y="454"/>
                  </a:lnTo>
                  <a:lnTo>
                    <a:pt x="310" y="462"/>
                  </a:lnTo>
                  <a:lnTo>
                    <a:pt x="319" y="466"/>
                  </a:lnTo>
                  <a:lnTo>
                    <a:pt x="327" y="474"/>
                  </a:lnTo>
                  <a:lnTo>
                    <a:pt x="342" y="469"/>
                  </a:lnTo>
                  <a:lnTo>
                    <a:pt x="357" y="456"/>
                  </a:lnTo>
                  <a:lnTo>
                    <a:pt x="364" y="454"/>
                  </a:lnTo>
                  <a:lnTo>
                    <a:pt x="366" y="452"/>
                  </a:lnTo>
                  <a:lnTo>
                    <a:pt x="366" y="451"/>
                  </a:lnTo>
                  <a:lnTo>
                    <a:pt x="368" y="451"/>
                  </a:lnTo>
                  <a:lnTo>
                    <a:pt x="369" y="452"/>
                  </a:lnTo>
                  <a:lnTo>
                    <a:pt x="371" y="456"/>
                  </a:lnTo>
                  <a:lnTo>
                    <a:pt x="373" y="464"/>
                  </a:lnTo>
                  <a:lnTo>
                    <a:pt x="373" y="474"/>
                  </a:lnTo>
                  <a:lnTo>
                    <a:pt x="373" y="488"/>
                  </a:lnTo>
                  <a:lnTo>
                    <a:pt x="373" y="498"/>
                  </a:lnTo>
                  <a:lnTo>
                    <a:pt x="374" y="506"/>
                  </a:lnTo>
                  <a:lnTo>
                    <a:pt x="376" y="513"/>
                  </a:lnTo>
                  <a:lnTo>
                    <a:pt x="378" y="520"/>
                  </a:lnTo>
                  <a:lnTo>
                    <a:pt x="379" y="523"/>
                  </a:lnTo>
                  <a:lnTo>
                    <a:pt x="381" y="525"/>
                  </a:lnTo>
                  <a:lnTo>
                    <a:pt x="383" y="527"/>
                  </a:lnTo>
                  <a:lnTo>
                    <a:pt x="386" y="535"/>
                  </a:lnTo>
                  <a:lnTo>
                    <a:pt x="388" y="540"/>
                  </a:lnTo>
                  <a:lnTo>
                    <a:pt x="390" y="545"/>
                  </a:lnTo>
                  <a:lnTo>
                    <a:pt x="390" y="547"/>
                  </a:lnTo>
                  <a:lnTo>
                    <a:pt x="388" y="550"/>
                  </a:lnTo>
                  <a:lnTo>
                    <a:pt x="388" y="552"/>
                  </a:lnTo>
                  <a:lnTo>
                    <a:pt x="386" y="554"/>
                  </a:lnTo>
                  <a:lnTo>
                    <a:pt x="385" y="559"/>
                  </a:lnTo>
                  <a:lnTo>
                    <a:pt x="386" y="562"/>
                  </a:lnTo>
                  <a:lnTo>
                    <a:pt x="388" y="566"/>
                  </a:lnTo>
                  <a:lnTo>
                    <a:pt x="391" y="569"/>
                  </a:lnTo>
                  <a:lnTo>
                    <a:pt x="395" y="571"/>
                  </a:lnTo>
                  <a:lnTo>
                    <a:pt x="398" y="572"/>
                  </a:lnTo>
                  <a:lnTo>
                    <a:pt x="400" y="572"/>
                  </a:lnTo>
                  <a:lnTo>
                    <a:pt x="401" y="572"/>
                  </a:lnTo>
                  <a:lnTo>
                    <a:pt x="413" y="591"/>
                  </a:lnTo>
                  <a:lnTo>
                    <a:pt x="413" y="593"/>
                  </a:lnTo>
                  <a:lnTo>
                    <a:pt x="415" y="596"/>
                  </a:lnTo>
                  <a:lnTo>
                    <a:pt x="415" y="603"/>
                  </a:lnTo>
                  <a:lnTo>
                    <a:pt x="415" y="610"/>
                  </a:lnTo>
                  <a:lnTo>
                    <a:pt x="417" y="616"/>
                  </a:lnTo>
                  <a:lnTo>
                    <a:pt x="417" y="622"/>
                  </a:lnTo>
                  <a:lnTo>
                    <a:pt x="418" y="627"/>
                  </a:lnTo>
                  <a:lnTo>
                    <a:pt x="418" y="628"/>
                  </a:lnTo>
                  <a:lnTo>
                    <a:pt x="422" y="633"/>
                  </a:lnTo>
                  <a:lnTo>
                    <a:pt x="425" y="637"/>
                  </a:lnTo>
                  <a:lnTo>
                    <a:pt x="427" y="637"/>
                  </a:lnTo>
                  <a:lnTo>
                    <a:pt x="429" y="637"/>
                  </a:lnTo>
                  <a:lnTo>
                    <a:pt x="430" y="633"/>
                  </a:lnTo>
                  <a:lnTo>
                    <a:pt x="432" y="632"/>
                  </a:lnTo>
                  <a:lnTo>
                    <a:pt x="432" y="630"/>
                  </a:lnTo>
                  <a:lnTo>
                    <a:pt x="432" y="628"/>
                  </a:lnTo>
                  <a:lnTo>
                    <a:pt x="435" y="623"/>
                  </a:lnTo>
                  <a:lnTo>
                    <a:pt x="440" y="622"/>
                  </a:lnTo>
                  <a:lnTo>
                    <a:pt x="444" y="622"/>
                  </a:lnTo>
                  <a:lnTo>
                    <a:pt x="447" y="622"/>
                  </a:lnTo>
                  <a:lnTo>
                    <a:pt x="452" y="623"/>
                  </a:lnTo>
                  <a:lnTo>
                    <a:pt x="454" y="625"/>
                  </a:lnTo>
                  <a:lnTo>
                    <a:pt x="457" y="627"/>
                  </a:lnTo>
                  <a:lnTo>
                    <a:pt x="459" y="628"/>
                  </a:lnTo>
                  <a:lnTo>
                    <a:pt x="464" y="632"/>
                  </a:lnTo>
                  <a:lnTo>
                    <a:pt x="469" y="632"/>
                  </a:lnTo>
                  <a:lnTo>
                    <a:pt x="473" y="630"/>
                  </a:lnTo>
                  <a:lnTo>
                    <a:pt x="476" y="628"/>
                  </a:lnTo>
                  <a:lnTo>
                    <a:pt x="478" y="625"/>
                  </a:lnTo>
                  <a:lnTo>
                    <a:pt x="479" y="623"/>
                  </a:lnTo>
                  <a:lnTo>
                    <a:pt x="479" y="620"/>
                  </a:lnTo>
                  <a:lnTo>
                    <a:pt x="481" y="620"/>
                  </a:lnTo>
                  <a:lnTo>
                    <a:pt x="484" y="618"/>
                  </a:lnTo>
                  <a:lnTo>
                    <a:pt x="486" y="618"/>
                  </a:lnTo>
                  <a:lnTo>
                    <a:pt x="488" y="620"/>
                  </a:lnTo>
                  <a:lnTo>
                    <a:pt x="489" y="622"/>
                  </a:lnTo>
                  <a:lnTo>
                    <a:pt x="491" y="623"/>
                  </a:lnTo>
                  <a:lnTo>
                    <a:pt x="491" y="625"/>
                  </a:lnTo>
                  <a:lnTo>
                    <a:pt x="493" y="627"/>
                  </a:lnTo>
                  <a:lnTo>
                    <a:pt x="493" y="628"/>
                  </a:lnTo>
                  <a:lnTo>
                    <a:pt x="498" y="628"/>
                  </a:lnTo>
                  <a:lnTo>
                    <a:pt x="518" y="625"/>
                  </a:lnTo>
                  <a:lnTo>
                    <a:pt x="525" y="630"/>
                  </a:lnTo>
                  <a:lnTo>
                    <a:pt x="537" y="630"/>
                  </a:lnTo>
                  <a:lnTo>
                    <a:pt x="552" y="628"/>
                  </a:lnTo>
                  <a:lnTo>
                    <a:pt x="559" y="611"/>
                  </a:lnTo>
                  <a:lnTo>
                    <a:pt x="569" y="611"/>
                  </a:lnTo>
                  <a:lnTo>
                    <a:pt x="576" y="632"/>
                  </a:lnTo>
                  <a:lnTo>
                    <a:pt x="586" y="647"/>
                  </a:lnTo>
                  <a:lnTo>
                    <a:pt x="540" y="958"/>
                  </a:lnTo>
                  <a:lnTo>
                    <a:pt x="269" y="909"/>
                  </a:lnTo>
                  <a:lnTo>
                    <a:pt x="268" y="909"/>
                  </a:lnTo>
                  <a:lnTo>
                    <a:pt x="266" y="909"/>
                  </a:lnTo>
                  <a:lnTo>
                    <a:pt x="263" y="908"/>
                  </a:lnTo>
                  <a:lnTo>
                    <a:pt x="259" y="908"/>
                  </a:lnTo>
                  <a:lnTo>
                    <a:pt x="254" y="906"/>
                  </a:lnTo>
                  <a:lnTo>
                    <a:pt x="249" y="904"/>
                  </a:lnTo>
                  <a:lnTo>
                    <a:pt x="242" y="904"/>
                  </a:lnTo>
                  <a:lnTo>
                    <a:pt x="236" y="902"/>
                  </a:lnTo>
                  <a:lnTo>
                    <a:pt x="229" y="901"/>
                  </a:lnTo>
                  <a:lnTo>
                    <a:pt x="220" y="899"/>
                  </a:lnTo>
                  <a:lnTo>
                    <a:pt x="212" y="897"/>
                  </a:lnTo>
                  <a:lnTo>
                    <a:pt x="203" y="896"/>
                  </a:lnTo>
                  <a:lnTo>
                    <a:pt x="193" y="894"/>
                  </a:lnTo>
                  <a:lnTo>
                    <a:pt x="185" y="891"/>
                  </a:lnTo>
                  <a:lnTo>
                    <a:pt x="175" y="889"/>
                  </a:lnTo>
                  <a:lnTo>
                    <a:pt x="165" y="887"/>
                  </a:lnTo>
                  <a:lnTo>
                    <a:pt x="154" y="884"/>
                  </a:lnTo>
                  <a:lnTo>
                    <a:pt x="143" y="882"/>
                  </a:lnTo>
                  <a:lnTo>
                    <a:pt x="132" y="880"/>
                  </a:lnTo>
                  <a:lnTo>
                    <a:pt x="121" y="877"/>
                  </a:lnTo>
                  <a:lnTo>
                    <a:pt x="110" y="875"/>
                  </a:lnTo>
                  <a:lnTo>
                    <a:pt x="99" y="872"/>
                  </a:lnTo>
                  <a:lnTo>
                    <a:pt x="87" y="870"/>
                  </a:lnTo>
                  <a:lnTo>
                    <a:pt x="77" y="867"/>
                  </a:lnTo>
                  <a:lnTo>
                    <a:pt x="65" y="865"/>
                  </a:lnTo>
                  <a:lnTo>
                    <a:pt x="53" y="862"/>
                  </a:lnTo>
                  <a:lnTo>
                    <a:pt x="43" y="860"/>
                  </a:lnTo>
                  <a:lnTo>
                    <a:pt x="33" y="858"/>
                  </a:lnTo>
                  <a:lnTo>
                    <a:pt x="21" y="855"/>
                  </a:lnTo>
                  <a:lnTo>
                    <a:pt x="11" y="853"/>
                  </a:lnTo>
                  <a:lnTo>
                    <a:pt x="0" y="852"/>
                  </a:lnTo>
                  <a:lnTo>
                    <a:pt x="46" y="657"/>
                  </a:lnTo>
                  <a:lnTo>
                    <a:pt x="44" y="644"/>
                  </a:lnTo>
                  <a:lnTo>
                    <a:pt x="63" y="611"/>
                  </a:lnTo>
                  <a:lnTo>
                    <a:pt x="63" y="601"/>
                  </a:lnTo>
                  <a:lnTo>
                    <a:pt x="68" y="594"/>
                  </a:lnTo>
                  <a:lnTo>
                    <a:pt x="71" y="586"/>
                  </a:lnTo>
                  <a:lnTo>
                    <a:pt x="66" y="581"/>
                  </a:lnTo>
                  <a:lnTo>
                    <a:pt x="48" y="569"/>
                  </a:lnTo>
                  <a:lnTo>
                    <a:pt x="49" y="561"/>
                  </a:lnTo>
                  <a:lnTo>
                    <a:pt x="49" y="559"/>
                  </a:lnTo>
                  <a:lnTo>
                    <a:pt x="49" y="557"/>
                  </a:lnTo>
                  <a:lnTo>
                    <a:pt x="51" y="556"/>
                  </a:lnTo>
                  <a:lnTo>
                    <a:pt x="51" y="554"/>
                  </a:lnTo>
                  <a:lnTo>
                    <a:pt x="53" y="552"/>
                  </a:lnTo>
                  <a:lnTo>
                    <a:pt x="53" y="550"/>
                  </a:lnTo>
                  <a:lnTo>
                    <a:pt x="53" y="549"/>
                  </a:lnTo>
                  <a:lnTo>
                    <a:pt x="58" y="539"/>
                  </a:lnTo>
                  <a:lnTo>
                    <a:pt x="63" y="530"/>
                  </a:lnTo>
                  <a:lnTo>
                    <a:pt x="71" y="522"/>
                  </a:lnTo>
                  <a:lnTo>
                    <a:pt x="78" y="513"/>
                  </a:lnTo>
                  <a:lnTo>
                    <a:pt x="87" y="506"/>
                  </a:lnTo>
                  <a:lnTo>
                    <a:pt x="93" y="501"/>
                  </a:lnTo>
                  <a:lnTo>
                    <a:pt x="97" y="498"/>
                  </a:lnTo>
                  <a:lnTo>
                    <a:pt x="99" y="496"/>
                  </a:lnTo>
                  <a:lnTo>
                    <a:pt x="99" y="488"/>
                  </a:lnTo>
                  <a:lnTo>
                    <a:pt x="146" y="422"/>
                  </a:lnTo>
                  <a:lnTo>
                    <a:pt x="148" y="413"/>
                  </a:lnTo>
                  <a:lnTo>
                    <a:pt x="141" y="400"/>
                  </a:lnTo>
                  <a:lnTo>
                    <a:pt x="131" y="391"/>
                  </a:lnTo>
                  <a:lnTo>
                    <a:pt x="119" y="368"/>
                  </a:lnTo>
                  <a:lnTo>
                    <a:pt x="119" y="358"/>
                  </a:lnTo>
                  <a:lnTo>
                    <a:pt x="122" y="344"/>
                  </a:lnTo>
                  <a:lnTo>
                    <a:pt x="122" y="332"/>
                  </a:lnTo>
                  <a:lnTo>
                    <a:pt x="117" y="320"/>
                  </a:lnTo>
                  <a:lnTo>
                    <a:pt x="122" y="303"/>
                  </a:lnTo>
                  <a:lnTo>
                    <a:pt x="122" y="302"/>
                  </a:lnTo>
                  <a:lnTo>
                    <a:pt x="122" y="300"/>
                  </a:lnTo>
                  <a:lnTo>
                    <a:pt x="124" y="297"/>
                  </a:lnTo>
                  <a:lnTo>
                    <a:pt x="126" y="290"/>
                  </a:lnTo>
                  <a:lnTo>
                    <a:pt x="127" y="283"/>
                  </a:lnTo>
                  <a:lnTo>
                    <a:pt x="129" y="275"/>
                  </a:lnTo>
                  <a:lnTo>
                    <a:pt x="131" y="266"/>
                  </a:lnTo>
                  <a:lnTo>
                    <a:pt x="132" y="256"/>
                  </a:lnTo>
                  <a:lnTo>
                    <a:pt x="136" y="244"/>
                  </a:lnTo>
                  <a:lnTo>
                    <a:pt x="137" y="232"/>
                  </a:lnTo>
                  <a:lnTo>
                    <a:pt x="141" y="220"/>
                  </a:lnTo>
                  <a:lnTo>
                    <a:pt x="144" y="207"/>
                  </a:lnTo>
                  <a:lnTo>
                    <a:pt x="146" y="193"/>
                  </a:lnTo>
                  <a:lnTo>
                    <a:pt x="149" y="180"/>
                  </a:lnTo>
                  <a:lnTo>
                    <a:pt x="153" y="166"/>
                  </a:lnTo>
                  <a:lnTo>
                    <a:pt x="156" y="151"/>
                  </a:lnTo>
                  <a:lnTo>
                    <a:pt x="159" y="138"/>
                  </a:lnTo>
                  <a:lnTo>
                    <a:pt x="161" y="122"/>
                  </a:lnTo>
                  <a:lnTo>
                    <a:pt x="165" y="109"/>
                  </a:lnTo>
                  <a:lnTo>
                    <a:pt x="168" y="95"/>
                  </a:lnTo>
                  <a:lnTo>
                    <a:pt x="171" y="82"/>
                  </a:lnTo>
                  <a:lnTo>
                    <a:pt x="173" y="70"/>
                  </a:lnTo>
                  <a:lnTo>
                    <a:pt x="176" y="58"/>
                  </a:lnTo>
                  <a:lnTo>
                    <a:pt x="178" y="48"/>
                  </a:lnTo>
                  <a:lnTo>
                    <a:pt x="181" y="38"/>
                  </a:lnTo>
                  <a:lnTo>
                    <a:pt x="183" y="28"/>
                  </a:lnTo>
                  <a:lnTo>
                    <a:pt x="185" y="19"/>
                  </a:lnTo>
                  <a:lnTo>
                    <a:pt x="187" y="12"/>
                  </a:lnTo>
                  <a:lnTo>
                    <a:pt x="188" y="7"/>
                  </a:lnTo>
                  <a:lnTo>
                    <a:pt x="188" y="4"/>
                  </a:lnTo>
                  <a:lnTo>
                    <a:pt x="188" y="0"/>
                  </a:lnTo>
                  <a:lnTo>
                    <a:pt x="266" y="17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34" name="Freeform 117"/>
            <p:cNvSpPr>
              <a:spLocks/>
            </p:cNvSpPr>
            <p:nvPr/>
          </p:nvSpPr>
          <p:spPr bwMode="auto">
            <a:xfrm>
              <a:off x="1110" y="981"/>
              <a:ext cx="979" cy="621"/>
            </a:xfrm>
            <a:custGeom>
              <a:avLst/>
              <a:gdLst>
                <a:gd name="T0" fmla="*/ 289 w 1007"/>
                <a:gd name="T1" fmla="*/ 381 h 640"/>
                <a:gd name="T2" fmla="*/ 357 w 1007"/>
                <a:gd name="T3" fmla="*/ 389 h 640"/>
                <a:gd name="T4" fmla="*/ 425 w 1007"/>
                <a:gd name="T5" fmla="*/ 398 h 640"/>
                <a:gd name="T6" fmla="*/ 489 w 1007"/>
                <a:gd name="T7" fmla="*/ 406 h 640"/>
                <a:gd name="T8" fmla="*/ 550 w 1007"/>
                <a:gd name="T9" fmla="*/ 410 h 640"/>
                <a:gd name="T10" fmla="*/ 600 w 1007"/>
                <a:gd name="T11" fmla="*/ 415 h 640"/>
                <a:gd name="T12" fmla="*/ 635 w 1007"/>
                <a:gd name="T13" fmla="*/ 418 h 640"/>
                <a:gd name="T14" fmla="*/ 651 w 1007"/>
                <a:gd name="T15" fmla="*/ 420 h 640"/>
                <a:gd name="T16" fmla="*/ 635 w 1007"/>
                <a:gd name="T17" fmla="*/ 93 h 640"/>
                <a:gd name="T18" fmla="*/ 534 w 1007"/>
                <a:gd name="T19" fmla="*/ 82 h 640"/>
                <a:gd name="T20" fmla="*/ 426 w 1007"/>
                <a:gd name="T21" fmla="*/ 70 h 640"/>
                <a:gd name="T22" fmla="*/ 317 w 1007"/>
                <a:gd name="T23" fmla="*/ 54 h 640"/>
                <a:gd name="T24" fmla="*/ 215 w 1007"/>
                <a:gd name="T25" fmla="*/ 39 h 640"/>
                <a:gd name="T26" fmla="*/ 126 w 1007"/>
                <a:gd name="T27" fmla="*/ 17 h 640"/>
                <a:gd name="T28" fmla="*/ 60 w 1007"/>
                <a:gd name="T29" fmla="*/ 12 h 640"/>
                <a:gd name="T30" fmla="*/ 20 w 1007"/>
                <a:gd name="T31" fmla="*/ 2 h 640"/>
                <a:gd name="T32" fmla="*/ 0 w 1007"/>
                <a:gd name="T33" fmla="*/ 80 h 640"/>
                <a:gd name="T34" fmla="*/ 13 w 1007"/>
                <a:gd name="T35" fmla="*/ 120 h 640"/>
                <a:gd name="T36" fmla="*/ 17 w 1007"/>
                <a:gd name="T37" fmla="*/ 135 h 640"/>
                <a:gd name="T38" fmla="*/ 17 w 1007"/>
                <a:gd name="T39" fmla="*/ 139 h 640"/>
                <a:gd name="T40" fmla="*/ 17 w 1007"/>
                <a:gd name="T41" fmla="*/ 143 h 640"/>
                <a:gd name="T42" fmla="*/ 31 w 1007"/>
                <a:gd name="T43" fmla="*/ 148 h 640"/>
                <a:gd name="T44" fmla="*/ 41 w 1007"/>
                <a:gd name="T45" fmla="*/ 165 h 640"/>
                <a:gd name="T46" fmla="*/ 44 w 1007"/>
                <a:gd name="T47" fmla="*/ 180 h 640"/>
                <a:gd name="T48" fmla="*/ 45 w 1007"/>
                <a:gd name="T49" fmla="*/ 187 h 640"/>
                <a:gd name="T50" fmla="*/ 60 w 1007"/>
                <a:gd name="T51" fmla="*/ 206 h 640"/>
                <a:gd name="T52" fmla="*/ 77 w 1007"/>
                <a:gd name="T53" fmla="*/ 206 h 640"/>
                <a:gd name="T54" fmla="*/ 63 w 1007"/>
                <a:gd name="T55" fmla="*/ 236 h 640"/>
                <a:gd name="T56" fmla="*/ 58 w 1007"/>
                <a:gd name="T57" fmla="*/ 252 h 640"/>
                <a:gd name="T58" fmla="*/ 58 w 1007"/>
                <a:gd name="T59" fmla="*/ 268 h 640"/>
                <a:gd name="T60" fmla="*/ 49 w 1007"/>
                <a:gd name="T61" fmla="*/ 274 h 640"/>
                <a:gd name="T62" fmla="*/ 49 w 1007"/>
                <a:gd name="T63" fmla="*/ 285 h 640"/>
                <a:gd name="T64" fmla="*/ 51 w 1007"/>
                <a:gd name="T65" fmla="*/ 295 h 640"/>
                <a:gd name="T66" fmla="*/ 83 w 1007"/>
                <a:gd name="T67" fmla="*/ 286 h 640"/>
                <a:gd name="T68" fmla="*/ 85 w 1007"/>
                <a:gd name="T69" fmla="*/ 285 h 640"/>
                <a:gd name="T70" fmla="*/ 88 w 1007"/>
                <a:gd name="T71" fmla="*/ 300 h 640"/>
                <a:gd name="T72" fmla="*/ 90 w 1007"/>
                <a:gd name="T73" fmla="*/ 325 h 640"/>
                <a:gd name="T74" fmla="*/ 95 w 1007"/>
                <a:gd name="T75" fmla="*/ 334 h 640"/>
                <a:gd name="T76" fmla="*/ 101 w 1007"/>
                <a:gd name="T77" fmla="*/ 347 h 640"/>
                <a:gd name="T78" fmla="*/ 98 w 1007"/>
                <a:gd name="T79" fmla="*/ 352 h 640"/>
                <a:gd name="T80" fmla="*/ 101 w 1007"/>
                <a:gd name="T81" fmla="*/ 363 h 640"/>
                <a:gd name="T82" fmla="*/ 109 w 1007"/>
                <a:gd name="T83" fmla="*/ 364 h 640"/>
                <a:gd name="T84" fmla="*/ 117 w 1007"/>
                <a:gd name="T85" fmla="*/ 385 h 640"/>
                <a:gd name="T86" fmla="*/ 119 w 1007"/>
                <a:gd name="T87" fmla="*/ 399 h 640"/>
                <a:gd name="T88" fmla="*/ 125 w 1007"/>
                <a:gd name="T89" fmla="*/ 408 h 640"/>
                <a:gd name="T90" fmla="*/ 129 w 1007"/>
                <a:gd name="T91" fmla="*/ 402 h 640"/>
                <a:gd name="T92" fmla="*/ 137 w 1007"/>
                <a:gd name="T93" fmla="*/ 397 h 640"/>
                <a:gd name="T94" fmla="*/ 145 w 1007"/>
                <a:gd name="T95" fmla="*/ 399 h 640"/>
                <a:gd name="T96" fmla="*/ 157 w 1007"/>
                <a:gd name="T97" fmla="*/ 402 h 640"/>
                <a:gd name="T98" fmla="*/ 160 w 1007"/>
                <a:gd name="T99" fmla="*/ 396 h 640"/>
                <a:gd name="T100" fmla="*/ 167 w 1007"/>
                <a:gd name="T101" fmla="*/ 396 h 640"/>
                <a:gd name="T102" fmla="*/ 170 w 1007"/>
                <a:gd name="T103" fmla="*/ 399 h 640"/>
                <a:gd name="T104" fmla="*/ 192 w 1007"/>
                <a:gd name="T105" fmla="*/ 402 h 640"/>
                <a:gd name="T106" fmla="*/ 221 w 1007"/>
                <a:gd name="T107" fmla="*/ 389 h 640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w 1007"/>
                <a:gd name="T163" fmla="*/ 0 h 640"/>
                <a:gd name="T164" fmla="*/ 1007 w 1007"/>
                <a:gd name="T165" fmla="*/ 640 h 640"/>
              </a:gdLst>
              <a:ahLst/>
              <a:cxnLst>
                <a:cxn ang="T108">
                  <a:pos x="T0" y="T1"/>
                </a:cxn>
                <a:cxn ang="T109">
                  <a:pos x="T2" y="T3"/>
                </a:cxn>
                <a:cxn ang="T110">
                  <a:pos x="T4" y="T5"/>
                </a:cxn>
                <a:cxn ang="T111">
                  <a:pos x="T6" y="T7"/>
                </a:cxn>
                <a:cxn ang="T112">
                  <a:pos x="T8" y="T9"/>
                </a:cxn>
                <a:cxn ang="T113">
                  <a:pos x="T10" y="T11"/>
                </a:cxn>
                <a:cxn ang="T114">
                  <a:pos x="T12" y="T13"/>
                </a:cxn>
                <a:cxn ang="T115">
                  <a:pos x="T14" y="T15"/>
                </a:cxn>
                <a:cxn ang="T116">
                  <a:pos x="T16" y="T17"/>
                </a:cxn>
                <a:cxn ang="T117">
                  <a:pos x="T18" y="T19"/>
                </a:cxn>
                <a:cxn ang="T118">
                  <a:pos x="T20" y="T21"/>
                </a:cxn>
                <a:cxn ang="T119">
                  <a:pos x="T22" y="T23"/>
                </a:cxn>
                <a:cxn ang="T120">
                  <a:pos x="T24" y="T25"/>
                </a:cxn>
                <a:cxn ang="T121">
                  <a:pos x="T26" y="T27"/>
                </a:cxn>
                <a:cxn ang="T122">
                  <a:pos x="T28" y="T29"/>
                </a:cxn>
                <a:cxn ang="T123">
                  <a:pos x="T30" y="T31"/>
                </a:cxn>
                <a:cxn ang="T124">
                  <a:pos x="T32" y="T33"/>
                </a:cxn>
                <a:cxn ang="T125">
                  <a:pos x="T34" y="T35"/>
                </a:cxn>
                <a:cxn ang="T126">
                  <a:pos x="T36" y="T37"/>
                </a:cxn>
                <a:cxn ang="T127">
                  <a:pos x="T38" y="T39"/>
                </a:cxn>
                <a:cxn ang="T128">
                  <a:pos x="T40" y="T41"/>
                </a:cxn>
                <a:cxn ang="T129">
                  <a:pos x="T42" y="T43"/>
                </a:cxn>
                <a:cxn ang="T130">
                  <a:pos x="T44" y="T45"/>
                </a:cxn>
                <a:cxn ang="T131">
                  <a:pos x="T46" y="T47"/>
                </a:cxn>
                <a:cxn ang="T132">
                  <a:pos x="T48" y="T49"/>
                </a:cxn>
                <a:cxn ang="T133">
                  <a:pos x="T50" y="T51"/>
                </a:cxn>
                <a:cxn ang="T134">
                  <a:pos x="T52" y="T53"/>
                </a:cxn>
                <a:cxn ang="T135">
                  <a:pos x="T54" y="T55"/>
                </a:cxn>
                <a:cxn ang="T136">
                  <a:pos x="T56" y="T57"/>
                </a:cxn>
                <a:cxn ang="T137">
                  <a:pos x="T58" y="T59"/>
                </a:cxn>
                <a:cxn ang="T138">
                  <a:pos x="T60" y="T61"/>
                </a:cxn>
                <a:cxn ang="T139">
                  <a:pos x="T62" y="T63"/>
                </a:cxn>
                <a:cxn ang="T140">
                  <a:pos x="T64" y="T65"/>
                </a:cxn>
                <a:cxn ang="T141">
                  <a:pos x="T66" y="T67"/>
                </a:cxn>
                <a:cxn ang="T142">
                  <a:pos x="T68" y="T69"/>
                </a:cxn>
                <a:cxn ang="T143">
                  <a:pos x="T70" y="T71"/>
                </a:cxn>
                <a:cxn ang="T144">
                  <a:pos x="T72" y="T73"/>
                </a:cxn>
                <a:cxn ang="T145">
                  <a:pos x="T74" y="T75"/>
                </a:cxn>
                <a:cxn ang="T146">
                  <a:pos x="T76" y="T77"/>
                </a:cxn>
                <a:cxn ang="T147">
                  <a:pos x="T78" y="T79"/>
                </a:cxn>
                <a:cxn ang="T148">
                  <a:pos x="T80" y="T81"/>
                </a:cxn>
                <a:cxn ang="T149">
                  <a:pos x="T82" y="T83"/>
                </a:cxn>
                <a:cxn ang="T150">
                  <a:pos x="T84" y="T85"/>
                </a:cxn>
                <a:cxn ang="T151">
                  <a:pos x="T86" y="T87"/>
                </a:cxn>
                <a:cxn ang="T152">
                  <a:pos x="T88" y="T89"/>
                </a:cxn>
                <a:cxn ang="T153">
                  <a:pos x="T90" y="T91"/>
                </a:cxn>
                <a:cxn ang="T154">
                  <a:pos x="T92" y="T93"/>
                </a:cxn>
                <a:cxn ang="T155">
                  <a:pos x="T94" y="T95"/>
                </a:cxn>
                <a:cxn ang="T156">
                  <a:pos x="T96" y="T97"/>
                </a:cxn>
                <a:cxn ang="T157">
                  <a:pos x="T98" y="T99"/>
                </a:cxn>
                <a:cxn ang="T158">
                  <a:pos x="T100" y="T101"/>
                </a:cxn>
                <a:cxn ang="T159">
                  <a:pos x="T102" y="T103"/>
                </a:cxn>
                <a:cxn ang="T160">
                  <a:pos x="T104" y="T105"/>
                </a:cxn>
                <a:cxn ang="T161">
                  <a:pos x="T106" y="T107"/>
                </a:cxn>
              </a:cxnLst>
              <a:rect l="T162" t="T163" r="T164" b="T165"/>
              <a:pathLst>
                <a:path w="1007" h="640">
                  <a:moveTo>
                    <a:pt x="358" y="569"/>
                  </a:moveTo>
                  <a:lnTo>
                    <a:pt x="380" y="572"/>
                  </a:lnTo>
                  <a:lnTo>
                    <a:pt x="404" y="576"/>
                  </a:lnTo>
                  <a:lnTo>
                    <a:pt x="428" y="581"/>
                  </a:lnTo>
                  <a:lnTo>
                    <a:pt x="453" y="584"/>
                  </a:lnTo>
                  <a:lnTo>
                    <a:pt x="477" y="588"/>
                  </a:lnTo>
                  <a:lnTo>
                    <a:pt x="502" y="591"/>
                  </a:lnTo>
                  <a:lnTo>
                    <a:pt x="528" y="594"/>
                  </a:lnTo>
                  <a:lnTo>
                    <a:pt x="553" y="598"/>
                  </a:lnTo>
                  <a:lnTo>
                    <a:pt x="578" y="601"/>
                  </a:lnTo>
                  <a:lnTo>
                    <a:pt x="605" y="603"/>
                  </a:lnTo>
                  <a:lnTo>
                    <a:pt x="631" y="606"/>
                  </a:lnTo>
                  <a:lnTo>
                    <a:pt x="655" y="610"/>
                  </a:lnTo>
                  <a:lnTo>
                    <a:pt x="680" y="613"/>
                  </a:lnTo>
                  <a:lnTo>
                    <a:pt x="704" y="615"/>
                  </a:lnTo>
                  <a:lnTo>
                    <a:pt x="727" y="618"/>
                  </a:lnTo>
                  <a:lnTo>
                    <a:pt x="751" y="620"/>
                  </a:lnTo>
                  <a:lnTo>
                    <a:pt x="775" y="621"/>
                  </a:lnTo>
                  <a:lnTo>
                    <a:pt x="797" y="625"/>
                  </a:lnTo>
                  <a:lnTo>
                    <a:pt x="817" y="627"/>
                  </a:lnTo>
                  <a:lnTo>
                    <a:pt x="837" y="628"/>
                  </a:lnTo>
                  <a:lnTo>
                    <a:pt x="856" y="630"/>
                  </a:lnTo>
                  <a:lnTo>
                    <a:pt x="873" y="632"/>
                  </a:lnTo>
                  <a:lnTo>
                    <a:pt x="890" y="633"/>
                  </a:lnTo>
                  <a:lnTo>
                    <a:pt x="905" y="635"/>
                  </a:lnTo>
                  <a:lnTo>
                    <a:pt x="919" y="635"/>
                  </a:lnTo>
                  <a:lnTo>
                    <a:pt x="930" y="637"/>
                  </a:lnTo>
                  <a:lnTo>
                    <a:pt x="941" y="637"/>
                  </a:lnTo>
                  <a:lnTo>
                    <a:pt x="949" y="638"/>
                  </a:lnTo>
                  <a:lnTo>
                    <a:pt x="957" y="638"/>
                  </a:lnTo>
                  <a:lnTo>
                    <a:pt x="963" y="638"/>
                  </a:lnTo>
                  <a:lnTo>
                    <a:pt x="966" y="640"/>
                  </a:lnTo>
                  <a:lnTo>
                    <a:pt x="1007" y="144"/>
                  </a:lnTo>
                  <a:lnTo>
                    <a:pt x="974" y="143"/>
                  </a:lnTo>
                  <a:lnTo>
                    <a:pt x="941" y="141"/>
                  </a:lnTo>
                  <a:lnTo>
                    <a:pt x="905" y="139"/>
                  </a:lnTo>
                  <a:lnTo>
                    <a:pt x="869" y="136"/>
                  </a:lnTo>
                  <a:lnTo>
                    <a:pt x="832" y="131"/>
                  </a:lnTo>
                  <a:lnTo>
                    <a:pt x="793" y="127"/>
                  </a:lnTo>
                  <a:lnTo>
                    <a:pt x="754" y="122"/>
                  </a:lnTo>
                  <a:lnTo>
                    <a:pt x="714" y="117"/>
                  </a:lnTo>
                  <a:lnTo>
                    <a:pt x="673" y="112"/>
                  </a:lnTo>
                  <a:lnTo>
                    <a:pt x="633" y="105"/>
                  </a:lnTo>
                  <a:lnTo>
                    <a:pt x="592" y="100"/>
                  </a:lnTo>
                  <a:lnTo>
                    <a:pt x="551" y="93"/>
                  </a:lnTo>
                  <a:lnTo>
                    <a:pt x="511" y="88"/>
                  </a:lnTo>
                  <a:lnTo>
                    <a:pt x="470" y="82"/>
                  </a:lnTo>
                  <a:lnTo>
                    <a:pt x="431" y="75"/>
                  </a:lnTo>
                  <a:lnTo>
                    <a:pt x="392" y="68"/>
                  </a:lnTo>
                  <a:lnTo>
                    <a:pt x="355" y="61"/>
                  </a:lnTo>
                  <a:lnTo>
                    <a:pt x="318" y="56"/>
                  </a:lnTo>
                  <a:lnTo>
                    <a:pt x="282" y="49"/>
                  </a:lnTo>
                  <a:lnTo>
                    <a:pt x="248" y="43"/>
                  </a:lnTo>
                  <a:lnTo>
                    <a:pt x="216" y="38"/>
                  </a:lnTo>
                  <a:lnTo>
                    <a:pt x="188" y="31"/>
                  </a:lnTo>
                  <a:lnTo>
                    <a:pt x="159" y="26"/>
                  </a:lnTo>
                  <a:lnTo>
                    <a:pt x="133" y="21"/>
                  </a:lnTo>
                  <a:lnTo>
                    <a:pt x="108" y="17"/>
                  </a:lnTo>
                  <a:lnTo>
                    <a:pt x="88" y="12"/>
                  </a:lnTo>
                  <a:lnTo>
                    <a:pt x="69" y="9"/>
                  </a:lnTo>
                  <a:lnTo>
                    <a:pt x="54" y="5"/>
                  </a:lnTo>
                  <a:lnTo>
                    <a:pt x="42" y="4"/>
                  </a:lnTo>
                  <a:lnTo>
                    <a:pt x="34" y="2"/>
                  </a:lnTo>
                  <a:lnTo>
                    <a:pt x="27" y="0"/>
                  </a:lnTo>
                  <a:lnTo>
                    <a:pt x="25" y="0"/>
                  </a:lnTo>
                  <a:lnTo>
                    <a:pt x="0" y="122"/>
                  </a:lnTo>
                  <a:lnTo>
                    <a:pt x="8" y="141"/>
                  </a:lnTo>
                  <a:lnTo>
                    <a:pt x="20" y="168"/>
                  </a:lnTo>
                  <a:lnTo>
                    <a:pt x="20" y="178"/>
                  </a:lnTo>
                  <a:lnTo>
                    <a:pt x="13" y="183"/>
                  </a:lnTo>
                  <a:lnTo>
                    <a:pt x="22" y="190"/>
                  </a:lnTo>
                  <a:lnTo>
                    <a:pt x="15" y="195"/>
                  </a:lnTo>
                  <a:lnTo>
                    <a:pt x="15" y="202"/>
                  </a:lnTo>
                  <a:lnTo>
                    <a:pt x="28" y="205"/>
                  </a:lnTo>
                  <a:lnTo>
                    <a:pt x="28" y="207"/>
                  </a:lnTo>
                  <a:lnTo>
                    <a:pt x="28" y="209"/>
                  </a:lnTo>
                  <a:lnTo>
                    <a:pt x="28" y="210"/>
                  </a:lnTo>
                  <a:lnTo>
                    <a:pt x="28" y="212"/>
                  </a:lnTo>
                  <a:lnTo>
                    <a:pt x="28" y="214"/>
                  </a:lnTo>
                  <a:lnTo>
                    <a:pt x="28" y="215"/>
                  </a:lnTo>
                  <a:lnTo>
                    <a:pt x="30" y="217"/>
                  </a:lnTo>
                  <a:lnTo>
                    <a:pt x="35" y="219"/>
                  </a:lnTo>
                  <a:lnTo>
                    <a:pt x="39" y="220"/>
                  </a:lnTo>
                  <a:lnTo>
                    <a:pt x="42" y="224"/>
                  </a:lnTo>
                  <a:lnTo>
                    <a:pt x="45" y="227"/>
                  </a:lnTo>
                  <a:lnTo>
                    <a:pt x="49" y="232"/>
                  </a:lnTo>
                  <a:lnTo>
                    <a:pt x="52" y="239"/>
                  </a:lnTo>
                  <a:lnTo>
                    <a:pt x="54" y="244"/>
                  </a:lnTo>
                  <a:lnTo>
                    <a:pt x="57" y="251"/>
                  </a:lnTo>
                  <a:lnTo>
                    <a:pt x="59" y="258"/>
                  </a:lnTo>
                  <a:lnTo>
                    <a:pt x="61" y="263"/>
                  </a:lnTo>
                  <a:lnTo>
                    <a:pt x="62" y="269"/>
                  </a:lnTo>
                  <a:lnTo>
                    <a:pt x="64" y="275"/>
                  </a:lnTo>
                  <a:lnTo>
                    <a:pt x="64" y="278"/>
                  </a:lnTo>
                  <a:lnTo>
                    <a:pt x="66" y="281"/>
                  </a:lnTo>
                  <a:lnTo>
                    <a:pt x="66" y="283"/>
                  </a:lnTo>
                  <a:lnTo>
                    <a:pt x="66" y="285"/>
                  </a:lnTo>
                  <a:lnTo>
                    <a:pt x="74" y="288"/>
                  </a:lnTo>
                  <a:lnTo>
                    <a:pt x="74" y="300"/>
                  </a:lnTo>
                  <a:lnTo>
                    <a:pt x="86" y="300"/>
                  </a:lnTo>
                  <a:lnTo>
                    <a:pt x="88" y="313"/>
                  </a:lnTo>
                  <a:lnTo>
                    <a:pt x="94" y="313"/>
                  </a:lnTo>
                  <a:lnTo>
                    <a:pt x="113" y="313"/>
                  </a:lnTo>
                  <a:lnTo>
                    <a:pt x="113" y="315"/>
                  </a:lnTo>
                  <a:lnTo>
                    <a:pt x="101" y="337"/>
                  </a:lnTo>
                  <a:lnTo>
                    <a:pt x="101" y="349"/>
                  </a:lnTo>
                  <a:lnTo>
                    <a:pt x="93" y="359"/>
                  </a:lnTo>
                  <a:lnTo>
                    <a:pt x="94" y="359"/>
                  </a:lnTo>
                  <a:lnTo>
                    <a:pt x="94" y="368"/>
                  </a:lnTo>
                  <a:lnTo>
                    <a:pt x="88" y="373"/>
                  </a:lnTo>
                  <a:lnTo>
                    <a:pt x="86" y="383"/>
                  </a:lnTo>
                  <a:lnTo>
                    <a:pt x="89" y="401"/>
                  </a:lnTo>
                  <a:lnTo>
                    <a:pt x="89" y="403"/>
                  </a:lnTo>
                  <a:lnTo>
                    <a:pt x="88" y="405"/>
                  </a:lnTo>
                  <a:lnTo>
                    <a:pt x="86" y="408"/>
                  </a:lnTo>
                  <a:lnTo>
                    <a:pt x="79" y="410"/>
                  </a:lnTo>
                  <a:lnTo>
                    <a:pt x="76" y="413"/>
                  </a:lnTo>
                  <a:lnTo>
                    <a:pt x="74" y="417"/>
                  </a:lnTo>
                  <a:lnTo>
                    <a:pt x="72" y="422"/>
                  </a:lnTo>
                  <a:lnTo>
                    <a:pt x="72" y="427"/>
                  </a:lnTo>
                  <a:lnTo>
                    <a:pt x="74" y="430"/>
                  </a:lnTo>
                  <a:lnTo>
                    <a:pt x="74" y="434"/>
                  </a:lnTo>
                  <a:lnTo>
                    <a:pt x="74" y="435"/>
                  </a:lnTo>
                  <a:lnTo>
                    <a:pt x="69" y="437"/>
                  </a:lnTo>
                  <a:lnTo>
                    <a:pt x="69" y="445"/>
                  </a:lnTo>
                  <a:lnTo>
                    <a:pt x="78" y="449"/>
                  </a:lnTo>
                  <a:lnTo>
                    <a:pt x="86" y="457"/>
                  </a:lnTo>
                  <a:lnTo>
                    <a:pt x="101" y="452"/>
                  </a:lnTo>
                  <a:lnTo>
                    <a:pt x="116" y="439"/>
                  </a:lnTo>
                  <a:lnTo>
                    <a:pt x="123" y="437"/>
                  </a:lnTo>
                  <a:lnTo>
                    <a:pt x="125" y="435"/>
                  </a:lnTo>
                  <a:lnTo>
                    <a:pt x="125" y="434"/>
                  </a:lnTo>
                  <a:lnTo>
                    <a:pt x="127" y="434"/>
                  </a:lnTo>
                  <a:lnTo>
                    <a:pt x="128" y="435"/>
                  </a:lnTo>
                  <a:lnTo>
                    <a:pt x="130" y="439"/>
                  </a:lnTo>
                  <a:lnTo>
                    <a:pt x="132" y="447"/>
                  </a:lnTo>
                  <a:lnTo>
                    <a:pt x="132" y="457"/>
                  </a:lnTo>
                  <a:lnTo>
                    <a:pt x="132" y="471"/>
                  </a:lnTo>
                  <a:lnTo>
                    <a:pt x="132" y="481"/>
                  </a:lnTo>
                  <a:lnTo>
                    <a:pt x="133" y="489"/>
                  </a:lnTo>
                  <a:lnTo>
                    <a:pt x="135" y="496"/>
                  </a:lnTo>
                  <a:lnTo>
                    <a:pt x="137" y="503"/>
                  </a:lnTo>
                  <a:lnTo>
                    <a:pt x="138" y="506"/>
                  </a:lnTo>
                  <a:lnTo>
                    <a:pt x="140" y="508"/>
                  </a:lnTo>
                  <a:lnTo>
                    <a:pt x="142" y="510"/>
                  </a:lnTo>
                  <a:lnTo>
                    <a:pt x="145" y="518"/>
                  </a:lnTo>
                  <a:lnTo>
                    <a:pt x="147" y="523"/>
                  </a:lnTo>
                  <a:lnTo>
                    <a:pt x="149" y="528"/>
                  </a:lnTo>
                  <a:lnTo>
                    <a:pt x="149" y="530"/>
                  </a:lnTo>
                  <a:lnTo>
                    <a:pt x="147" y="533"/>
                  </a:lnTo>
                  <a:lnTo>
                    <a:pt x="147" y="535"/>
                  </a:lnTo>
                  <a:lnTo>
                    <a:pt x="145" y="537"/>
                  </a:lnTo>
                  <a:lnTo>
                    <a:pt x="144" y="542"/>
                  </a:lnTo>
                  <a:lnTo>
                    <a:pt x="145" y="545"/>
                  </a:lnTo>
                  <a:lnTo>
                    <a:pt x="147" y="549"/>
                  </a:lnTo>
                  <a:lnTo>
                    <a:pt x="150" y="552"/>
                  </a:lnTo>
                  <a:lnTo>
                    <a:pt x="154" y="554"/>
                  </a:lnTo>
                  <a:lnTo>
                    <a:pt x="157" y="555"/>
                  </a:lnTo>
                  <a:lnTo>
                    <a:pt x="159" y="555"/>
                  </a:lnTo>
                  <a:lnTo>
                    <a:pt x="160" y="555"/>
                  </a:lnTo>
                  <a:lnTo>
                    <a:pt x="172" y="574"/>
                  </a:lnTo>
                  <a:lnTo>
                    <a:pt x="172" y="576"/>
                  </a:lnTo>
                  <a:lnTo>
                    <a:pt x="174" y="579"/>
                  </a:lnTo>
                  <a:lnTo>
                    <a:pt x="174" y="586"/>
                  </a:lnTo>
                  <a:lnTo>
                    <a:pt x="174" y="593"/>
                  </a:lnTo>
                  <a:lnTo>
                    <a:pt x="176" y="599"/>
                  </a:lnTo>
                  <a:lnTo>
                    <a:pt x="176" y="605"/>
                  </a:lnTo>
                  <a:lnTo>
                    <a:pt x="177" y="610"/>
                  </a:lnTo>
                  <a:lnTo>
                    <a:pt x="177" y="611"/>
                  </a:lnTo>
                  <a:lnTo>
                    <a:pt x="181" y="616"/>
                  </a:lnTo>
                  <a:lnTo>
                    <a:pt x="184" y="620"/>
                  </a:lnTo>
                  <a:lnTo>
                    <a:pt x="186" y="620"/>
                  </a:lnTo>
                  <a:lnTo>
                    <a:pt x="188" y="620"/>
                  </a:lnTo>
                  <a:lnTo>
                    <a:pt x="189" y="616"/>
                  </a:lnTo>
                  <a:lnTo>
                    <a:pt x="191" y="615"/>
                  </a:lnTo>
                  <a:lnTo>
                    <a:pt x="191" y="613"/>
                  </a:lnTo>
                  <a:lnTo>
                    <a:pt x="191" y="611"/>
                  </a:lnTo>
                  <a:lnTo>
                    <a:pt x="194" y="606"/>
                  </a:lnTo>
                  <a:lnTo>
                    <a:pt x="199" y="605"/>
                  </a:lnTo>
                  <a:lnTo>
                    <a:pt x="203" y="605"/>
                  </a:lnTo>
                  <a:lnTo>
                    <a:pt x="206" y="605"/>
                  </a:lnTo>
                  <a:lnTo>
                    <a:pt x="211" y="606"/>
                  </a:lnTo>
                  <a:lnTo>
                    <a:pt x="213" y="608"/>
                  </a:lnTo>
                  <a:lnTo>
                    <a:pt x="216" y="610"/>
                  </a:lnTo>
                  <a:lnTo>
                    <a:pt x="218" y="611"/>
                  </a:lnTo>
                  <a:lnTo>
                    <a:pt x="223" y="615"/>
                  </a:lnTo>
                  <a:lnTo>
                    <a:pt x="228" y="615"/>
                  </a:lnTo>
                  <a:lnTo>
                    <a:pt x="232" y="613"/>
                  </a:lnTo>
                  <a:lnTo>
                    <a:pt x="235" y="611"/>
                  </a:lnTo>
                  <a:lnTo>
                    <a:pt x="237" y="608"/>
                  </a:lnTo>
                  <a:lnTo>
                    <a:pt x="238" y="606"/>
                  </a:lnTo>
                  <a:lnTo>
                    <a:pt x="238" y="603"/>
                  </a:lnTo>
                  <a:lnTo>
                    <a:pt x="240" y="603"/>
                  </a:lnTo>
                  <a:lnTo>
                    <a:pt x="243" y="601"/>
                  </a:lnTo>
                  <a:lnTo>
                    <a:pt x="245" y="601"/>
                  </a:lnTo>
                  <a:lnTo>
                    <a:pt x="247" y="603"/>
                  </a:lnTo>
                  <a:lnTo>
                    <a:pt x="248" y="605"/>
                  </a:lnTo>
                  <a:lnTo>
                    <a:pt x="250" y="606"/>
                  </a:lnTo>
                  <a:lnTo>
                    <a:pt x="250" y="608"/>
                  </a:lnTo>
                  <a:lnTo>
                    <a:pt x="252" y="610"/>
                  </a:lnTo>
                  <a:lnTo>
                    <a:pt x="252" y="611"/>
                  </a:lnTo>
                  <a:lnTo>
                    <a:pt x="257" y="611"/>
                  </a:lnTo>
                  <a:lnTo>
                    <a:pt x="277" y="608"/>
                  </a:lnTo>
                  <a:lnTo>
                    <a:pt x="284" y="613"/>
                  </a:lnTo>
                  <a:lnTo>
                    <a:pt x="296" y="613"/>
                  </a:lnTo>
                  <a:lnTo>
                    <a:pt x="311" y="611"/>
                  </a:lnTo>
                  <a:lnTo>
                    <a:pt x="318" y="594"/>
                  </a:lnTo>
                  <a:lnTo>
                    <a:pt x="328" y="594"/>
                  </a:lnTo>
                  <a:lnTo>
                    <a:pt x="335" y="615"/>
                  </a:lnTo>
                  <a:lnTo>
                    <a:pt x="345" y="630"/>
                  </a:lnTo>
                  <a:lnTo>
                    <a:pt x="358" y="56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35" name="Freeform 118"/>
            <p:cNvSpPr>
              <a:spLocks/>
            </p:cNvSpPr>
            <p:nvPr/>
          </p:nvSpPr>
          <p:spPr bwMode="auto">
            <a:xfrm>
              <a:off x="528" y="1726"/>
              <a:ext cx="609" cy="942"/>
            </a:xfrm>
            <a:custGeom>
              <a:avLst/>
              <a:gdLst>
                <a:gd name="T0" fmla="*/ 0 w 626"/>
                <a:gd name="T1" fmla="*/ 243 h 970"/>
                <a:gd name="T2" fmla="*/ 64 w 626"/>
                <a:gd name="T3" fmla="*/ 2 h 970"/>
                <a:gd name="T4" fmla="*/ 82 w 626"/>
                <a:gd name="T5" fmla="*/ 8 h 970"/>
                <a:gd name="T6" fmla="*/ 99 w 626"/>
                <a:gd name="T7" fmla="*/ 15 h 970"/>
                <a:gd name="T8" fmla="*/ 116 w 626"/>
                <a:gd name="T9" fmla="*/ 17 h 970"/>
                <a:gd name="T10" fmla="*/ 131 w 626"/>
                <a:gd name="T11" fmla="*/ 17 h 970"/>
                <a:gd name="T12" fmla="*/ 148 w 626"/>
                <a:gd name="T13" fmla="*/ 18 h 970"/>
                <a:gd name="T14" fmla="*/ 162 w 626"/>
                <a:gd name="T15" fmla="*/ 25 h 970"/>
                <a:gd name="T16" fmla="*/ 177 w 626"/>
                <a:gd name="T17" fmla="*/ 30 h 970"/>
                <a:gd name="T18" fmla="*/ 189 w 626"/>
                <a:gd name="T19" fmla="*/ 35 h 970"/>
                <a:gd name="T20" fmla="*/ 201 w 626"/>
                <a:gd name="T21" fmla="*/ 37 h 970"/>
                <a:gd name="T22" fmla="*/ 213 w 626"/>
                <a:gd name="T23" fmla="*/ 39 h 970"/>
                <a:gd name="T24" fmla="*/ 221 w 626"/>
                <a:gd name="T25" fmla="*/ 41 h 970"/>
                <a:gd name="T26" fmla="*/ 229 w 626"/>
                <a:gd name="T27" fmla="*/ 43 h 970"/>
                <a:gd name="T28" fmla="*/ 235 w 626"/>
                <a:gd name="T29" fmla="*/ 44 h 970"/>
                <a:gd name="T30" fmla="*/ 239 w 626"/>
                <a:gd name="T31" fmla="*/ 44 h 970"/>
                <a:gd name="T32" fmla="*/ 243 w 626"/>
                <a:gd name="T33" fmla="*/ 45 h 970"/>
                <a:gd name="T34" fmla="*/ 243 w 626"/>
                <a:gd name="T35" fmla="*/ 45 h 970"/>
                <a:gd name="T36" fmla="*/ 425 w 626"/>
                <a:gd name="T37" fmla="*/ 83 h 970"/>
                <a:gd name="T38" fmla="*/ 334 w 626"/>
                <a:gd name="T39" fmla="*/ 552 h 970"/>
                <a:gd name="T40" fmla="*/ 332 w 626"/>
                <a:gd name="T41" fmla="*/ 555 h 970"/>
                <a:gd name="T42" fmla="*/ 330 w 626"/>
                <a:gd name="T43" fmla="*/ 564 h 970"/>
                <a:gd name="T44" fmla="*/ 323 w 626"/>
                <a:gd name="T45" fmla="*/ 570 h 970"/>
                <a:gd name="T46" fmla="*/ 315 w 626"/>
                <a:gd name="T47" fmla="*/ 566 h 970"/>
                <a:gd name="T48" fmla="*/ 313 w 626"/>
                <a:gd name="T49" fmla="*/ 564 h 970"/>
                <a:gd name="T50" fmla="*/ 313 w 626"/>
                <a:gd name="T51" fmla="*/ 562 h 970"/>
                <a:gd name="T52" fmla="*/ 311 w 626"/>
                <a:gd name="T53" fmla="*/ 557 h 970"/>
                <a:gd name="T54" fmla="*/ 305 w 626"/>
                <a:gd name="T55" fmla="*/ 555 h 970"/>
                <a:gd name="T56" fmla="*/ 303 w 626"/>
                <a:gd name="T57" fmla="*/ 555 h 970"/>
                <a:gd name="T58" fmla="*/ 302 w 626"/>
                <a:gd name="T59" fmla="*/ 554 h 970"/>
                <a:gd name="T60" fmla="*/ 298 w 626"/>
                <a:gd name="T61" fmla="*/ 554 h 970"/>
                <a:gd name="T62" fmla="*/ 297 w 626"/>
                <a:gd name="T63" fmla="*/ 555 h 970"/>
                <a:gd name="T64" fmla="*/ 294 w 626"/>
                <a:gd name="T65" fmla="*/ 555 h 970"/>
                <a:gd name="T66" fmla="*/ 289 w 626"/>
                <a:gd name="T67" fmla="*/ 555 h 970"/>
                <a:gd name="T68" fmla="*/ 286 w 626"/>
                <a:gd name="T69" fmla="*/ 555 h 970"/>
                <a:gd name="T70" fmla="*/ 285 w 626"/>
                <a:gd name="T71" fmla="*/ 559 h 970"/>
                <a:gd name="T72" fmla="*/ 285 w 626"/>
                <a:gd name="T73" fmla="*/ 562 h 970"/>
                <a:gd name="T74" fmla="*/ 286 w 626"/>
                <a:gd name="T75" fmla="*/ 566 h 970"/>
                <a:gd name="T76" fmla="*/ 286 w 626"/>
                <a:gd name="T77" fmla="*/ 572 h 970"/>
                <a:gd name="T78" fmla="*/ 286 w 626"/>
                <a:gd name="T79" fmla="*/ 580 h 970"/>
                <a:gd name="T80" fmla="*/ 288 w 626"/>
                <a:gd name="T81" fmla="*/ 587 h 970"/>
                <a:gd name="T82" fmla="*/ 286 w 626"/>
                <a:gd name="T83" fmla="*/ 596 h 970"/>
                <a:gd name="T84" fmla="*/ 285 w 626"/>
                <a:gd name="T85" fmla="*/ 602 h 970"/>
                <a:gd name="T86" fmla="*/ 282 w 626"/>
                <a:gd name="T87" fmla="*/ 607 h 970"/>
                <a:gd name="T88" fmla="*/ 282 w 626"/>
                <a:gd name="T89" fmla="*/ 612 h 970"/>
                <a:gd name="T90" fmla="*/ 282 w 626"/>
                <a:gd name="T91" fmla="*/ 620 h 970"/>
                <a:gd name="T92" fmla="*/ 282 w 626"/>
                <a:gd name="T93" fmla="*/ 629 h 970"/>
                <a:gd name="T94" fmla="*/ 281 w 626"/>
                <a:gd name="T95" fmla="*/ 637 h 970"/>
                <a:gd name="T96" fmla="*/ 279 w 626"/>
                <a:gd name="T97" fmla="*/ 637 h 970"/>
                <a:gd name="T98" fmla="*/ 276 w 626"/>
                <a:gd name="T99" fmla="*/ 640 h 970"/>
                <a:gd name="T100" fmla="*/ 273 w 626"/>
                <a:gd name="T101" fmla="*/ 643 h 970"/>
                <a:gd name="T102" fmla="*/ 272 w 626"/>
                <a:gd name="T103" fmla="*/ 644 h 970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w 626"/>
                <a:gd name="T157" fmla="*/ 0 h 970"/>
                <a:gd name="T158" fmla="*/ 626 w 626"/>
                <a:gd name="T159" fmla="*/ 970 h 970"/>
              </a:gdLst>
              <a:ahLst/>
              <a:cxnLst>
                <a:cxn ang="T104">
                  <a:pos x="T0" y="T1"/>
                </a:cxn>
                <a:cxn ang="T105">
                  <a:pos x="T2" y="T3"/>
                </a:cxn>
                <a:cxn ang="T106">
                  <a:pos x="T4" y="T5"/>
                </a:cxn>
                <a:cxn ang="T107">
                  <a:pos x="T6" y="T7"/>
                </a:cxn>
                <a:cxn ang="T108">
                  <a:pos x="T8" y="T9"/>
                </a:cxn>
                <a:cxn ang="T109">
                  <a:pos x="T10" y="T11"/>
                </a:cxn>
                <a:cxn ang="T110">
                  <a:pos x="T12" y="T13"/>
                </a:cxn>
                <a:cxn ang="T111">
                  <a:pos x="T14" y="T15"/>
                </a:cxn>
                <a:cxn ang="T112">
                  <a:pos x="T16" y="T17"/>
                </a:cxn>
                <a:cxn ang="T113">
                  <a:pos x="T18" y="T19"/>
                </a:cxn>
                <a:cxn ang="T114">
                  <a:pos x="T20" y="T21"/>
                </a:cxn>
                <a:cxn ang="T115">
                  <a:pos x="T22" y="T23"/>
                </a:cxn>
                <a:cxn ang="T116">
                  <a:pos x="T24" y="T25"/>
                </a:cxn>
                <a:cxn ang="T117">
                  <a:pos x="T26" y="T27"/>
                </a:cxn>
                <a:cxn ang="T118">
                  <a:pos x="T28" y="T29"/>
                </a:cxn>
                <a:cxn ang="T119">
                  <a:pos x="T30" y="T31"/>
                </a:cxn>
                <a:cxn ang="T120">
                  <a:pos x="T32" y="T33"/>
                </a:cxn>
                <a:cxn ang="T121">
                  <a:pos x="T34" y="T35"/>
                </a:cxn>
                <a:cxn ang="T122">
                  <a:pos x="T36" y="T37"/>
                </a:cxn>
                <a:cxn ang="T123">
                  <a:pos x="T38" y="T39"/>
                </a:cxn>
                <a:cxn ang="T124">
                  <a:pos x="T40" y="T41"/>
                </a:cxn>
                <a:cxn ang="T125">
                  <a:pos x="T42" y="T43"/>
                </a:cxn>
                <a:cxn ang="T126">
                  <a:pos x="T44" y="T45"/>
                </a:cxn>
                <a:cxn ang="T127">
                  <a:pos x="T46" y="T47"/>
                </a:cxn>
                <a:cxn ang="T128">
                  <a:pos x="T48" y="T49"/>
                </a:cxn>
                <a:cxn ang="T129">
                  <a:pos x="T50" y="T51"/>
                </a:cxn>
                <a:cxn ang="T130">
                  <a:pos x="T52" y="T53"/>
                </a:cxn>
                <a:cxn ang="T131">
                  <a:pos x="T54" y="T55"/>
                </a:cxn>
                <a:cxn ang="T132">
                  <a:pos x="T56" y="T57"/>
                </a:cxn>
                <a:cxn ang="T133">
                  <a:pos x="T58" y="T59"/>
                </a:cxn>
                <a:cxn ang="T134">
                  <a:pos x="T60" y="T61"/>
                </a:cxn>
                <a:cxn ang="T135">
                  <a:pos x="T62" y="T63"/>
                </a:cxn>
                <a:cxn ang="T136">
                  <a:pos x="T64" y="T65"/>
                </a:cxn>
                <a:cxn ang="T137">
                  <a:pos x="T66" y="T67"/>
                </a:cxn>
                <a:cxn ang="T138">
                  <a:pos x="T68" y="T69"/>
                </a:cxn>
                <a:cxn ang="T139">
                  <a:pos x="T70" y="T71"/>
                </a:cxn>
                <a:cxn ang="T140">
                  <a:pos x="T72" y="T73"/>
                </a:cxn>
                <a:cxn ang="T141">
                  <a:pos x="T74" y="T75"/>
                </a:cxn>
                <a:cxn ang="T142">
                  <a:pos x="T76" y="T77"/>
                </a:cxn>
                <a:cxn ang="T143">
                  <a:pos x="T78" y="T79"/>
                </a:cxn>
                <a:cxn ang="T144">
                  <a:pos x="T80" y="T81"/>
                </a:cxn>
                <a:cxn ang="T145">
                  <a:pos x="T82" y="T83"/>
                </a:cxn>
                <a:cxn ang="T146">
                  <a:pos x="T84" y="T85"/>
                </a:cxn>
                <a:cxn ang="T147">
                  <a:pos x="T86" y="T87"/>
                </a:cxn>
                <a:cxn ang="T148">
                  <a:pos x="T88" y="T89"/>
                </a:cxn>
                <a:cxn ang="T149">
                  <a:pos x="T90" y="T91"/>
                </a:cxn>
                <a:cxn ang="T150">
                  <a:pos x="T92" y="T93"/>
                </a:cxn>
                <a:cxn ang="T151">
                  <a:pos x="T94" y="T95"/>
                </a:cxn>
                <a:cxn ang="T152">
                  <a:pos x="T96" y="T97"/>
                </a:cxn>
                <a:cxn ang="T153">
                  <a:pos x="T98" y="T99"/>
                </a:cxn>
                <a:cxn ang="T154">
                  <a:pos x="T100" y="T101"/>
                </a:cxn>
                <a:cxn ang="T155">
                  <a:pos x="T102" y="T103"/>
                </a:cxn>
              </a:cxnLst>
              <a:rect l="T156" t="T157" r="T158" b="T159"/>
              <a:pathLst>
                <a:path w="626" h="970">
                  <a:moveTo>
                    <a:pt x="400" y="970"/>
                  </a:moveTo>
                  <a:lnTo>
                    <a:pt x="0" y="366"/>
                  </a:lnTo>
                  <a:lnTo>
                    <a:pt x="95" y="0"/>
                  </a:lnTo>
                  <a:lnTo>
                    <a:pt x="93" y="2"/>
                  </a:lnTo>
                  <a:lnTo>
                    <a:pt x="107" y="5"/>
                  </a:lnTo>
                  <a:lnTo>
                    <a:pt x="120" y="8"/>
                  </a:lnTo>
                  <a:lnTo>
                    <a:pt x="132" y="12"/>
                  </a:lnTo>
                  <a:lnTo>
                    <a:pt x="146" y="15"/>
                  </a:lnTo>
                  <a:lnTo>
                    <a:pt x="158" y="19"/>
                  </a:lnTo>
                  <a:lnTo>
                    <a:pt x="170" y="20"/>
                  </a:lnTo>
                  <a:lnTo>
                    <a:pt x="183" y="24"/>
                  </a:lnTo>
                  <a:lnTo>
                    <a:pt x="193" y="27"/>
                  </a:lnTo>
                  <a:lnTo>
                    <a:pt x="205" y="30"/>
                  </a:lnTo>
                  <a:lnTo>
                    <a:pt x="217" y="32"/>
                  </a:lnTo>
                  <a:lnTo>
                    <a:pt x="229" y="36"/>
                  </a:lnTo>
                  <a:lnTo>
                    <a:pt x="239" y="39"/>
                  </a:lnTo>
                  <a:lnTo>
                    <a:pt x="249" y="41"/>
                  </a:lnTo>
                  <a:lnTo>
                    <a:pt x="259" y="44"/>
                  </a:lnTo>
                  <a:lnTo>
                    <a:pt x="269" y="46"/>
                  </a:lnTo>
                  <a:lnTo>
                    <a:pt x="278" y="49"/>
                  </a:lnTo>
                  <a:lnTo>
                    <a:pt x="288" y="51"/>
                  </a:lnTo>
                  <a:lnTo>
                    <a:pt x="296" y="52"/>
                  </a:lnTo>
                  <a:lnTo>
                    <a:pt x="303" y="54"/>
                  </a:lnTo>
                  <a:lnTo>
                    <a:pt x="312" y="56"/>
                  </a:lnTo>
                  <a:lnTo>
                    <a:pt x="318" y="58"/>
                  </a:lnTo>
                  <a:lnTo>
                    <a:pt x="325" y="59"/>
                  </a:lnTo>
                  <a:lnTo>
                    <a:pt x="330" y="61"/>
                  </a:lnTo>
                  <a:lnTo>
                    <a:pt x="337" y="63"/>
                  </a:lnTo>
                  <a:lnTo>
                    <a:pt x="340" y="64"/>
                  </a:lnTo>
                  <a:lnTo>
                    <a:pt x="346" y="66"/>
                  </a:lnTo>
                  <a:lnTo>
                    <a:pt x="349" y="66"/>
                  </a:lnTo>
                  <a:lnTo>
                    <a:pt x="352" y="66"/>
                  </a:lnTo>
                  <a:lnTo>
                    <a:pt x="354" y="68"/>
                  </a:lnTo>
                  <a:lnTo>
                    <a:pt x="357" y="68"/>
                  </a:lnTo>
                  <a:lnTo>
                    <a:pt x="626" y="125"/>
                  </a:lnTo>
                  <a:lnTo>
                    <a:pt x="508" y="741"/>
                  </a:lnTo>
                  <a:lnTo>
                    <a:pt x="491" y="831"/>
                  </a:lnTo>
                  <a:lnTo>
                    <a:pt x="491" y="833"/>
                  </a:lnTo>
                  <a:lnTo>
                    <a:pt x="489" y="836"/>
                  </a:lnTo>
                  <a:lnTo>
                    <a:pt x="488" y="843"/>
                  </a:lnTo>
                  <a:lnTo>
                    <a:pt x="484" y="850"/>
                  </a:lnTo>
                  <a:lnTo>
                    <a:pt x="481" y="855"/>
                  </a:lnTo>
                  <a:lnTo>
                    <a:pt x="476" y="858"/>
                  </a:lnTo>
                  <a:lnTo>
                    <a:pt x="471" y="858"/>
                  </a:lnTo>
                  <a:lnTo>
                    <a:pt x="464" y="853"/>
                  </a:lnTo>
                  <a:lnTo>
                    <a:pt x="464" y="851"/>
                  </a:lnTo>
                  <a:lnTo>
                    <a:pt x="462" y="850"/>
                  </a:lnTo>
                  <a:lnTo>
                    <a:pt x="462" y="848"/>
                  </a:lnTo>
                  <a:lnTo>
                    <a:pt x="462" y="846"/>
                  </a:lnTo>
                  <a:lnTo>
                    <a:pt x="461" y="844"/>
                  </a:lnTo>
                  <a:lnTo>
                    <a:pt x="457" y="841"/>
                  </a:lnTo>
                  <a:lnTo>
                    <a:pt x="454" y="841"/>
                  </a:lnTo>
                  <a:lnTo>
                    <a:pt x="449" y="839"/>
                  </a:lnTo>
                  <a:lnTo>
                    <a:pt x="447" y="839"/>
                  </a:lnTo>
                  <a:lnTo>
                    <a:pt x="445" y="838"/>
                  </a:lnTo>
                  <a:lnTo>
                    <a:pt x="445" y="836"/>
                  </a:lnTo>
                  <a:lnTo>
                    <a:pt x="444" y="834"/>
                  </a:lnTo>
                  <a:lnTo>
                    <a:pt x="440" y="833"/>
                  </a:lnTo>
                  <a:lnTo>
                    <a:pt x="439" y="833"/>
                  </a:lnTo>
                  <a:lnTo>
                    <a:pt x="437" y="833"/>
                  </a:lnTo>
                  <a:lnTo>
                    <a:pt x="435" y="836"/>
                  </a:lnTo>
                  <a:lnTo>
                    <a:pt x="434" y="836"/>
                  </a:lnTo>
                  <a:lnTo>
                    <a:pt x="432" y="838"/>
                  </a:lnTo>
                  <a:lnTo>
                    <a:pt x="428" y="838"/>
                  </a:lnTo>
                  <a:lnTo>
                    <a:pt x="425" y="838"/>
                  </a:lnTo>
                  <a:lnTo>
                    <a:pt x="423" y="838"/>
                  </a:lnTo>
                  <a:lnTo>
                    <a:pt x="420" y="839"/>
                  </a:lnTo>
                  <a:lnTo>
                    <a:pt x="420" y="841"/>
                  </a:lnTo>
                  <a:lnTo>
                    <a:pt x="418" y="843"/>
                  </a:lnTo>
                  <a:lnTo>
                    <a:pt x="418" y="844"/>
                  </a:lnTo>
                  <a:lnTo>
                    <a:pt x="418" y="846"/>
                  </a:lnTo>
                  <a:lnTo>
                    <a:pt x="420" y="850"/>
                  </a:lnTo>
                  <a:lnTo>
                    <a:pt x="420" y="853"/>
                  </a:lnTo>
                  <a:lnTo>
                    <a:pt x="420" y="856"/>
                  </a:lnTo>
                  <a:lnTo>
                    <a:pt x="420" y="861"/>
                  </a:lnTo>
                  <a:lnTo>
                    <a:pt x="420" y="866"/>
                  </a:lnTo>
                  <a:lnTo>
                    <a:pt x="420" y="873"/>
                  </a:lnTo>
                  <a:lnTo>
                    <a:pt x="422" y="878"/>
                  </a:lnTo>
                  <a:lnTo>
                    <a:pt x="422" y="885"/>
                  </a:lnTo>
                  <a:lnTo>
                    <a:pt x="420" y="890"/>
                  </a:lnTo>
                  <a:lnTo>
                    <a:pt x="420" y="897"/>
                  </a:lnTo>
                  <a:lnTo>
                    <a:pt x="420" y="902"/>
                  </a:lnTo>
                  <a:lnTo>
                    <a:pt x="418" y="907"/>
                  </a:lnTo>
                  <a:lnTo>
                    <a:pt x="417" y="912"/>
                  </a:lnTo>
                  <a:lnTo>
                    <a:pt x="415" y="916"/>
                  </a:lnTo>
                  <a:lnTo>
                    <a:pt x="415" y="919"/>
                  </a:lnTo>
                  <a:lnTo>
                    <a:pt x="415" y="922"/>
                  </a:lnTo>
                  <a:lnTo>
                    <a:pt x="415" y="927"/>
                  </a:lnTo>
                  <a:lnTo>
                    <a:pt x="415" y="934"/>
                  </a:lnTo>
                  <a:lnTo>
                    <a:pt x="415" y="941"/>
                  </a:lnTo>
                  <a:lnTo>
                    <a:pt x="415" y="948"/>
                  </a:lnTo>
                  <a:lnTo>
                    <a:pt x="415" y="954"/>
                  </a:lnTo>
                  <a:lnTo>
                    <a:pt x="413" y="960"/>
                  </a:lnTo>
                  <a:lnTo>
                    <a:pt x="412" y="960"/>
                  </a:lnTo>
                  <a:lnTo>
                    <a:pt x="410" y="961"/>
                  </a:lnTo>
                  <a:lnTo>
                    <a:pt x="408" y="963"/>
                  </a:lnTo>
                  <a:lnTo>
                    <a:pt x="406" y="965"/>
                  </a:lnTo>
                  <a:lnTo>
                    <a:pt x="403" y="966"/>
                  </a:lnTo>
                  <a:lnTo>
                    <a:pt x="401" y="968"/>
                  </a:lnTo>
                  <a:lnTo>
                    <a:pt x="400" y="970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36" name="Freeform 119"/>
            <p:cNvSpPr>
              <a:spLocks/>
            </p:cNvSpPr>
            <p:nvPr/>
          </p:nvSpPr>
          <p:spPr bwMode="auto">
            <a:xfrm>
              <a:off x="846" y="2445"/>
              <a:ext cx="649" cy="757"/>
            </a:xfrm>
            <a:custGeom>
              <a:avLst/>
              <a:gdLst>
                <a:gd name="T0" fmla="*/ 18 w 667"/>
                <a:gd name="T1" fmla="*/ 337 h 780"/>
                <a:gd name="T2" fmla="*/ 25 w 667"/>
                <a:gd name="T3" fmla="*/ 334 h 780"/>
                <a:gd name="T4" fmla="*/ 28 w 667"/>
                <a:gd name="T5" fmla="*/ 326 h 780"/>
                <a:gd name="T6" fmla="*/ 28 w 667"/>
                <a:gd name="T7" fmla="*/ 319 h 780"/>
                <a:gd name="T8" fmla="*/ 27 w 667"/>
                <a:gd name="T9" fmla="*/ 316 h 780"/>
                <a:gd name="T10" fmla="*/ 18 w 667"/>
                <a:gd name="T11" fmla="*/ 299 h 780"/>
                <a:gd name="T12" fmla="*/ 18 w 667"/>
                <a:gd name="T13" fmla="*/ 285 h 780"/>
                <a:gd name="T14" fmla="*/ 18 w 667"/>
                <a:gd name="T15" fmla="*/ 284 h 780"/>
                <a:gd name="T16" fmla="*/ 23 w 667"/>
                <a:gd name="T17" fmla="*/ 280 h 780"/>
                <a:gd name="T18" fmla="*/ 28 w 667"/>
                <a:gd name="T19" fmla="*/ 279 h 780"/>
                <a:gd name="T20" fmla="*/ 32 w 667"/>
                <a:gd name="T21" fmla="*/ 277 h 780"/>
                <a:gd name="T22" fmla="*/ 41 w 667"/>
                <a:gd name="T23" fmla="*/ 270 h 780"/>
                <a:gd name="T24" fmla="*/ 43 w 667"/>
                <a:gd name="T25" fmla="*/ 261 h 780"/>
                <a:gd name="T26" fmla="*/ 44 w 667"/>
                <a:gd name="T27" fmla="*/ 253 h 780"/>
                <a:gd name="T28" fmla="*/ 44 w 667"/>
                <a:gd name="T29" fmla="*/ 248 h 780"/>
                <a:gd name="T30" fmla="*/ 46 w 667"/>
                <a:gd name="T31" fmla="*/ 238 h 780"/>
                <a:gd name="T32" fmla="*/ 54 w 667"/>
                <a:gd name="T33" fmla="*/ 230 h 780"/>
                <a:gd name="T34" fmla="*/ 66 w 667"/>
                <a:gd name="T35" fmla="*/ 226 h 780"/>
                <a:gd name="T36" fmla="*/ 70 w 667"/>
                <a:gd name="T37" fmla="*/ 226 h 780"/>
                <a:gd name="T38" fmla="*/ 74 w 667"/>
                <a:gd name="T39" fmla="*/ 214 h 780"/>
                <a:gd name="T40" fmla="*/ 64 w 667"/>
                <a:gd name="T41" fmla="*/ 186 h 780"/>
                <a:gd name="T42" fmla="*/ 51 w 667"/>
                <a:gd name="T43" fmla="*/ 161 h 780"/>
                <a:gd name="T44" fmla="*/ 50 w 667"/>
                <a:gd name="T45" fmla="*/ 150 h 780"/>
                <a:gd name="T46" fmla="*/ 51 w 667"/>
                <a:gd name="T47" fmla="*/ 148 h 780"/>
                <a:gd name="T48" fmla="*/ 54 w 667"/>
                <a:gd name="T49" fmla="*/ 146 h 780"/>
                <a:gd name="T50" fmla="*/ 57 w 667"/>
                <a:gd name="T51" fmla="*/ 144 h 780"/>
                <a:gd name="T52" fmla="*/ 60 w 667"/>
                <a:gd name="T53" fmla="*/ 140 h 780"/>
                <a:gd name="T54" fmla="*/ 60 w 667"/>
                <a:gd name="T55" fmla="*/ 132 h 780"/>
                <a:gd name="T56" fmla="*/ 60 w 667"/>
                <a:gd name="T57" fmla="*/ 123 h 780"/>
                <a:gd name="T58" fmla="*/ 60 w 667"/>
                <a:gd name="T59" fmla="*/ 116 h 780"/>
                <a:gd name="T60" fmla="*/ 62 w 667"/>
                <a:gd name="T61" fmla="*/ 112 h 780"/>
                <a:gd name="T62" fmla="*/ 64 w 667"/>
                <a:gd name="T63" fmla="*/ 106 h 780"/>
                <a:gd name="T64" fmla="*/ 64 w 667"/>
                <a:gd name="T65" fmla="*/ 99 h 780"/>
                <a:gd name="T66" fmla="*/ 66 w 667"/>
                <a:gd name="T67" fmla="*/ 90 h 780"/>
                <a:gd name="T68" fmla="*/ 64 w 667"/>
                <a:gd name="T69" fmla="*/ 82 h 780"/>
                <a:gd name="T70" fmla="*/ 64 w 667"/>
                <a:gd name="T71" fmla="*/ 76 h 780"/>
                <a:gd name="T72" fmla="*/ 64 w 667"/>
                <a:gd name="T73" fmla="*/ 72 h 780"/>
                <a:gd name="T74" fmla="*/ 63 w 667"/>
                <a:gd name="T75" fmla="*/ 68 h 780"/>
                <a:gd name="T76" fmla="*/ 64 w 667"/>
                <a:gd name="T77" fmla="*/ 66 h 780"/>
                <a:gd name="T78" fmla="*/ 66 w 667"/>
                <a:gd name="T79" fmla="*/ 64 h 780"/>
                <a:gd name="T80" fmla="*/ 70 w 667"/>
                <a:gd name="T81" fmla="*/ 64 h 780"/>
                <a:gd name="T82" fmla="*/ 74 w 667"/>
                <a:gd name="T83" fmla="*/ 63 h 780"/>
                <a:gd name="T84" fmla="*/ 76 w 667"/>
                <a:gd name="T85" fmla="*/ 61 h 780"/>
                <a:gd name="T86" fmla="*/ 78 w 667"/>
                <a:gd name="T87" fmla="*/ 61 h 780"/>
                <a:gd name="T88" fmla="*/ 81 w 667"/>
                <a:gd name="T89" fmla="*/ 63 h 780"/>
                <a:gd name="T90" fmla="*/ 82 w 667"/>
                <a:gd name="T91" fmla="*/ 65 h 780"/>
                <a:gd name="T92" fmla="*/ 87 w 667"/>
                <a:gd name="T93" fmla="*/ 66 h 780"/>
                <a:gd name="T94" fmla="*/ 90 w 667"/>
                <a:gd name="T95" fmla="*/ 68 h 780"/>
                <a:gd name="T96" fmla="*/ 91 w 667"/>
                <a:gd name="T97" fmla="*/ 71 h 780"/>
                <a:gd name="T98" fmla="*/ 93 w 667"/>
                <a:gd name="T99" fmla="*/ 73 h 780"/>
                <a:gd name="T100" fmla="*/ 98 w 667"/>
                <a:gd name="T101" fmla="*/ 78 h 780"/>
                <a:gd name="T102" fmla="*/ 105 w 667"/>
                <a:gd name="T103" fmla="*/ 76 h 780"/>
                <a:gd name="T104" fmla="*/ 111 w 667"/>
                <a:gd name="T105" fmla="*/ 68 h 780"/>
                <a:gd name="T106" fmla="*/ 113 w 667"/>
                <a:gd name="T107" fmla="*/ 61 h 780"/>
                <a:gd name="T108" fmla="*/ 123 w 667"/>
                <a:gd name="T109" fmla="*/ 0 h 780"/>
                <a:gd name="T110" fmla="*/ 454 w 667"/>
                <a:gd name="T111" fmla="*/ 53 h 780"/>
                <a:gd name="T112" fmla="*/ 247 w 667"/>
                <a:gd name="T113" fmla="*/ 495 h 780"/>
                <a:gd name="T114" fmla="*/ 13 w 667"/>
                <a:gd name="T115" fmla="*/ 337 h 780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667"/>
                <a:gd name="T175" fmla="*/ 0 h 780"/>
                <a:gd name="T176" fmla="*/ 667 w 667"/>
                <a:gd name="T177" fmla="*/ 780 h 780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667" h="780">
                  <a:moveTo>
                    <a:pt x="13" y="513"/>
                  </a:moveTo>
                  <a:lnTo>
                    <a:pt x="29" y="513"/>
                  </a:lnTo>
                  <a:lnTo>
                    <a:pt x="34" y="511"/>
                  </a:lnTo>
                  <a:lnTo>
                    <a:pt x="39" y="508"/>
                  </a:lnTo>
                  <a:lnTo>
                    <a:pt x="41" y="503"/>
                  </a:lnTo>
                  <a:lnTo>
                    <a:pt x="42" y="496"/>
                  </a:lnTo>
                  <a:lnTo>
                    <a:pt x="42" y="491"/>
                  </a:lnTo>
                  <a:lnTo>
                    <a:pt x="42" y="486"/>
                  </a:lnTo>
                  <a:lnTo>
                    <a:pt x="42" y="483"/>
                  </a:lnTo>
                  <a:lnTo>
                    <a:pt x="41" y="481"/>
                  </a:lnTo>
                  <a:lnTo>
                    <a:pt x="24" y="472"/>
                  </a:lnTo>
                  <a:lnTo>
                    <a:pt x="29" y="455"/>
                  </a:lnTo>
                  <a:lnTo>
                    <a:pt x="27" y="444"/>
                  </a:lnTo>
                  <a:lnTo>
                    <a:pt x="30" y="433"/>
                  </a:lnTo>
                  <a:lnTo>
                    <a:pt x="32" y="432"/>
                  </a:lnTo>
                  <a:lnTo>
                    <a:pt x="35" y="430"/>
                  </a:lnTo>
                  <a:lnTo>
                    <a:pt x="37" y="427"/>
                  </a:lnTo>
                  <a:lnTo>
                    <a:pt x="41" y="425"/>
                  </a:lnTo>
                  <a:lnTo>
                    <a:pt x="42" y="423"/>
                  </a:lnTo>
                  <a:lnTo>
                    <a:pt x="44" y="422"/>
                  </a:lnTo>
                  <a:lnTo>
                    <a:pt x="46" y="420"/>
                  </a:lnTo>
                  <a:lnTo>
                    <a:pt x="51" y="415"/>
                  </a:lnTo>
                  <a:lnTo>
                    <a:pt x="56" y="410"/>
                  </a:lnTo>
                  <a:lnTo>
                    <a:pt x="57" y="403"/>
                  </a:lnTo>
                  <a:lnTo>
                    <a:pt x="59" y="396"/>
                  </a:lnTo>
                  <a:lnTo>
                    <a:pt x="61" y="389"/>
                  </a:lnTo>
                  <a:lnTo>
                    <a:pt x="61" y="384"/>
                  </a:lnTo>
                  <a:lnTo>
                    <a:pt x="61" y="379"/>
                  </a:lnTo>
                  <a:lnTo>
                    <a:pt x="61" y="378"/>
                  </a:lnTo>
                  <a:lnTo>
                    <a:pt x="63" y="369"/>
                  </a:lnTo>
                  <a:lnTo>
                    <a:pt x="66" y="361"/>
                  </a:lnTo>
                  <a:lnTo>
                    <a:pt x="73" y="354"/>
                  </a:lnTo>
                  <a:lnTo>
                    <a:pt x="81" y="349"/>
                  </a:lnTo>
                  <a:lnTo>
                    <a:pt x="88" y="345"/>
                  </a:lnTo>
                  <a:lnTo>
                    <a:pt x="95" y="344"/>
                  </a:lnTo>
                  <a:lnTo>
                    <a:pt x="100" y="344"/>
                  </a:lnTo>
                  <a:lnTo>
                    <a:pt x="101" y="342"/>
                  </a:lnTo>
                  <a:lnTo>
                    <a:pt x="108" y="334"/>
                  </a:lnTo>
                  <a:lnTo>
                    <a:pt x="108" y="325"/>
                  </a:lnTo>
                  <a:lnTo>
                    <a:pt x="91" y="301"/>
                  </a:lnTo>
                  <a:lnTo>
                    <a:pt x="93" y="283"/>
                  </a:lnTo>
                  <a:lnTo>
                    <a:pt x="81" y="257"/>
                  </a:lnTo>
                  <a:lnTo>
                    <a:pt x="76" y="244"/>
                  </a:lnTo>
                  <a:lnTo>
                    <a:pt x="73" y="229"/>
                  </a:lnTo>
                  <a:lnTo>
                    <a:pt x="74" y="227"/>
                  </a:lnTo>
                  <a:lnTo>
                    <a:pt x="76" y="225"/>
                  </a:lnTo>
                  <a:lnTo>
                    <a:pt x="79" y="224"/>
                  </a:lnTo>
                  <a:lnTo>
                    <a:pt x="81" y="222"/>
                  </a:lnTo>
                  <a:lnTo>
                    <a:pt x="83" y="220"/>
                  </a:lnTo>
                  <a:lnTo>
                    <a:pt x="85" y="219"/>
                  </a:lnTo>
                  <a:lnTo>
                    <a:pt x="86" y="219"/>
                  </a:lnTo>
                  <a:lnTo>
                    <a:pt x="88" y="213"/>
                  </a:lnTo>
                  <a:lnTo>
                    <a:pt x="88" y="207"/>
                  </a:lnTo>
                  <a:lnTo>
                    <a:pt x="88" y="200"/>
                  </a:lnTo>
                  <a:lnTo>
                    <a:pt x="88" y="193"/>
                  </a:lnTo>
                  <a:lnTo>
                    <a:pt x="88" y="186"/>
                  </a:lnTo>
                  <a:lnTo>
                    <a:pt x="88" y="181"/>
                  </a:lnTo>
                  <a:lnTo>
                    <a:pt x="88" y="178"/>
                  </a:lnTo>
                  <a:lnTo>
                    <a:pt x="88" y="175"/>
                  </a:lnTo>
                  <a:lnTo>
                    <a:pt x="90" y="171"/>
                  </a:lnTo>
                  <a:lnTo>
                    <a:pt x="91" y="166"/>
                  </a:lnTo>
                  <a:lnTo>
                    <a:pt x="93" y="161"/>
                  </a:lnTo>
                  <a:lnTo>
                    <a:pt x="93" y="156"/>
                  </a:lnTo>
                  <a:lnTo>
                    <a:pt x="93" y="149"/>
                  </a:lnTo>
                  <a:lnTo>
                    <a:pt x="95" y="144"/>
                  </a:lnTo>
                  <a:lnTo>
                    <a:pt x="95" y="137"/>
                  </a:lnTo>
                  <a:lnTo>
                    <a:pt x="93" y="132"/>
                  </a:lnTo>
                  <a:lnTo>
                    <a:pt x="93" y="125"/>
                  </a:lnTo>
                  <a:lnTo>
                    <a:pt x="93" y="120"/>
                  </a:lnTo>
                  <a:lnTo>
                    <a:pt x="93" y="115"/>
                  </a:lnTo>
                  <a:lnTo>
                    <a:pt x="93" y="112"/>
                  </a:lnTo>
                  <a:lnTo>
                    <a:pt x="93" y="109"/>
                  </a:lnTo>
                  <a:lnTo>
                    <a:pt x="91" y="105"/>
                  </a:lnTo>
                  <a:lnTo>
                    <a:pt x="91" y="103"/>
                  </a:lnTo>
                  <a:lnTo>
                    <a:pt x="91" y="102"/>
                  </a:lnTo>
                  <a:lnTo>
                    <a:pt x="93" y="100"/>
                  </a:lnTo>
                  <a:lnTo>
                    <a:pt x="93" y="98"/>
                  </a:lnTo>
                  <a:lnTo>
                    <a:pt x="96" y="97"/>
                  </a:lnTo>
                  <a:lnTo>
                    <a:pt x="98" y="97"/>
                  </a:lnTo>
                  <a:lnTo>
                    <a:pt x="101" y="97"/>
                  </a:lnTo>
                  <a:lnTo>
                    <a:pt x="105" y="97"/>
                  </a:lnTo>
                  <a:lnTo>
                    <a:pt x="107" y="95"/>
                  </a:lnTo>
                  <a:lnTo>
                    <a:pt x="108" y="95"/>
                  </a:lnTo>
                  <a:lnTo>
                    <a:pt x="110" y="92"/>
                  </a:lnTo>
                  <a:lnTo>
                    <a:pt x="112" y="92"/>
                  </a:lnTo>
                  <a:lnTo>
                    <a:pt x="113" y="92"/>
                  </a:lnTo>
                  <a:lnTo>
                    <a:pt x="117" y="93"/>
                  </a:lnTo>
                  <a:lnTo>
                    <a:pt x="118" y="95"/>
                  </a:lnTo>
                  <a:lnTo>
                    <a:pt x="118" y="97"/>
                  </a:lnTo>
                  <a:lnTo>
                    <a:pt x="120" y="98"/>
                  </a:lnTo>
                  <a:lnTo>
                    <a:pt x="122" y="98"/>
                  </a:lnTo>
                  <a:lnTo>
                    <a:pt x="127" y="100"/>
                  </a:lnTo>
                  <a:lnTo>
                    <a:pt x="130" y="100"/>
                  </a:lnTo>
                  <a:lnTo>
                    <a:pt x="134" y="103"/>
                  </a:lnTo>
                  <a:lnTo>
                    <a:pt x="135" y="105"/>
                  </a:lnTo>
                  <a:lnTo>
                    <a:pt x="135" y="107"/>
                  </a:lnTo>
                  <a:lnTo>
                    <a:pt x="135" y="109"/>
                  </a:lnTo>
                  <a:lnTo>
                    <a:pt x="137" y="110"/>
                  </a:lnTo>
                  <a:lnTo>
                    <a:pt x="137" y="112"/>
                  </a:lnTo>
                  <a:lnTo>
                    <a:pt x="144" y="117"/>
                  </a:lnTo>
                  <a:lnTo>
                    <a:pt x="149" y="117"/>
                  </a:lnTo>
                  <a:lnTo>
                    <a:pt x="154" y="114"/>
                  </a:lnTo>
                  <a:lnTo>
                    <a:pt x="157" y="109"/>
                  </a:lnTo>
                  <a:lnTo>
                    <a:pt x="161" y="102"/>
                  </a:lnTo>
                  <a:lnTo>
                    <a:pt x="162" y="95"/>
                  </a:lnTo>
                  <a:lnTo>
                    <a:pt x="164" y="92"/>
                  </a:lnTo>
                  <a:lnTo>
                    <a:pt x="164" y="90"/>
                  </a:lnTo>
                  <a:lnTo>
                    <a:pt x="181" y="0"/>
                  </a:lnTo>
                  <a:lnTo>
                    <a:pt x="667" y="81"/>
                  </a:lnTo>
                  <a:lnTo>
                    <a:pt x="570" y="780"/>
                  </a:lnTo>
                  <a:lnTo>
                    <a:pt x="362" y="753"/>
                  </a:lnTo>
                  <a:lnTo>
                    <a:pt x="0" y="542"/>
                  </a:lnTo>
                  <a:lnTo>
                    <a:pt x="13" y="513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37" name="Freeform 120"/>
            <p:cNvSpPr>
              <a:spLocks/>
            </p:cNvSpPr>
            <p:nvPr/>
          </p:nvSpPr>
          <p:spPr bwMode="auto">
            <a:xfrm>
              <a:off x="1495" y="2036"/>
              <a:ext cx="697" cy="552"/>
            </a:xfrm>
            <a:custGeom>
              <a:avLst/>
              <a:gdLst>
                <a:gd name="T0" fmla="*/ 387 w 717"/>
                <a:gd name="T1" fmla="*/ 376 h 568"/>
                <a:gd name="T2" fmla="*/ 368 w 717"/>
                <a:gd name="T3" fmla="*/ 375 h 568"/>
                <a:gd name="T4" fmla="*/ 343 w 717"/>
                <a:gd name="T5" fmla="*/ 374 h 568"/>
                <a:gd name="T6" fmla="*/ 315 w 717"/>
                <a:gd name="T7" fmla="*/ 372 h 568"/>
                <a:gd name="T8" fmla="*/ 285 w 717"/>
                <a:gd name="T9" fmla="*/ 369 h 568"/>
                <a:gd name="T10" fmla="*/ 252 w 717"/>
                <a:gd name="T11" fmla="*/ 364 h 568"/>
                <a:gd name="T12" fmla="*/ 219 w 717"/>
                <a:gd name="T13" fmla="*/ 362 h 568"/>
                <a:gd name="T14" fmla="*/ 185 w 717"/>
                <a:gd name="T15" fmla="*/ 359 h 568"/>
                <a:gd name="T16" fmla="*/ 152 w 717"/>
                <a:gd name="T17" fmla="*/ 354 h 568"/>
                <a:gd name="T18" fmla="*/ 119 w 717"/>
                <a:gd name="T19" fmla="*/ 351 h 568"/>
                <a:gd name="T20" fmla="*/ 89 w 717"/>
                <a:gd name="T21" fmla="*/ 347 h 568"/>
                <a:gd name="T22" fmla="*/ 63 w 717"/>
                <a:gd name="T23" fmla="*/ 344 h 568"/>
                <a:gd name="T24" fmla="*/ 42 w 717"/>
                <a:gd name="T25" fmla="*/ 342 h 568"/>
                <a:gd name="T26" fmla="*/ 17 w 717"/>
                <a:gd name="T27" fmla="*/ 340 h 568"/>
                <a:gd name="T28" fmla="*/ 11 w 717"/>
                <a:gd name="T29" fmla="*/ 336 h 568"/>
                <a:gd name="T30" fmla="*/ 1 w 717"/>
                <a:gd name="T31" fmla="*/ 336 h 568"/>
                <a:gd name="T32" fmla="*/ 45 w 717"/>
                <a:gd name="T33" fmla="*/ 0 h 568"/>
                <a:gd name="T34" fmla="*/ 49 w 717"/>
                <a:gd name="T35" fmla="*/ 2 h 568"/>
                <a:gd name="T36" fmla="*/ 63 w 717"/>
                <a:gd name="T37" fmla="*/ 5 h 568"/>
                <a:gd name="T38" fmla="*/ 79 w 717"/>
                <a:gd name="T39" fmla="*/ 7 h 568"/>
                <a:gd name="T40" fmla="*/ 99 w 717"/>
                <a:gd name="T41" fmla="*/ 10 h 568"/>
                <a:gd name="T42" fmla="*/ 122 w 717"/>
                <a:gd name="T43" fmla="*/ 15 h 568"/>
                <a:gd name="T44" fmla="*/ 149 w 717"/>
                <a:gd name="T45" fmla="*/ 17 h 568"/>
                <a:gd name="T46" fmla="*/ 177 w 717"/>
                <a:gd name="T47" fmla="*/ 17 h 568"/>
                <a:gd name="T48" fmla="*/ 205 w 717"/>
                <a:gd name="T49" fmla="*/ 17 h 568"/>
                <a:gd name="T50" fmla="*/ 233 w 717"/>
                <a:gd name="T51" fmla="*/ 20 h 568"/>
                <a:gd name="T52" fmla="*/ 261 w 717"/>
                <a:gd name="T53" fmla="*/ 23 h 568"/>
                <a:gd name="T54" fmla="*/ 286 w 717"/>
                <a:gd name="T55" fmla="*/ 26 h 568"/>
                <a:gd name="T56" fmla="*/ 308 w 717"/>
                <a:gd name="T57" fmla="*/ 32 h 568"/>
                <a:gd name="T58" fmla="*/ 327 w 717"/>
                <a:gd name="T59" fmla="*/ 33 h 568"/>
                <a:gd name="T60" fmla="*/ 341 w 717"/>
                <a:gd name="T61" fmla="*/ 37 h 568"/>
                <a:gd name="T62" fmla="*/ 350 w 717"/>
                <a:gd name="T63" fmla="*/ 38 h 568"/>
                <a:gd name="T64" fmla="*/ 355 w 717"/>
                <a:gd name="T65" fmla="*/ 38 h 568"/>
                <a:gd name="T66" fmla="*/ 483 w 717"/>
                <a:gd name="T67" fmla="*/ 44 h 568"/>
                <a:gd name="T68" fmla="*/ 459 w 717"/>
                <a:gd name="T69" fmla="*/ 381 h 568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w 717"/>
                <a:gd name="T106" fmla="*/ 0 h 568"/>
                <a:gd name="T107" fmla="*/ 717 w 717"/>
                <a:gd name="T108" fmla="*/ 568 h 568"/>
              </a:gdLst>
              <a:ahLst/>
              <a:cxnLst>
                <a:cxn ang="T70">
                  <a:pos x="T0" y="T1"/>
                </a:cxn>
                <a:cxn ang="T71">
                  <a:pos x="T2" y="T3"/>
                </a:cxn>
                <a:cxn ang="T72">
                  <a:pos x="T4" y="T5"/>
                </a:cxn>
                <a:cxn ang="T73">
                  <a:pos x="T6" y="T7"/>
                </a:cxn>
                <a:cxn ang="T74">
                  <a:pos x="T8" y="T9"/>
                </a:cxn>
                <a:cxn ang="T75">
                  <a:pos x="T10" y="T11"/>
                </a:cxn>
                <a:cxn ang="T76">
                  <a:pos x="T12" y="T13"/>
                </a:cxn>
                <a:cxn ang="T77">
                  <a:pos x="T14" y="T15"/>
                </a:cxn>
                <a:cxn ang="T78">
                  <a:pos x="T16" y="T17"/>
                </a:cxn>
                <a:cxn ang="T79">
                  <a:pos x="T18" y="T19"/>
                </a:cxn>
                <a:cxn ang="T80">
                  <a:pos x="T20" y="T21"/>
                </a:cxn>
                <a:cxn ang="T81">
                  <a:pos x="T22" y="T23"/>
                </a:cxn>
                <a:cxn ang="T82">
                  <a:pos x="T24" y="T25"/>
                </a:cxn>
                <a:cxn ang="T83">
                  <a:pos x="T26" y="T27"/>
                </a:cxn>
                <a:cxn ang="T84">
                  <a:pos x="T28" y="T29"/>
                </a:cxn>
                <a:cxn ang="T85">
                  <a:pos x="T30" y="T31"/>
                </a:cxn>
                <a:cxn ang="T86">
                  <a:pos x="T32" y="T33"/>
                </a:cxn>
                <a:cxn ang="T87">
                  <a:pos x="T34" y="T35"/>
                </a:cxn>
                <a:cxn ang="T88">
                  <a:pos x="T36" y="T37"/>
                </a:cxn>
                <a:cxn ang="T89">
                  <a:pos x="T38" y="T39"/>
                </a:cxn>
                <a:cxn ang="T90">
                  <a:pos x="T40" y="T41"/>
                </a:cxn>
                <a:cxn ang="T91">
                  <a:pos x="T42" y="T43"/>
                </a:cxn>
                <a:cxn ang="T92">
                  <a:pos x="T44" y="T45"/>
                </a:cxn>
                <a:cxn ang="T93">
                  <a:pos x="T46" y="T47"/>
                </a:cxn>
                <a:cxn ang="T94">
                  <a:pos x="T48" y="T49"/>
                </a:cxn>
                <a:cxn ang="T95">
                  <a:pos x="T50" y="T51"/>
                </a:cxn>
                <a:cxn ang="T96">
                  <a:pos x="T52" y="T53"/>
                </a:cxn>
                <a:cxn ang="T97">
                  <a:pos x="T54" y="T55"/>
                </a:cxn>
                <a:cxn ang="T98">
                  <a:pos x="T56" y="T57"/>
                </a:cxn>
                <a:cxn ang="T99">
                  <a:pos x="T58" y="T59"/>
                </a:cxn>
                <a:cxn ang="T100">
                  <a:pos x="T60" y="T61"/>
                </a:cxn>
                <a:cxn ang="T101">
                  <a:pos x="T62" y="T63"/>
                </a:cxn>
                <a:cxn ang="T102">
                  <a:pos x="T64" y="T65"/>
                </a:cxn>
                <a:cxn ang="T103">
                  <a:pos x="T66" y="T67"/>
                </a:cxn>
                <a:cxn ang="T104">
                  <a:pos x="T68" y="T69"/>
                </a:cxn>
              </a:cxnLst>
              <a:rect l="T105" t="T106" r="T107" b="T108"/>
              <a:pathLst>
                <a:path w="717" h="568">
                  <a:moveTo>
                    <a:pt x="587" y="562"/>
                  </a:moveTo>
                  <a:lnTo>
                    <a:pt x="575" y="562"/>
                  </a:lnTo>
                  <a:lnTo>
                    <a:pt x="561" y="562"/>
                  </a:lnTo>
                  <a:lnTo>
                    <a:pt x="546" y="560"/>
                  </a:lnTo>
                  <a:lnTo>
                    <a:pt x="528" y="560"/>
                  </a:lnTo>
                  <a:lnTo>
                    <a:pt x="509" y="558"/>
                  </a:lnTo>
                  <a:lnTo>
                    <a:pt x="489" y="557"/>
                  </a:lnTo>
                  <a:lnTo>
                    <a:pt x="468" y="555"/>
                  </a:lnTo>
                  <a:lnTo>
                    <a:pt x="446" y="552"/>
                  </a:lnTo>
                  <a:lnTo>
                    <a:pt x="423" y="550"/>
                  </a:lnTo>
                  <a:lnTo>
                    <a:pt x="399" y="548"/>
                  </a:lnTo>
                  <a:lnTo>
                    <a:pt x="374" y="545"/>
                  </a:lnTo>
                  <a:lnTo>
                    <a:pt x="350" y="543"/>
                  </a:lnTo>
                  <a:lnTo>
                    <a:pt x="325" y="540"/>
                  </a:lnTo>
                  <a:lnTo>
                    <a:pt x="299" y="538"/>
                  </a:lnTo>
                  <a:lnTo>
                    <a:pt x="274" y="535"/>
                  </a:lnTo>
                  <a:lnTo>
                    <a:pt x="250" y="531"/>
                  </a:lnTo>
                  <a:lnTo>
                    <a:pt x="225" y="530"/>
                  </a:lnTo>
                  <a:lnTo>
                    <a:pt x="201" y="526"/>
                  </a:lnTo>
                  <a:lnTo>
                    <a:pt x="177" y="523"/>
                  </a:lnTo>
                  <a:lnTo>
                    <a:pt x="155" y="521"/>
                  </a:lnTo>
                  <a:lnTo>
                    <a:pt x="133" y="518"/>
                  </a:lnTo>
                  <a:lnTo>
                    <a:pt x="113" y="516"/>
                  </a:lnTo>
                  <a:lnTo>
                    <a:pt x="93" y="513"/>
                  </a:lnTo>
                  <a:lnTo>
                    <a:pt x="74" y="511"/>
                  </a:lnTo>
                  <a:lnTo>
                    <a:pt x="59" y="509"/>
                  </a:lnTo>
                  <a:lnTo>
                    <a:pt x="44" y="508"/>
                  </a:lnTo>
                  <a:lnTo>
                    <a:pt x="30" y="506"/>
                  </a:lnTo>
                  <a:lnTo>
                    <a:pt x="20" y="504"/>
                  </a:lnTo>
                  <a:lnTo>
                    <a:pt x="11" y="502"/>
                  </a:lnTo>
                  <a:lnTo>
                    <a:pt x="5" y="502"/>
                  </a:lnTo>
                  <a:lnTo>
                    <a:pt x="1" y="502"/>
                  </a:lnTo>
                  <a:lnTo>
                    <a:pt x="0" y="502"/>
                  </a:lnTo>
                  <a:lnTo>
                    <a:pt x="66" y="0"/>
                  </a:lnTo>
                  <a:lnTo>
                    <a:pt x="69" y="2"/>
                  </a:lnTo>
                  <a:lnTo>
                    <a:pt x="74" y="2"/>
                  </a:lnTo>
                  <a:lnTo>
                    <a:pt x="83" y="3"/>
                  </a:lnTo>
                  <a:lnTo>
                    <a:pt x="93" y="5"/>
                  </a:lnTo>
                  <a:lnTo>
                    <a:pt x="103" y="5"/>
                  </a:lnTo>
                  <a:lnTo>
                    <a:pt x="116" y="7"/>
                  </a:lnTo>
                  <a:lnTo>
                    <a:pt x="132" y="8"/>
                  </a:lnTo>
                  <a:lnTo>
                    <a:pt x="147" y="10"/>
                  </a:lnTo>
                  <a:lnTo>
                    <a:pt x="164" y="13"/>
                  </a:lnTo>
                  <a:lnTo>
                    <a:pt x="182" y="15"/>
                  </a:lnTo>
                  <a:lnTo>
                    <a:pt x="201" y="17"/>
                  </a:lnTo>
                  <a:lnTo>
                    <a:pt x="221" y="18"/>
                  </a:lnTo>
                  <a:lnTo>
                    <a:pt x="242" y="22"/>
                  </a:lnTo>
                  <a:lnTo>
                    <a:pt x="262" y="24"/>
                  </a:lnTo>
                  <a:lnTo>
                    <a:pt x="282" y="27"/>
                  </a:lnTo>
                  <a:lnTo>
                    <a:pt x="304" y="29"/>
                  </a:lnTo>
                  <a:lnTo>
                    <a:pt x="325" y="30"/>
                  </a:lnTo>
                  <a:lnTo>
                    <a:pt x="347" y="34"/>
                  </a:lnTo>
                  <a:lnTo>
                    <a:pt x="367" y="35"/>
                  </a:lnTo>
                  <a:lnTo>
                    <a:pt x="387" y="37"/>
                  </a:lnTo>
                  <a:lnTo>
                    <a:pt x="406" y="39"/>
                  </a:lnTo>
                  <a:lnTo>
                    <a:pt x="424" y="40"/>
                  </a:lnTo>
                  <a:lnTo>
                    <a:pt x="441" y="44"/>
                  </a:lnTo>
                  <a:lnTo>
                    <a:pt x="457" y="46"/>
                  </a:lnTo>
                  <a:lnTo>
                    <a:pt x="472" y="47"/>
                  </a:lnTo>
                  <a:lnTo>
                    <a:pt x="485" y="47"/>
                  </a:lnTo>
                  <a:lnTo>
                    <a:pt x="497" y="49"/>
                  </a:lnTo>
                  <a:lnTo>
                    <a:pt x="507" y="51"/>
                  </a:lnTo>
                  <a:lnTo>
                    <a:pt x="516" y="51"/>
                  </a:lnTo>
                  <a:lnTo>
                    <a:pt x="521" y="52"/>
                  </a:lnTo>
                  <a:lnTo>
                    <a:pt x="526" y="52"/>
                  </a:lnTo>
                  <a:lnTo>
                    <a:pt x="524" y="52"/>
                  </a:lnTo>
                  <a:lnTo>
                    <a:pt x="717" y="64"/>
                  </a:lnTo>
                  <a:lnTo>
                    <a:pt x="710" y="189"/>
                  </a:lnTo>
                  <a:lnTo>
                    <a:pt x="683" y="568"/>
                  </a:lnTo>
                  <a:lnTo>
                    <a:pt x="587" y="562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38" name="Freeform 121"/>
            <p:cNvSpPr>
              <a:spLocks/>
            </p:cNvSpPr>
            <p:nvPr/>
          </p:nvSpPr>
          <p:spPr bwMode="auto">
            <a:xfrm>
              <a:off x="1401" y="2524"/>
              <a:ext cx="665" cy="694"/>
            </a:xfrm>
            <a:custGeom>
              <a:avLst/>
              <a:gdLst>
                <a:gd name="T0" fmla="*/ 60 w 684"/>
                <a:gd name="T1" fmla="*/ 470 h 715"/>
                <a:gd name="T2" fmla="*/ 65 w 684"/>
                <a:gd name="T3" fmla="*/ 433 h 715"/>
                <a:gd name="T4" fmla="*/ 182 w 684"/>
                <a:gd name="T5" fmla="*/ 449 h 715"/>
                <a:gd name="T6" fmla="*/ 177 w 684"/>
                <a:gd name="T7" fmla="*/ 439 h 715"/>
                <a:gd name="T8" fmla="*/ 177 w 684"/>
                <a:gd name="T9" fmla="*/ 428 h 715"/>
                <a:gd name="T10" fmla="*/ 426 w 684"/>
                <a:gd name="T11" fmla="*/ 452 h 715"/>
                <a:gd name="T12" fmla="*/ 459 w 684"/>
                <a:gd name="T13" fmla="*/ 80 h 715"/>
                <a:gd name="T14" fmla="*/ 461 w 684"/>
                <a:gd name="T15" fmla="*/ 41 h 715"/>
                <a:gd name="T16" fmla="*/ 453 w 684"/>
                <a:gd name="T17" fmla="*/ 41 h 715"/>
                <a:gd name="T18" fmla="*/ 444 w 684"/>
                <a:gd name="T19" fmla="*/ 41 h 715"/>
                <a:gd name="T20" fmla="*/ 434 w 684"/>
                <a:gd name="T21" fmla="*/ 40 h 715"/>
                <a:gd name="T22" fmla="*/ 422 w 684"/>
                <a:gd name="T23" fmla="*/ 40 h 715"/>
                <a:gd name="T24" fmla="*/ 409 w 684"/>
                <a:gd name="T25" fmla="*/ 39 h 715"/>
                <a:gd name="T26" fmla="*/ 395 w 684"/>
                <a:gd name="T27" fmla="*/ 39 h 715"/>
                <a:gd name="T28" fmla="*/ 380 w 684"/>
                <a:gd name="T29" fmla="*/ 38 h 715"/>
                <a:gd name="T30" fmla="*/ 367 w 684"/>
                <a:gd name="T31" fmla="*/ 36 h 715"/>
                <a:gd name="T32" fmla="*/ 350 w 684"/>
                <a:gd name="T33" fmla="*/ 34 h 715"/>
                <a:gd name="T34" fmla="*/ 334 w 684"/>
                <a:gd name="T35" fmla="*/ 32 h 715"/>
                <a:gd name="T36" fmla="*/ 318 w 684"/>
                <a:gd name="T37" fmla="*/ 29 h 715"/>
                <a:gd name="T38" fmla="*/ 301 w 684"/>
                <a:gd name="T39" fmla="*/ 27 h 715"/>
                <a:gd name="T40" fmla="*/ 285 w 684"/>
                <a:gd name="T41" fmla="*/ 24 h 715"/>
                <a:gd name="T42" fmla="*/ 266 w 684"/>
                <a:gd name="T43" fmla="*/ 22 h 715"/>
                <a:gd name="T44" fmla="*/ 251 w 684"/>
                <a:gd name="T45" fmla="*/ 19 h 715"/>
                <a:gd name="T46" fmla="*/ 234 w 684"/>
                <a:gd name="T47" fmla="*/ 17 h 715"/>
                <a:gd name="T48" fmla="*/ 217 w 684"/>
                <a:gd name="T49" fmla="*/ 17 h 715"/>
                <a:gd name="T50" fmla="*/ 201 w 684"/>
                <a:gd name="T51" fmla="*/ 17 h 715"/>
                <a:gd name="T52" fmla="*/ 185 w 684"/>
                <a:gd name="T53" fmla="*/ 17 h 715"/>
                <a:gd name="T54" fmla="*/ 170 w 684"/>
                <a:gd name="T55" fmla="*/ 17 h 715"/>
                <a:gd name="T56" fmla="*/ 155 w 684"/>
                <a:gd name="T57" fmla="*/ 16 h 715"/>
                <a:gd name="T58" fmla="*/ 142 w 684"/>
                <a:gd name="T59" fmla="*/ 14 h 715"/>
                <a:gd name="T60" fmla="*/ 128 w 684"/>
                <a:gd name="T61" fmla="*/ 11 h 715"/>
                <a:gd name="T62" fmla="*/ 116 w 684"/>
                <a:gd name="T63" fmla="*/ 9 h 715"/>
                <a:gd name="T64" fmla="*/ 106 w 684"/>
                <a:gd name="T65" fmla="*/ 7 h 715"/>
                <a:gd name="T66" fmla="*/ 95 w 684"/>
                <a:gd name="T67" fmla="*/ 6 h 715"/>
                <a:gd name="T68" fmla="*/ 85 w 684"/>
                <a:gd name="T69" fmla="*/ 4 h 715"/>
                <a:gd name="T70" fmla="*/ 79 w 684"/>
                <a:gd name="T71" fmla="*/ 2 h 715"/>
                <a:gd name="T72" fmla="*/ 73 w 684"/>
                <a:gd name="T73" fmla="*/ 0 h 715"/>
                <a:gd name="T74" fmla="*/ 69 w 684"/>
                <a:gd name="T75" fmla="*/ 0 h 715"/>
                <a:gd name="T76" fmla="*/ 67 w 684"/>
                <a:gd name="T77" fmla="*/ 0 h 715"/>
                <a:gd name="T78" fmla="*/ 66 w 684"/>
                <a:gd name="T79" fmla="*/ 0 h 715"/>
                <a:gd name="T80" fmla="*/ 66 w 684"/>
                <a:gd name="T81" fmla="*/ 0 h 715"/>
                <a:gd name="T82" fmla="*/ 66 w 684"/>
                <a:gd name="T83" fmla="*/ 0 h 715"/>
                <a:gd name="T84" fmla="*/ 0 w 684"/>
                <a:gd name="T85" fmla="*/ 460 h 715"/>
                <a:gd name="T86" fmla="*/ 60 w 684"/>
                <a:gd name="T87" fmla="*/ 470 h 715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w 684"/>
                <a:gd name="T133" fmla="*/ 0 h 715"/>
                <a:gd name="T134" fmla="*/ 684 w 684"/>
                <a:gd name="T135" fmla="*/ 715 h 715"/>
              </a:gdLst>
              <a:ahLst/>
              <a:cxnLst>
                <a:cxn ang="T88">
                  <a:pos x="T0" y="T1"/>
                </a:cxn>
                <a:cxn ang="T89">
                  <a:pos x="T2" y="T3"/>
                </a:cxn>
                <a:cxn ang="T90">
                  <a:pos x="T4" y="T5"/>
                </a:cxn>
                <a:cxn ang="T91">
                  <a:pos x="T6" y="T7"/>
                </a:cxn>
                <a:cxn ang="T92">
                  <a:pos x="T8" y="T9"/>
                </a:cxn>
                <a:cxn ang="T93">
                  <a:pos x="T10" y="T11"/>
                </a:cxn>
                <a:cxn ang="T94">
                  <a:pos x="T12" y="T13"/>
                </a:cxn>
                <a:cxn ang="T95">
                  <a:pos x="T14" y="T15"/>
                </a:cxn>
                <a:cxn ang="T96">
                  <a:pos x="T16" y="T17"/>
                </a:cxn>
                <a:cxn ang="T97">
                  <a:pos x="T18" y="T19"/>
                </a:cxn>
                <a:cxn ang="T98">
                  <a:pos x="T20" y="T21"/>
                </a:cxn>
                <a:cxn ang="T99">
                  <a:pos x="T22" y="T23"/>
                </a:cxn>
                <a:cxn ang="T100">
                  <a:pos x="T24" y="T25"/>
                </a:cxn>
                <a:cxn ang="T101">
                  <a:pos x="T26" y="T27"/>
                </a:cxn>
                <a:cxn ang="T102">
                  <a:pos x="T28" y="T29"/>
                </a:cxn>
                <a:cxn ang="T103">
                  <a:pos x="T30" y="T31"/>
                </a:cxn>
                <a:cxn ang="T104">
                  <a:pos x="T32" y="T33"/>
                </a:cxn>
                <a:cxn ang="T105">
                  <a:pos x="T34" y="T35"/>
                </a:cxn>
                <a:cxn ang="T106">
                  <a:pos x="T36" y="T37"/>
                </a:cxn>
                <a:cxn ang="T107">
                  <a:pos x="T38" y="T39"/>
                </a:cxn>
                <a:cxn ang="T108">
                  <a:pos x="T40" y="T41"/>
                </a:cxn>
                <a:cxn ang="T109">
                  <a:pos x="T42" y="T43"/>
                </a:cxn>
                <a:cxn ang="T110">
                  <a:pos x="T44" y="T45"/>
                </a:cxn>
                <a:cxn ang="T111">
                  <a:pos x="T46" y="T47"/>
                </a:cxn>
                <a:cxn ang="T112">
                  <a:pos x="T48" y="T49"/>
                </a:cxn>
                <a:cxn ang="T113">
                  <a:pos x="T50" y="T51"/>
                </a:cxn>
                <a:cxn ang="T114">
                  <a:pos x="T52" y="T53"/>
                </a:cxn>
                <a:cxn ang="T115">
                  <a:pos x="T54" y="T55"/>
                </a:cxn>
                <a:cxn ang="T116">
                  <a:pos x="T56" y="T57"/>
                </a:cxn>
                <a:cxn ang="T117">
                  <a:pos x="T58" y="T59"/>
                </a:cxn>
                <a:cxn ang="T118">
                  <a:pos x="T60" y="T61"/>
                </a:cxn>
                <a:cxn ang="T119">
                  <a:pos x="T62" y="T63"/>
                </a:cxn>
                <a:cxn ang="T120">
                  <a:pos x="T64" y="T65"/>
                </a:cxn>
                <a:cxn ang="T121">
                  <a:pos x="T66" y="T67"/>
                </a:cxn>
                <a:cxn ang="T122">
                  <a:pos x="T68" y="T69"/>
                </a:cxn>
                <a:cxn ang="T123">
                  <a:pos x="T70" y="T71"/>
                </a:cxn>
                <a:cxn ang="T124">
                  <a:pos x="T72" y="T73"/>
                </a:cxn>
                <a:cxn ang="T125">
                  <a:pos x="T74" y="T75"/>
                </a:cxn>
                <a:cxn ang="T126">
                  <a:pos x="T76" y="T77"/>
                </a:cxn>
                <a:cxn ang="T127">
                  <a:pos x="T78" y="T79"/>
                </a:cxn>
                <a:cxn ang="T128">
                  <a:pos x="T80" y="T81"/>
                </a:cxn>
                <a:cxn ang="T129">
                  <a:pos x="T82" y="T83"/>
                </a:cxn>
                <a:cxn ang="T130">
                  <a:pos x="T84" y="T85"/>
                </a:cxn>
                <a:cxn ang="T131">
                  <a:pos x="T86" y="T87"/>
                </a:cxn>
              </a:cxnLst>
              <a:rect l="T132" t="T133" r="T134" b="T135"/>
              <a:pathLst>
                <a:path w="684" h="715">
                  <a:moveTo>
                    <a:pt x="88" y="715"/>
                  </a:moveTo>
                  <a:lnTo>
                    <a:pt x="95" y="657"/>
                  </a:lnTo>
                  <a:lnTo>
                    <a:pt x="268" y="681"/>
                  </a:lnTo>
                  <a:lnTo>
                    <a:pt x="262" y="666"/>
                  </a:lnTo>
                  <a:lnTo>
                    <a:pt x="262" y="649"/>
                  </a:lnTo>
                  <a:lnTo>
                    <a:pt x="633" y="686"/>
                  </a:lnTo>
                  <a:lnTo>
                    <a:pt x="679" y="121"/>
                  </a:lnTo>
                  <a:lnTo>
                    <a:pt x="684" y="60"/>
                  </a:lnTo>
                  <a:lnTo>
                    <a:pt x="672" y="60"/>
                  </a:lnTo>
                  <a:lnTo>
                    <a:pt x="658" y="60"/>
                  </a:lnTo>
                  <a:lnTo>
                    <a:pt x="643" y="58"/>
                  </a:lnTo>
                  <a:lnTo>
                    <a:pt x="625" y="58"/>
                  </a:lnTo>
                  <a:lnTo>
                    <a:pt x="606" y="56"/>
                  </a:lnTo>
                  <a:lnTo>
                    <a:pt x="586" y="55"/>
                  </a:lnTo>
                  <a:lnTo>
                    <a:pt x="565" y="53"/>
                  </a:lnTo>
                  <a:lnTo>
                    <a:pt x="543" y="50"/>
                  </a:lnTo>
                  <a:lnTo>
                    <a:pt x="520" y="48"/>
                  </a:lnTo>
                  <a:lnTo>
                    <a:pt x="496" y="46"/>
                  </a:lnTo>
                  <a:lnTo>
                    <a:pt x="471" y="43"/>
                  </a:lnTo>
                  <a:lnTo>
                    <a:pt x="447" y="41"/>
                  </a:lnTo>
                  <a:lnTo>
                    <a:pt x="422" y="38"/>
                  </a:lnTo>
                  <a:lnTo>
                    <a:pt x="396" y="36"/>
                  </a:lnTo>
                  <a:lnTo>
                    <a:pt x="371" y="33"/>
                  </a:lnTo>
                  <a:lnTo>
                    <a:pt x="347" y="29"/>
                  </a:lnTo>
                  <a:lnTo>
                    <a:pt x="322" y="28"/>
                  </a:lnTo>
                  <a:lnTo>
                    <a:pt x="298" y="24"/>
                  </a:lnTo>
                  <a:lnTo>
                    <a:pt x="274" y="21"/>
                  </a:lnTo>
                  <a:lnTo>
                    <a:pt x="252" y="19"/>
                  </a:lnTo>
                  <a:lnTo>
                    <a:pt x="230" y="16"/>
                  </a:lnTo>
                  <a:lnTo>
                    <a:pt x="210" y="14"/>
                  </a:lnTo>
                  <a:lnTo>
                    <a:pt x="190" y="11"/>
                  </a:lnTo>
                  <a:lnTo>
                    <a:pt x="171" y="9"/>
                  </a:lnTo>
                  <a:lnTo>
                    <a:pt x="156" y="7"/>
                  </a:lnTo>
                  <a:lnTo>
                    <a:pt x="141" y="6"/>
                  </a:lnTo>
                  <a:lnTo>
                    <a:pt x="127" y="4"/>
                  </a:lnTo>
                  <a:lnTo>
                    <a:pt x="117" y="2"/>
                  </a:lnTo>
                  <a:lnTo>
                    <a:pt x="108" y="0"/>
                  </a:lnTo>
                  <a:lnTo>
                    <a:pt x="102" y="0"/>
                  </a:lnTo>
                  <a:lnTo>
                    <a:pt x="98" y="0"/>
                  </a:lnTo>
                  <a:lnTo>
                    <a:pt x="97" y="0"/>
                  </a:lnTo>
                  <a:lnTo>
                    <a:pt x="0" y="699"/>
                  </a:lnTo>
                  <a:lnTo>
                    <a:pt x="88" y="715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39" name="Freeform 122"/>
            <p:cNvSpPr>
              <a:spLocks/>
            </p:cNvSpPr>
            <p:nvPr/>
          </p:nvSpPr>
          <p:spPr bwMode="auto">
            <a:xfrm>
              <a:off x="2061" y="2582"/>
              <a:ext cx="827" cy="428"/>
            </a:xfrm>
            <a:custGeom>
              <a:avLst/>
              <a:gdLst>
                <a:gd name="T0" fmla="*/ 203 w 851"/>
                <a:gd name="T1" fmla="*/ 212 h 441"/>
                <a:gd name="T2" fmla="*/ 234 w 851"/>
                <a:gd name="T3" fmla="*/ 228 h 441"/>
                <a:gd name="T4" fmla="*/ 266 w 851"/>
                <a:gd name="T5" fmla="*/ 242 h 441"/>
                <a:gd name="T6" fmla="*/ 271 w 851"/>
                <a:gd name="T7" fmla="*/ 245 h 441"/>
                <a:gd name="T8" fmla="*/ 277 w 851"/>
                <a:gd name="T9" fmla="*/ 248 h 441"/>
                <a:gd name="T10" fmla="*/ 285 w 851"/>
                <a:gd name="T11" fmla="*/ 247 h 441"/>
                <a:gd name="T12" fmla="*/ 297 w 851"/>
                <a:gd name="T13" fmla="*/ 248 h 441"/>
                <a:gd name="T14" fmla="*/ 303 w 851"/>
                <a:gd name="T15" fmla="*/ 255 h 441"/>
                <a:gd name="T16" fmla="*/ 315 w 851"/>
                <a:gd name="T17" fmla="*/ 251 h 441"/>
                <a:gd name="T18" fmla="*/ 332 w 851"/>
                <a:gd name="T19" fmla="*/ 257 h 441"/>
                <a:gd name="T20" fmla="*/ 347 w 851"/>
                <a:gd name="T21" fmla="*/ 264 h 441"/>
                <a:gd name="T22" fmla="*/ 367 w 851"/>
                <a:gd name="T23" fmla="*/ 271 h 441"/>
                <a:gd name="T24" fmla="*/ 367 w 851"/>
                <a:gd name="T25" fmla="*/ 273 h 441"/>
                <a:gd name="T26" fmla="*/ 369 w 851"/>
                <a:gd name="T27" fmla="*/ 278 h 441"/>
                <a:gd name="T28" fmla="*/ 380 w 851"/>
                <a:gd name="T29" fmla="*/ 271 h 441"/>
                <a:gd name="T30" fmla="*/ 384 w 851"/>
                <a:gd name="T31" fmla="*/ 265 h 441"/>
                <a:gd name="T32" fmla="*/ 385 w 851"/>
                <a:gd name="T33" fmla="*/ 272 h 441"/>
                <a:gd name="T34" fmla="*/ 389 w 851"/>
                <a:gd name="T35" fmla="*/ 283 h 441"/>
                <a:gd name="T36" fmla="*/ 392 w 851"/>
                <a:gd name="T37" fmla="*/ 280 h 441"/>
                <a:gd name="T38" fmla="*/ 392 w 851"/>
                <a:gd name="T39" fmla="*/ 276 h 441"/>
                <a:gd name="T40" fmla="*/ 425 w 851"/>
                <a:gd name="T41" fmla="*/ 269 h 441"/>
                <a:gd name="T42" fmla="*/ 423 w 851"/>
                <a:gd name="T43" fmla="*/ 270 h 441"/>
                <a:gd name="T44" fmla="*/ 425 w 851"/>
                <a:gd name="T45" fmla="*/ 275 h 441"/>
                <a:gd name="T46" fmla="*/ 438 w 851"/>
                <a:gd name="T47" fmla="*/ 280 h 441"/>
                <a:gd name="T48" fmla="*/ 446 w 851"/>
                <a:gd name="T49" fmla="*/ 286 h 441"/>
                <a:gd name="T50" fmla="*/ 452 w 851"/>
                <a:gd name="T51" fmla="*/ 282 h 441"/>
                <a:gd name="T52" fmla="*/ 465 w 851"/>
                <a:gd name="T53" fmla="*/ 272 h 441"/>
                <a:gd name="T54" fmla="*/ 476 w 851"/>
                <a:gd name="T55" fmla="*/ 273 h 441"/>
                <a:gd name="T56" fmla="*/ 479 w 851"/>
                <a:gd name="T57" fmla="*/ 279 h 441"/>
                <a:gd name="T58" fmla="*/ 479 w 851"/>
                <a:gd name="T59" fmla="*/ 279 h 441"/>
                <a:gd name="T60" fmla="*/ 479 w 851"/>
                <a:gd name="T61" fmla="*/ 276 h 441"/>
                <a:gd name="T62" fmla="*/ 487 w 851"/>
                <a:gd name="T63" fmla="*/ 269 h 441"/>
                <a:gd name="T64" fmla="*/ 489 w 851"/>
                <a:gd name="T65" fmla="*/ 264 h 441"/>
                <a:gd name="T66" fmla="*/ 492 w 851"/>
                <a:gd name="T67" fmla="*/ 269 h 441"/>
                <a:gd name="T68" fmla="*/ 504 w 851"/>
                <a:gd name="T69" fmla="*/ 278 h 441"/>
                <a:gd name="T70" fmla="*/ 506 w 851"/>
                <a:gd name="T71" fmla="*/ 280 h 441"/>
                <a:gd name="T72" fmla="*/ 509 w 851"/>
                <a:gd name="T73" fmla="*/ 272 h 441"/>
                <a:gd name="T74" fmla="*/ 520 w 851"/>
                <a:gd name="T75" fmla="*/ 267 h 441"/>
                <a:gd name="T76" fmla="*/ 527 w 851"/>
                <a:gd name="T77" fmla="*/ 269 h 441"/>
                <a:gd name="T78" fmla="*/ 546 w 851"/>
                <a:gd name="T79" fmla="*/ 285 h 441"/>
                <a:gd name="T80" fmla="*/ 569 w 851"/>
                <a:gd name="T81" fmla="*/ 147 h 441"/>
                <a:gd name="T82" fmla="*/ 555 w 851"/>
                <a:gd name="T83" fmla="*/ 16 h 441"/>
                <a:gd name="T84" fmla="*/ 546 w 851"/>
                <a:gd name="T85" fmla="*/ 16 h 441"/>
                <a:gd name="T86" fmla="*/ 519 w 851"/>
                <a:gd name="T87" fmla="*/ 16 h 441"/>
                <a:gd name="T88" fmla="*/ 477 w 851"/>
                <a:gd name="T89" fmla="*/ 16 h 441"/>
                <a:gd name="T90" fmla="*/ 427 w 851"/>
                <a:gd name="T91" fmla="*/ 16 h 441"/>
                <a:gd name="T92" fmla="*/ 368 w 851"/>
                <a:gd name="T93" fmla="*/ 16 h 441"/>
                <a:gd name="T94" fmla="*/ 306 w 851"/>
                <a:gd name="T95" fmla="*/ 16 h 441"/>
                <a:gd name="T96" fmla="*/ 244 w 851"/>
                <a:gd name="T97" fmla="*/ 15 h 441"/>
                <a:gd name="T98" fmla="*/ 185 w 851"/>
                <a:gd name="T99" fmla="*/ 13 h 441"/>
                <a:gd name="T100" fmla="*/ 133 w 851"/>
                <a:gd name="T101" fmla="*/ 12 h 441"/>
                <a:gd name="T102" fmla="*/ 88 w 851"/>
                <a:gd name="T103" fmla="*/ 8 h 441"/>
                <a:gd name="T104" fmla="*/ 5 w 851"/>
                <a:gd name="T105" fmla="*/ 0 h 441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w 851"/>
                <a:gd name="T160" fmla="*/ 0 h 441"/>
                <a:gd name="T161" fmla="*/ 851 w 851"/>
                <a:gd name="T162" fmla="*/ 441 h 441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T159" t="T160" r="T161" b="T162"/>
              <a:pathLst>
                <a:path w="851" h="441">
                  <a:moveTo>
                    <a:pt x="303" y="79"/>
                  </a:moveTo>
                  <a:lnTo>
                    <a:pt x="294" y="320"/>
                  </a:lnTo>
                  <a:lnTo>
                    <a:pt x="303" y="321"/>
                  </a:lnTo>
                  <a:lnTo>
                    <a:pt x="326" y="345"/>
                  </a:lnTo>
                  <a:lnTo>
                    <a:pt x="335" y="338"/>
                  </a:lnTo>
                  <a:lnTo>
                    <a:pt x="350" y="347"/>
                  </a:lnTo>
                  <a:lnTo>
                    <a:pt x="359" y="335"/>
                  </a:lnTo>
                  <a:lnTo>
                    <a:pt x="379" y="369"/>
                  </a:lnTo>
                  <a:lnTo>
                    <a:pt x="397" y="369"/>
                  </a:lnTo>
                  <a:lnTo>
                    <a:pt x="399" y="369"/>
                  </a:lnTo>
                  <a:lnTo>
                    <a:pt x="401" y="370"/>
                  </a:lnTo>
                  <a:lnTo>
                    <a:pt x="404" y="372"/>
                  </a:lnTo>
                  <a:lnTo>
                    <a:pt x="408" y="374"/>
                  </a:lnTo>
                  <a:lnTo>
                    <a:pt x="411" y="375"/>
                  </a:lnTo>
                  <a:lnTo>
                    <a:pt x="414" y="377"/>
                  </a:lnTo>
                  <a:lnTo>
                    <a:pt x="418" y="379"/>
                  </a:lnTo>
                  <a:lnTo>
                    <a:pt x="419" y="379"/>
                  </a:lnTo>
                  <a:lnTo>
                    <a:pt x="426" y="374"/>
                  </a:lnTo>
                  <a:lnTo>
                    <a:pt x="431" y="372"/>
                  </a:lnTo>
                  <a:lnTo>
                    <a:pt x="438" y="374"/>
                  </a:lnTo>
                  <a:lnTo>
                    <a:pt x="443" y="377"/>
                  </a:lnTo>
                  <a:lnTo>
                    <a:pt x="447" y="380"/>
                  </a:lnTo>
                  <a:lnTo>
                    <a:pt x="450" y="386"/>
                  </a:lnTo>
                  <a:lnTo>
                    <a:pt x="452" y="387"/>
                  </a:lnTo>
                  <a:lnTo>
                    <a:pt x="453" y="389"/>
                  </a:lnTo>
                  <a:lnTo>
                    <a:pt x="458" y="379"/>
                  </a:lnTo>
                  <a:lnTo>
                    <a:pt x="469" y="382"/>
                  </a:lnTo>
                  <a:lnTo>
                    <a:pt x="484" y="377"/>
                  </a:lnTo>
                  <a:lnTo>
                    <a:pt x="484" y="391"/>
                  </a:lnTo>
                  <a:lnTo>
                    <a:pt x="496" y="392"/>
                  </a:lnTo>
                  <a:lnTo>
                    <a:pt x="499" y="406"/>
                  </a:lnTo>
                  <a:lnTo>
                    <a:pt x="511" y="411"/>
                  </a:lnTo>
                  <a:lnTo>
                    <a:pt x="518" y="401"/>
                  </a:lnTo>
                  <a:lnTo>
                    <a:pt x="529" y="397"/>
                  </a:lnTo>
                  <a:lnTo>
                    <a:pt x="540" y="408"/>
                  </a:lnTo>
                  <a:lnTo>
                    <a:pt x="548" y="411"/>
                  </a:lnTo>
                  <a:lnTo>
                    <a:pt x="548" y="413"/>
                  </a:lnTo>
                  <a:lnTo>
                    <a:pt x="548" y="414"/>
                  </a:lnTo>
                  <a:lnTo>
                    <a:pt x="548" y="416"/>
                  </a:lnTo>
                  <a:lnTo>
                    <a:pt x="548" y="418"/>
                  </a:lnTo>
                  <a:lnTo>
                    <a:pt x="550" y="419"/>
                  </a:lnTo>
                  <a:lnTo>
                    <a:pt x="551" y="421"/>
                  </a:lnTo>
                  <a:lnTo>
                    <a:pt x="555" y="419"/>
                  </a:lnTo>
                  <a:lnTo>
                    <a:pt x="562" y="416"/>
                  </a:lnTo>
                  <a:lnTo>
                    <a:pt x="567" y="411"/>
                  </a:lnTo>
                  <a:lnTo>
                    <a:pt x="570" y="408"/>
                  </a:lnTo>
                  <a:lnTo>
                    <a:pt x="572" y="406"/>
                  </a:lnTo>
                  <a:lnTo>
                    <a:pt x="572" y="404"/>
                  </a:lnTo>
                  <a:lnTo>
                    <a:pt x="572" y="408"/>
                  </a:lnTo>
                  <a:lnTo>
                    <a:pt x="573" y="413"/>
                  </a:lnTo>
                  <a:lnTo>
                    <a:pt x="575" y="419"/>
                  </a:lnTo>
                  <a:lnTo>
                    <a:pt x="579" y="428"/>
                  </a:lnTo>
                  <a:lnTo>
                    <a:pt x="580" y="431"/>
                  </a:lnTo>
                  <a:lnTo>
                    <a:pt x="584" y="431"/>
                  </a:lnTo>
                  <a:lnTo>
                    <a:pt x="584" y="430"/>
                  </a:lnTo>
                  <a:lnTo>
                    <a:pt x="585" y="426"/>
                  </a:lnTo>
                  <a:lnTo>
                    <a:pt x="585" y="424"/>
                  </a:lnTo>
                  <a:lnTo>
                    <a:pt x="585" y="421"/>
                  </a:lnTo>
                  <a:lnTo>
                    <a:pt x="585" y="419"/>
                  </a:lnTo>
                  <a:lnTo>
                    <a:pt x="602" y="406"/>
                  </a:lnTo>
                  <a:lnTo>
                    <a:pt x="616" y="416"/>
                  </a:lnTo>
                  <a:lnTo>
                    <a:pt x="633" y="408"/>
                  </a:lnTo>
                  <a:lnTo>
                    <a:pt x="631" y="409"/>
                  </a:lnTo>
                  <a:lnTo>
                    <a:pt x="631" y="413"/>
                  </a:lnTo>
                  <a:lnTo>
                    <a:pt x="633" y="414"/>
                  </a:lnTo>
                  <a:lnTo>
                    <a:pt x="634" y="418"/>
                  </a:lnTo>
                  <a:lnTo>
                    <a:pt x="639" y="421"/>
                  </a:lnTo>
                  <a:lnTo>
                    <a:pt x="646" y="424"/>
                  </a:lnTo>
                  <a:lnTo>
                    <a:pt x="653" y="428"/>
                  </a:lnTo>
                  <a:lnTo>
                    <a:pt x="658" y="431"/>
                  </a:lnTo>
                  <a:lnTo>
                    <a:pt x="661" y="433"/>
                  </a:lnTo>
                  <a:lnTo>
                    <a:pt x="665" y="435"/>
                  </a:lnTo>
                  <a:lnTo>
                    <a:pt x="667" y="435"/>
                  </a:lnTo>
                  <a:lnTo>
                    <a:pt x="670" y="433"/>
                  </a:lnTo>
                  <a:lnTo>
                    <a:pt x="675" y="430"/>
                  </a:lnTo>
                  <a:lnTo>
                    <a:pt x="682" y="423"/>
                  </a:lnTo>
                  <a:lnTo>
                    <a:pt x="690" y="416"/>
                  </a:lnTo>
                  <a:lnTo>
                    <a:pt x="697" y="413"/>
                  </a:lnTo>
                  <a:lnTo>
                    <a:pt x="702" y="413"/>
                  </a:lnTo>
                  <a:lnTo>
                    <a:pt x="707" y="414"/>
                  </a:lnTo>
                  <a:lnTo>
                    <a:pt x="709" y="416"/>
                  </a:lnTo>
                  <a:lnTo>
                    <a:pt x="712" y="419"/>
                  </a:lnTo>
                  <a:lnTo>
                    <a:pt x="714" y="421"/>
                  </a:lnTo>
                  <a:lnTo>
                    <a:pt x="714" y="423"/>
                  </a:lnTo>
                  <a:lnTo>
                    <a:pt x="716" y="423"/>
                  </a:lnTo>
                  <a:lnTo>
                    <a:pt x="716" y="421"/>
                  </a:lnTo>
                  <a:lnTo>
                    <a:pt x="717" y="419"/>
                  </a:lnTo>
                  <a:lnTo>
                    <a:pt x="721" y="416"/>
                  </a:lnTo>
                  <a:lnTo>
                    <a:pt x="724" y="411"/>
                  </a:lnTo>
                  <a:lnTo>
                    <a:pt x="727" y="408"/>
                  </a:lnTo>
                  <a:lnTo>
                    <a:pt x="727" y="404"/>
                  </a:lnTo>
                  <a:lnTo>
                    <a:pt x="727" y="401"/>
                  </a:lnTo>
                  <a:lnTo>
                    <a:pt x="729" y="401"/>
                  </a:lnTo>
                  <a:lnTo>
                    <a:pt x="731" y="404"/>
                  </a:lnTo>
                  <a:lnTo>
                    <a:pt x="734" y="408"/>
                  </a:lnTo>
                  <a:lnTo>
                    <a:pt x="741" y="411"/>
                  </a:lnTo>
                  <a:lnTo>
                    <a:pt x="746" y="416"/>
                  </a:lnTo>
                  <a:lnTo>
                    <a:pt x="751" y="421"/>
                  </a:lnTo>
                  <a:lnTo>
                    <a:pt x="753" y="423"/>
                  </a:lnTo>
                  <a:lnTo>
                    <a:pt x="755" y="424"/>
                  </a:lnTo>
                  <a:lnTo>
                    <a:pt x="756" y="423"/>
                  </a:lnTo>
                  <a:lnTo>
                    <a:pt x="758" y="419"/>
                  </a:lnTo>
                  <a:lnTo>
                    <a:pt x="761" y="414"/>
                  </a:lnTo>
                  <a:lnTo>
                    <a:pt x="766" y="409"/>
                  </a:lnTo>
                  <a:lnTo>
                    <a:pt x="771" y="406"/>
                  </a:lnTo>
                  <a:lnTo>
                    <a:pt x="775" y="406"/>
                  </a:lnTo>
                  <a:lnTo>
                    <a:pt x="780" y="406"/>
                  </a:lnTo>
                  <a:lnTo>
                    <a:pt x="783" y="408"/>
                  </a:lnTo>
                  <a:lnTo>
                    <a:pt x="787" y="408"/>
                  </a:lnTo>
                  <a:lnTo>
                    <a:pt x="788" y="409"/>
                  </a:lnTo>
                  <a:lnTo>
                    <a:pt x="815" y="433"/>
                  </a:lnTo>
                  <a:lnTo>
                    <a:pt x="831" y="435"/>
                  </a:lnTo>
                  <a:lnTo>
                    <a:pt x="849" y="441"/>
                  </a:lnTo>
                  <a:lnTo>
                    <a:pt x="851" y="223"/>
                  </a:lnTo>
                  <a:lnTo>
                    <a:pt x="831" y="84"/>
                  </a:lnTo>
                  <a:lnTo>
                    <a:pt x="829" y="20"/>
                  </a:lnTo>
                  <a:lnTo>
                    <a:pt x="827" y="20"/>
                  </a:lnTo>
                  <a:lnTo>
                    <a:pt x="822" y="20"/>
                  </a:lnTo>
                  <a:lnTo>
                    <a:pt x="814" y="20"/>
                  </a:lnTo>
                  <a:lnTo>
                    <a:pt x="804" y="20"/>
                  </a:lnTo>
                  <a:lnTo>
                    <a:pt x="790" y="20"/>
                  </a:lnTo>
                  <a:lnTo>
                    <a:pt x="773" y="20"/>
                  </a:lnTo>
                  <a:lnTo>
                    <a:pt x="755" y="20"/>
                  </a:lnTo>
                  <a:lnTo>
                    <a:pt x="736" y="20"/>
                  </a:lnTo>
                  <a:lnTo>
                    <a:pt x="712" y="20"/>
                  </a:lnTo>
                  <a:lnTo>
                    <a:pt x="689" y="20"/>
                  </a:lnTo>
                  <a:lnTo>
                    <a:pt x="663" y="20"/>
                  </a:lnTo>
                  <a:lnTo>
                    <a:pt x="636" y="20"/>
                  </a:lnTo>
                  <a:lnTo>
                    <a:pt x="609" y="20"/>
                  </a:lnTo>
                  <a:lnTo>
                    <a:pt x="579" y="18"/>
                  </a:lnTo>
                  <a:lnTo>
                    <a:pt x="550" y="18"/>
                  </a:lnTo>
                  <a:lnTo>
                    <a:pt x="519" y="18"/>
                  </a:lnTo>
                  <a:lnTo>
                    <a:pt x="489" y="18"/>
                  </a:lnTo>
                  <a:lnTo>
                    <a:pt x="457" y="17"/>
                  </a:lnTo>
                  <a:lnTo>
                    <a:pt x="426" y="17"/>
                  </a:lnTo>
                  <a:lnTo>
                    <a:pt x="396" y="17"/>
                  </a:lnTo>
                  <a:lnTo>
                    <a:pt x="364" y="15"/>
                  </a:lnTo>
                  <a:lnTo>
                    <a:pt x="335" y="15"/>
                  </a:lnTo>
                  <a:lnTo>
                    <a:pt x="304" y="15"/>
                  </a:lnTo>
                  <a:lnTo>
                    <a:pt x="276" y="13"/>
                  </a:lnTo>
                  <a:lnTo>
                    <a:pt x="249" y="13"/>
                  </a:lnTo>
                  <a:lnTo>
                    <a:pt x="221" y="12"/>
                  </a:lnTo>
                  <a:lnTo>
                    <a:pt x="198" y="12"/>
                  </a:lnTo>
                  <a:lnTo>
                    <a:pt x="174" y="10"/>
                  </a:lnTo>
                  <a:lnTo>
                    <a:pt x="152" y="10"/>
                  </a:lnTo>
                  <a:lnTo>
                    <a:pt x="133" y="8"/>
                  </a:lnTo>
                  <a:lnTo>
                    <a:pt x="117" y="6"/>
                  </a:lnTo>
                  <a:lnTo>
                    <a:pt x="101" y="6"/>
                  </a:lnTo>
                  <a:lnTo>
                    <a:pt x="5" y="0"/>
                  </a:lnTo>
                  <a:lnTo>
                    <a:pt x="0" y="61"/>
                  </a:lnTo>
                  <a:lnTo>
                    <a:pt x="303" y="7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40" name="Freeform 123"/>
            <p:cNvSpPr>
              <a:spLocks/>
            </p:cNvSpPr>
            <p:nvPr/>
          </p:nvSpPr>
          <p:spPr bwMode="auto">
            <a:xfrm>
              <a:off x="1658" y="2620"/>
              <a:ext cx="1334" cy="1316"/>
            </a:xfrm>
            <a:custGeom>
              <a:avLst/>
              <a:gdLst>
                <a:gd name="T0" fmla="*/ 522 w 1371"/>
                <a:gd name="T1" fmla="*/ 189 h 1355"/>
                <a:gd name="T2" fmla="*/ 569 w 1371"/>
                <a:gd name="T3" fmla="*/ 212 h 1355"/>
                <a:gd name="T4" fmla="*/ 614 w 1371"/>
                <a:gd name="T5" fmla="*/ 210 h 1355"/>
                <a:gd name="T6" fmla="*/ 658 w 1371"/>
                <a:gd name="T7" fmla="*/ 236 h 1355"/>
                <a:gd name="T8" fmla="*/ 674 w 1371"/>
                <a:gd name="T9" fmla="*/ 231 h 1355"/>
                <a:gd name="T10" fmla="*/ 695 w 1371"/>
                <a:gd name="T11" fmla="*/ 229 h 1355"/>
                <a:gd name="T12" fmla="*/ 729 w 1371"/>
                <a:gd name="T13" fmla="*/ 244 h 1355"/>
                <a:gd name="T14" fmla="*/ 767 w 1371"/>
                <a:gd name="T15" fmla="*/ 234 h 1355"/>
                <a:gd name="T16" fmla="*/ 775 w 1371"/>
                <a:gd name="T17" fmla="*/ 236 h 1355"/>
                <a:gd name="T18" fmla="*/ 796 w 1371"/>
                <a:gd name="T19" fmla="*/ 240 h 1355"/>
                <a:gd name="T20" fmla="*/ 818 w 1371"/>
                <a:gd name="T21" fmla="*/ 231 h 1355"/>
                <a:gd name="T22" fmla="*/ 894 w 1371"/>
                <a:gd name="T23" fmla="*/ 303 h 1355"/>
                <a:gd name="T24" fmla="*/ 931 w 1371"/>
                <a:gd name="T25" fmla="*/ 458 h 1355"/>
                <a:gd name="T26" fmla="*/ 923 w 1371"/>
                <a:gd name="T27" fmla="*/ 500 h 1355"/>
                <a:gd name="T28" fmla="*/ 925 w 1371"/>
                <a:gd name="T29" fmla="*/ 533 h 1355"/>
                <a:gd name="T30" fmla="*/ 913 w 1371"/>
                <a:gd name="T31" fmla="*/ 574 h 1355"/>
                <a:gd name="T32" fmla="*/ 894 w 1371"/>
                <a:gd name="T33" fmla="*/ 585 h 1355"/>
                <a:gd name="T34" fmla="*/ 867 w 1371"/>
                <a:gd name="T35" fmla="*/ 592 h 1355"/>
                <a:gd name="T36" fmla="*/ 853 w 1371"/>
                <a:gd name="T37" fmla="*/ 594 h 1355"/>
                <a:gd name="T38" fmla="*/ 853 w 1371"/>
                <a:gd name="T39" fmla="*/ 583 h 1355"/>
                <a:gd name="T40" fmla="*/ 841 w 1371"/>
                <a:gd name="T41" fmla="*/ 579 h 1355"/>
                <a:gd name="T42" fmla="*/ 833 w 1371"/>
                <a:gd name="T43" fmla="*/ 582 h 1355"/>
                <a:gd name="T44" fmla="*/ 829 w 1371"/>
                <a:gd name="T45" fmla="*/ 591 h 1355"/>
                <a:gd name="T46" fmla="*/ 840 w 1371"/>
                <a:gd name="T47" fmla="*/ 610 h 1355"/>
                <a:gd name="T48" fmla="*/ 811 w 1371"/>
                <a:gd name="T49" fmla="*/ 644 h 1355"/>
                <a:gd name="T50" fmla="*/ 773 w 1371"/>
                <a:gd name="T51" fmla="*/ 666 h 1355"/>
                <a:gd name="T52" fmla="*/ 739 w 1371"/>
                <a:gd name="T53" fmla="*/ 687 h 1355"/>
                <a:gd name="T54" fmla="*/ 770 w 1371"/>
                <a:gd name="T55" fmla="*/ 665 h 1355"/>
                <a:gd name="T56" fmla="*/ 751 w 1371"/>
                <a:gd name="T57" fmla="*/ 672 h 1355"/>
                <a:gd name="T58" fmla="*/ 747 w 1371"/>
                <a:gd name="T59" fmla="*/ 663 h 1355"/>
                <a:gd name="T60" fmla="*/ 719 w 1371"/>
                <a:gd name="T61" fmla="*/ 666 h 1355"/>
                <a:gd name="T62" fmla="*/ 729 w 1371"/>
                <a:gd name="T63" fmla="*/ 684 h 1355"/>
                <a:gd name="T64" fmla="*/ 716 w 1371"/>
                <a:gd name="T65" fmla="*/ 694 h 1355"/>
                <a:gd name="T66" fmla="*/ 704 w 1371"/>
                <a:gd name="T67" fmla="*/ 682 h 1355"/>
                <a:gd name="T68" fmla="*/ 695 w 1371"/>
                <a:gd name="T69" fmla="*/ 702 h 1355"/>
                <a:gd name="T70" fmla="*/ 684 w 1371"/>
                <a:gd name="T71" fmla="*/ 718 h 1355"/>
                <a:gd name="T72" fmla="*/ 669 w 1371"/>
                <a:gd name="T73" fmla="*/ 733 h 1355"/>
                <a:gd name="T74" fmla="*/ 654 w 1371"/>
                <a:gd name="T75" fmla="*/ 779 h 1355"/>
                <a:gd name="T76" fmla="*/ 646 w 1371"/>
                <a:gd name="T77" fmla="*/ 769 h 1355"/>
                <a:gd name="T78" fmla="*/ 653 w 1371"/>
                <a:gd name="T79" fmla="*/ 795 h 1355"/>
                <a:gd name="T80" fmla="*/ 654 w 1371"/>
                <a:gd name="T81" fmla="*/ 897 h 1355"/>
                <a:gd name="T82" fmla="*/ 623 w 1371"/>
                <a:gd name="T83" fmla="*/ 881 h 1355"/>
                <a:gd name="T84" fmla="*/ 595 w 1371"/>
                <a:gd name="T85" fmla="*/ 881 h 1355"/>
                <a:gd name="T86" fmla="*/ 535 w 1371"/>
                <a:gd name="T87" fmla="*/ 853 h 1355"/>
                <a:gd name="T88" fmla="*/ 522 w 1371"/>
                <a:gd name="T89" fmla="*/ 841 h 1355"/>
                <a:gd name="T90" fmla="*/ 509 w 1371"/>
                <a:gd name="T91" fmla="*/ 806 h 1355"/>
                <a:gd name="T92" fmla="*/ 504 w 1371"/>
                <a:gd name="T93" fmla="*/ 781 h 1355"/>
                <a:gd name="T94" fmla="*/ 487 w 1371"/>
                <a:gd name="T95" fmla="*/ 748 h 1355"/>
                <a:gd name="T96" fmla="*/ 463 w 1371"/>
                <a:gd name="T97" fmla="*/ 718 h 1355"/>
                <a:gd name="T98" fmla="*/ 444 w 1371"/>
                <a:gd name="T99" fmla="*/ 693 h 1355"/>
                <a:gd name="T100" fmla="*/ 361 w 1371"/>
                <a:gd name="T101" fmla="*/ 569 h 1355"/>
                <a:gd name="T102" fmla="*/ 323 w 1371"/>
                <a:gd name="T103" fmla="*/ 563 h 1355"/>
                <a:gd name="T104" fmla="*/ 297 w 1371"/>
                <a:gd name="T105" fmla="*/ 557 h 1355"/>
                <a:gd name="T106" fmla="*/ 282 w 1371"/>
                <a:gd name="T107" fmla="*/ 562 h 1355"/>
                <a:gd name="T108" fmla="*/ 251 w 1371"/>
                <a:gd name="T109" fmla="*/ 600 h 1355"/>
                <a:gd name="T110" fmla="*/ 238 w 1371"/>
                <a:gd name="T111" fmla="*/ 614 h 1355"/>
                <a:gd name="T112" fmla="*/ 215 w 1371"/>
                <a:gd name="T113" fmla="*/ 619 h 1355"/>
                <a:gd name="T114" fmla="*/ 177 w 1371"/>
                <a:gd name="T115" fmla="*/ 594 h 1355"/>
                <a:gd name="T116" fmla="*/ 143 w 1371"/>
                <a:gd name="T117" fmla="*/ 567 h 1355"/>
                <a:gd name="T118" fmla="*/ 124 w 1371"/>
                <a:gd name="T119" fmla="*/ 510 h 1355"/>
                <a:gd name="T120" fmla="*/ 88 w 1371"/>
                <a:gd name="T121" fmla="*/ 458 h 1355"/>
                <a:gd name="T122" fmla="*/ 6 w 1371"/>
                <a:gd name="T123" fmla="*/ 372 h 1355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w 1371"/>
                <a:gd name="T187" fmla="*/ 0 h 1355"/>
                <a:gd name="T188" fmla="*/ 1371 w 1371"/>
                <a:gd name="T189" fmla="*/ 1355 h 1355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T186" t="T187" r="T188" b="T189"/>
              <a:pathLst>
                <a:path w="1371" h="1355">
                  <a:moveTo>
                    <a:pt x="6" y="560"/>
                  </a:moveTo>
                  <a:lnTo>
                    <a:pt x="0" y="545"/>
                  </a:lnTo>
                  <a:lnTo>
                    <a:pt x="0" y="528"/>
                  </a:lnTo>
                  <a:lnTo>
                    <a:pt x="371" y="565"/>
                  </a:lnTo>
                  <a:lnTo>
                    <a:pt x="417" y="0"/>
                  </a:lnTo>
                  <a:lnTo>
                    <a:pt x="720" y="18"/>
                  </a:lnTo>
                  <a:lnTo>
                    <a:pt x="711" y="259"/>
                  </a:lnTo>
                  <a:lnTo>
                    <a:pt x="720" y="260"/>
                  </a:lnTo>
                  <a:lnTo>
                    <a:pt x="743" y="284"/>
                  </a:lnTo>
                  <a:lnTo>
                    <a:pt x="752" y="277"/>
                  </a:lnTo>
                  <a:lnTo>
                    <a:pt x="767" y="286"/>
                  </a:lnTo>
                  <a:lnTo>
                    <a:pt x="776" y="274"/>
                  </a:lnTo>
                  <a:lnTo>
                    <a:pt x="796" y="308"/>
                  </a:lnTo>
                  <a:lnTo>
                    <a:pt x="814" y="308"/>
                  </a:lnTo>
                  <a:lnTo>
                    <a:pt x="816" y="308"/>
                  </a:lnTo>
                  <a:lnTo>
                    <a:pt x="818" y="309"/>
                  </a:lnTo>
                  <a:lnTo>
                    <a:pt x="821" y="311"/>
                  </a:lnTo>
                  <a:lnTo>
                    <a:pt x="825" y="313"/>
                  </a:lnTo>
                  <a:lnTo>
                    <a:pt x="828" y="314"/>
                  </a:lnTo>
                  <a:lnTo>
                    <a:pt x="831" y="316"/>
                  </a:lnTo>
                  <a:lnTo>
                    <a:pt x="835" y="318"/>
                  </a:lnTo>
                  <a:lnTo>
                    <a:pt x="836" y="318"/>
                  </a:lnTo>
                  <a:lnTo>
                    <a:pt x="843" y="313"/>
                  </a:lnTo>
                  <a:lnTo>
                    <a:pt x="848" y="311"/>
                  </a:lnTo>
                  <a:lnTo>
                    <a:pt x="855" y="313"/>
                  </a:lnTo>
                  <a:lnTo>
                    <a:pt x="860" y="316"/>
                  </a:lnTo>
                  <a:lnTo>
                    <a:pt x="864" y="319"/>
                  </a:lnTo>
                  <a:lnTo>
                    <a:pt x="867" y="325"/>
                  </a:lnTo>
                  <a:lnTo>
                    <a:pt x="869" y="326"/>
                  </a:lnTo>
                  <a:lnTo>
                    <a:pt x="870" y="328"/>
                  </a:lnTo>
                  <a:lnTo>
                    <a:pt x="875" y="318"/>
                  </a:lnTo>
                  <a:lnTo>
                    <a:pt x="886" y="321"/>
                  </a:lnTo>
                  <a:lnTo>
                    <a:pt x="901" y="316"/>
                  </a:lnTo>
                  <a:lnTo>
                    <a:pt x="901" y="330"/>
                  </a:lnTo>
                  <a:lnTo>
                    <a:pt x="913" y="331"/>
                  </a:lnTo>
                  <a:lnTo>
                    <a:pt x="916" y="345"/>
                  </a:lnTo>
                  <a:lnTo>
                    <a:pt x="928" y="350"/>
                  </a:lnTo>
                  <a:lnTo>
                    <a:pt x="935" y="340"/>
                  </a:lnTo>
                  <a:lnTo>
                    <a:pt x="946" y="336"/>
                  </a:lnTo>
                  <a:lnTo>
                    <a:pt x="957" y="347"/>
                  </a:lnTo>
                  <a:lnTo>
                    <a:pt x="965" y="350"/>
                  </a:lnTo>
                  <a:lnTo>
                    <a:pt x="965" y="352"/>
                  </a:lnTo>
                  <a:lnTo>
                    <a:pt x="965" y="353"/>
                  </a:lnTo>
                  <a:lnTo>
                    <a:pt x="965" y="355"/>
                  </a:lnTo>
                  <a:lnTo>
                    <a:pt x="965" y="357"/>
                  </a:lnTo>
                  <a:lnTo>
                    <a:pt x="967" y="358"/>
                  </a:lnTo>
                  <a:lnTo>
                    <a:pt x="968" y="360"/>
                  </a:lnTo>
                  <a:lnTo>
                    <a:pt x="972" y="358"/>
                  </a:lnTo>
                  <a:lnTo>
                    <a:pt x="979" y="355"/>
                  </a:lnTo>
                  <a:lnTo>
                    <a:pt x="984" y="350"/>
                  </a:lnTo>
                  <a:lnTo>
                    <a:pt x="987" y="347"/>
                  </a:lnTo>
                  <a:lnTo>
                    <a:pt x="989" y="345"/>
                  </a:lnTo>
                  <a:lnTo>
                    <a:pt x="989" y="343"/>
                  </a:lnTo>
                  <a:lnTo>
                    <a:pt x="989" y="347"/>
                  </a:lnTo>
                  <a:lnTo>
                    <a:pt x="990" y="352"/>
                  </a:lnTo>
                  <a:lnTo>
                    <a:pt x="992" y="358"/>
                  </a:lnTo>
                  <a:lnTo>
                    <a:pt x="996" y="367"/>
                  </a:lnTo>
                  <a:lnTo>
                    <a:pt x="997" y="370"/>
                  </a:lnTo>
                  <a:lnTo>
                    <a:pt x="1001" y="370"/>
                  </a:lnTo>
                  <a:lnTo>
                    <a:pt x="1001" y="369"/>
                  </a:lnTo>
                  <a:lnTo>
                    <a:pt x="1002" y="365"/>
                  </a:lnTo>
                  <a:lnTo>
                    <a:pt x="1002" y="363"/>
                  </a:lnTo>
                  <a:lnTo>
                    <a:pt x="1002" y="360"/>
                  </a:lnTo>
                  <a:lnTo>
                    <a:pt x="1002" y="358"/>
                  </a:lnTo>
                  <a:lnTo>
                    <a:pt x="1019" y="345"/>
                  </a:lnTo>
                  <a:lnTo>
                    <a:pt x="1033" y="355"/>
                  </a:lnTo>
                  <a:lnTo>
                    <a:pt x="1050" y="347"/>
                  </a:lnTo>
                  <a:lnTo>
                    <a:pt x="1048" y="348"/>
                  </a:lnTo>
                  <a:lnTo>
                    <a:pt x="1048" y="352"/>
                  </a:lnTo>
                  <a:lnTo>
                    <a:pt x="1050" y="353"/>
                  </a:lnTo>
                  <a:lnTo>
                    <a:pt x="1051" y="357"/>
                  </a:lnTo>
                  <a:lnTo>
                    <a:pt x="1056" y="360"/>
                  </a:lnTo>
                  <a:lnTo>
                    <a:pt x="1063" y="363"/>
                  </a:lnTo>
                  <a:lnTo>
                    <a:pt x="1070" y="367"/>
                  </a:lnTo>
                  <a:lnTo>
                    <a:pt x="1075" y="370"/>
                  </a:lnTo>
                  <a:lnTo>
                    <a:pt x="1078" y="372"/>
                  </a:lnTo>
                  <a:lnTo>
                    <a:pt x="1082" y="374"/>
                  </a:lnTo>
                  <a:lnTo>
                    <a:pt x="1084" y="374"/>
                  </a:lnTo>
                  <a:lnTo>
                    <a:pt x="1087" y="372"/>
                  </a:lnTo>
                  <a:lnTo>
                    <a:pt x="1092" y="369"/>
                  </a:lnTo>
                  <a:lnTo>
                    <a:pt x="1099" y="362"/>
                  </a:lnTo>
                  <a:lnTo>
                    <a:pt x="1107" y="355"/>
                  </a:lnTo>
                  <a:lnTo>
                    <a:pt x="1114" y="352"/>
                  </a:lnTo>
                  <a:lnTo>
                    <a:pt x="1119" y="352"/>
                  </a:lnTo>
                  <a:lnTo>
                    <a:pt x="1124" y="353"/>
                  </a:lnTo>
                  <a:lnTo>
                    <a:pt x="1126" y="355"/>
                  </a:lnTo>
                  <a:lnTo>
                    <a:pt x="1129" y="358"/>
                  </a:lnTo>
                  <a:lnTo>
                    <a:pt x="1131" y="360"/>
                  </a:lnTo>
                  <a:lnTo>
                    <a:pt x="1131" y="362"/>
                  </a:lnTo>
                  <a:lnTo>
                    <a:pt x="1133" y="362"/>
                  </a:lnTo>
                  <a:lnTo>
                    <a:pt x="1133" y="360"/>
                  </a:lnTo>
                  <a:lnTo>
                    <a:pt x="1134" y="358"/>
                  </a:lnTo>
                  <a:lnTo>
                    <a:pt x="1138" y="355"/>
                  </a:lnTo>
                  <a:lnTo>
                    <a:pt x="1141" y="350"/>
                  </a:lnTo>
                  <a:lnTo>
                    <a:pt x="1144" y="347"/>
                  </a:lnTo>
                  <a:lnTo>
                    <a:pt x="1144" y="343"/>
                  </a:lnTo>
                  <a:lnTo>
                    <a:pt x="1144" y="340"/>
                  </a:lnTo>
                  <a:lnTo>
                    <a:pt x="1146" y="340"/>
                  </a:lnTo>
                  <a:lnTo>
                    <a:pt x="1148" y="343"/>
                  </a:lnTo>
                  <a:lnTo>
                    <a:pt x="1151" y="347"/>
                  </a:lnTo>
                  <a:lnTo>
                    <a:pt x="1158" y="350"/>
                  </a:lnTo>
                  <a:lnTo>
                    <a:pt x="1163" y="355"/>
                  </a:lnTo>
                  <a:lnTo>
                    <a:pt x="1168" y="360"/>
                  </a:lnTo>
                  <a:lnTo>
                    <a:pt x="1170" y="362"/>
                  </a:lnTo>
                  <a:lnTo>
                    <a:pt x="1172" y="363"/>
                  </a:lnTo>
                  <a:lnTo>
                    <a:pt x="1173" y="362"/>
                  </a:lnTo>
                  <a:lnTo>
                    <a:pt x="1175" y="358"/>
                  </a:lnTo>
                  <a:lnTo>
                    <a:pt x="1178" y="353"/>
                  </a:lnTo>
                  <a:lnTo>
                    <a:pt x="1183" y="348"/>
                  </a:lnTo>
                  <a:lnTo>
                    <a:pt x="1188" y="345"/>
                  </a:lnTo>
                  <a:lnTo>
                    <a:pt x="1192" y="345"/>
                  </a:lnTo>
                  <a:lnTo>
                    <a:pt x="1197" y="345"/>
                  </a:lnTo>
                  <a:lnTo>
                    <a:pt x="1200" y="347"/>
                  </a:lnTo>
                  <a:lnTo>
                    <a:pt x="1204" y="347"/>
                  </a:lnTo>
                  <a:lnTo>
                    <a:pt x="1205" y="348"/>
                  </a:lnTo>
                  <a:lnTo>
                    <a:pt x="1232" y="372"/>
                  </a:lnTo>
                  <a:lnTo>
                    <a:pt x="1248" y="374"/>
                  </a:lnTo>
                  <a:lnTo>
                    <a:pt x="1266" y="380"/>
                  </a:lnTo>
                  <a:lnTo>
                    <a:pt x="1265" y="377"/>
                  </a:lnTo>
                  <a:lnTo>
                    <a:pt x="1276" y="392"/>
                  </a:lnTo>
                  <a:lnTo>
                    <a:pt x="1302" y="389"/>
                  </a:lnTo>
                  <a:lnTo>
                    <a:pt x="1312" y="391"/>
                  </a:lnTo>
                  <a:lnTo>
                    <a:pt x="1312" y="455"/>
                  </a:lnTo>
                  <a:lnTo>
                    <a:pt x="1317" y="580"/>
                  </a:lnTo>
                  <a:lnTo>
                    <a:pt x="1341" y="611"/>
                  </a:lnTo>
                  <a:lnTo>
                    <a:pt x="1341" y="641"/>
                  </a:lnTo>
                  <a:lnTo>
                    <a:pt x="1354" y="655"/>
                  </a:lnTo>
                  <a:lnTo>
                    <a:pt x="1361" y="675"/>
                  </a:lnTo>
                  <a:lnTo>
                    <a:pt x="1361" y="677"/>
                  </a:lnTo>
                  <a:lnTo>
                    <a:pt x="1363" y="678"/>
                  </a:lnTo>
                  <a:lnTo>
                    <a:pt x="1364" y="682"/>
                  </a:lnTo>
                  <a:lnTo>
                    <a:pt x="1366" y="687"/>
                  </a:lnTo>
                  <a:lnTo>
                    <a:pt x="1366" y="690"/>
                  </a:lnTo>
                  <a:lnTo>
                    <a:pt x="1368" y="695"/>
                  </a:lnTo>
                  <a:lnTo>
                    <a:pt x="1370" y="700"/>
                  </a:lnTo>
                  <a:lnTo>
                    <a:pt x="1371" y="705"/>
                  </a:lnTo>
                  <a:lnTo>
                    <a:pt x="1371" y="710"/>
                  </a:lnTo>
                  <a:lnTo>
                    <a:pt x="1371" y="717"/>
                  </a:lnTo>
                  <a:lnTo>
                    <a:pt x="1371" y="722"/>
                  </a:lnTo>
                  <a:lnTo>
                    <a:pt x="1370" y="727"/>
                  </a:lnTo>
                  <a:lnTo>
                    <a:pt x="1368" y="734"/>
                  </a:lnTo>
                  <a:lnTo>
                    <a:pt x="1366" y="739"/>
                  </a:lnTo>
                  <a:lnTo>
                    <a:pt x="1363" y="744"/>
                  </a:lnTo>
                  <a:lnTo>
                    <a:pt x="1356" y="753"/>
                  </a:lnTo>
                  <a:lnTo>
                    <a:pt x="1353" y="759"/>
                  </a:lnTo>
                  <a:lnTo>
                    <a:pt x="1351" y="765"/>
                  </a:lnTo>
                  <a:lnTo>
                    <a:pt x="1351" y="768"/>
                  </a:lnTo>
                  <a:lnTo>
                    <a:pt x="1353" y="771"/>
                  </a:lnTo>
                  <a:lnTo>
                    <a:pt x="1354" y="773"/>
                  </a:lnTo>
                  <a:lnTo>
                    <a:pt x="1356" y="775"/>
                  </a:lnTo>
                  <a:lnTo>
                    <a:pt x="1353" y="797"/>
                  </a:lnTo>
                  <a:lnTo>
                    <a:pt x="1356" y="798"/>
                  </a:lnTo>
                  <a:lnTo>
                    <a:pt x="1358" y="802"/>
                  </a:lnTo>
                  <a:lnTo>
                    <a:pt x="1361" y="807"/>
                  </a:lnTo>
                  <a:lnTo>
                    <a:pt x="1363" y="812"/>
                  </a:lnTo>
                  <a:lnTo>
                    <a:pt x="1363" y="819"/>
                  </a:lnTo>
                  <a:lnTo>
                    <a:pt x="1359" y="827"/>
                  </a:lnTo>
                  <a:lnTo>
                    <a:pt x="1353" y="836"/>
                  </a:lnTo>
                  <a:lnTo>
                    <a:pt x="1351" y="837"/>
                  </a:lnTo>
                  <a:lnTo>
                    <a:pt x="1348" y="836"/>
                  </a:lnTo>
                  <a:lnTo>
                    <a:pt x="1346" y="836"/>
                  </a:lnTo>
                  <a:lnTo>
                    <a:pt x="1329" y="854"/>
                  </a:lnTo>
                  <a:lnTo>
                    <a:pt x="1337" y="866"/>
                  </a:lnTo>
                  <a:lnTo>
                    <a:pt x="1339" y="875"/>
                  </a:lnTo>
                  <a:lnTo>
                    <a:pt x="1337" y="875"/>
                  </a:lnTo>
                  <a:lnTo>
                    <a:pt x="1334" y="875"/>
                  </a:lnTo>
                  <a:lnTo>
                    <a:pt x="1332" y="875"/>
                  </a:lnTo>
                  <a:lnTo>
                    <a:pt x="1329" y="875"/>
                  </a:lnTo>
                  <a:lnTo>
                    <a:pt x="1324" y="876"/>
                  </a:lnTo>
                  <a:lnTo>
                    <a:pt x="1319" y="878"/>
                  </a:lnTo>
                  <a:lnTo>
                    <a:pt x="1312" y="880"/>
                  </a:lnTo>
                  <a:lnTo>
                    <a:pt x="1305" y="883"/>
                  </a:lnTo>
                  <a:lnTo>
                    <a:pt x="1295" y="888"/>
                  </a:lnTo>
                  <a:lnTo>
                    <a:pt x="1285" y="893"/>
                  </a:lnTo>
                  <a:lnTo>
                    <a:pt x="1273" y="898"/>
                  </a:lnTo>
                  <a:lnTo>
                    <a:pt x="1260" y="905"/>
                  </a:lnTo>
                  <a:lnTo>
                    <a:pt x="1246" y="913"/>
                  </a:lnTo>
                  <a:lnTo>
                    <a:pt x="1251" y="905"/>
                  </a:lnTo>
                  <a:lnTo>
                    <a:pt x="1256" y="902"/>
                  </a:lnTo>
                  <a:lnTo>
                    <a:pt x="1268" y="895"/>
                  </a:lnTo>
                  <a:lnTo>
                    <a:pt x="1270" y="895"/>
                  </a:lnTo>
                  <a:lnTo>
                    <a:pt x="1271" y="893"/>
                  </a:lnTo>
                  <a:lnTo>
                    <a:pt x="1271" y="891"/>
                  </a:lnTo>
                  <a:lnTo>
                    <a:pt x="1268" y="890"/>
                  </a:lnTo>
                  <a:lnTo>
                    <a:pt x="1266" y="890"/>
                  </a:lnTo>
                  <a:lnTo>
                    <a:pt x="1263" y="890"/>
                  </a:lnTo>
                  <a:lnTo>
                    <a:pt x="1261" y="890"/>
                  </a:lnTo>
                  <a:lnTo>
                    <a:pt x="1260" y="890"/>
                  </a:lnTo>
                  <a:lnTo>
                    <a:pt x="1258" y="891"/>
                  </a:lnTo>
                  <a:lnTo>
                    <a:pt x="1256" y="891"/>
                  </a:lnTo>
                  <a:lnTo>
                    <a:pt x="1251" y="895"/>
                  </a:lnTo>
                  <a:lnTo>
                    <a:pt x="1249" y="895"/>
                  </a:lnTo>
                  <a:lnTo>
                    <a:pt x="1248" y="895"/>
                  </a:lnTo>
                  <a:lnTo>
                    <a:pt x="1246" y="895"/>
                  </a:lnTo>
                  <a:lnTo>
                    <a:pt x="1244" y="895"/>
                  </a:lnTo>
                  <a:lnTo>
                    <a:pt x="1243" y="893"/>
                  </a:lnTo>
                  <a:lnTo>
                    <a:pt x="1244" y="890"/>
                  </a:lnTo>
                  <a:lnTo>
                    <a:pt x="1246" y="886"/>
                  </a:lnTo>
                  <a:lnTo>
                    <a:pt x="1248" y="881"/>
                  </a:lnTo>
                  <a:lnTo>
                    <a:pt x="1249" y="878"/>
                  </a:lnTo>
                  <a:lnTo>
                    <a:pt x="1251" y="876"/>
                  </a:lnTo>
                  <a:lnTo>
                    <a:pt x="1253" y="875"/>
                  </a:lnTo>
                  <a:lnTo>
                    <a:pt x="1254" y="873"/>
                  </a:lnTo>
                  <a:lnTo>
                    <a:pt x="1254" y="871"/>
                  </a:lnTo>
                  <a:lnTo>
                    <a:pt x="1254" y="869"/>
                  </a:lnTo>
                  <a:lnTo>
                    <a:pt x="1253" y="868"/>
                  </a:lnTo>
                  <a:lnTo>
                    <a:pt x="1251" y="864"/>
                  </a:lnTo>
                  <a:lnTo>
                    <a:pt x="1249" y="864"/>
                  </a:lnTo>
                  <a:lnTo>
                    <a:pt x="1248" y="864"/>
                  </a:lnTo>
                  <a:lnTo>
                    <a:pt x="1243" y="868"/>
                  </a:lnTo>
                  <a:lnTo>
                    <a:pt x="1238" y="869"/>
                  </a:lnTo>
                  <a:lnTo>
                    <a:pt x="1234" y="871"/>
                  </a:lnTo>
                  <a:lnTo>
                    <a:pt x="1232" y="873"/>
                  </a:lnTo>
                  <a:lnTo>
                    <a:pt x="1232" y="875"/>
                  </a:lnTo>
                  <a:lnTo>
                    <a:pt x="1232" y="876"/>
                  </a:lnTo>
                  <a:lnTo>
                    <a:pt x="1232" y="878"/>
                  </a:lnTo>
                  <a:lnTo>
                    <a:pt x="1231" y="880"/>
                  </a:lnTo>
                  <a:lnTo>
                    <a:pt x="1229" y="880"/>
                  </a:lnTo>
                  <a:lnTo>
                    <a:pt x="1227" y="880"/>
                  </a:lnTo>
                  <a:lnTo>
                    <a:pt x="1224" y="878"/>
                  </a:lnTo>
                  <a:lnTo>
                    <a:pt x="1222" y="875"/>
                  </a:lnTo>
                  <a:lnTo>
                    <a:pt x="1219" y="873"/>
                  </a:lnTo>
                  <a:lnTo>
                    <a:pt x="1217" y="871"/>
                  </a:lnTo>
                  <a:lnTo>
                    <a:pt x="1216" y="869"/>
                  </a:lnTo>
                  <a:lnTo>
                    <a:pt x="1216" y="871"/>
                  </a:lnTo>
                  <a:lnTo>
                    <a:pt x="1217" y="875"/>
                  </a:lnTo>
                  <a:lnTo>
                    <a:pt x="1219" y="878"/>
                  </a:lnTo>
                  <a:lnTo>
                    <a:pt x="1219" y="881"/>
                  </a:lnTo>
                  <a:lnTo>
                    <a:pt x="1219" y="885"/>
                  </a:lnTo>
                  <a:lnTo>
                    <a:pt x="1217" y="886"/>
                  </a:lnTo>
                  <a:lnTo>
                    <a:pt x="1216" y="890"/>
                  </a:lnTo>
                  <a:lnTo>
                    <a:pt x="1216" y="891"/>
                  </a:lnTo>
                  <a:lnTo>
                    <a:pt x="1217" y="895"/>
                  </a:lnTo>
                  <a:lnTo>
                    <a:pt x="1221" y="898"/>
                  </a:lnTo>
                  <a:lnTo>
                    <a:pt x="1226" y="903"/>
                  </a:lnTo>
                  <a:lnTo>
                    <a:pt x="1231" y="907"/>
                  </a:lnTo>
                  <a:lnTo>
                    <a:pt x="1234" y="910"/>
                  </a:lnTo>
                  <a:lnTo>
                    <a:pt x="1236" y="913"/>
                  </a:lnTo>
                  <a:lnTo>
                    <a:pt x="1234" y="915"/>
                  </a:lnTo>
                  <a:lnTo>
                    <a:pt x="1234" y="917"/>
                  </a:lnTo>
                  <a:lnTo>
                    <a:pt x="1232" y="919"/>
                  </a:lnTo>
                  <a:lnTo>
                    <a:pt x="1231" y="919"/>
                  </a:lnTo>
                  <a:lnTo>
                    <a:pt x="1212" y="939"/>
                  </a:lnTo>
                  <a:lnTo>
                    <a:pt x="1202" y="937"/>
                  </a:lnTo>
                  <a:lnTo>
                    <a:pt x="1192" y="959"/>
                  </a:lnTo>
                  <a:lnTo>
                    <a:pt x="1202" y="957"/>
                  </a:lnTo>
                  <a:lnTo>
                    <a:pt x="1200" y="959"/>
                  </a:lnTo>
                  <a:lnTo>
                    <a:pt x="1199" y="961"/>
                  </a:lnTo>
                  <a:lnTo>
                    <a:pt x="1197" y="964"/>
                  </a:lnTo>
                  <a:lnTo>
                    <a:pt x="1194" y="966"/>
                  </a:lnTo>
                  <a:lnTo>
                    <a:pt x="1190" y="969"/>
                  </a:lnTo>
                  <a:lnTo>
                    <a:pt x="1185" y="973"/>
                  </a:lnTo>
                  <a:lnTo>
                    <a:pt x="1180" y="976"/>
                  </a:lnTo>
                  <a:lnTo>
                    <a:pt x="1177" y="981"/>
                  </a:lnTo>
                  <a:lnTo>
                    <a:pt x="1172" y="985"/>
                  </a:lnTo>
                  <a:lnTo>
                    <a:pt x="1165" y="988"/>
                  </a:lnTo>
                  <a:lnTo>
                    <a:pt x="1160" y="991"/>
                  </a:lnTo>
                  <a:lnTo>
                    <a:pt x="1155" y="995"/>
                  </a:lnTo>
                  <a:lnTo>
                    <a:pt x="1148" y="998"/>
                  </a:lnTo>
                  <a:lnTo>
                    <a:pt x="1143" y="1000"/>
                  </a:lnTo>
                  <a:lnTo>
                    <a:pt x="1136" y="1001"/>
                  </a:lnTo>
                  <a:lnTo>
                    <a:pt x="1134" y="1003"/>
                  </a:lnTo>
                  <a:lnTo>
                    <a:pt x="1129" y="1007"/>
                  </a:lnTo>
                  <a:lnTo>
                    <a:pt x="1124" y="1010"/>
                  </a:lnTo>
                  <a:lnTo>
                    <a:pt x="1117" y="1013"/>
                  </a:lnTo>
                  <a:lnTo>
                    <a:pt x="1111" y="1018"/>
                  </a:lnTo>
                  <a:lnTo>
                    <a:pt x="1106" y="1022"/>
                  </a:lnTo>
                  <a:lnTo>
                    <a:pt x="1102" y="1023"/>
                  </a:lnTo>
                  <a:lnTo>
                    <a:pt x="1100" y="1025"/>
                  </a:lnTo>
                  <a:lnTo>
                    <a:pt x="1099" y="1025"/>
                  </a:lnTo>
                  <a:lnTo>
                    <a:pt x="1094" y="1029"/>
                  </a:lnTo>
                  <a:lnTo>
                    <a:pt x="1089" y="1032"/>
                  </a:lnTo>
                  <a:lnTo>
                    <a:pt x="1084" y="1034"/>
                  </a:lnTo>
                  <a:lnTo>
                    <a:pt x="1078" y="1034"/>
                  </a:lnTo>
                  <a:lnTo>
                    <a:pt x="1080" y="1034"/>
                  </a:lnTo>
                  <a:lnTo>
                    <a:pt x="1085" y="1029"/>
                  </a:lnTo>
                  <a:lnTo>
                    <a:pt x="1099" y="1020"/>
                  </a:lnTo>
                  <a:lnTo>
                    <a:pt x="1100" y="1018"/>
                  </a:lnTo>
                  <a:lnTo>
                    <a:pt x="1102" y="1017"/>
                  </a:lnTo>
                  <a:lnTo>
                    <a:pt x="1107" y="1015"/>
                  </a:lnTo>
                  <a:lnTo>
                    <a:pt x="1112" y="1012"/>
                  </a:lnTo>
                  <a:lnTo>
                    <a:pt x="1119" y="1008"/>
                  </a:lnTo>
                  <a:lnTo>
                    <a:pt x="1124" y="1005"/>
                  </a:lnTo>
                  <a:lnTo>
                    <a:pt x="1131" y="1001"/>
                  </a:lnTo>
                  <a:lnTo>
                    <a:pt x="1136" y="998"/>
                  </a:lnTo>
                  <a:lnTo>
                    <a:pt x="1139" y="995"/>
                  </a:lnTo>
                  <a:lnTo>
                    <a:pt x="1141" y="993"/>
                  </a:lnTo>
                  <a:lnTo>
                    <a:pt x="1143" y="993"/>
                  </a:lnTo>
                  <a:lnTo>
                    <a:pt x="1141" y="993"/>
                  </a:lnTo>
                  <a:lnTo>
                    <a:pt x="1138" y="993"/>
                  </a:lnTo>
                  <a:lnTo>
                    <a:pt x="1131" y="996"/>
                  </a:lnTo>
                  <a:lnTo>
                    <a:pt x="1119" y="1001"/>
                  </a:lnTo>
                  <a:lnTo>
                    <a:pt x="1106" y="1008"/>
                  </a:lnTo>
                  <a:lnTo>
                    <a:pt x="1104" y="1008"/>
                  </a:lnTo>
                  <a:lnTo>
                    <a:pt x="1102" y="1010"/>
                  </a:lnTo>
                  <a:lnTo>
                    <a:pt x="1099" y="1012"/>
                  </a:lnTo>
                  <a:lnTo>
                    <a:pt x="1097" y="1013"/>
                  </a:lnTo>
                  <a:lnTo>
                    <a:pt x="1094" y="1015"/>
                  </a:lnTo>
                  <a:lnTo>
                    <a:pt x="1092" y="1015"/>
                  </a:lnTo>
                  <a:lnTo>
                    <a:pt x="1092" y="1012"/>
                  </a:lnTo>
                  <a:lnTo>
                    <a:pt x="1094" y="1008"/>
                  </a:lnTo>
                  <a:lnTo>
                    <a:pt x="1094" y="1007"/>
                  </a:lnTo>
                  <a:lnTo>
                    <a:pt x="1095" y="1005"/>
                  </a:lnTo>
                  <a:lnTo>
                    <a:pt x="1095" y="1003"/>
                  </a:lnTo>
                  <a:lnTo>
                    <a:pt x="1097" y="1000"/>
                  </a:lnTo>
                  <a:lnTo>
                    <a:pt x="1097" y="998"/>
                  </a:lnTo>
                  <a:lnTo>
                    <a:pt x="1099" y="995"/>
                  </a:lnTo>
                  <a:lnTo>
                    <a:pt x="1099" y="993"/>
                  </a:lnTo>
                  <a:lnTo>
                    <a:pt x="1087" y="1005"/>
                  </a:lnTo>
                  <a:lnTo>
                    <a:pt x="1078" y="1007"/>
                  </a:lnTo>
                  <a:lnTo>
                    <a:pt x="1075" y="1001"/>
                  </a:lnTo>
                  <a:lnTo>
                    <a:pt x="1077" y="1012"/>
                  </a:lnTo>
                  <a:lnTo>
                    <a:pt x="1067" y="1015"/>
                  </a:lnTo>
                  <a:lnTo>
                    <a:pt x="1065" y="1013"/>
                  </a:lnTo>
                  <a:lnTo>
                    <a:pt x="1062" y="1008"/>
                  </a:lnTo>
                  <a:lnTo>
                    <a:pt x="1056" y="1003"/>
                  </a:lnTo>
                  <a:lnTo>
                    <a:pt x="1051" y="1000"/>
                  </a:lnTo>
                  <a:lnTo>
                    <a:pt x="1048" y="998"/>
                  </a:lnTo>
                  <a:lnTo>
                    <a:pt x="1048" y="1000"/>
                  </a:lnTo>
                  <a:lnTo>
                    <a:pt x="1050" y="1007"/>
                  </a:lnTo>
                  <a:lnTo>
                    <a:pt x="1058" y="1020"/>
                  </a:lnTo>
                  <a:lnTo>
                    <a:pt x="1060" y="1020"/>
                  </a:lnTo>
                  <a:lnTo>
                    <a:pt x="1063" y="1023"/>
                  </a:lnTo>
                  <a:lnTo>
                    <a:pt x="1067" y="1023"/>
                  </a:lnTo>
                  <a:lnTo>
                    <a:pt x="1068" y="1025"/>
                  </a:lnTo>
                  <a:lnTo>
                    <a:pt x="1070" y="1029"/>
                  </a:lnTo>
                  <a:lnTo>
                    <a:pt x="1070" y="1032"/>
                  </a:lnTo>
                  <a:lnTo>
                    <a:pt x="1067" y="1035"/>
                  </a:lnTo>
                  <a:lnTo>
                    <a:pt x="1063" y="1037"/>
                  </a:lnTo>
                  <a:lnTo>
                    <a:pt x="1062" y="1039"/>
                  </a:lnTo>
                  <a:lnTo>
                    <a:pt x="1058" y="1040"/>
                  </a:lnTo>
                  <a:lnTo>
                    <a:pt x="1056" y="1042"/>
                  </a:lnTo>
                  <a:lnTo>
                    <a:pt x="1053" y="1044"/>
                  </a:lnTo>
                  <a:lnTo>
                    <a:pt x="1051" y="1045"/>
                  </a:lnTo>
                  <a:lnTo>
                    <a:pt x="1050" y="1045"/>
                  </a:lnTo>
                  <a:lnTo>
                    <a:pt x="1050" y="1047"/>
                  </a:lnTo>
                  <a:lnTo>
                    <a:pt x="1048" y="1047"/>
                  </a:lnTo>
                  <a:lnTo>
                    <a:pt x="1046" y="1047"/>
                  </a:lnTo>
                  <a:lnTo>
                    <a:pt x="1045" y="1047"/>
                  </a:lnTo>
                  <a:lnTo>
                    <a:pt x="1043" y="1045"/>
                  </a:lnTo>
                  <a:lnTo>
                    <a:pt x="1041" y="1044"/>
                  </a:lnTo>
                  <a:lnTo>
                    <a:pt x="1040" y="1039"/>
                  </a:lnTo>
                  <a:lnTo>
                    <a:pt x="1040" y="1034"/>
                  </a:lnTo>
                  <a:lnTo>
                    <a:pt x="1036" y="1030"/>
                  </a:lnTo>
                  <a:lnTo>
                    <a:pt x="1036" y="1027"/>
                  </a:lnTo>
                  <a:lnTo>
                    <a:pt x="1033" y="1027"/>
                  </a:lnTo>
                  <a:lnTo>
                    <a:pt x="1033" y="1025"/>
                  </a:lnTo>
                  <a:lnTo>
                    <a:pt x="1031" y="1025"/>
                  </a:lnTo>
                  <a:lnTo>
                    <a:pt x="1029" y="1025"/>
                  </a:lnTo>
                  <a:lnTo>
                    <a:pt x="1019" y="1013"/>
                  </a:lnTo>
                  <a:lnTo>
                    <a:pt x="1023" y="1027"/>
                  </a:lnTo>
                  <a:lnTo>
                    <a:pt x="1031" y="1037"/>
                  </a:lnTo>
                  <a:lnTo>
                    <a:pt x="1028" y="1040"/>
                  </a:lnTo>
                  <a:lnTo>
                    <a:pt x="1031" y="1056"/>
                  </a:lnTo>
                  <a:lnTo>
                    <a:pt x="1019" y="1069"/>
                  </a:lnTo>
                  <a:lnTo>
                    <a:pt x="1018" y="1057"/>
                  </a:lnTo>
                  <a:lnTo>
                    <a:pt x="1011" y="1067"/>
                  </a:lnTo>
                  <a:lnTo>
                    <a:pt x="1006" y="1064"/>
                  </a:lnTo>
                  <a:lnTo>
                    <a:pt x="984" y="1078"/>
                  </a:lnTo>
                  <a:lnTo>
                    <a:pt x="992" y="1086"/>
                  </a:lnTo>
                  <a:lnTo>
                    <a:pt x="996" y="1083"/>
                  </a:lnTo>
                  <a:lnTo>
                    <a:pt x="997" y="1081"/>
                  </a:lnTo>
                  <a:lnTo>
                    <a:pt x="1001" y="1078"/>
                  </a:lnTo>
                  <a:lnTo>
                    <a:pt x="1002" y="1076"/>
                  </a:lnTo>
                  <a:lnTo>
                    <a:pt x="1004" y="1078"/>
                  </a:lnTo>
                  <a:lnTo>
                    <a:pt x="1004" y="1081"/>
                  </a:lnTo>
                  <a:lnTo>
                    <a:pt x="1001" y="1089"/>
                  </a:lnTo>
                  <a:lnTo>
                    <a:pt x="999" y="1091"/>
                  </a:lnTo>
                  <a:lnTo>
                    <a:pt x="997" y="1095"/>
                  </a:lnTo>
                  <a:lnTo>
                    <a:pt x="996" y="1098"/>
                  </a:lnTo>
                  <a:lnTo>
                    <a:pt x="994" y="1100"/>
                  </a:lnTo>
                  <a:lnTo>
                    <a:pt x="992" y="1103"/>
                  </a:lnTo>
                  <a:lnTo>
                    <a:pt x="992" y="1105"/>
                  </a:lnTo>
                  <a:lnTo>
                    <a:pt x="985" y="1110"/>
                  </a:lnTo>
                  <a:lnTo>
                    <a:pt x="982" y="1103"/>
                  </a:lnTo>
                  <a:lnTo>
                    <a:pt x="952" y="1103"/>
                  </a:lnTo>
                  <a:lnTo>
                    <a:pt x="957" y="1110"/>
                  </a:lnTo>
                  <a:lnTo>
                    <a:pt x="962" y="1111"/>
                  </a:lnTo>
                  <a:lnTo>
                    <a:pt x="965" y="1120"/>
                  </a:lnTo>
                  <a:lnTo>
                    <a:pt x="972" y="1125"/>
                  </a:lnTo>
                  <a:lnTo>
                    <a:pt x="977" y="1123"/>
                  </a:lnTo>
                  <a:lnTo>
                    <a:pt x="963" y="1167"/>
                  </a:lnTo>
                  <a:lnTo>
                    <a:pt x="963" y="1169"/>
                  </a:lnTo>
                  <a:lnTo>
                    <a:pt x="962" y="1171"/>
                  </a:lnTo>
                  <a:lnTo>
                    <a:pt x="962" y="1172"/>
                  </a:lnTo>
                  <a:lnTo>
                    <a:pt x="960" y="1172"/>
                  </a:lnTo>
                  <a:lnTo>
                    <a:pt x="958" y="1174"/>
                  </a:lnTo>
                  <a:lnTo>
                    <a:pt x="957" y="1172"/>
                  </a:lnTo>
                  <a:lnTo>
                    <a:pt x="955" y="1169"/>
                  </a:lnTo>
                  <a:lnTo>
                    <a:pt x="955" y="1162"/>
                  </a:lnTo>
                  <a:lnTo>
                    <a:pt x="953" y="1159"/>
                  </a:lnTo>
                  <a:lnTo>
                    <a:pt x="953" y="1155"/>
                  </a:lnTo>
                  <a:lnTo>
                    <a:pt x="952" y="1154"/>
                  </a:lnTo>
                  <a:lnTo>
                    <a:pt x="950" y="1152"/>
                  </a:lnTo>
                  <a:lnTo>
                    <a:pt x="948" y="1154"/>
                  </a:lnTo>
                  <a:lnTo>
                    <a:pt x="948" y="1157"/>
                  </a:lnTo>
                  <a:lnTo>
                    <a:pt x="948" y="1164"/>
                  </a:lnTo>
                  <a:lnTo>
                    <a:pt x="946" y="1166"/>
                  </a:lnTo>
                  <a:lnTo>
                    <a:pt x="945" y="1169"/>
                  </a:lnTo>
                  <a:lnTo>
                    <a:pt x="941" y="1172"/>
                  </a:lnTo>
                  <a:lnTo>
                    <a:pt x="940" y="1172"/>
                  </a:lnTo>
                  <a:lnTo>
                    <a:pt x="930" y="1166"/>
                  </a:lnTo>
                  <a:lnTo>
                    <a:pt x="931" y="1174"/>
                  </a:lnTo>
                  <a:lnTo>
                    <a:pt x="928" y="1179"/>
                  </a:lnTo>
                  <a:lnTo>
                    <a:pt x="938" y="1184"/>
                  </a:lnTo>
                  <a:lnTo>
                    <a:pt x="957" y="1181"/>
                  </a:lnTo>
                  <a:lnTo>
                    <a:pt x="958" y="1198"/>
                  </a:lnTo>
                  <a:lnTo>
                    <a:pt x="948" y="1223"/>
                  </a:lnTo>
                  <a:lnTo>
                    <a:pt x="948" y="1233"/>
                  </a:lnTo>
                  <a:lnTo>
                    <a:pt x="962" y="1269"/>
                  </a:lnTo>
                  <a:lnTo>
                    <a:pt x="960" y="1291"/>
                  </a:lnTo>
                  <a:lnTo>
                    <a:pt x="970" y="1304"/>
                  </a:lnTo>
                  <a:lnTo>
                    <a:pt x="975" y="1325"/>
                  </a:lnTo>
                  <a:lnTo>
                    <a:pt x="982" y="1337"/>
                  </a:lnTo>
                  <a:lnTo>
                    <a:pt x="968" y="1347"/>
                  </a:lnTo>
                  <a:lnTo>
                    <a:pt x="962" y="1355"/>
                  </a:lnTo>
                  <a:lnTo>
                    <a:pt x="960" y="1353"/>
                  </a:lnTo>
                  <a:lnTo>
                    <a:pt x="958" y="1352"/>
                  </a:lnTo>
                  <a:lnTo>
                    <a:pt x="957" y="1350"/>
                  </a:lnTo>
                  <a:lnTo>
                    <a:pt x="953" y="1347"/>
                  </a:lnTo>
                  <a:lnTo>
                    <a:pt x="950" y="1343"/>
                  </a:lnTo>
                  <a:lnTo>
                    <a:pt x="946" y="1340"/>
                  </a:lnTo>
                  <a:lnTo>
                    <a:pt x="943" y="1338"/>
                  </a:lnTo>
                  <a:lnTo>
                    <a:pt x="938" y="1335"/>
                  </a:lnTo>
                  <a:lnTo>
                    <a:pt x="933" y="1331"/>
                  </a:lnTo>
                  <a:lnTo>
                    <a:pt x="926" y="1330"/>
                  </a:lnTo>
                  <a:lnTo>
                    <a:pt x="919" y="1326"/>
                  </a:lnTo>
                  <a:lnTo>
                    <a:pt x="913" y="1325"/>
                  </a:lnTo>
                  <a:lnTo>
                    <a:pt x="904" y="1325"/>
                  </a:lnTo>
                  <a:lnTo>
                    <a:pt x="896" y="1325"/>
                  </a:lnTo>
                  <a:lnTo>
                    <a:pt x="887" y="1325"/>
                  </a:lnTo>
                  <a:lnTo>
                    <a:pt x="886" y="1325"/>
                  </a:lnTo>
                  <a:lnTo>
                    <a:pt x="884" y="1325"/>
                  </a:lnTo>
                  <a:lnTo>
                    <a:pt x="882" y="1325"/>
                  </a:lnTo>
                  <a:lnTo>
                    <a:pt x="879" y="1325"/>
                  </a:lnTo>
                  <a:lnTo>
                    <a:pt x="877" y="1325"/>
                  </a:lnTo>
                  <a:lnTo>
                    <a:pt x="875" y="1326"/>
                  </a:lnTo>
                  <a:lnTo>
                    <a:pt x="874" y="1326"/>
                  </a:lnTo>
                  <a:lnTo>
                    <a:pt x="872" y="1326"/>
                  </a:lnTo>
                  <a:lnTo>
                    <a:pt x="836" y="1304"/>
                  </a:lnTo>
                  <a:lnTo>
                    <a:pt x="821" y="1304"/>
                  </a:lnTo>
                  <a:lnTo>
                    <a:pt x="821" y="1303"/>
                  </a:lnTo>
                  <a:lnTo>
                    <a:pt x="820" y="1301"/>
                  </a:lnTo>
                  <a:lnTo>
                    <a:pt x="820" y="1298"/>
                  </a:lnTo>
                  <a:lnTo>
                    <a:pt x="816" y="1294"/>
                  </a:lnTo>
                  <a:lnTo>
                    <a:pt x="811" y="1291"/>
                  </a:lnTo>
                  <a:lnTo>
                    <a:pt x="806" y="1287"/>
                  </a:lnTo>
                  <a:lnTo>
                    <a:pt x="798" y="1284"/>
                  </a:lnTo>
                  <a:lnTo>
                    <a:pt x="787" y="1284"/>
                  </a:lnTo>
                  <a:lnTo>
                    <a:pt x="786" y="1284"/>
                  </a:lnTo>
                  <a:lnTo>
                    <a:pt x="784" y="1284"/>
                  </a:lnTo>
                  <a:lnTo>
                    <a:pt x="781" y="1284"/>
                  </a:lnTo>
                  <a:lnTo>
                    <a:pt x="779" y="1284"/>
                  </a:lnTo>
                  <a:lnTo>
                    <a:pt x="777" y="1284"/>
                  </a:lnTo>
                  <a:lnTo>
                    <a:pt x="776" y="1284"/>
                  </a:lnTo>
                  <a:lnTo>
                    <a:pt x="774" y="1284"/>
                  </a:lnTo>
                  <a:lnTo>
                    <a:pt x="774" y="1269"/>
                  </a:lnTo>
                  <a:lnTo>
                    <a:pt x="767" y="1267"/>
                  </a:lnTo>
                  <a:lnTo>
                    <a:pt x="767" y="1265"/>
                  </a:lnTo>
                  <a:lnTo>
                    <a:pt x="767" y="1262"/>
                  </a:lnTo>
                  <a:lnTo>
                    <a:pt x="765" y="1257"/>
                  </a:lnTo>
                  <a:lnTo>
                    <a:pt x="764" y="1252"/>
                  </a:lnTo>
                  <a:lnTo>
                    <a:pt x="764" y="1247"/>
                  </a:lnTo>
                  <a:lnTo>
                    <a:pt x="762" y="1242"/>
                  </a:lnTo>
                  <a:lnTo>
                    <a:pt x="759" y="1237"/>
                  </a:lnTo>
                  <a:lnTo>
                    <a:pt x="757" y="1230"/>
                  </a:lnTo>
                  <a:lnTo>
                    <a:pt x="755" y="1225"/>
                  </a:lnTo>
                  <a:lnTo>
                    <a:pt x="754" y="1220"/>
                  </a:lnTo>
                  <a:lnTo>
                    <a:pt x="750" y="1216"/>
                  </a:lnTo>
                  <a:lnTo>
                    <a:pt x="748" y="1213"/>
                  </a:lnTo>
                  <a:lnTo>
                    <a:pt x="745" y="1210"/>
                  </a:lnTo>
                  <a:lnTo>
                    <a:pt x="743" y="1208"/>
                  </a:lnTo>
                  <a:lnTo>
                    <a:pt x="740" y="1208"/>
                  </a:lnTo>
                  <a:lnTo>
                    <a:pt x="738" y="1208"/>
                  </a:lnTo>
                  <a:lnTo>
                    <a:pt x="738" y="1205"/>
                  </a:lnTo>
                  <a:lnTo>
                    <a:pt x="738" y="1199"/>
                  </a:lnTo>
                  <a:lnTo>
                    <a:pt x="738" y="1193"/>
                  </a:lnTo>
                  <a:lnTo>
                    <a:pt x="738" y="1188"/>
                  </a:lnTo>
                  <a:lnTo>
                    <a:pt x="738" y="1181"/>
                  </a:lnTo>
                  <a:lnTo>
                    <a:pt x="738" y="1177"/>
                  </a:lnTo>
                  <a:lnTo>
                    <a:pt x="738" y="1176"/>
                  </a:lnTo>
                  <a:lnTo>
                    <a:pt x="728" y="1166"/>
                  </a:lnTo>
                  <a:lnTo>
                    <a:pt x="728" y="1164"/>
                  </a:lnTo>
                  <a:lnTo>
                    <a:pt x="728" y="1161"/>
                  </a:lnTo>
                  <a:lnTo>
                    <a:pt x="730" y="1154"/>
                  </a:lnTo>
                  <a:lnTo>
                    <a:pt x="730" y="1147"/>
                  </a:lnTo>
                  <a:lnTo>
                    <a:pt x="728" y="1140"/>
                  </a:lnTo>
                  <a:lnTo>
                    <a:pt x="726" y="1133"/>
                  </a:lnTo>
                  <a:lnTo>
                    <a:pt x="725" y="1128"/>
                  </a:lnTo>
                  <a:lnTo>
                    <a:pt x="720" y="1127"/>
                  </a:lnTo>
                  <a:lnTo>
                    <a:pt x="718" y="1127"/>
                  </a:lnTo>
                  <a:lnTo>
                    <a:pt x="715" y="1125"/>
                  </a:lnTo>
                  <a:lnTo>
                    <a:pt x="711" y="1123"/>
                  </a:lnTo>
                  <a:lnTo>
                    <a:pt x="708" y="1122"/>
                  </a:lnTo>
                  <a:lnTo>
                    <a:pt x="706" y="1118"/>
                  </a:lnTo>
                  <a:lnTo>
                    <a:pt x="703" y="1115"/>
                  </a:lnTo>
                  <a:lnTo>
                    <a:pt x="699" y="1111"/>
                  </a:lnTo>
                  <a:lnTo>
                    <a:pt x="696" y="1106"/>
                  </a:lnTo>
                  <a:lnTo>
                    <a:pt x="693" y="1103"/>
                  </a:lnTo>
                  <a:lnTo>
                    <a:pt x="689" y="1098"/>
                  </a:lnTo>
                  <a:lnTo>
                    <a:pt x="686" y="1091"/>
                  </a:lnTo>
                  <a:lnTo>
                    <a:pt x="682" y="1086"/>
                  </a:lnTo>
                  <a:lnTo>
                    <a:pt x="679" y="1081"/>
                  </a:lnTo>
                  <a:lnTo>
                    <a:pt x="676" y="1074"/>
                  </a:lnTo>
                  <a:lnTo>
                    <a:pt x="672" y="1069"/>
                  </a:lnTo>
                  <a:lnTo>
                    <a:pt x="669" y="1062"/>
                  </a:lnTo>
                  <a:lnTo>
                    <a:pt x="667" y="1061"/>
                  </a:lnTo>
                  <a:lnTo>
                    <a:pt x="666" y="1059"/>
                  </a:lnTo>
                  <a:lnTo>
                    <a:pt x="662" y="1056"/>
                  </a:lnTo>
                  <a:lnTo>
                    <a:pt x="660" y="1051"/>
                  </a:lnTo>
                  <a:lnTo>
                    <a:pt x="657" y="1047"/>
                  </a:lnTo>
                  <a:lnTo>
                    <a:pt x="654" y="1045"/>
                  </a:lnTo>
                  <a:lnTo>
                    <a:pt x="652" y="1044"/>
                  </a:lnTo>
                  <a:lnTo>
                    <a:pt x="652" y="1042"/>
                  </a:lnTo>
                  <a:lnTo>
                    <a:pt x="610" y="949"/>
                  </a:lnTo>
                  <a:lnTo>
                    <a:pt x="605" y="935"/>
                  </a:lnTo>
                  <a:lnTo>
                    <a:pt x="591" y="915"/>
                  </a:lnTo>
                  <a:lnTo>
                    <a:pt x="564" y="891"/>
                  </a:lnTo>
                  <a:lnTo>
                    <a:pt x="562" y="890"/>
                  </a:lnTo>
                  <a:lnTo>
                    <a:pt x="561" y="885"/>
                  </a:lnTo>
                  <a:lnTo>
                    <a:pt x="554" y="880"/>
                  </a:lnTo>
                  <a:lnTo>
                    <a:pt x="549" y="873"/>
                  </a:lnTo>
                  <a:lnTo>
                    <a:pt x="542" y="866"/>
                  </a:lnTo>
                  <a:lnTo>
                    <a:pt x="535" y="861"/>
                  </a:lnTo>
                  <a:lnTo>
                    <a:pt x="528" y="856"/>
                  </a:lnTo>
                  <a:lnTo>
                    <a:pt x="522" y="854"/>
                  </a:lnTo>
                  <a:lnTo>
                    <a:pt x="520" y="854"/>
                  </a:lnTo>
                  <a:lnTo>
                    <a:pt x="515" y="854"/>
                  </a:lnTo>
                  <a:lnTo>
                    <a:pt x="512" y="853"/>
                  </a:lnTo>
                  <a:lnTo>
                    <a:pt x="506" y="853"/>
                  </a:lnTo>
                  <a:lnTo>
                    <a:pt x="501" y="853"/>
                  </a:lnTo>
                  <a:lnTo>
                    <a:pt x="496" y="851"/>
                  </a:lnTo>
                  <a:lnTo>
                    <a:pt x="490" y="851"/>
                  </a:lnTo>
                  <a:lnTo>
                    <a:pt x="484" y="849"/>
                  </a:lnTo>
                  <a:lnTo>
                    <a:pt x="478" y="849"/>
                  </a:lnTo>
                  <a:lnTo>
                    <a:pt x="473" y="847"/>
                  </a:lnTo>
                  <a:lnTo>
                    <a:pt x="468" y="846"/>
                  </a:lnTo>
                  <a:lnTo>
                    <a:pt x="461" y="844"/>
                  </a:lnTo>
                  <a:lnTo>
                    <a:pt x="457" y="844"/>
                  </a:lnTo>
                  <a:lnTo>
                    <a:pt x="452" y="841"/>
                  </a:lnTo>
                  <a:lnTo>
                    <a:pt x="449" y="839"/>
                  </a:lnTo>
                  <a:lnTo>
                    <a:pt x="446" y="837"/>
                  </a:lnTo>
                  <a:lnTo>
                    <a:pt x="442" y="836"/>
                  </a:lnTo>
                  <a:lnTo>
                    <a:pt x="440" y="834"/>
                  </a:lnTo>
                  <a:lnTo>
                    <a:pt x="439" y="834"/>
                  </a:lnTo>
                  <a:lnTo>
                    <a:pt x="435" y="836"/>
                  </a:lnTo>
                  <a:lnTo>
                    <a:pt x="434" y="837"/>
                  </a:lnTo>
                  <a:lnTo>
                    <a:pt x="432" y="839"/>
                  </a:lnTo>
                  <a:lnTo>
                    <a:pt x="429" y="842"/>
                  </a:lnTo>
                  <a:lnTo>
                    <a:pt x="427" y="846"/>
                  </a:lnTo>
                  <a:lnTo>
                    <a:pt x="424" y="847"/>
                  </a:lnTo>
                  <a:lnTo>
                    <a:pt x="420" y="849"/>
                  </a:lnTo>
                  <a:lnTo>
                    <a:pt x="418" y="849"/>
                  </a:lnTo>
                  <a:lnTo>
                    <a:pt x="417" y="849"/>
                  </a:lnTo>
                  <a:lnTo>
                    <a:pt x="415" y="847"/>
                  </a:lnTo>
                  <a:lnTo>
                    <a:pt x="413" y="846"/>
                  </a:lnTo>
                  <a:lnTo>
                    <a:pt x="412" y="844"/>
                  </a:lnTo>
                  <a:lnTo>
                    <a:pt x="408" y="844"/>
                  </a:lnTo>
                  <a:lnTo>
                    <a:pt x="405" y="846"/>
                  </a:lnTo>
                  <a:lnTo>
                    <a:pt x="398" y="847"/>
                  </a:lnTo>
                  <a:lnTo>
                    <a:pt x="391" y="853"/>
                  </a:lnTo>
                  <a:lnTo>
                    <a:pt x="386" y="863"/>
                  </a:lnTo>
                  <a:lnTo>
                    <a:pt x="380" y="875"/>
                  </a:lnTo>
                  <a:lnTo>
                    <a:pt x="374" y="891"/>
                  </a:lnTo>
                  <a:lnTo>
                    <a:pt x="368" y="902"/>
                  </a:lnTo>
                  <a:lnTo>
                    <a:pt x="368" y="903"/>
                  </a:lnTo>
                  <a:lnTo>
                    <a:pt x="366" y="903"/>
                  </a:lnTo>
                  <a:lnTo>
                    <a:pt x="366" y="905"/>
                  </a:lnTo>
                  <a:lnTo>
                    <a:pt x="364" y="908"/>
                  </a:lnTo>
                  <a:lnTo>
                    <a:pt x="361" y="912"/>
                  </a:lnTo>
                  <a:lnTo>
                    <a:pt x="358" y="915"/>
                  </a:lnTo>
                  <a:lnTo>
                    <a:pt x="356" y="915"/>
                  </a:lnTo>
                  <a:lnTo>
                    <a:pt x="356" y="917"/>
                  </a:lnTo>
                  <a:lnTo>
                    <a:pt x="352" y="919"/>
                  </a:lnTo>
                  <a:lnTo>
                    <a:pt x="351" y="922"/>
                  </a:lnTo>
                  <a:lnTo>
                    <a:pt x="349" y="924"/>
                  </a:lnTo>
                  <a:lnTo>
                    <a:pt x="347" y="925"/>
                  </a:lnTo>
                  <a:lnTo>
                    <a:pt x="346" y="927"/>
                  </a:lnTo>
                  <a:lnTo>
                    <a:pt x="346" y="930"/>
                  </a:lnTo>
                  <a:lnTo>
                    <a:pt x="344" y="932"/>
                  </a:lnTo>
                  <a:lnTo>
                    <a:pt x="342" y="935"/>
                  </a:lnTo>
                  <a:lnTo>
                    <a:pt x="339" y="937"/>
                  </a:lnTo>
                  <a:lnTo>
                    <a:pt x="334" y="937"/>
                  </a:lnTo>
                  <a:lnTo>
                    <a:pt x="325" y="937"/>
                  </a:lnTo>
                  <a:lnTo>
                    <a:pt x="314" y="932"/>
                  </a:lnTo>
                  <a:lnTo>
                    <a:pt x="312" y="930"/>
                  </a:lnTo>
                  <a:lnTo>
                    <a:pt x="308" y="927"/>
                  </a:lnTo>
                  <a:lnTo>
                    <a:pt x="303" y="924"/>
                  </a:lnTo>
                  <a:lnTo>
                    <a:pt x="297" y="919"/>
                  </a:lnTo>
                  <a:lnTo>
                    <a:pt x="288" y="912"/>
                  </a:lnTo>
                  <a:lnTo>
                    <a:pt x="280" y="907"/>
                  </a:lnTo>
                  <a:lnTo>
                    <a:pt x="271" y="902"/>
                  </a:lnTo>
                  <a:lnTo>
                    <a:pt x="263" y="895"/>
                  </a:lnTo>
                  <a:lnTo>
                    <a:pt x="261" y="895"/>
                  </a:lnTo>
                  <a:lnTo>
                    <a:pt x="259" y="895"/>
                  </a:lnTo>
                  <a:lnTo>
                    <a:pt x="256" y="895"/>
                  </a:lnTo>
                  <a:lnTo>
                    <a:pt x="251" y="893"/>
                  </a:lnTo>
                  <a:lnTo>
                    <a:pt x="246" y="890"/>
                  </a:lnTo>
                  <a:lnTo>
                    <a:pt x="239" y="885"/>
                  </a:lnTo>
                  <a:lnTo>
                    <a:pt x="234" y="880"/>
                  </a:lnTo>
                  <a:lnTo>
                    <a:pt x="227" y="869"/>
                  </a:lnTo>
                  <a:lnTo>
                    <a:pt x="224" y="866"/>
                  </a:lnTo>
                  <a:lnTo>
                    <a:pt x="220" y="864"/>
                  </a:lnTo>
                  <a:lnTo>
                    <a:pt x="217" y="863"/>
                  </a:lnTo>
                  <a:lnTo>
                    <a:pt x="214" y="859"/>
                  </a:lnTo>
                  <a:lnTo>
                    <a:pt x="209" y="854"/>
                  </a:lnTo>
                  <a:lnTo>
                    <a:pt x="204" y="846"/>
                  </a:lnTo>
                  <a:lnTo>
                    <a:pt x="195" y="834"/>
                  </a:lnTo>
                  <a:lnTo>
                    <a:pt x="187" y="819"/>
                  </a:lnTo>
                  <a:lnTo>
                    <a:pt x="187" y="815"/>
                  </a:lnTo>
                  <a:lnTo>
                    <a:pt x="185" y="809"/>
                  </a:lnTo>
                  <a:lnTo>
                    <a:pt x="185" y="800"/>
                  </a:lnTo>
                  <a:lnTo>
                    <a:pt x="185" y="792"/>
                  </a:lnTo>
                  <a:lnTo>
                    <a:pt x="183" y="783"/>
                  </a:lnTo>
                  <a:lnTo>
                    <a:pt x="183" y="776"/>
                  </a:lnTo>
                  <a:lnTo>
                    <a:pt x="183" y="771"/>
                  </a:lnTo>
                  <a:lnTo>
                    <a:pt x="183" y="770"/>
                  </a:lnTo>
                  <a:lnTo>
                    <a:pt x="171" y="753"/>
                  </a:lnTo>
                  <a:lnTo>
                    <a:pt x="171" y="751"/>
                  </a:lnTo>
                  <a:lnTo>
                    <a:pt x="171" y="749"/>
                  </a:lnTo>
                  <a:lnTo>
                    <a:pt x="171" y="746"/>
                  </a:lnTo>
                  <a:lnTo>
                    <a:pt x="170" y="741"/>
                  </a:lnTo>
                  <a:lnTo>
                    <a:pt x="166" y="732"/>
                  </a:lnTo>
                  <a:lnTo>
                    <a:pt x="160" y="722"/>
                  </a:lnTo>
                  <a:lnTo>
                    <a:pt x="149" y="710"/>
                  </a:lnTo>
                  <a:lnTo>
                    <a:pt x="134" y="695"/>
                  </a:lnTo>
                  <a:lnTo>
                    <a:pt x="132" y="693"/>
                  </a:lnTo>
                  <a:lnTo>
                    <a:pt x="129" y="690"/>
                  </a:lnTo>
                  <a:lnTo>
                    <a:pt x="124" y="685"/>
                  </a:lnTo>
                  <a:lnTo>
                    <a:pt x="119" y="680"/>
                  </a:lnTo>
                  <a:lnTo>
                    <a:pt x="114" y="677"/>
                  </a:lnTo>
                  <a:lnTo>
                    <a:pt x="109" y="671"/>
                  </a:lnTo>
                  <a:lnTo>
                    <a:pt x="105" y="670"/>
                  </a:lnTo>
                  <a:lnTo>
                    <a:pt x="104" y="668"/>
                  </a:lnTo>
                  <a:lnTo>
                    <a:pt x="92" y="648"/>
                  </a:lnTo>
                  <a:lnTo>
                    <a:pt x="60" y="609"/>
                  </a:lnTo>
                  <a:lnTo>
                    <a:pt x="43" y="605"/>
                  </a:lnTo>
                  <a:lnTo>
                    <a:pt x="19" y="561"/>
                  </a:lnTo>
                  <a:lnTo>
                    <a:pt x="6" y="560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41" name="Freeform 124"/>
            <p:cNvSpPr>
              <a:spLocks/>
            </p:cNvSpPr>
            <p:nvPr/>
          </p:nvSpPr>
          <p:spPr bwMode="auto">
            <a:xfrm>
              <a:off x="2004" y="1844"/>
              <a:ext cx="789" cy="392"/>
            </a:xfrm>
            <a:custGeom>
              <a:avLst/>
              <a:gdLst>
                <a:gd name="T0" fmla="*/ 533 w 811"/>
                <a:gd name="T1" fmla="*/ 239 h 404"/>
                <a:gd name="T2" fmla="*/ 531 w 811"/>
                <a:gd name="T3" fmla="*/ 229 h 404"/>
                <a:gd name="T4" fmla="*/ 528 w 811"/>
                <a:gd name="T5" fmla="*/ 221 h 404"/>
                <a:gd name="T6" fmla="*/ 526 w 811"/>
                <a:gd name="T7" fmla="*/ 216 h 404"/>
                <a:gd name="T8" fmla="*/ 520 w 811"/>
                <a:gd name="T9" fmla="*/ 209 h 404"/>
                <a:gd name="T10" fmla="*/ 518 w 811"/>
                <a:gd name="T11" fmla="*/ 199 h 404"/>
                <a:gd name="T12" fmla="*/ 520 w 811"/>
                <a:gd name="T13" fmla="*/ 188 h 404"/>
                <a:gd name="T14" fmla="*/ 520 w 811"/>
                <a:gd name="T15" fmla="*/ 178 h 404"/>
                <a:gd name="T16" fmla="*/ 521 w 811"/>
                <a:gd name="T17" fmla="*/ 173 h 404"/>
                <a:gd name="T18" fmla="*/ 516 w 811"/>
                <a:gd name="T19" fmla="*/ 146 h 404"/>
                <a:gd name="T20" fmla="*/ 508 w 811"/>
                <a:gd name="T21" fmla="*/ 138 h 404"/>
                <a:gd name="T22" fmla="*/ 505 w 811"/>
                <a:gd name="T23" fmla="*/ 127 h 404"/>
                <a:gd name="T24" fmla="*/ 506 w 811"/>
                <a:gd name="T25" fmla="*/ 122 h 404"/>
                <a:gd name="T26" fmla="*/ 504 w 811"/>
                <a:gd name="T27" fmla="*/ 108 h 404"/>
                <a:gd name="T28" fmla="*/ 501 w 811"/>
                <a:gd name="T29" fmla="*/ 102 h 404"/>
                <a:gd name="T30" fmla="*/ 493 w 811"/>
                <a:gd name="T31" fmla="*/ 97 h 404"/>
                <a:gd name="T32" fmla="*/ 490 w 811"/>
                <a:gd name="T33" fmla="*/ 87 h 404"/>
                <a:gd name="T34" fmla="*/ 489 w 811"/>
                <a:gd name="T35" fmla="*/ 80 h 404"/>
                <a:gd name="T36" fmla="*/ 486 w 811"/>
                <a:gd name="T37" fmla="*/ 73 h 404"/>
                <a:gd name="T38" fmla="*/ 484 w 811"/>
                <a:gd name="T39" fmla="*/ 70 h 404"/>
                <a:gd name="T40" fmla="*/ 478 w 811"/>
                <a:gd name="T41" fmla="*/ 63 h 404"/>
                <a:gd name="T42" fmla="*/ 474 w 811"/>
                <a:gd name="T43" fmla="*/ 58 h 404"/>
                <a:gd name="T44" fmla="*/ 469 w 811"/>
                <a:gd name="T45" fmla="*/ 48 h 404"/>
                <a:gd name="T46" fmla="*/ 459 w 811"/>
                <a:gd name="T47" fmla="*/ 41 h 404"/>
                <a:gd name="T48" fmla="*/ 450 w 811"/>
                <a:gd name="T49" fmla="*/ 39 h 404"/>
                <a:gd name="T50" fmla="*/ 441 w 811"/>
                <a:gd name="T51" fmla="*/ 38 h 404"/>
                <a:gd name="T52" fmla="*/ 398 w 811"/>
                <a:gd name="T53" fmla="*/ 32 h 404"/>
                <a:gd name="T54" fmla="*/ 391 w 811"/>
                <a:gd name="T55" fmla="*/ 37 h 404"/>
                <a:gd name="T56" fmla="*/ 384 w 811"/>
                <a:gd name="T57" fmla="*/ 38 h 404"/>
                <a:gd name="T58" fmla="*/ 378 w 811"/>
                <a:gd name="T59" fmla="*/ 32 h 404"/>
                <a:gd name="T60" fmla="*/ 364 w 811"/>
                <a:gd name="T61" fmla="*/ 18 h 404"/>
                <a:gd name="T62" fmla="*/ 355 w 811"/>
                <a:gd name="T63" fmla="*/ 16 h 404"/>
                <a:gd name="T64" fmla="*/ 348 w 811"/>
                <a:gd name="T65" fmla="*/ 16 h 404"/>
                <a:gd name="T66" fmla="*/ 328 w 811"/>
                <a:gd name="T67" fmla="*/ 16 h 404"/>
                <a:gd name="T68" fmla="*/ 295 w 811"/>
                <a:gd name="T69" fmla="*/ 16 h 404"/>
                <a:gd name="T70" fmla="*/ 258 w 811"/>
                <a:gd name="T71" fmla="*/ 16 h 404"/>
                <a:gd name="T72" fmla="*/ 214 w 811"/>
                <a:gd name="T73" fmla="*/ 16 h 404"/>
                <a:gd name="T74" fmla="*/ 167 w 811"/>
                <a:gd name="T75" fmla="*/ 13 h 404"/>
                <a:gd name="T76" fmla="*/ 123 w 811"/>
                <a:gd name="T77" fmla="*/ 12 h 404"/>
                <a:gd name="T78" fmla="*/ 84 w 811"/>
                <a:gd name="T79" fmla="*/ 8 h 404"/>
                <a:gd name="T80" fmla="*/ 50 w 811"/>
                <a:gd name="T81" fmla="*/ 5 h 404"/>
                <a:gd name="T82" fmla="*/ 23 w 811"/>
                <a:gd name="T83" fmla="*/ 2 h 404"/>
                <a:gd name="T84" fmla="*/ 2 w 811"/>
                <a:gd name="T85" fmla="*/ 165 h 404"/>
                <a:gd name="T86" fmla="*/ 126 w 811"/>
                <a:gd name="T87" fmla="*/ 254 h 404"/>
                <a:gd name="T88" fmla="*/ 153 w 811"/>
                <a:gd name="T89" fmla="*/ 257 h 404"/>
                <a:gd name="T90" fmla="*/ 189 w 811"/>
                <a:gd name="T91" fmla="*/ 260 h 404"/>
                <a:gd name="T92" fmla="*/ 234 w 811"/>
                <a:gd name="T93" fmla="*/ 262 h 404"/>
                <a:gd name="T94" fmla="*/ 289 w 811"/>
                <a:gd name="T95" fmla="*/ 262 h 404"/>
                <a:gd name="T96" fmla="*/ 343 w 811"/>
                <a:gd name="T97" fmla="*/ 262 h 404"/>
                <a:gd name="T98" fmla="*/ 400 w 811"/>
                <a:gd name="T99" fmla="*/ 264 h 404"/>
                <a:gd name="T100" fmla="*/ 449 w 811"/>
                <a:gd name="T101" fmla="*/ 264 h 404"/>
                <a:gd name="T102" fmla="*/ 492 w 811"/>
                <a:gd name="T103" fmla="*/ 265 h 404"/>
                <a:gd name="T104" fmla="*/ 528 w 811"/>
                <a:gd name="T105" fmla="*/ 265 h 404"/>
                <a:gd name="T106" fmla="*/ 547 w 811"/>
                <a:gd name="T107" fmla="*/ 265 h 404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w 811"/>
                <a:gd name="T163" fmla="*/ 0 h 404"/>
                <a:gd name="T164" fmla="*/ 811 w 811"/>
                <a:gd name="T165" fmla="*/ 404 h 404"/>
              </a:gdLst>
              <a:ahLst/>
              <a:cxnLst>
                <a:cxn ang="T108">
                  <a:pos x="T0" y="T1"/>
                </a:cxn>
                <a:cxn ang="T109">
                  <a:pos x="T2" y="T3"/>
                </a:cxn>
                <a:cxn ang="T110">
                  <a:pos x="T4" y="T5"/>
                </a:cxn>
                <a:cxn ang="T111">
                  <a:pos x="T6" y="T7"/>
                </a:cxn>
                <a:cxn ang="T112">
                  <a:pos x="T8" y="T9"/>
                </a:cxn>
                <a:cxn ang="T113">
                  <a:pos x="T10" y="T11"/>
                </a:cxn>
                <a:cxn ang="T114">
                  <a:pos x="T12" y="T13"/>
                </a:cxn>
                <a:cxn ang="T115">
                  <a:pos x="T14" y="T15"/>
                </a:cxn>
                <a:cxn ang="T116">
                  <a:pos x="T16" y="T17"/>
                </a:cxn>
                <a:cxn ang="T117">
                  <a:pos x="T18" y="T19"/>
                </a:cxn>
                <a:cxn ang="T118">
                  <a:pos x="T20" y="T21"/>
                </a:cxn>
                <a:cxn ang="T119">
                  <a:pos x="T22" y="T23"/>
                </a:cxn>
                <a:cxn ang="T120">
                  <a:pos x="T24" y="T25"/>
                </a:cxn>
                <a:cxn ang="T121">
                  <a:pos x="T26" y="T27"/>
                </a:cxn>
                <a:cxn ang="T122">
                  <a:pos x="T28" y="T29"/>
                </a:cxn>
                <a:cxn ang="T123">
                  <a:pos x="T30" y="T31"/>
                </a:cxn>
                <a:cxn ang="T124">
                  <a:pos x="T32" y="T33"/>
                </a:cxn>
                <a:cxn ang="T125">
                  <a:pos x="T34" y="T35"/>
                </a:cxn>
                <a:cxn ang="T126">
                  <a:pos x="T36" y="T37"/>
                </a:cxn>
                <a:cxn ang="T127">
                  <a:pos x="T38" y="T39"/>
                </a:cxn>
                <a:cxn ang="T128">
                  <a:pos x="T40" y="T41"/>
                </a:cxn>
                <a:cxn ang="T129">
                  <a:pos x="T42" y="T43"/>
                </a:cxn>
                <a:cxn ang="T130">
                  <a:pos x="T44" y="T45"/>
                </a:cxn>
                <a:cxn ang="T131">
                  <a:pos x="T46" y="T47"/>
                </a:cxn>
                <a:cxn ang="T132">
                  <a:pos x="T48" y="T49"/>
                </a:cxn>
                <a:cxn ang="T133">
                  <a:pos x="T50" y="T51"/>
                </a:cxn>
                <a:cxn ang="T134">
                  <a:pos x="T52" y="T53"/>
                </a:cxn>
                <a:cxn ang="T135">
                  <a:pos x="T54" y="T55"/>
                </a:cxn>
                <a:cxn ang="T136">
                  <a:pos x="T56" y="T57"/>
                </a:cxn>
                <a:cxn ang="T137">
                  <a:pos x="T58" y="T59"/>
                </a:cxn>
                <a:cxn ang="T138">
                  <a:pos x="T60" y="T61"/>
                </a:cxn>
                <a:cxn ang="T139">
                  <a:pos x="T62" y="T63"/>
                </a:cxn>
                <a:cxn ang="T140">
                  <a:pos x="T64" y="T65"/>
                </a:cxn>
                <a:cxn ang="T141">
                  <a:pos x="T66" y="T67"/>
                </a:cxn>
                <a:cxn ang="T142">
                  <a:pos x="T68" y="T69"/>
                </a:cxn>
                <a:cxn ang="T143">
                  <a:pos x="T70" y="T71"/>
                </a:cxn>
                <a:cxn ang="T144">
                  <a:pos x="T72" y="T73"/>
                </a:cxn>
                <a:cxn ang="T145">
                  <a:pos x="T74" y="T75"/>
                </a:cxn>
                <a:cxn ang="T146">
                  <a:pos x="T76" y="T77"/>
                </a:cxn>
                <a:cxn ang="T147">
                  <a:pos x="T78" y="T79"/>
                </a:cxn>
                <a:cxn ang="T148">
                  <a:pos x="T80" y="T81"/>
                </a:cxn>
                <a:cxn ang="T149">
                  <a:pos x="T82" y="T83"/>
                </a:cxn>
                <a:cxn ang="T150">
                  <a:pos x="T84" y="T85"/>
                </a:cxn>
                <a:cxn ang="T151">
                  <a:pos x="T86" y="T87"/>
                </a:cxn>
                <a:cxn ang="T152">
                  <a:pos x="T88" y="T89"/>
                </a:cxn>
                <a:cxn ang="T153">
                  <a:pos x="T90" y="T91"/>
                </a:cxn>
                <a:cxn ang="T154">
                  <a:pos x="T92" y="T93"/>
                </a:cxn>
                <a:cxn ang="T155">
                  <a:pos x="T94" y="T95"/>
                </a:cxn>
                <a:cxn ang="T156">
                  <a:pos x="T96" y="T97"/>
                </a:cxn>
                <a:cxn ang="T157">
                  <a:pos x="T98" y="T99"/>
                </a:cxn>
                <a:cxn ang="T158">
                  <a:pos x="T100" y="T101"/>
                </a:cxn>
                <a:cxn ang="T159">
                  <a:pos x="T102" y="T103"/>
                </a:cxn>
                <a:cxn ang="T160">
                  <a:pos x="T104" y="T105"/>
                </a:cxn>
                <a:cxn ang="T161">
                  <a:pos x="T106" y="T107"/>
                </a:cxn>
              </a:cxnLst>
              <a:rect l="T162" t="T163" r="T164" b="T165"/>
              <a:pathLst>
                <a:path w="811" h="404">
                  <a:moveTo>
                    <a:pt x="811" y="404"/>
                  </a:moveTo>
                  <a:lnTo>
                    <a:pt x="799" y="376"/>
                  </a:lnTo>
                  <a:lnTo>
                    <a:pt x="785" y="364"/>
                  </a:lnTo>
                  <a:lnTo>
                    <a:pt x="782" y="352"/>
                  </a:lnTo>
                  <a:lnTo>
                    <a:pt x="782" y="350"/>
                  </a:lnTo>
                  <a:lnTo>
                    <a:pt x="780" y="348"/>
                  </a:lnTo>
                  <a:lnTo>
                    <a:pt x="779" y="345"/>
                  </a:lnTo>
                  <a:lnTo>
                    <a:pt x="777" y="342"/>
                  </a:lnTo>
                  <a:lnTo>
                    <a:pt x="775" y="337"/>
                  </a:lnTo>
                  <a:lnTo>
                    <a:pt x="774" y="333"/>
                  </a:lnTo>
                  <a:lnTo>
                    <a:pt x="772" y="330"/>
                  </a:lnTo>
                  <a:lnTo>
                    <a:pt x="769" y="326"/>
                  </a:lnTo>
                  <a:lnTo>
                    <a:pt x="767" y="323"/>
                  </a:lnTo>
                  <a:lnTo>
                    <a:pt x="765" y="318"/>
                  </a:lnTo>
                  <a:lnTo>
                    <a:pt x="765" y="313"/>
                  </a:lnTo>
                  <a:lnTo>
                    <a:pt x="763" y="308"/>
                  </a:lnTo>
                  <a:lnTo>
                    <a:pt x="763" y="303"/>
                  </a:lnTo>
                  <a:lnTo>
                    <a:pt x="763" y="298"/>
                  </a:lnTo>
                  <a:lnTo>
                    <a:pt x="763" y="291"/>
                  </a:lnTo>
                  <a:lnTo>
                    <a:pt x="765" y="286"/>
                  </a:lnTo>
                  <a:lnTo>
                    <a:pt x="765" y="281"/>
                  </a:lnTo>
                  <a:lnTo>
                    <a:pt x="765" y="276"/>
                  </a:lnTo>
                  <a:lnTo>
                    <a:pt x="765" y="272"/>
                  </a:lnTo>
                  <a:lnTo>
                    <a:pt x="767" y="269"/>
                  </a:lnTo>
                  <a:lnTo>
                    <a:pt x="767" y="266"/>
                  </a:lnTo>
                  <a:lnTo>
                    <a:pt x="767" y="264"/>
                  </a:lnTo>
                  <a:lnTo>
                    <a:pt x="760" y="255"/>
                  </a:lnTo>
                  <a:lnTo>
                    <a:pt x="758" y="223"/>
                  </a:lnTo>
                  <a:lnTo>
                    <a:pt x="755" y="218"/>
                  </a:lnTo>
                  <a:lnTo>
                    <a:pt x="750" y="215"/>
                  </a:lnTo>
                  <a:lnTo>
                    <a:pt x="747" y="210"/>
                  </a:lnTo>
                  <a:lnTo>
                    <a:pt x="743" y="205"/>
                  </a:lnTo>
                  <a:lnTo>
                    <a:pt x="743" y="200"/>
                  </a:lnTo>
                  <a:lnTo>
                    <a:pt x="743" y="194"/>
                  </a:lnTo>
                  <a:lnTo>
                    <a:pt x="743" y="191"/>
                  </a:lnTo>
                  <a:lnTo>
                    <a:pt x="743" y="188"/>
                  </a:lnTo>
                  <a:lnTo>
                    <a:pt x="745" y="186"/>
                  </a:lnTo>
                  <a:lnTo>
                    <a:pt x="743" y="178"/>
                  </a:lnTo>
                  <a:lnTo>
                    <a:pt x="743" y="169"/>
                  </a:lnTo>
                  <a:lnTo>
                    <a:pt x="741" y="164"/>
                  </a:lnTo>
                  <a:lnTo>
                    <a:pt x="738" y="159"/>
                  </a:lnTo>
                  <a:lnTo>
                    <a:pt x="736" y="156"/>
                  </a:lnTo>
                  <a:lnTo>
                    <a:pt x="735" y="154"/>
                  </a:lnTo>
                  <a:lnTo>
                    <a:pt x="733" y="152"/>
                  </a:lnTo>
                  <a:lnTo>
                    <a:pt x="731" y="150"/>
                  </a:lnTo>
                  <a:lnTo>
                    <a:pt x="726" y="147"/>
                  </a:lnTo>
                  <a:lnTo>
                    <a:pt x="725" y="144"/>
                  </a:lnTo>
                  <a:lnTo>
                    <a:pt x="721" y="139"/>
                  </a:lnTo>
                  <a:lnTo>
                    <a:pt x="721" y="134"/>
                  </a:lnTo>
                  <a:lnTo>
                    <a:pt x="719" y="130"/>
                  </a:lnTo>
                  <a:lnTo>
                    <a:pt x="719" y="125"/>
                  </a:lnTo>
                  <a:lnTo>
                    <a:pt x="719" y="123"/>
                  </a:lnTo>
                  <a:lnTo>
                    <a:pt x="714" y="110"/>
                  </a:lnTo>
                  <a:lnTo>
                    <a:pt x="713" y="108"/>
                  </a:lnTo>
                  <a:lnTo>
                    <a:pt x="711" y="105"/>
                  </a:lnTo>
                  <a:lnTo>
                    <a:pt x="708" y="103"/>
                  </a:lnTo>
                  <a:lnTo>
                    <a:pt x="706" y="100"/>
                  </a:lnTo>
                  <a:lnTo>
                    <a:pt x="703" y="95"/>
                  </a:lnTo>
                  <a:lnTo>
                    <a:pt x="699" y="93"/>
                  </a:lnTo>
                  <a:lnTo>
                    <a:pt x="697" y="90"/>
                  </a:lnTo>
                  <a:lnTo>
                    <a:pt x="696" y="88"/>
                  </a:lnTo>
                  <a:lnTo>
                    <a:pt x="694" y="84"/>
                  </a:lnTo>
                  <a:lnTo>
                    <a:pt x="692" y="79"/>
                  </a:lnTo>
                  <a:lnTo>
                    <a:pt x="689" y="74"/>
                  </a:lnTo>
                  <a:lnTo>
                    <a:pt x="686" y="69"/>
                  </a:lnTo>
                  <a:lnTo>
                    <a:pt x="681" y="64"/>
                  </a:lnTo>
                  <a:lnTo>
                    <a:pt x="675" y="61"/>
                  </a:lnTo>
                  <a:lnTo>
                    <a:pt x="667" y="59"/>
                  </a:lnTo>
                  <a:lnTo>
                    <a:pt x="665" y="59"/>
                  </a:lnTo>
                  <a:lnTo>
                    <a:pt x="662" y="57"/>
                  </a:lnTo>
                  <a:lnTo>
                    <a:pt x="659" y="56"/>
                  </a:lnTo>
                  <a:lnTo>
                    <a:pt x="659" y="54"/>
                  </a:lnTo>
                  <a:lnTo>
                    <a:pt x="648" y="54"/>
                  </a:lnTo>
                  <a:lnTo>
                    <a:pt x="637" y="44"/>
                  </a:lnTo>
                  <a:lnTo>
                    <a:pt x="584" y="44"/>
                  </a:lnTo>
                  <a:lnTo>
                    <a:pt x="584" y="46"/>
                  </a:lnTo>
                  <a:lnTo>
                    <a:pt x="582" y="47"/>
                  </a:lnTo>
                  <a:lnTo>
                    <a:pt x="579" y="51"/>
                  </a:lnTo>
                  <a:lnTo>
                    <a:pt x="576" y="52"/>
                  </a:lnTo>
                  <a:lnTo>
                    <a:pt x="572" y="56"/>
                  </a:lnTo>
                  <a:lnTo>
                    <a:pt x="569" y="56"/>
                  </a:lnTo>
                  <a:lnTo>
                    <a:pt x="565" y="54"/>
                  </a:lnTo>
                  <a:lnTo>
                    <a:pt x="562" y="51"/>
                  </a:lnTo>
                  <a:lnTo>
                    <a:pt x="560" y="49"/>
                  </a:lnTo>
                  <a:lnTo>
                    <a:pt x="555" y="46"/>
                  </a:lnTo>
                  <a:lnTo>
                    <a:pt x="549" y="42"/>
                  </a:lnTo>
                  <a:lnTo>
                    <a:pt x="542" y="37"/>
                  </a:lnTo>
                  <a:lnTo>
                    <a:pt x="535" y="32"/>
                  </a:lnTo>
                  <a:lnTo>
                    <a:pt x="528" y="29"/>
                  </a:lnTo>
                  <a:lnTo>
                    <a:pt x="523" y="25"/>
                  </a:lnTo>
                  <a:lnTo>
                    <a:pt x="521" y="25"/>
                  </a:lnTo>
                  <a:lnTo>
                    <a:pt x="520" y="25"/>
                  </a:lnTo>
                  <a:lnTo>
                    <a:pt x="516" y="25"/>
                  </a:lnTo>
                  <a:lnTo>
                    <a:pt x="511" y="24"/>
                  </a:lnTo>
                  <a:lnTo>
                    <a:pt x="503" y="24"/>
                  </a:lnTo>
                  <a:lnTo>
                    <a:pt x="493" y="24"/>
                  </a:lnTo>
                  <a:lnTo>
                    <a:pt x="481" y="24"/>
                  </a:lnTo>
                  <a:lnTo>
                    <a:pt x="467" y="24"/>
                  </a:lnTo>
                  <a:lnTo>
                    <a:pt x="450" y="22"/>
                  </a:lnTo>
                  <a:lnTo>
                    <a:pt x="433" y="22"/>
                  </a:lnTo>
                  <a:lnTo>
                    <a:pt x="417" y="20"/>
                  </a:lnTo>
                  <a:lnTo>
                    <a:pt x="398" y="20"/>
                  </a:lnTo>
                  <a:lnTo>
                    <a:pt x="378" y="20"/>
                  </a:lnTo>
                  <a:lnTo>
                    <a:pt x="357" y="18"/>
                  </a:lnTo>
                  <a:lnTo>
                    <a:pt x="335" y="18"/>
                  </a:lnTo>
                  <a:lnTo>
                    <a:pt x="313" y="17"/>
                  </a:lnTo>
                  <a:lnTo>
                    <a:pt x="291" y="15"/>
                  </a:lnTo>
                  <a:lnTo>
                    <a:pt x="269" y="15"/>
                  </a:lnTo>
                  <a:lnTo>
                    <a:pt x="247" y="13"/>
                  </a:lnTo>
                  <a:lnTo>
                    <a:pt x="225" y="13"/>
                  </a:lnTo>
                  <a:lnTo>
                    <a:pt x="203" y="12"/>
                  </a:lnTo>
                  <a:lnTo>
                    <a:pt x="181" y="12"/>
                  </a:lnTo>
                  <a:lnTo>
                    <a:pt x="161" y="10"/>
                  </a:lnTo>
                  <a:lnTo>
                    <a:pt x="142" y="8"/>
                  </a:lnTo>
                  <a:lnTo>
                    <a:pt x="122" y="8"/>
                  </a:lnTo>
                  <a:lnTo>
                    <a:pt x="105" y="7"/>
                  </a:lnTo>
                  <a:lnTo>
                    <a:pt x="88" y="7"/>
                  </a:lnTo>
                  <a:lnTo>
                    <a:pt x="73" y="5"/>
                  </a:lnTo>
                  <a:lnTo>
                    <a:pt x="59" y="3"/>
                  </a:lnTo>
                  <a:lnTo>
                    <a:pt x="48" y="3"/>
                  </a:lnTo>
                  <a:lnTo>
                    <a:pt x="37" y="2"/>
                  </a:lnTo>
                  <a:lnTo>
                    <a:pt x="31" y="2"/>
                  </a:lnTo>
                  <a:lnTo>
                    <a:pt x="24" y="0"/>
                  </a:lnTo>
                  <a:lnTo>
                    <a:pt x="2" y="250"/>
                  </a:lnTo>
                  <a:lnTo>
                    <a:pt x="0" y="250"/>
                  </a:lnTo>
                  <a:lnTo>
                    <a:pt x="193" y="262"/>
                  </a:lnTo>
                  <a:lnTo>
                    <a:pt x="186" y="387"/>
                  </a:lnTo>
                  <a:lnTo>
                    <a:pt x="197" y="389"/>
                  </a:lnTo>
                  <a:lnTo>
                    <a:pt x="208" y="391"/>
                  </a:lnTo>
                  <a:lnTo>
                    <a:pt x="224" y="392"/>
                  </a:lnTo>
                  <a:lnTo>
                    <a:pt x="239" y="392"/>
                  </a:lnTo>
                  <a:lnTo>
                    <a:pt x="257" y="394"/>
                  </a:lnTo>
                  <a:lnTo>
                    <a:pt x="278" y="396"/>
                  </a:lnTo>
                  <a:lnTo>
                    <a:pt x="298" y="396"/>
                  </a:lnTo>
                  <a:lnTo>
                    <a:pt x="322" y="398"/>
                  </a:lnTo>
                  <a:lnTo>
                    <a:pt x="345" y="398"/>
                  </a:lnTo>
                  <a:lnTo>
                    <a:pt x="371" y="399"/>
                  </a:lnTo>
                  <a:lnTo>
                    <a:pt x="396" y="399"/>
                  </a:lnTo>
                  <a:lnTo>
                    <a:pt x="423" y="399"/>
                  </a:lnTo>
                  <a:lnTo>
                    <a:pt x="450" y="401"/>
                  </a:lnTo>
                  <a:lnTo>
                    <a:pt x="477" y="401"/>
                  </a:lnTo>
                  <a:lnTo>
                    <a:pt x="505" y="401"/>
                  </a:lnTo>
                  <a:lnTo>
                    <a:pt x="532" y="401"/>
                  </a:lnTo>
                  <a:lnTo>
                    <a:pt x="559" y="403"/>
                  </a:lnTo>
                  <a:lnTo>
                    <a:pt x="586" y="403"/>
                  </a:lnTo>
                  <a:lnTo>
                    <a:pt x="611" y="403"/>
                  </a:lnTo>
                  <a:lnTo>
                    <a:pt x="637" y="403"/>
                  </a:lnTo>
                  <a:lnTo>
                    <a:pt x="660" y="403"/>
                  </a:lnTo>
                  <a:lnTo>
                    <a:pt x="684" y="403"/>
                  </a:lnTo>
                  <a:lnTo>
                    <a:pt x="704" y="404"/>
                  </a:lnTo>
                  <a:lnTo>
                    <a:pt x="725" y="404"/>
                  </a:lnTo>
                  <a:lnTo>
                    <a:pt x="743" y="404"/>
                  </a:lnTo>
                  <a:lnTo>
                    <a:pt x="760" y="404"/>
                  </a:lnTo>
                  <a:lnTo>
                    <a:pt x="775" y="404"/>
                  </a:lnTo>
                  <a:lnTo>
                    <a:pt x="787" y="404"/>
                  </a:lnTo>
                  <a:lnTo>
                    <a:pt x="797" y="404"/>
                  </a:lnTo>
                  <a:lnTo>
                    <a:pt x="804" y="404"/>
                  </a:lnTo>
                  <a:lnTo>
                    <a:pt x="809" y="404"/>
                  </a:lnTo>
                  <a:lnTo>
                    <a:pt x="811" y="404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42" name="Freeform 125"/>
            <p:cNvSpPr>
              <a:spLocks/>
            </p:cNvSpPr>
            <p:nvPr/>
          </p:nvSpPr>
          <p:spPr bwMode="auto">
            <a:xfrm>
              <a:off x="1384" y="1534"/>
              <a:ext cx="665" cy="553"/>
            </a:xfrm>
            <a:custGeom>
              <a:avLst/>
              <a:gdLst>
                <a:gd name="T0" fmla="*/ 119 w 684"/>
                <a:gd name="T1" fmla="*/ 340 h 570"/>
                <a:gd name="T2" fmla="*/ 108 w 684"/>
                <a:gd name="T3" fmla="*/ 337 h 570"/>
                <a:gd name="T4" fmla="*/ 89 w 684"/>
                <a:gd name="T5" fmla="*/ 333 h 570"/>
                <a:gd name="T6" fmla="*/ 69 w 684"/>
                <a:gd name="T7" fmla="*/ 330 h 570"/>
                <a:gd name="T8" fmla="*/ 47 w 684"/>
                <a:gd name="T9" fmla="*/ 327 h 570"/>
                <a:gd name="T10" fmla="*/ 25 w 684"/>
                <a:gd name="T11" fmla="*/ 324 h 570"/>
                <a:gd name="T12" fmla="*/ 16 w 684"/>
                <a:gd name="T13" fmla="*/ 322 h 570"/>
                <a:gd name="T14" fmla="*/ 2 w 684"/>
                <a:gd name="T15" fmla="*/ 320 h 570"/>
                <a:gd name="T16" fmla="*/ 17 w 684"/>
                <a:gd name="T17" fmla="*/ 244 h 570"/>
                <a:gd name="T18" fmla="*/ 50 w 684"/>
                <a:gd name="T19" fmla="*/ 0 h 570"/>
                <a:gd name="T20" fmla="*/ 83 w 684"/>
                <a:gd name="T21" fmla="*/ 7 h 570"/>
                <a:gd name="T22" fmla="*/ 116 w 684"/>
                <a:gd name="T23" fmla="*/ 15 h 570"/>
                <a:gd name="T24" fmla="*/ 149 w 684"/>
                <a:gd name="T25" fmla="*/ 16 h 570"/>
                <a:gd name="T26" fmla="*/ 182 w 684"/>
                <a:gd name="T27" fmla="*/ 16 h 570"/>
                <a:gd name="T28" fmla="*/ 218 w 684"/>
                <a:gd name="T29" fmla="*/ 20 h 570"/>
                <a:gd name="T30" fmla="*/ 252 w 684"/>
                <a:gd name="T31" fmla="*/ 27 h 570"/>
                <a:gd name="T32" fmla="*/ 285 w 684"/>
                <a:gd name="T33" fmla="*/ 32 h 570"/>
                <a:gd name="T34" fmla="*/ 316 w 684"/>
                <a:gd name="T35" fmla="*/ 36 h 570"/>
                <a:gd name="T36" fmla="*/ 347 w 684"/>
                <a:gd name="T37" fmla="*/ 39 h 570"/>
                <a:gd name="T38" fmla="*/ 374 w 684"/>
                <a:gd name="T39" fmla="*/ 40 h 570"/>
                <a:gd name="T40" fmla="*/ 399 w 684"/>
                <a:gd name="T41" fmla="*/ 42 h 570"/>
                <a:gd name="T42" fmla="*/ 421 w 684"/>
                <a:gd name="T43" fmla="*/ 44 h 570"/>
                <a:gd name="T44" fmla="*/ 437 w 684"/>
                <a:gd name="T45" fmla="*/ 45 h 570"/>
                <a:gd name="T46" fmla="*/ 449 w 684"/>
                <a:gd name="T47" fmla="*/ 45 h 570"/>
                <a:gd name="T48" fmla="*/ 459 w 684"/>
                <a:gd name="T49" fmla="*/ 45 h 570"/>
                <a:gd name="T50" fmla="*/ 461 w 684"/>
                <a:gd name="T51" fmla="*/ 46 h 570"/>
                <a:gd name="T52" fmla="*/ 446 w 684"/>
                <a:gd name="T53" fmla="*/ 210 h 570"/>
                <a:gd name="T54" fmla="*/ 432 w 684"/>
                <a:gd name="T55" fmla="*/ 373 h 570"/>
                <a:gd name="T56" fmla="*/ 425 w 684"/>
                <a:gd name="T57" fmla="*/ 372 h 570"/>
                <a:gd name="T58" fmla="*/ 412 w 684"/>
                <a:gd name="T59" fmla="*/ 372 h 570"/>
                <a:gd name="T60" fmla="*/ 395 w 684"/>
                <a:gd name="T61" fmla="*/ 371 h 570"/>
                <a:gd name="T62" fmla="*/ 374 w 684"/>
                <a:gd name="T63" fmla="*/ 368 h 570"/>
                <a:gd name="T64" fmla="*/ 350 w 684"/>
                <a:gd name="T65" fmla="*/ 364 h 570"/>
                <a:gd name="T66" fmla="*/ 324 w 684"/>
                <a:gd name="T67" fmla="*/ 362 h 570"/>
                <a:gd name="T68" fmla="*/ 296 w 684"/>
                <a:gd name="T69" fmla="*/ 360 h 570"/>
                <a:gd name="T70" fmla="*/ 266 w 684"/>
                <a:gd name="T71" fmla="*/ 357 h 570"/>
                <a:gd name="T72" fmla="*/ 240 w 684"/>
                <a:gd name="T73" fmla="*/ 353 h 570"/>
                <a:gd name="T74" fmla="*/ 213 w 684"/>
                <a:gd name="T75" fmla="*/ 350 h 570"/>
                <a:gd name="T76" fmla="*/ 187 w 684"/>
                <a:gd name="T77" fmla="*/ 348 h 570"/>
                <a:gd name="T78" fmla="*/ 166 w 684"/>
                <a:gd name="T79" fmla="*/ 344 h 570"/>
                <a:gd name="T80" fmla="*/ 146 w 684"/>
                <a:gd name="T81" fmla="*/ 342 h 570"/>
                <a:gd name="T82" fmla="*/ 134 w 684"/>
                <a:gd name="T83" fmla="*/ 341 h 570"/>
                <a:gd name="T84" fmla="*/ 122 w 684"/>
                <a:gd name="T85" fmla="*/ 340 h 570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684"/>
                <a:gd name="T130" fmla="*/ 0 h 570"/>
                <a:gd name="T131" fmla="*/ 684 w 684"/>
                <a:gd name="T132" fmla="*/ 570 h 570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684" h="570">
                  <a:moveTo>
                    <a:pt x="180" y="518"/>
                  </a:moveTo>
                  <a:lnTo>
                    <a:pt x="176" y="518"/>
                  </a:lnTo>
                  <a:lnTo>
                    <a:pt x="169" y="516"/>
                  </a:lnTo>
                  <a:lnTo>
                    <a:pt x="159" y="514"/>
                  </a:lnTo>
                  <a:lnTo>
                    <a:pt x="147" y="513"/>
                  </a:lnTo>
                  <a:lnTo>
                    <a:pt x="134" y="509"/>
                  </a:lnTo>
                  <a:lnTo>
                    <a:pt x="119" y="508"/>
                  </a:lnTo>
                  <a:lnTo>
                    <a:pt x="102" y="504"/>
                  </a:lnTo>
                  <a:lnTo>
                    <a:pt x="87" y="503"/>
                  </a:lnTo>
                  <a:lnTo>
                    <a:pt x="70" y="499"/>
                  </a:lnTo>
                  <a:lnTo>
                    <a:pt x="54" y="498"/>
                  </a:lnTo>
                  <a:lnTo>
                    <a:pt x="39" y="496"/>
                  </a:lnTo>
                  <a:lnTo>
                    <a:pt x="27" y="492"/>
                  </a:lnTo>
                  <a:lnTo>
                    <a:pt x="16" y="491"/>
                  </a:lnTo>
                  <a:lnTo>
                    <a:pt x="9" y="489"/>
                  </a:lnTo>
                  <a:lnTo>
                    <a:pt x="2" y="489"/>
                  </a:lnTo>
                  <a:lnTo>
                    <a:pt x="0" y="489"/>
                  </a:lnTo>
                  <a:lnTo>
                    <a:pt x="17" y="372"/>
                  </a:lnTo>
                  <a:lnTo>
                    <a:pt x="63" y="61"/>
                  </a:lnTo>
                  <a:lnTo>
                    <a:pt x="76" y="0"/>
                  </a:lnTo>
                  <a:lnTo>
                    <a:pt x="98" y="3"/>
                  </a:lnTo>
                  <a:lnTo>
                    <a:pt x="122" y="7"/>
                  </a:lnTo>
                  <a:lnTo>
                    <a:pt x="146" y="12"/>
                  </a:lnTo>
                  <a:lnTo>
                    <a:pt x="171" y="15"/>
                  </a:lnTo>
                  <a:lnTo>
                    <a:pt x="195" y="19"/>
                  </a:lnTo>
                  <a:lnTo>
                    <a:pt x="220" y="22"/>
                  </a:lnTo>
                  <a:lnTo>
                    <a:pt x="246" y="25"/>
                  </a:lnTo>
                  <a:lnTo>
                    <a:pt x="271" y="29"/>
                  </a:lnTo>
                  <a:lnTo>
                    <a:pt x="296" y="32"/>
                  </a:lnTo>
                  <a:lnTo>
                    <a:pt x="323" y="34"/>
                  </a:lnTo>
                  <a:lnTo>
                    <a:pt x="349" y="37"/>
                  </a:lnTo>
                  <a:lnTo>
                    <a:pt x="373" y="41"/>
                  </a:lnTo>
                  <a:lnTo>
                    <a:pt x="398" y="44"/>
                  </a:lnTo>
                  <a:lnTo>
                    <a:pt x="422" y="46"/>
                  </a:lnTo>
                  <a:lnTo>
                    <a:pt x="445" y="49"/>
                  </a:lnTo>
                  <a:lnTo>
                    <a:pt x="469" y="51"/>
                  </a:lnTo>
                  <a:lnTo>
                    <a:pt x="493" y="52"/>
                  </a:lnTo>
                  <a:lnTo>
                    <a:pt x="515" y="56"/>
                  </a:lnTo>
                  <a:lnTo>
                    <a:pt x="535" y="58"/>
                  </a:lnTo>
                  <a:lnTo>
                    <a:pt x="555" y="59"/>
                  </a:lnTo>
                  <a:lnTo>
                    <a:pt x="574" y="61"/>
                  </a:lnTo>
                  <a:lnTo>
                    <a:pt x="591" y="63"/>
                  </a:lnTo>
                  <a:lnTo>
                    <a:pt x="608" y="64"/>
                  </a:lnTo>
                  <a:lnTo>
                    <a:pt x="623" y="66"/>
                  </a:lnTo>
                  <a:lnTo>
                    <a:pt x="637" y="66"/>
                  </a:lnTo>
                  <a:lnTo>
                    <a:pt x="648" y="68"/>
                  </a:lnTo>
                  <a:lnTo>
                    <a:pt x="659" y="68"/>
                  </a:lnTo>
                  <a:lnTo>
                    <a:pt x="667" y="69"/>
                  </a:lnTo>
                  <a:lnTo>
                    <a:pt x="675" y="69"/>
                  </a:lnTo>
                  <a:lnTo>
                    <a:pt x="681" y="69"/>
                  </a:lnTo>
                  <a:lnTo>
                    <a:pt x="684" y="71"/>
                  </a:lnTo>
                  <a:lnTo>
                    <a:pt x="662" y="320"/>
                  </a:lnTo>
                  <a:lnTo>
                    <a:pt x="640" y="570"/>
                  </a:lnTo>
                  <a:lnTo>
                    <a:pt x="635" y="570"/>
                  </a:lnTo>
                  <a:lnTo>
                    <a:pt x="630" y="569"/>
                  </a:lnTo>
                  <a:lnTo>
                    <a:pt x="621" y="569"/>
                  </a:lnTo>
                  <a:lnTo>
                    <a:pt x="611" y="567"/>
                  </a:lnTo>
                  <a:lnTo>
                    <a:pt x="599" y="565"/>
                  </a:lnTo>
                  <a:lnTo>
                    <a:pt x="586" y="565"/>
                  </a:lnTo>
                  <a:lnTo>
                    <a:pt x="571" y="564"/>
                  </a:lnTo>
                  <a:lnTo>
                    <a:pt x="555" y="562"/>
                  </a:lnTo>
                  <a:lnTo>
                    <a:pt x="538" y="558"/>
                  </a:lnTo>
                  <a:lnTo>
                    <a:pt x="520" y="557"/>
                  </a:lnTo>
                  <a:lnTo>
                    <a:pt x="501" y="555"/>
                  </a:lnTo>
                  <a:lnTo>
                    <a:pt x="481" y="553"/>
                  </a:lnTo>
                  <a:lnTo>
                    <a:pt x="461" y="552"/>
                  </a:lnTo>
                  <a:lnTo>
                    <a:pt x="439" y="548"/>
                  </a:lnTo>
                  <a:lnTo>
                    <a:pt x="418" y="547"/>
                  </a:lnTo>
                  <a:lnTo>
                    <a:pt x="396" y="545"/>
                  </a:lnTo>
                  <a:lnTo>
                    <a:pt x="376" y="542"/>
                  </a:lnTo>
                  <a:lnTo>
                    <a:pt x="356" y="540"/>
                  </a:lnTo>
                  <a:lnTo>
                    <a:pt x="335" y="536"/>
                  </a:lnTo>
                  <a:lnTo>
                    <a:pt x="315" y="535"/>
                  </a:lnTo>
                  <a:lnTo>
                    <a:pt x="296" y="533"/>
                  </a:lnTo>
                  <a:lnTo>
                    <a:pt x="278" y="531"/>
                  </a:lnTo>
                  <a:lnTo>
                    <a:pt x="261" y="528"/>
                  </a:lnTo>
                  <a:lnTo>
                    <a:pt x="246" y="526"/>
                  </a:lnTo>
                  <a:lnTo>
                    <a:pt x="230" y="525"/>
                  </a:lnTo>
                  <a:lnTo>
                    <a:pt x="217" y="523"/>
                  </a:lnTo>
                  <a:lnTo>
                    <a:pt x="207" y="523"/>
                  </a:lnTo>
                  <a:lnTo>
                    <a:pt x="197" y="521"/>
                  </a:lnTo>
                  <a:lnTo>
                    <a:pt x="188" y="520"/>
                  </a:lnTo>
                  <a:lnTo>
                    <a:pt x="183" y="520"/>
                  </a:lnTo>
                  <a:lnTo>
                    <a:pt x="180" y="518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43" name="Group 126"/>
            <p:cNvGrpSpPr>
              <a:grpSpLocks/>
            </p:cNvGrpSpPr>
            <p:nvPr/>
          </p:nvGrpSpPr>
          <p:grpSpPr bwMode="auto">
            <a:xfrm>
              <a:off x="3179" y="1296"/>
              <a:ext cx="723" cy="681"/>
              <a:chOff x="3132" y="1095"/>
              <a:chExt cx="724" cy="681"/>
            </a:xfrm>
          </p:grpSpPr>
          <p:sp>
            <p:nvSpPr>
              <p:cNvPr id="106" name="Freeform 127"/>
              <p:cNvSpPr>
                <a:spLocks/>
              </p:cNvSpPr>
              <p:nvPr/>
            </p:nvSpPr>
            <p:spPr bwMode="auto">
              <a:xfrm>
                <a:off x="3132" y="1095"/>
                <a:ext cx="548" cy="284"/>
              </a:xfrm>
              <a:custGeom>
                <a:avLst/>
                <a:gdLst>
                  <a:gd name="T0" fmla="*/ 12 w 564"/>
                  <a:gd name="T1" fmla="*/ 83 h 293"/>
                  <a:gd name="T2" fmla="*/ 17 w 564"/>
                  <a:gd name="T3" fmla="*/ 98 h 293"/>
                  <a:gd name="T4" fmla="*/ 27 w 564"/>
                  <a:gd name="T5" fmla="*/ 104 h 293"/>
                  <a:gd name="T6" fmla="*/ 45 w 564"/>
                  <a:gd name="T7" fmla="*/ 104 h 293"/>
                  <a:gd name="T8" fmla="*/ 79 w 564"/>
                  <a:gd name="T9" fmla="*/ 112 h 293"/>
                  <a:gd name="T10" fmla="*/ 104 w 564"/>
                  <a:gd name="T11" fmla="*/ 122 h 293"/>
                  <a:gd name="T12" fmla="*/ 137 w 564"/>
                  <a:gd name="T13" fmla="*/ 125 h 293"/>
                  <a:gd name="T14" fmla="*/ 149 w 564"/>
                  <a:gd name="T15" fmla="*/ 137 h 293"/>
                  <a:gd name="T16" fmla="*/ 156 w 564"/>
                  <a:gd name="T17" fmla="*/ 160 h 293"/>
                  <a:gd name="T18" fmla="*/ 154 w 564"/>
                  <a:gd name="T19" fmla="*/ 172 h 293"/>
                  <a:gd name="T20" fmla="*/ 168 w 564"/>
                  <a:gd name="T21" fmla="*/ 184 h 293"/>
                  <a:gd name="T22" fmla="*/ 178 w 564"/>
                  <a:gd name="T23" fmla="*/ 181 h 293"/>
                  <a:gd name="T24" fmla="*/ 182 w 564"/>
                  <a:gd name="T25" fmla="*/ 172 h 293"/>
                  <a:gd name="T26" fmla="*/ 193 w 564"/>
                  <a:gd name="T27" fmla="*/ 151 h 293"/>
                  <a:gd name="T28" fmla="*/ 200 w 564"/>
                  <a:gd name="T29" fmla="*/ 139 h 293"/>
                  <a:gd name="T30" fmla="*/ 206 w 564"/>
                  <a:gd name="T31" fmla="*/ 122 h 293"/>
                  <a:gd name="T32" fmla="*/ 206 w 564"/>
                  <a:gd name="T33" fmla="*/ 132 h 293"/>
                  <a:gd name="T34" fmla="*/ 218 w 564"/>
                  <a:gd name="T35" fmla="*/ 125 h 293"/>
                  <a:gd name="T36" fmla="*/ 229 w 564"/>
                  <a:gd name="T37" fmla="*/ 127 h 293"/>
                  <a:gd name="T38" fmla="*/ 224 w 564"/>
                  <a:gd name="T39" fmla="*/ 139 h 293"/>
                  <a:gd name="T40" fmla="*/ 229 w 564"/>
                  <a:gd name="T41" fmla="*/ 137 h 293"/>
                  <a:gd name="T42" fmla="*/ 244 w 564"/>
                  <a:gd name="T43" fmla="*/ 125 h 293"/>
                  <a:gd name="T44" fmla="*/ 250 w 564"/>
                  <a:gd name="T45" fmla="*/ 111 h 293"/>
                  <a:gd name="T46" fmla="*/ 287 w 564"/>
                  <a:gd name="T47" fmla="*/ 98 h 293"/>
                  <a:gd name="T48" fmla="*/ 315 w 564"/>
                  <a:gd name="T49" fmla="*/ 101 h 293"/>
                  <a:gd name="T50" fmla="*/ 335 w 564"/>
                  <a:gd name="T51" fmla="*/ 114 h 293"/>
                  <a:gd name="T52" fmla="*/ 334 w 564"/>
                  <a:gd name="T53" fmla="*/ 101 h 293"/>
                  <a:gd name="T54" fmla="*/ 341 w 564"/>
                  <a:gd name="T55" fmla="*/ 97 h 293"/>
                  <a:gd name="T56" fmla="*/ 351 w 564"/>
                  <a:gd name="T57" fmla="*/ 98 h 293"/>
                  <a:gd name="T58" fmla="*/ 373 w 564"/>
                  <a:gd name="T59" fmla="*/ 94 h 293"/>
                  <a:gd name="T60" fmla="*/ 360 w 564"/>
                  <a:gd name="T61" fmla="*/ 79 h 293"/>
                  <a:gd name="T62" fmla="*/ 357 w 564"/>
                  <a:gd name="T63" fmla="*/ 65 h 293"/>
                  <a:gd name="T64" fmla="*/ 347 w 564"/>
                  <a:gd name="T65" fmla="*/ 63 h 293"/>
                  <a:gd name="T66" fmla="*/ 331 w 564"/>
                  <a:gd name="T67" fmla="*/ 64 h 293"/>
                  <a:gd name="T68" fmla="*/ 309 w 564"/>
                  <a:gd name="T69" fmla="*/ 46 h 293"/>
                  <a:gd name="T70" fmla="*/ 304 w 564"/>
                  <a:gd name="T71" fmla="*/ 42 h 293"/>
                  <a:gd name="T72" fmla="*/ 290 w 564"/>
                  <a:gd name="T73" fmla="*/ 46 h 293"/>
                  <a:gd name="T74" fmla="*/ 264 w 564"/>
                  <a:gd name="T75" fmla="*/ 53 h 293"/>
                  <a:gd name="T76" fmla="*/ 247 w 564"/>
                  <a:gd name="T77" fmla="*/ 54 h 293"/>
                  <a:gd name="T78" fmla="*/ 212 w 564"/>
                  <a:gd name="T79" fmla="*/ 76 h 293"/>
                  <a:gd name="T80" fmla="*/ 203 w 564"/>
                  <a:gd name="T81" fmla="*/ 72 h 293"/>
                  <a:gd name="T82" fmla="*/ 190 w 564"/>
                  <a:gd name="T83" fmla="*/ 75 h 293"/>
                  <a:gd name="T84" fmla="*/ 170 w 564"/>
                  <a:gd name="T85" fmla="*/ 65 h 293"/>
                  <a:gd name="T86" fmla="*/ 151 w 564"/>
                  <a:gd name="T87" fmla="*/ 45 h 293"/>
                  <a:gd name="T88" fmla="*/ 127 w 564"/>
                  <a:gd name="T89" fmla="*/ 52 h 293"/>
                  <a:gd name="T90" fmla="*/ 130 w 564"/>
                  <a:gd name="T91" fmla="*/ 44 h 293"/>
                  <a:gd name="T92" fmla="*/ 117 w 564"/>
                  <a:gd name="T93" fmla="*/ 52 h 293"/>
                  <a:gd name="T94" fmla="*/ 113 w 564"/>
                  <a:gd name="T95" fmla="*/ 42 h 293"/>
                  <a:gd name="T96" fmla="*/ 108 w 564"/>
                  <a:gd name="T97" fmla="*/ 40 h 293"/>
                  <a:gd name="T98" fmla="*/ 111 w 564"/>
                  <a:gd name="T99" fmla="*/ 35 h 293"/>
                  <a:gd name="T100" fmla="*/ 113 w 564"/>
                  <a:gd name="T101" fmla="*/ 35 h 293"/>
                  <a:gd name="T102" fmla="*/ 114 w 564"/>
                  <a:gd name="T103" fmla="*/ 39 h 293"/>
                  <a:gd name="T104" fmla="*/ 117 w 564"/>
                  <a:gd name="T105" fmla="*/ 37 h 293"/>
                  <a:gd name="T106" fmla="*/ 142 w 564"/>
                  <a:gd name="T107" fmla="*/ 8 h 293"/>
                  <a:gd name="T108" fmla="*/ 152 w 564"/>
                  <a:gd name="T109" fmla="*/ 3 h 293"/>
                  <a:gd name="T110" fmla="*/ 132 w 564"/>
                  <a:gd name="T111" fmla="*/ 2 h 293"/>
                  <a:gd name="T112" fmla="*/ 104 w 564"/>
                  <a:gd name="T113" fmla="*/ 20 h 293"/>
                  <a:gd name="T114" fmla="*/ 87 w 564"/>
                  <a:gd name="T115" fmla="*/ 38 h 293"/>
                  <a:gd name="T116" fmla="*/ 74 w 564"/>
                  <a:gd name="T117" fmla="*/ 46 h 293"/>
                  <a:gd name="T118" fmla="*/ 55 w 564"/>
                  <a:gd name="T119" fmla="*/ 59 h 293"/>
                  <a:gd name="T120" fmla="*/ 42 w 564"/>
                  <a:gd name="T121" fmla="*/ 61 h 293"/>
                  <a:gd name="T122" fmla="*/ 17 w 564"/>
                  <a:gd name="T123" fmla="*/ 76 h 293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w 564"/>
                  <a:gd name="T187" fmla="*/ 0 h 293"/>
                  <a:gd name="T188" fmla="*/ 564 w 564"/>
                  <a:gd name="T189" fmla="*/ 293 h 293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T186" t="T187" r="T188" b="T189"/>
                <a:pathLst>
                  <a:path w="564" h="293">
                    <a:moveTo>
                      <a:pt x="0" y="129"/>
                    </a:moveTo>
                    <a:lnTo>
                      <a:pt x="2" y="129"/>
                    </a:lnTo>
                    <a:lnTo>
                      <a:pt x="4" y="129"/>
                    </a:lnTo>
                    <a:lnTo>
                      <a:pt x="6" y="129"/>
                    </a:lnTo>
                    <a:lnTo>
                      <a:pt x="9" y="129"/>
                    </a:lnTo>
                    <a:lnTo>
                      <a:pt x="12" y="129"/>
                    </a:lnTo>
                    <a:lnTo>
                      <a:pt x="17" y="130"/>
                    </a:lnTo>
                    <a:lnTo>
                      <a:pt x="21" y="135"/>
                    </a:lnTo>
                    <a:lnTo>
                      <a:pt x="26" y="140"/>
                    </a:lnTo>
                    <a:lnTo>
                      <a:pt x="29" y="149"/>
                    </a:lnTo>
                    <a:lnTo>
                      <a:pt x="31" y="151"/>
                    </a:lnTo>
                    <a:lnTo>
                      <a:pt x="31" y="152"/>
                    </a:lnTo>
                    <a:lnTo>
                      <a:pt x="34" y="154"/>
                    </a:lnTo>
                    <a:lnTo>
                      <a:pt x="36" y="156"/>
                    </a:lnTo>
                    <a:lnTo>
                      <a:pt x="38" y="157"/>
                    </a:lnTo>
                    <a:lnTo>
                      <a:pt x="39" y="159"/>
                    </a:lnTo>
                    <a:lnTo>
                      <a:pt x="41" y="159"/>
                    </a:lnTo>
                    <a:lnTo>
                      <a:pt x="41" y="161"/>
                    </a:lnTo>
                    <a:lnTo>
                      <a:pt x="44" y="161"/>
                    </a:lnTo>
                    <a:lnTo>
                      <a:pt x="48" y="161"/>
                    </a:lnTo>
                    <a:lnTo>
                      <a:pt x="53" y="161"/>
                    </a:lnTo>
                    <a:lnTo>
                      <a:pt x="60" y="162"/>
                    </a:lnTo>
                    <a:lnTo>
                      <a:pt x="66" y="162"/>
                    </a:lnTo>
                    <a:lnTo>
                      <a:pt x="75" y="164"/>
                    </a:lnTo>
                    <a:lnTo>
                      <a:pt x="83" y="166"/>
                    </a:lnTo>
                    <a:lnTo>
                      <a:pt x="92" y="168"/>
                    </a:lnTo>
                    <a:lnTo>
                      <a:pt x="100" y="169"/>
                    </a:lnTo>
                    <a:lnTo>
                      <a:pt x="109" y="171"/>
                    </a:lnTo>
                    <a:lnTo>
                      <a:pt x="117" y="174"/>
                    </a:lnTo>
                    <a:lnTo>
                      <a:pt x="126" y="176"/>
                    </a:lnTo>
                    <a:lnTo>
                      <a:pt x="132" y="179"/>
                    </a:lnTo>
                    <a:lnTo>
                      <a:pt x="139" y="183"/>
                    </a:lnTo>
                    <a:lnTo>
                      <a:pt x="146" y="186"/>
                    </a:lnTo>
                    <a:lnTo>
                      <a:pt x="148" y="186"/>
                    </a:lnTo>
                    <a:lnTo>
                      <a:pt x="154" y="188"/>
                    </a:lnTo>
                    <a:lnTo>
                      <a:pt x="165" y="190"/>
                    </a:lnTo>
                    <a:lnTo>
                      <a:pt x="175" y="190"/>
                    </a:lnTo>
                    <a:lnTo>
                      <a:pt x="185" y="191"/>
                    </a:lnTo>
                    <a:lnTo>
                      <a:pt x="193" y="193"/>
                    </a:lnTo>
                    <a:lnTo>
                      <a:pt x="200" y="193"/>
                    </a:lnTo>
                    <a:lnTo>
                      <a:pt x="204" y="193"/>
                    </a:lnTo>
                    <a:lnTo>
                      <a:pt x="207" y="198"/>
                    </a:lnTo>
                    <a:lnTo>
                      <a:pt x="210" y="210"/>
                    </a:lnTo>
                    <a:lnTo>
                      <a:pt x="212" y="210"/>
                    </a:lnTo>
                    <a:lnTo>
                      <a:pt x="214" y="210"/>
                    </a:lnTo>
                    <a:lnTo>
                      <a:pt x="219" y="210"/>
                    </a:lnTo>
                    <a:lnTo>
                      <a:pt x="222" y="212"/>
                    </a:lnTo>
                    <a:lnTo>
                      <a:pt x="227" y="215"/>
                    </a:lnTo>
                    <a:lnTo>
                      <a:pt x="231" y="222"/>
                    </a:lnTo>
                    <a:lnTo>
                      <a:pt x="234" y="230"/>
                    </a:lnTo>
                    <a:lnTo>
                      <a:pt x="236" y="242"/>
                    </a:lnTo>
                    <a:lnTo>
                      <a:pt x="236" y="244"/>
                    </a:lnTo>
                    <a:lnTo>
                      <a:pt x="234" y="247"/>
                    </a:lnTo>
                    <a:lnTo>
                      <a:pt x="234" y="250"/>
                    </a:lnTo>
                    <a:lnTo>
                      <a:pt x="234" y="256"/>
                    </a:lnTo>
                    <a:lnTo>
                      <a:pt x="232" y="259"/>
                    </a:lnTo>
                    <a:lnTo>
                      <a:pt x="232" y="262"/>
                    </a:lnTo>
                    <a:lnTo>
                      <a:pt x="231" y="266"/>
                    </a:lnTo>
                    <a:lnTo>
                      <a:pt x="253" y="266"/>
                    </a:lnTo>
                    <a:lnTo>
                      <a:pt x="253" y="267"/>
                    </a:lnTo>
                    <a:lnTo>
                      <a:pt x="251" y="269"/>
                    </a:lnTo>
                    <a:lnTo>
                      <a:pt x="251" y="274"/>
                    </a:lnTo>
                    <a:lnTo>
                      <a:pt x="251" y="279"/>
                    </a:lnTo>
                    <a:lnTo>
                      <a:pt x="251" y="284"/>
                    </a:lnTo>
                    <a:lnTo>
                      <a:pt x="253" y="288"/>
                    </a:lnTo>
                    <a:lnTo>
                      <a:pt x="256" y="291"/>
                    </a:lnTo>
                    <a:lnTo>
                      <a:pt x="261" y="293"/>
                    </a:lnTo>
                    <a:lnTo>
                      <a:pt x="266" y="279"/>
                    </a:lnTo>
                    <a:lnTo>
                      <a:pt x="266" y="281"/>
                    </a:lnTo>
                    <a:lnTo>
                      <a:pt x="266" y="279"/>
                    </a:lnTo>
                    <a:lnTo>
                      <a:pt x="266" y="278"/>
                    </a:lnTo>
                    <a:lnTo>
                      <a:pt x="268" y="274"/>
                    </a:lnTo>
                    <a:lnTo>
                      <a:pt x="270" y="271"/>
                    </a:lnTo>
                    <a:lnTo>
                      <a:pt x="271" y="266"/>
                    </a:lnTo>
                    <a:lnTo>
                      <a:pt x="275" y="261"/>
                    </a:lnTo>
                    <a:lnTo>
                      <a:pt x="276" y="256"/>
                    </a:lnTo>
                    <a:lnTo>
                      <a:pt x="280" y="250"/>
                    </a:lnTo>
                    <a:lnTo>
                      <a:pt x="283" y="245"/>
                    </a:lnTo>
                    <a:lnTo>
                      <a:pt x="286" y="239"/>
                    </a:lnTo>
                    <a:lnTo>
                      <a:pt x="288" y="234"/>
                    </a:lnTo>
                    <a:lnTo>
                      <a:pt x="292" y="228"/>
                    </a:lnTo>
                    <a:lnTo>
                      <a:pt x="293" y="225"/>
                    </a:lnTo>
                    <a:lnTo>
                      <a:pt x="297" y="220"/>
                    </a:lnTo>
                    <a:lnTo>
                      <a:pt x="298" y="218"/>
                    </a:lnTo>
                    <a:lnTo>
                      <a:pt x="298" y="217"/>
                    </a:lnTo>
                    <a:lnTo>
                      <a:pt x="300" y="215"/>
                    </a:lnTo>
                    <a:lnTo>
                      <a:pt x="300" y="206"/>
                    </a:lnTo>
                    <a:lnTo>
                      <a:pt x="302" y="198"/>
                    </a:lnTo>
                    <a:lnTo>
                      <a:pt x="303" y="193"/>
                    </a:lnTo>
                    <a:lnTo>
                      <a:pt x="305" y="191"/>
                    </a:lnTo>
                    <a:lnTo>
                      <a:pt x="307" y="188"/>
                    </a:lnTo>
                    <a:lnTo>
                      <a:pt x="308" y="188"/>
                    </a:lnTo>
                    <a:lnTo>
                      <a:pt x="310" y="188"/>
                    </a:lnTo>
                    <a:lnTo>
                      <a:pt x="308" y="191"/>
                    </a:lnTo>
                    <a:lnTo>
                      <a:pt x="308" y="195"/>
                    </a:lnTo>
                    <a:lnTo>
                      <a:pt x="308" y="198"/>
                    </a:lnTo>
                    <a:lnTo>
                      <a:pt x="308" y="203"/>
                    </a:lnTo>
                    <a:lnTo>
                      <a:pt x="308" y="206"/>
                    </a:lnTo>
                    <a:lnTo>
                      <a:pt x="308" y="210"/>
                    </a:lnTo>
                    <a:lnTo>
                      <a:pt x="310" y="213"/>
                    </a:lnTo>
                    <a:lnTo>
                      <a:pt x="327" y="201"/>
                    </a:lnTo>
                    <a:lnTo>
                      <a:pt x="327" y="193"/>
                    </a:lnTo>
                    <a:lnTo>
                      <a:pt x="336" y="191"/>
                    </a:lnTo>
                    <a:lnTo>
                      <a:pt x="341" y="186"/>
                    </a:lnTo>
                    <a:lnTo>
                      <a:pt x="346" y="191"/>
                    </a:lnTo>
                    <a:lnTo>
                      <a:pt x="344" y="191"/>
                    </a:lnTo>
                    <a:lnTo>
                      <a:pt x="344" y="193"/>
                    </a:lnTo>
                    <a:lnTo>
                      <a:pt x="342" y="196"/>
                    </a:lnTo>
                    <a:lnTo>
                      <a:pt x="341" y="198"/>
                    </a:lnTo>
                    <a:lnTo>
                      <a:pt x="339" y="201"/>
                    </a:lnTo>
                    <a:lnTo>
                      <a:pt x="336" y="205"/>
                    </a:lnTo>
                    <a:lnTo>
                      <a:pt x="336" y="208"/>
                    </a:lnTo>
                    <a:lnTo>
                      <a:pt x="336" y="210"/>
                    </a:lnTo>
                    <a:lnTo>
                      <a:pt x="336" y="215"/>
                    </a:lnTo>
                    <a:lnTo>
                      <a:pt x="336" y="218"/>
                    </a:lnTo>
                    <a:lnTo>
                      <a:pt x="337" y="218"/>
                    </a:lnTo>
                    <a:lnTo>
                      <a:pt x="339" y="217"/>
                    </a:lnTo>
                    <a:lnTo>
                      <a:pt x="341" y="215"/>
                    </a:lnTo>
                    <a:lnTo>
                      <a:pt x="342" y="213"/>
                    </a:lnTo>
                    <a:lnTo>
                      <a:pt x="342" y="212"/>
                    </a:lnTo>
                    <a:lnTo>
                      <a:pt x="344" y="210"/>
                    </a:lnTo>
                    <a:lnTo>
                      <a:pt x="354" y="198"/>
                    </a:lnTo>
                    <a:lnTo>
                      <a:pt x="356" y="198"/>
                    </a:lnTo>
                    <a:lnTo>
                      <a:pt x="359" y="196"/>
                    </a:lnTo>
                    <a:lnTo>
                      <a:pt x="363" y="193"/>
                    </a:lnTo>
                    <a:lnTo>
                      <a:pt x="364" y="193"/>
                    </a:lnTo>
                    <a:lnTo>
                      <a:pt x="363" y="188"/>
                    </a:lnTo>
                    <a:lnTo>
                      <a:pt x="363" y="183"/>
                    </a:lnTo>
                    <a:lnTo>
                      <a:pt x="364" y="179"/>
                    </a:lnTo>
                    <a:lnTo>
                      <a:pt x="366" y="176"/>
                    </a:lnTo>
                    <a:lnTo>
                      <a:pt x="369" y="174"/>
                    </a:lnTo>
                    <a:lnTo>
                      <a:pt x="373" y="173"/>
                    </a:lnTo>
                    <a:lnTo>
                      <a:pt x="374" y="173"/>
                    </a:lnTo>
                    <a:lnTo>
                      <a:pt x="376" y="171"/>
                    </a:lnTo>
                    <a:lnTo>
                      <a:pt x="400" y="173"/>
                    </a:lnTo>
                    <a:lnTo>
                      <a:pt x="400" y="168"/>
                    </a:lnTo>
                    <a:lnTo>
                      <a:pt x="417" y="168"/>
                    </a:lnTo>
                    <a:lnTo>
                      <a:pt x="429" y="151"/>
                    </a:lnTo>
                    <a:lnTo>
                      <a:pt x="468" y="154"/>
                    </a:lnTo>
                    <a:lnTo>
                      <a:pt x="471" y="157"/>
                    </a:lnTo>
                    <a:lnTo>
                      <a:pt x="474" y="159"/>
                    </a:lnTo>
                    <a:lnTo>
                      <a:pt x="479" y="162"/>
                    </a:lnTo>
                    <a:lnTo>
                      <a:pt x="486" y="168"/>
                    </a:lnTo>
                    <a:lnTo>
                      <a:pt x="493" y="171"/>
                    </a:lnTo>
                    <a:lnTo>
                      <a:pt x="498" y="174"/>
                    </a:lnTo>
                    <a:lnTo>
                      <a:pt x="501" y="176"/>
                    </a:lnTo>
                    <a:lnTo>
                      <a:pt x="503" y="174"/>
                    </a:lnTo>
                    <a:lnTo>
                      <a:pt x="503" y="173"/>
                    </a:lnTo>
                    <a:lnTo>
                      <a:pt x="501" y="171"/>
                    </a:lnTo>
                    <a:lnTo>
                      <a:pt x="501" y="166"/>
                    </a:lnTo>
                    <a:lnTo>
                      <a:pt x="500" y="162"/>
                    </a:lnTo>
                    <a:lnTo>
                      <a:pt x="500" y="157"/>
                    </a:lnTo>
                    <a:lnTo>
                      <a:pt x="501" y="154"/>
                    </a:lnTo>
                    <a:lnTo>
                      <a:pt x="501" y="152"/>
                    </a:lnTo>
                    <a:lnTo>
                      <a:pt x="505" y="151"/>
                    </a:lnTo>
                    <a:lnTo>
                      <a:pt x="506" y="149"/>
                    </a:lnTo>
                    <a:lnTo>
                      <a:pt x="508" y="149"/>
                    </a:lnTo>
                    <a:lnTo>
                      <a:pt x="510" y="149"/>
                    </a:lnTo>
                    <a:lnTo>
                      <a:pt x="510" y="152"/>
                    </a:lnTo>
                    <a:lnTo>
                      <a:pt x="513" y="154"/>
                    </a:lnTo>
                    <a:lnTo>
                      <a:pt x="517" y="154"/>
                    </a:lnTo>
                    <a:lnTo>
                      <a:pt x="520" y="154"/>
                    </a:lnTo>
                    <a:lnTo>
                      <a:pt x="525" y="152"/>
                    </a:lnTo>
                    <a:lnTo>
                      <a:pt x="528" y="151"/>
                    </a:lnTo>
                    <a:lnTo>
                      <a:pt x="532" y="151"/>
                    </a:lnTo>
                    <a:lnTo>
                      <a:pt x="532" y="149"/>
                    </a:lnTo>
                    <a:lnTo>
                      <a:pt x="562" y="149"/>
                    </a:lnTo>
                    <a:lnTo>
                      <a:pt x="564" y="144"/>
                    </a:lnTo>
                    <a:lnTo>
                      <a:pt x="559" y="144"/>
                    </a:lnTo>
                    <a:lnTo>
                      <a:pt x="550" y="129"/>
                    </a:lnTo>
                    <a:lnTo>
                      <a:pt x="537" y="129"/>
                    </a:lnTo>
                    <a:lnTo>
                      <a:pt x="537" y="127"/>
                    </a:lnTo>
                    <a:lnTo>
                      <a:pt x="537" y="125"/>
                    </a:lnTo>
                    <a:lnTo>
                      <a:pt x="537" y="124"/>
                    </a:lnTo>
                    <a:lnTo>
                      <a:pt x="535" y="120"/>
                    </a:lnTo>
                    <a:lnTo>
                      <a:pt x="535" y="118"/>
                    </a:lnTo>
                    <a:lnTo>
                      <a:pt x="535" y="117"/>
                    </a:lnTo>
                    <a:lnTo>
                      <a:pt x="535" y="115"/>
                    </a:lnTo>
                    <a:lnTo>
                      <a:pt x="535" y="105"/>
                    </a:lnTo>
                    <a:lnTo>
                      <a:pt x="534" y="100"/>
                    </a:lnTo>
                    <a:lnTo>
                      <a:pt x="530" y="96"/>
                    </a:lnTo>
                    <a:lnTo>
                      <a:pt x="527" y="95"/>
                    </a:lnTo>
                    <a:lnTo>
                      <a:pt x="523" y="95"/>
                    </a:lnTo>
                    <a:lnTo>
                      <a:pt x="520" y="95"/>
                    </a:lnTo>
                    <a:lnTo>
                      <a:pt x="518" y="96"/>
                    </a:lnTo>
                    <a:lnTo>
                      <a:pt x="513" y="102"/>
                    </a:lnTo>
                    <a:lnTo>
                      <a:pt x="508" y="102"/>
                    </a:lnTo>
                    <a:lnTo>
                      <a:pt x="505" y="102"/>
                    </a:lnTo>
                    <a:lnTo>
                      <a:pt x="501" y="102"/>
                    </a:lnTo>
                    <a:lnTo>
                      <a:pt x="500" y="100"/>
                    </a:lnTo>
                    <a:lnTo>
                      <a:pt x="496" y="98"/>
                    </a:lnTo>
                    <a:lnTo>
                      <a:pt x="496" y="96"/>
                    </a:lnTo>
                    <a:lnTo>
                      <a:pt x="496" y="95"/>
                    </a:lnTo>
                    <a:lnTo>
                      <a:pt x="490" y="102"/>
                    </a:lnTo>
                    <a:lnTo>
                      <a:pt x="468" y="100"/>
                    </a:lnTo>
                    <a:lnTo>
                      <a:pt x="466" y="95"/>
                    </a:lnTo>
                    <a:lnTo>
                      <a:pt x="462" y="73"/>
                    </a:lnTo>
                    <a:lnTo>
                      <a:pt x="466" y="68"/>
                    </a:lnTo>
                    <a:lnTo>
                      <a:pt x="464" y="61"/>
                    </a:lnTo>
                    <a:lnTo>
                      <a:pt x="462" y="63"/>
                    </a:lnTo>
                    <a:lnTo>
                      <a:pt x="459" y="63"/>
                    </a:lnTo>
                    <a:lnTo>
                      <a:pt x="456" y="64"/>
                    </a:lnTo>
                    <a:lnTo>
                      <a:pt x="452" y="66"/>
                    </a:lnTo>
                    <a:lnTo>
                      <a:pt x="449" y="66"/>
                    </a:lnTo>
                    <a:lnTo>
                      <a:pt x="447" y="68"/>
                    </a:lnTo>
                    <a:lnTo>
                      <a:pt x="440" y="71"/>
                    </a:lnTo>
                    <a:lnTo>
                      <a:pt x="434" y="73"/>
                    </a:lnTo>
                    <a:lnTo>
                      <a:pt x="427" y="74"/>
                    </a:lnTo>
                    <a:lnTo>
                      <a:pt x="420" y="78"/>
                    </a:lnTo>
                    <a:lnTo>
                      <a:pt x="413" y="78"/>
                    </a:lnTo>
                    <a:lnTo>
                      <a:pt x="407" y="80"/>
                    </a:lnTo>
                    <a:lnTo>
                      <a:pt x="402" y="81"/>
                    </a:lnTo>
                    <a:lnTo>
                      <a:pt x="395" y="81"/>
                    </a:lnTo>
                    <a:lnTo>
                      <a:pt x="390" y="83"/>
                    </a:lnTo>
                    <a:lnTo>
                      <a:pt x="383" y="83"/>
                    </a:lnTo>
                    <a:lnTo>
                      <a:pt x="380" y="83"/>
                    </a:lnTo>
                    <a:lnTo>
                      <a:pt x="374" y="83"/>
                    </a:lnTo>
                    <a:lnTo>
                      <a:pt x="371" y="83"/>
                    </a:lnTo>
                    <a:lnTo>
                      <a:pt x="369" y="83"/>
                    </a:lnTo>
                    <a:lnTo>
                      <a:pt x="368" y="83"/>
                    </a:lnTo>
                    <a:lnTo>
                      <a:pt x="330" y="118"/>
                    </a:lnTo>
                    <a:lnTo>
                      <a:pt x="324" y="117"/>
                    </a:lnTo>
                    <a:lnTo>
                      <a:pt x="317" y="117"/>
                    </a:lnTo>
                    <a:lnTo>
                      <a:pt x="315" y="117"/>
                    </a:lnTo>
                    <a:lnTo>
                      <a:pt x="312" y="117"/>
                    </a:lnTo>
                    <a:lnTo>
                      <a:pt x="308" y="117"/>
                    </a:lnTo>
                    <a:lnTo>
                      <a:pt x="307" y="117"/>
                    </a:lnTo>
                    <a:lnTo>
                      <a:pt x="305" y="112"/>
                    </a:lnTo>
                    <a:lnTo>
                      <a:pt x="303" y="110"/>
                    </a:lnTo>
                    <a:lnTo>
                      <a:pt x="300" y="108"/>
                    </a:lnTo>
                    <a:lnTo>
                      <a:pt x="297" y="110"/>
                    </a:lnTo>
                    <a:lnTo>
                      <a:pt x="292" y="112"/>
                    </a:lnTo>
                    <a:lnTo>
                      <a:pt x="288" y="113"/>
                    </a:lnTo>
                    <a:lnTo>
                      <a:pt x="286" y="115"/>
                    </a:lnTo>
                    <a:lnTo>
                      <a:pt x="285" y="115"/>
                    </a:lnTo>
                    <a:lnTo>
                      <a:pt x="266" y="115"/>
                    </a:lnTo>
                    <a:lnTo>
                      <a:pt x="263" y="108"/>
                    </a:lnTo>
                    <a:lnTo>
                      <a:pt x="263" y="107"/>
                    </a:lnTo>
                    <a:lnTo>
                      <a:pt x="261" y="105"/>
                    </a:lnTo>
                    <a:lnTo>
                      <a:pt x="258" y="102"/>
                    </a:lnTo>
                    <a:lnTo>
                      <a:pt x="254" y="100"/>
                    </a:lnTo>
                    <a:lnTo>
                      <a:pt x="253" y="96"/>
                    </a:lnTo>
                    <a:lnTo>
                      <a:pt x="249" y="93"/>
                    </a:lnTo>
                    <a:lnTo>
                      <a:pt x="246" y="90"/>
                    </a:lnTo>
                    <a:lnTo>
                      <a:pt x="244" y="88"/>
                    </a:lnTo>
                    <a:lnTo>
                      <a:pt x="236" y="78"/>
                    </a:lnTo>
                    <a:lnTo>
                      <a:pt x="226" y="71"/>
                    </a:lnTo>
                    <a:lnTo>
                      <a:pt x="217" y="69"/>
                    </a:lnTo>
                    <a:lnTo>
                      <a:pt x="209" y="69"/>
                    </a:lnTo>
                    <a:lnTo>
                      <a:pt x="200" y="73"/>
                    </a:lnTo>
                    <a:lnTo>
                      <a:pt x="195" y="76"/>
                    </a:lnTo>
                    <a:lnTo>
                      <a:pt x="192" y="78"/>
                    </a:lnTo>
                    <a:lnTo>
                      <a:pt x="190" y="80"/>
                    </a:lnTo>
                    <a:lnTo>
                      <a:pt x="190" y="78"/>
                    </a:lnTo>
                    <a:lnTo>
                      <a:pt x="192" y="74"/>
                    </a:lnTo>
                    <a:lnTo>
                      <a:pt x="192" y="73"/>
                    </a:lnTo>
                    <a:lnTo>
                      <a:pt x="193" y="71"/>
                    </a:lnTo>
                    <a:lnTo>
                      <a:pt x="193" y="68"/>
                    </a:lnTo>
                    <a:lnTo>
                      <a:pt x="193" y="66"/>
                    </a:lnTo>
                    <a:lnTo>
                      <a:pt x="188" y="68"/>
                    </a:lnTo>
                    <a:lnTo>
                      <a:pt x="183" y="69"/>
                    </a:lnTo>
                    <a:lnTo>
                      <a:pt x="180" y="74"/>
                    </a:lnTo>
                    <a:lnTo>
                      <a:pt x="176" y="80"/>
                    </a:lnTo>
                    <a:lnTo>
                      <a:pt x="173" y="85"/>
                    </a:lnTo>
                    <a:lnTo>
                      <a:pt x="171" y="88"/>
                    </a:lnTo>
                    <a:lnTo>
                      <a:pt x="170" y="91"/>
                    </a:lnTo>
                    <a:lnTo>
                      <a:pt x="168" y="64"/>
                    </a:lnTo>
                    <a:lnTo>
                      <a:pt x="168" y="66"/>
                    </a:lnTo>
                    <a:lnTo>
                      <a:pt x="166" y="66"/>
                    </a:lnTo>
                    <a:lnTo>
                      <a:pt x="165" y="66"/>
                    </a:lnTo>
                    <a:lnTo>
                      <a:pt x="163" y="64"/>
                    </a:lnTo>
                    <a:lnTo>
                      <a:pt x="163" y="63"/>
                    </a:lnTo>
                    <a:lnTo>
                      <a:pt x="161" y="61"/>
                    </a:lnTo>
                    <a:lnTo>
                      <a:pt x="163" y="56"/>
                    </a:lnTo>
                    <a:lnTo>
                      <a:pt x="163" y="52"/>
                    </a:lnTo>
                    <a:lnTo>
                      <a:pt x="165" y="49"/>
                    </a:lnTo>
                    <a:lnTo>
                      <a:pt x="166" y="49"/>
                    </a:lnTo>
                    <a:lnTo>
                      <a:pt x="166" y="51"/>
                    </a:lnTo>
                    <a:lnTo>
                      <a:pt x="168" y="52"/>
                    </a:lnTo>
                    <a:lnTo>
                      <a:pt x="168" y="54"/>
                    </a:lnTo>
                    <a:lnTo>
                      <a:pt x="168" y="52"/>
                    </a:lnTo>
                    <a:lnTo>
                      <a:pt x="168" y="51"/>
                    </a:lnTo>
                    <a:lnTo>
                      <a:pt x="168" y="49"/>
                    </a:lnTo>
                    <a:lnTo>
                      <a:pt x="166" y="47"/>
                    </a:lnTo>
                    <a:lnTo>
                      <a:pt x="168" y="49"/>
                    </a:lnTo>
                    <a:lnTo>
                      <a:pt x="168" y="54"/>
                    </a:lnTo>
                    <a:lnTo>
                      <a:pt x="170" y="59"/>
                    </a:lnTo>
                    <a:lnTo>
                      <a:pt x="171" y="61"/>
                    </a:lnTo>
                    <a:lnTo>
                      <a:pt x="173" y="61"/>
                    </a:lnTo>
                    <a:lnTo>
                      <a:pt x="175" y="61"/>
                    </a:lnTo>
                    <a:lnTo>
                      <a:pt x="175" y="58"/>
                    </a:lnTo>
                    <a:lnTo>
                      <a:pt x="176" y="56"/>
                    </a:lnTo>
                    <a:lnTo>
                      <a:pt x="176" y="54"/>
                    </a:lnTo>
                    <a:lnTo>
                      <a:pt x="185" y="46"/>
                    </a:lnTo>
                    <a:lnTo>
                      <a:pt x="187" y="37"/>
                    </a:lnTo>
                    <a:lnTo>
                      <a:pt x="207" y="19"/>
                    </a:lnTo>
                    <a:lnTo>
                      <a:pt x="214" y="8"/>
                    </a:lnTo>
                    <a:lnTo>
                      <a:pt x="212" y="8"/>
                    </a:lnTo>
                    <a:lnTo>
                      <a:pt x="212" y="10"/>
                    </a:lnTo>
                    <a:lnTo>
                      <a:pt x="214" y="10"/>
                    </a:lnTo>
                    <a:lnTo>
                      <a:pt x="222" y="7"/>
                    </a:lnTo>
                    <a:lnTo>
                      <a:pt x="226" y="5"/>
                    </a:lnTo>
                    <a:lnTo>
                      <a:pt x="227" y="3"/>
                    </a:lnTo>
                    <a:lnTo>
                      <a:pt x="224" y="2"/>
                    </a:lnTo>
                    <a:lnTo>
                      <a:pt x="219" y="2"/>
                    </a:lnTo>
                    <a:lnTo>
                      <a:pt x="215" y="0"/>
                    </a:lnTo>
                    <a:lnTo>
                      <a:pt x="210" y="0"/>
                    </a:lnTo>
                    <a:lnTo>
                      <a:pt x="209" y="0"/>
                    </a:lnTo>
                    <a:lnTo>
                      <a:pt x="197" y="2"/>
                    </a:lnTo>
                    <a:lnTo>
                      <a:pt x="185" y="5"/>
                    </a:lnTo>
                    <a:lnTo>
                      <a:pt x="176" y="12"/>
                    </a:lnTo>
                    <a:lnTo>
                      <a:pt x="168" y="19"/>
                    </a:lnTo>
                    <a:lnTo>
                      <a:pt x="163" y="25"/>
                    </a:lnTo>
                    <a:lnTo>
                      <a:pt x="158" y="30"/>
                    </a:lnTo>
                    <a:lnTo>
                      <a:pt x="154" y="34"/>
                    </a:lnTo>
                    <a:lnTo>
                      <a:pt x="154" y="36"/>
                    </a:lnTo>
                    <a:lnTo>
                      <a:pt x="146" y="37"/>
                    </a:lnTo>
                    <a:lnTo>
                      <a:pt x="141" y="41"/>
                    </a:lnTo>
                    <a:lnTo>
                      <a:pt x="136" y="46"/>
                    </a:lnTo>
                    <a:lnTo>
                      <a:pt x="132" y="51"/>
                    </a:lnTo>
                    <a:lnTo>
                      <a:pt x="131" y="56"/>
                    </a:lnTo>
                    <a:lnTo>
                      <a:pt x="127" y="61"/>
                    </a:lnTo>
                    <a:lnTo>
                      <a:pt x="126" y="64"/>
                    </a:lnTo>
                    <a:lnTo>
                      <a:pt x="122" y="66"/>
                    </a:lnTo>
                    <a:lnTo>
                      <a:pt x="119" y="68"/>
                    </a:lnTo>
                    <a:lnTo>
                      <a:pt x="114" y="69"/>
                    </a:lnTo>
                    <a:lnTo>
                      <a:pt x="109" y="73"/>
                    </a:lnTo>
                    <a:lnTo>
                      <a:pt x="104" y="78"/>
                    </a:lnTo>
                    <a:lnTo>
                      <a:pt x="99" y="81"/>
                    </a:lnTo>
                    <a:lnTo>
                      <a:pt x="95" y="85"/>
                    </a:lnTo>
                    <a:lnTo>
                      <a:pt x="92" y="88"/>
                    </a:lnTo>
                    <a:lnTo>
                      <a:pt x="92" y="90"/>
                    </a:lnTo>
                    <a:lnTo>
                      <a:pt x="83" y="90"/>
                    </a:lnTo>
                    <a:lnTo>
                      <a:pt x="73" y="90"/>
                    </a:lnTo>
                    <a:lnTo>
                      <a:pt x="73" y="91"/>
                    </a:lnTo>
                    <a:lnTo>
                      <a:pt x="70" y="91"/>
                    </a:lnTo>
                    <a:lnTo>
                      <a:pt x="66" y="91"/>
                    </a:lnTo>
                    <a:lnTo>
                      <a:pt x="65" y="93"/>
                    </a:lnTo>
                    <a:lnTo>
                      <a:pt x="60" y="93"/>
                    </a:lnTo>
                    <a:lnTo>
                      <a:pt x="56" y="95"/>
                    </a:lnTo>
                    <a:lnTo>
                      <a:pt x="55" y="96"/>
                    </a:lnTo>
                    <a:lnTo>
                      <a:pt x="53" y="96"/>
                    </a:lnTo>
                    <a:lnTo>
                      <a:pt x="46" y="105"/>
                    </a:lnTo>
                    <a:lnTo>
                      <a:pt x="38" y="112"/>
                    </a:lnTo>
                    <a:lnTo>
                      <a:pt x="29" y="117"/>
                    </a:lnTo>
                    <a:lnTo>
                      <a:pt x="21" y="120"/>
                    </a:lnTo>
                    <a:lnTo>
                      <a:pt x="12" y="124"/>
                    </a:lnTo>
                    <a:lnTo>
                      <a:pt x="7" y="127"/>
                    </a:lnTo>
                    <a:lnTo>
                      <a:pt x="2" y="127"/>
                    </a:lnTo>
                    <a:lnTo>
                      <a:pt x="0" y="12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7" name="Freeform 128"/>
              <p:cNvSpPr>
                <a:spLocks/>
              </p:cNvSpPr>
              <p:nvPr/>
            </p:nvSpPr>
            <p:spPr bwMode="auto">
              <a:xfrm>
                <a:off x="3490" y="1273"/>
                <a:ext cx="366" cy="503"/>
              </a:xfrm>
              <a:custGeom>
                <a:avLst/>
                <a:gdLst>
                  <a:gd name="T0" fmla="*/ 211 w 377"/>
                  <a:gd name="T1" fmla="*/ 296 h 519"/>
                  <a:gd name="T2" fmla="*/ 216 w 377"/>
                  <a:gd name="T3" fmla="*/ 272 h 519"/>
                  <a:gd name="T4" fmla="*/ 230 w 377"/>
                  <a:gd name="T5" fmla="*/ 256 h 519"/>
                  <a:gd name="T6" fmla="*/ 236 w 377"/>
                  <a:gd name="T7" fmla="*/ 241 h 519"/>
                  <a:gd name="T8" fmla="*/ 237 w 377"/>
                  <a:gd name="T9" fmla="*/ 233 h 519"/>
                  <a:gd name="T10" fmla="*/ 244 w 377"/>
                  <a:gd name="T11" fmla="*/ 236 h 519"/>
                  <a:gd name="T12" fmla="*/ 248 w 377"/>
                  <a:gd name="T13" fmla="*/ 233 h 519"/>
                  <a:gd name="T14" fmla="*/ 250 w 377"/>
                  <a:gd name="T15" fmla="*/ 204 h 519"/>
                  <a:gd name="T16" fmla="*/ 229 w 377"/>
                  <a:gd name="T17" fmla="*/ 139 h 519"/>
                  <a:gd name="T18" fmla="*/ 214 w 377"/>
                  <a:gd name="T19" fmla="*/ 122 h 519"/>
                  <a:gd name="T20" fmla="*/ 204 w 377"/>
                  <a:gd name="T21" fmla="*/ 128 h 519"/>
                  <a:gd name="T22" fmla="*/ 192 w 377"/>
                  <a:gd name="T23" fmla="*/ 133 h 519"/>
                  <a:gd name="T24" fmla="*/ 186 w 377"/>
                  <a:gd name="T25" fmla="*/ 148 h 519"/>
                  <a:gd name="T26" fmla="*/ 176 w 377"/>
                  <a:gd name="T27" fmla="*/ 162 h 519"/>
                  <a:gd name="T28" fmla="*/ 172 w 377"/>
                  <a:gd name="T29" fmla="*/ 168 h 519"/>
                  <a:gd name="T30" fmla="*/ 166 w 377"/>
                  <a:gd name="T31" fmla="*/ 166 h 519"/>
                  <a:gd name="T32" fmla="*/ 153 w 377"/>
                  <a:gd name="T33" fmla="*/ 155 h 519"/>
                  <a:gd name="T34" fmla="*/ 156 w 377"/>
                  <a:gd name="T35" fmla="*/ 139 h 519"/>
                  <a:gd name="T36" fmla="*/ 164 w 377"/>
                  <a:gd name="T37" fmla="*/ 135 h 519"/>
                  <a:gd name="T38" fmla="*/ 182 w 377"/>
                  <a:gd name="T39" fmla="*/ 98 h 519"/>
                  <a:gd name="T40" fmla="*/ 182 w 377"/>
                  <a:gd name="T41" fmla="*/ 76 h 519"/>
                  <a:gd name="T42" fmla="*/ 173 w 377"/>
                  <a:gd name="T43" fmla="*/ 59 h 519"/>
                  <a:gd name="T44" fmla="*/ 169 w 377"/>
                  <a:gd name="T45" fmla="*/ 47 h 519"/>
                  <a:gd name="T46" fmla="*/ 178 w 377"/>
                  <a:gd name="T47" fmla="*/ 48 h 519"/>
                  <a:gd name="T48" fmla="*/ 164 w 377"/>
                  <a:gd name="T49" fmla="*/ 26 h 519"/>
                  <a:gd name="T50" fmla="*/ 140 w 377"/>
                  <a:gd name="T51" fmla="*/ 16 h 519"/>
                  <a:gd name="T52" fmla="*/ 91 w 377"/>
                  <a:gd name="T53" fmla="*/ 0 h 519"/>
                  <a:gd name="T54" fmla="*/ 77 w 377"/>
                  <a:gd name="T55" fmla="*/ 10 h 519"/>
                  <a:gd name="T56" fmla="*/ 71 w 377"/>
                  <a:gd name="T57" fmla="*/ 23 h 519"/>
                  <a:gd name="T58" fmla="*/ 79 w 377"/>
                  <a:gd name="T59" fmla="*/ 33 h 519"/>
                  <a:gd name="T60" fmla="*/ 72 w 377"/>
                  <a:gd name="T61" fmla="*/ 37 h 519"/>
                  <a:gd name="T62" fmla="*/ 57 w 377"/>
                  <a:gd name="T63" fmla="*/ 46 h 519"/>
                  <a:gd name="T64" fmla="*/ 59 w 377"/>
                  <a:gd name="T65" fmla="*/ 66 h 519"/>
                  <a:gd name="T66" fmla="*/ 55 w 377"/>
                  <a:gd name="T67" fmla="*/ 81 h 519"/>
                  <a:gd name="T68" fmla="*/ 47 w 377"/>
                  <a:gd name="T69" fmla="*/ 85 h 519"/>
                  <a:gd name="T70" fmla="*/ 47 w 377"/>
                  <a:gd name="T71" fmla="*/ 69 h 519"/>
                  <a:gd name="T72" fmla="*/ 44 w 377"/>
                  <a:gd name="T73" fmla="*/ 53 h 519"/>
                  <a:gd name="T74" fmla="*/ 42 w 377"/>
                  <a:gd name="T75" fmla="*/ 59 h 519"/>
                  <a:gd name="T76" fmla="*/ 36 w 377"/>
                  <a:gd name="T77" fmla="*/ 74 h 519"/>
                  <a:gd name="T78" fmla="*/ 25 w 377"/>
                  <a:gd name="T79" fmla="*/ 75 h 519"/>
                  <a:gd name="T80" fmla="*/ 18 w 377"/>
                  <a:gd name="T81" fmla="*/ 78 h 519"/>
                  <a:gd name="T82" fmla="*/ 17 w 377"/>
                  <a:gd name="T83" fmla="*/ 91 h 519"/>
                  <a:gd name="T84" fmla="*/ 17 w 377"/>
                  <a:gd name="T85" fmla="*/ 103 h 519"/>
                  <a:gd name="T86" fmla="*/ 17 w 377"/>
                  <a:gd name="T87" fmla="*/ 117 h 519"/>
                  <a:gd name="T88" fmla="*/ 10 w 377"/>
                  <a:gd name="T89" fmla="*/ 139 h 519"/>
                  <a:gd name="T90" fmla="*/ 3 w 377"/>
                  <a:gd name="T91" fmla="*/ 150 h 519"/>
                  <a:gd name="T92" fmla="*/ 10 w 377"/>
                  <a:gd name="T93" fmla="*/ 170 h 519"/>
                  <a:gd name="T94" fmla="*/ 3 w 377"/>
                  <a:gd name="T95" fmla="*/ 178 h 519"/>
                  <a:gd name="T96" fmla="*/ 17 w 377"/>
                  <a:gd name="T97" fmla="*/ 201 h 519"/>
                  <a:gd name="T98" fmla="*/ 17 w 377"/>
                  <a:gd name="T99" fmla="*/ 215 h 519"/>
                  <a:gd name="T100" fmla="*/ 30 w 377"/>
                  <a:gd name="T101" fmla="*/ 246 h 519"/>
                  <a:gd name="T102" fmla="*/ 28 w 377"/>
                  <a:gd name="T103" fmla="*/ 282 h 519"/>
                  <a:gd name="T104" fmla="*/ 17 w 377"/>
                  <a:gd name="T105" fmla="*/ 306 h 519"/>
                  <a:gd name="T106" fmla="*/ 17 w 377"/>
                  <a:gd name="T107" fmla="*/ 320 h 519"/>
                  <a:gd name="T108" fmla="*/ 3 w 377"/>
                  <a:gd name="T109" fmla="*/ 334 h 519"/>
                  <a:gd name="T110" fmla="*/ 201 w 377"/>
                  <a:gd name="T111" fmla="*/ 320 h 519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377"/>
                  <a:gd name="T169" fmla="*/ 0 h 519"/>
                  <a:gd name="T170" fmla="*/ 377 w 377"/>
                  <a:gd name="T171" fmla="*/ 519 h 519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377" h="519">
                    <a:moveTo>
                      <a:pt x="304" y="496"/>
                    </a:moveTo>
                    <a:lnTo>
                      <a:pt x="304" y="489"/>
                    </a:lnTo>
                    <a:lnTo>
                      <a:pt x="308" y="480"/>
                    </a:lnTo>
                    <a:lnTo>
                      <a:pt x="311" y="472"/>
                    </a:lnTo>
                    <a:lnTo>
                      <a:pt x="314" y="465"/>
                    </a:lnTo>
                    <a:lnTo>
                      <a:pt x="320" y="458"/>
                    </a:lnTo>
                    <a:lnTo>
                      <a:pt x="325" y="453"/>
                    </a:lnTo>
                    <a:lnTo>
                      <a:pt x="326" y="450"/>
                    </a:lnTo>
                    <a:lnTo>
                      <a:pt x="328" y="448"/>
                    </a:lnTo>
                    <a:lnTo>
                      <a:pt x="326" y="438"/>
                    </a:lnTo>
                    <a:lnTo>
                      <a:pt x="326" y="430"/>
                    </a:lnTo>
                    <a:lnTo>
                      <a:pt x="328" y="421"/>
                    </a:lnTo>
                    <a:lnTo>
                      <a:pt x="330" y="416"/>
                    </a:lnTo>
                    <a:lnTo>
                      <a:pt x="333" y="411"/>
                    </a:lnTo>
                    <a:lnTo>
                      <a:pt x="336" y="408"/>
                    </a:lnTo>
                    <a:lnTo>
                      <a:pt x="338" y="406"/>
                    </a:lnTo>
                    <a:lnTo>
                      <a:pt x="340" y="406"/>
                    </a:lnTo>
                    <a:lnTo>
                      <a:pt x="348" y="396"/>
                    </a:lnTo>
                    <a:lnTo>
                      <a:pt x="350" y="386"/>
                    </a:lnTo>
                    <a:lnTo>
                      <a:pt x="350" y="384"/>
                    </a:lnTo>
                    <a:lnTo>
                      <a:pt x="350" y="382"/>
                    </a:lnTo>
                    <a:lnTo>
                      <a:pt x="352" y="381"/>
                    </a:lnTo>
                    <a:lnTo>
                      <a:pt x="352" y="379"/>
                    </a:lnTo>
                    <a:lnTo>
                      <a:pt x="355" y="375"/>
                    </a:lnTo>
                    <a:lnTo>
                      <a:pt x="355" y="372"/>
                    </a:lnTo>
                    <a:lnTo>
                      <a:pt x="353" y="370"/>
                    </a:lnTo>
                    <a:lnTo>
                      <a:pt x="355" y="365"/>
                    </a:lnTo>
                    <a:lnTo>
                      <a:pt x="355" y="362"/>
                    </a:lnTo>
                    <a:lnTo>
                      <a:pt x="358" y="360"/>
                    </a:lnTo>
                    <a:lnTo>
                      <a:pt x="360" y="360"/>
                    </a:lnTo>
                    <a:lnTo>
                      <a:pt x="364" y="359"/>
                    </a:lnTo>
                    <a:lnTo>
                      <a:pt x="365" y="360"/>
                    </a:lnTo>
                    <a:lnTo>
                      <a:pt x="367" y="360"/>
                    </a:lnTo>
                    <a:lnTo>
                      <a:pt x="369" y="360"/>
                    </a:lnTo>
                    <a:lnTo>
                      <a:pt x="369" y="365"/>
                    </a:lnTo>
                    <a:lnTo>
                      <a:pt x="370" y="367"/>
                    </a:lnTo>
                    <a:lnTo>
                      <a:pt x="372" y="367"/>
                    </a:lnTo>
                    <a:lnTo>
                      <a:pt x="372" y="365"/>
                    </a:lnTo>
                    <a:lnTo>
                      <a:pt x="374" y="364"/>
                    </a:lnTo>
                    <a:lnTo>
                      <a:pt x="374" y="362"/>
                    </a:lnTo>
                    <a:lnTo>
                      <a:pt x="375" y="360"/>
                    </a:lnTo>
                    <a:lnTo>
                      <a:pt x="377" y="316"/>
                    </a:lnTo>
                    <a:lnTo>
                      <a:pt x="377" y="318"/>
                    </a:lnTo>
                    <a:lnTo>
                      <a:pt x="377" y="316"/>
                    </a:lnTo>
                    <a:lnTo>
                      <a:pt x="372" y="293"/>
                    </a:lnTo>
                    <a:lnTo>
                      <a:pt x="365" y="271"/>
                    </a:lnTo>
                    <a:lnTo>
                      <a:pt x="360" y="254"/>
                    </a:lnTo>
                    <a:lnTo>
                      <a:pt x="355" y="237"/>
                    </a:lnTo>
                    <a:lnTo>
                      <a:pt x="350" y="225"/>
                    </a:lnTo>
                    <a:lnTo>
                      <a:pt x="345" y="215"/>
                    </a:lnTo>
                    <a:lnTo>
                      <a:pt x="340" y="206"/>
                    </a:lnTo>
                    <a:lnTo>
                      <a:pt x="336" y="199"/>
                    </a:lnTo>
                    <a:lnTo>
                      <a:pt x="333" y="196"/>
                    </a:lnTo>
                    <a:lnTo>
                      <a:pt x="330" y="193"/>
                    </a:lnTo>
                    <a:lnTo>
                      <a:pt x="326" y="191"/>
                    </a:lnTo>
                    <a:lnTo>
                      <a:pt x="323" y="189"/>
                    </a:lnTo>
                    <a:lnTo>
                      <a:pt x="321" y="189"/>
                    </a:lnTo>
                    <a:lnTo>
                      <a:pt x="318" y="191"/>
                    </a:lnTo>
                    <a:lnTo>
                      <a:pt x="316" y="191"/>
                    </a:lnTo>
                    <a:lnTo>
                      <a:pt x="314" y="193"/>
                    </a:lnTo>
                    <a:lnTo>
                      <a:pt x="311" y="194"/>
                    </a:lnTo>
                    <a:lnTo>
                      <a:pt x="308" y="198"/>
                    </a:lnTo>
                    <a:lnTo>
                      <a:pt x="303" y="199"/>
                    </a:lnTo>
                    <a:lnTo>
                      <a:pt x="299" y="201"/>
                    </a:lnTo>
                    <a:lnTo>
                      <a:pt x="296" y="203"/>
                    </a:lnTo>
                    <a:lnTo>
                      <a:pt x="294" y="205"/>
                    </a:lnTo>
                    <a:lnTo>
                      <a:pt x="292" y="205"/>
                    </a:lnTo>
                    <a:lnTo>
                      <a:pt x="292" y="206"/>
                    </a:lnTo>
                    <a:lnTo>
                      <a:pt x="287" y="210"/>
                    </a:lnTo>
                    <a:lnTo>
                      <a:pt x="284" y="218"/>
                    </a:lnTo>
                    <a:lnTo>
                      <a:pt x="284" y="221"/>
                    </a:lnTo>
                    <a:lnTo>
                      <a:pt x="282" y="225"/>
                    </a:lnTo>
                    <a:lnTo>
                      <a:pt x="281" y="230"/>
                    </a:lnTo>
                    <a:lnTo>
                      <a:pt x="277" y="233"/>
                    </a:lnTo>
                    <a:lnTo>
                      <a:pt x="276" y="238"/>
                    </a:lnTo>
                    <a:lnTo>
                      <a:pt x="272" y="242"/>
                    </a:lnTo>
                    <a:lnTo>
                      <a:pt x="269" y="242"/>
                    </a:lnTo>
                    <a:lnTo>
                      <a:pt x="269" y="247"/>
                    </a:lnTo>
                    <a:lnTo>
                      <a:pt x="267" y="250"/>
                    </a:lnTo>
                    <a:lnTo>
                      <a:pt x="265" y="254"/>
                    </a:lnTo>
                    <a:lnTo>
                      <a:pt x="264" y="255"/>
                    </a:lnTo>
                    <a:lnTo>
                      <a:pt x="262" y="257"/>
                    </a:lnTo>
                    <a:lnTo>
                      <a:pt x="260" y="259"/>
                    </a:lnTo>
                    <a:lnTo>
                      <a:pt x="259" y="259"/>
                    </a:lnTo>
                    <a:lnTo>
                      <a:pt x="255" y="259"/>
                    </a:lnTo>
                    <a:lnTo>
                      <a:pt x="254" y="257"/>
                    </a:lnTo>
                    <a:lnTo>
                      <a:pt x="252" y="257"/>
                    </a:lnTo>
                    <a:lnTo>
                      <a:pt x="250" y="257"/>
                    </a:lnTo>
                    <a:lnTo>
                      <a:pt x="247" y="255"/>
                    </a:lnTo>
                    <a:lnTo>
                      <a:pt x="238" y="255"/>
                    </a:lnTo>
                    <a:lnTo>
                      <a:pt x="235" y="250"/>
                    </a:lnTo>
                    <a:lnTo>
                      <a:pt x="232" y="245"/>
                    </a:lnTo>
                    <a:lnTo>
                      <a:pt x="232" y="240"/>
                    </a:lnTo>
                    <a:lnTo>
                      <a:pt x="232" y="233"/>
                    </a:lnTo>
                    <a:lnTo>
                      <a:pt x="233" y="228"/>
                    </a:lnTo>
                    <a:lnTo>
                      <a:pt x="233" y="225"/>
                    </a:lnTo>
                    <a:lnTo>
                      <a:pt x="235" y="223"/>
                    </a:lnTo>
                    <a:lnTo>
                      <a:pt x="235" y="218"/>
                    </a:lnTo>
                    <a:lnTo>
                      <a:pt x="237" y="215"/>
                    </a:lnTo>
                    <a:lnTo>
                      <a:pt x="238" y="213"/>
                    </a:lnTo>
                    <a:lnTo>
                      <a:pt x="242" y="211"/>
                    </a:lnTo>
                    <a:lnTo>
                      <a:pt x="243" y="210"/>
                    </a:lnTo>
                    <a:lnTo>
                      <a:pt x="247" y="210"/>
                    </a:lnTo>
                    <a:lnTo>
                      <a:pt x="248" y="208"/>
                    </a:lnTo>
                    <a:lnTo>
                      <a:pt x="259" y="198"/>
                    </a:lnTo>
                    <a:lnTo>
                      <a:pt x="262" y="176"/>
                    </a:lnTo>
                    <a:lnTo>
                      <a:pt x="276" y="164"/>
                    </a:lnTo>
                    <a:lnTo>
                      <a:pt x="276" y="162"/>
                    </a:lnTo>
                    <a:lnTo>
                      <a:pt x="276" y="159"/>
                    </a:lnTo>
                    <a:lnTo>
                      <a:pt x="276" y="152"/>
                    </a:lnTo>
                    <a:lnTo>
                      <a:pt x="276" y="147"/>
                    </a:lnTo>
                    <a:lnTo>
                      <a:pt x="276" y="140"/>
                    </a:lnTo>
                    <a:lnTo>
                      <a:pt x="276" y="133"/>
                    </a:lnTo>
                    <a:lnTo>
                      <a:pt x="276" y="128"/>
                    </a:lnTo>
                    <a:lnTo>
                      <a:pt x="276" y="127"/>
                    </a:lnTo>
                    <a:lnTo>
                      <a:pt x="276" y="118"/>
                    </a:lnTo>
                    <a:lnTo>
                      <a:pt x="274" y="110"/>
                    </a:lnTo>
                    <a:lnTo>
                      <a:pt x="272" y="105"/>
                    </a:lnTo>
                    <a:lnTo>
                      <a:pt x="269" y="100"/>
                    </a:lnTo>
                    <a:lnTo>
                      <a:pt x="267" y="96"/>
                    </a:lnTo>
                    <a:lnTo>
                      <a:pt x="264" y="93"/>
                    </a:lnTo>
                    <a:lnTo>
                      <a:pt x="262" y="91"/>
                    </a:lnTo>
                    <a:lnTo>
                      <a:pt x="260" y="89"/>
                    </a:lnTo>
                    <a:lnTo>
                      <a:pt x="255" y="86"/>
                    </a:lnTo>
                    <a:lnTo>
                      <a:pt x="254" y="83"/>
                    </a:lnTo>
                    <a:lnTo>
                      <a:pt x="254" y="79"/>
                    </a:lnTo>
                    <a:lnTo>
                      <a:pt x="254" y="76"/>
                    </a:lnTo>
                    <a:lnTo>
                      <a:pt x="255" y="74"/>
                    </a:lnTo>
                    <a:lnTo>
                      <a:pt x="257" y="73"/>
                    </a:lnTo>
                    <a:lnTo>
                      <a:pt x="259" y="71"/>
                    </a:lnTo>
                    <a:lnTo>
                      <a:pt x="260" y="71"/>
                    </a:lnTo>
                    <a:lnTo>
                      <a:pt x="265" y="76"/>
                    </a:lnTo>
                    <a:lnTo>
                      <a:pt x="269" y="76"/>
                    </a:lnTo>
                    <a:lnTo>
                      <a:pt x="270" y="76"/>
                    </a:lnTo>
                    <a:lnTo>
                      <a:pt x="270" y="74"/>
                    </a:lnTo>
                    <a:lnTo>
                      <a:pt x="270" y="73"/>
                    </a:lnTo>
                    <a:lnTo>
                      <a:pt x="269" y="71"/>
                    </a:lnTo>
                    <a:lnTo>
                      <a:pt x="269" y="69"/>
                    </a:lnTo>
                    <a:lnTo>
                      <a:pt x="267" y="67"/>
                    </a:lnTo>
                    <a:lnTo>
                      <a:pt x="248" y="40"/>
                    </a:lnTo>
                    <a:lnTo>
                      <a:pt x="240" y="39"/>
                    </a:lnTo>
                    <a:lnTo>
                      <a:pt x="232" y="37"/>
                    </a:lnTo>
                    <a:lnTo>
                      <a:pt x="225" y="35"/>
                    </a:lnTo>
                    <a:lnTo>
                      <a:pt x="220" y="34"/>
                    </a:lnTo>
                    <a:lnTo>
                      <a:pt x="215" y="32"/>
                    </a:lnTo>
                    <a:lnTo>
                      <a:pt x="211" y="29"/>
                    </a:lnTo>
                    <a:lnTo>
                      <a:pt x="210" y="27"/>
                    </a:lnTo>
                    <a:lnTo>
                      <a:pt x="208" y="27"/>
                    </a:lnTo>
                    <a:lnTo>
                      <a:pt x="193" y="27"/>
                    </a:lnTo>
                    <a:lnTo>
                      <a:pt x="179" y="12"/>
                    </a:lnTo>
                    <a:lnTo>
                      <a:pt x="152" y="10"/>
                    </a:lnTo>
                    <a:lnTo>
                      <a:pt x="138" y="0"/>
                    </a:lnTo>
                    <a:lnTo>
                      <a:pt x="130" y="0"/>
                    </a:lnTo>
                    <a:lnTo>
                      <a:pt x="125" y="3"/>
                    </a:lnTo>
                    <a:lnTo>
                      <a:pt x="115" y="1"/>
                    </a:lnTo>
                    <a:lnTo>
                      <a:pt x="115" y="3"/>
                    </a:lnTo>
                    <a:lnTo>
                      <a:pt x="115" y="7"/>
                    </a:lnTo>
                    <a:lnTo>
                      <a:pt x="115" y="10"/>
                    </a:lnTo>
                    <a:lnTo>
                      <a:pt x="115" y="12"/>
                    </a:lnTo>
                    <a:lnTo>
                      <a:pt x="108" y="17"/>
                    </a:lnTo>
                    <a:lnTo>
                      <a:pt x="105" y="22"/>
                    </a:lnTo>
                    <a:lnTo>
                      <a:pt x="103" y="27"/>
                    </a:lnTo>
                    <a:lnTo>
                      <a:pt x="105" y="32"/>
                    </a:lnTo>
                    <a:lnTo>
                      <a:pt x="106" y="37"/>
                    </a:lnTo>
                    <a:lnTo>
                      <a:pt x="110" y="40"/>
                    </a:lnTo>
                    <a:lnTo>
                      <a:pt x="111" y="42"/>
                    </a:lnTo>
                    <a:lnTo>
                      <a:pt x="113" y="44"/>
                    </a:lnTo>
                    <a:lnTo>
                      <a:pt x="116" y="44"/>
                    </a:lnTo>
                    <a:lnTo>
                      <a:pt x="120" y="45"/>
                    </a:lnTo>
                    <a:lnTo>
                      <a:pt x="120" y="47"/>
                    </a:lnTo>
                    <a:lnTo>
                      <a:pt x="120" y="49"/>
                    </a:lnTo>
                    <a:lnTo>
                      <a:pt x="120" y="51"/>
                    </a:lnTo>
                    <a:lnTo>
                      <a:pt x="118" y="52"/>
                    </a:lnTo>
                    <a:lnTo>
                      <a:pt x="116" y="52"/>
                    </a:lnTo>
                    <a:lnTo>
                      <a:pt x="116" y="54"/>
                    </a:lnTo>
                    <a:lnTo>
                      <a:pt x="108" y="54"/>
                    </a:lnTo>
                    <a:lnTo>
                      <a:pt x="101" y="56"/>
                    </a:lnTo>
                    <a:lnTo>
                      <a:pt x="96" y="59"/>
                    </a:lnTo>
                    <a:lnTo>
                      <a:pt x="91" y="62"/>
                    </a:lnTo>
                    <a:lnTo>
                      <a:pt x="89" y="67"/>
                    </a:lnTo>
                    <a:lnTo>
                      <a:pt x="86" y="71"/>
                    </a:lnTo>
                    <a:lnTo>
                      <a:pt x="86" y="73"/>
                    </a:lnTo>
                    <a:lnTo>
                      <a:pt x="86" y="74"/>
                    </a:lnTo>
                    <a:lnTo>
                      <a:pt x="88" y="79"/>
                    </a:lnTo>
                    <a:lnTo>
                      <a:pt x="88" y="86"/>
                    </a:lnTo>
                    <a:lnTo>
                      <a:pt x="89" y="91"/>
                    </a:lnTo>
                    <a:lnTo>
                      <a:pt x="89" y="96"/>
                    </a:lnTo>
                    <a:lnTo>
                      <a:pt x="89" y="101"/>
                    </a:lnTo>
                    <a:lnTo>
                      <a:pt x="89" y="106"/>
                    </a:lnTo>
                    <a:lnTo>
                      <a:pt x="88" y="110"/>
                    </a:lnTo>
                    <a:lnTo>
                      <a:pt x="86" y="115"/>
                    </a:lnTo>
                    <a:lnTo>
                      <a:pt x="86" y="118"/>
                    </a:lnTo>
                    <a:lnTo>
                      <a:pt x="84" y="123"/>
                    </a:lnTo>
                    <a:lnTo>
                      <a:pt x="83" y="127"/>
                    </a:lnTo>
                    <a:lnTo>
                      <a:pt x="83" y="128"/>
                    </a:lnTo>
                    <a:lnTo>
                      <a:pt x="81" y="132"/>
                    </a:lnTo>
                    <a:lnTo>
                      <a:pt x="79" y="133"/>
                    </a:lnTo>
                    <a:lnTo>
                      <a:pt x="72" y="132"/>
                    </a:lnTo>
                    <a:lnTo>
                      <a:pt x="66" y="130"/>
                    </a:lnTo>
                    <a:lnTo>
                      <a:pt x="66" y="128"/>
                    </a:lnTo>
                    <a:lnTo>
                      <a:pt x="67" y="125"/>
                    </a:lnTo>
                    <a:lnTo>
                      <a:pt x="67" y="118"/>
                    </a:lnTo>
                    <a:lnTo>
                      <a:pt x="69" y="113"/>
                    </a:lnTo>
                    <a:lnTo>
                      <a:pt x="71" y="106"/>
                    </a:lnTo>
                    <a:lnTo>
                      <a:pt x="71" y="100"/>
                    </a:lnTo>
                    <a:lnTo>
                      <a:pt x="71" y="95"/>
                    </a:lnTo>
                    <a:lnTo>
                      <a:pt x="71" y="93"/>
                    </a:lnTo>
                    <a:lnTo>
                      <a:pt x="69" y="86"/>
                    </a:lnTo>
                    <a:lnTo>
                      <a:pt x="67" y="83"/>
                    </a:lnTo>
                    <a:lnTo>
                      <a:pt x="66" y="81"/>
                    </a:lnTo>
                    <a:lnTo>
                      <a:pt x="64" y="83"/>
                    </a:lnTo>
                    <a:lnTo>
                      <a:pt x="64" y="84"/>
                    </a:lnTo>
                    <a:lnTo>
                      <a:pt x="62" y="88"/>
                    </a:lnTo>
                    <a:lnTo>
                      <a:pt x="62" y="89"/>
                    </a:lnTo>
                    <a:lnTo>
                      <a:pt x="61" y="91"/>
                    </a:lnTo>
                    <a:lnTo>
                      <a:pt x="61" y="93"/>
                    </a:lnTo>
                    <a:lnTo>
                      <a:pt x="59" y="98"/>
                    </a:lnTo>
                    <a:lnTo>
                      <a:pt x="56" y="101"/>
                    </a:lnTo>
                    <a:lnTo>
                      <a:pt x="54" y="106"/>
                    </a:lnTo>
                    <a:lnTo>
                      <a:pt x="52" y="110"/>
                    </a:lnTo>
                    <a:lnTo>
                      <a:pt x="50" y="113"/>
                    </a:lnTo>
                    <a:lnTo>
                      <a:pt x="49" y="113"/>
                    </a:lnTo>
                    <a:lnTo>
                      <a:pt x="44" y="111"/>
                    </a:lnTo>
                    <a:lnTo>
                      <a:pt x="40" y="111"/>
                    </a:lnTo>
                    <a:lnTo>
                      <a:pt x="39" y="113"/>
                    </a:lnTo>
                    <a:lnTo>
                      <a:pt x="39" y="115"/>
                    </a:lnTo>
                    <a:lnTo>
                      <a:pt x="39" y="117"/>
                    </a:lnTo>
                    <a:lnTo>
                      <a:pt x="32" y="120"/>
                    </a:lnTo>
                    <a:lnTo>
                      <a:pt x="32" y="122"/>
                    </a:lnTo>
                    <a:lnTo>
                      <a:pt x="32" y="125"/>
                    </a:lnTo>
                    <a:lnTo>
                      <a:pt x="30" y="128"/>
                    </a:lnTo>
                    <a:lnTo>
                      <a:pt x="30" y="133"/>
                    </a:lnTo>
                    <a:lnTo>
                      <a:pt x="30" y="137"/>
                    </a:lnTo>
                    <a:lnTo>
                      <a:pt x="30" y="139"/>
                    </a:lnTo>
                    <a:lnTo>
                      <a:pt x="30" y="140"/>
                    </a:lnTo>
                    <a:lnTo>
                      <a:pt x="23" y="144"/>
                    </a:lnTo>
                    <a:lnTo>
                      <a:pt x="20" y="147"/>
                    </a:lnTo>
                    <a:lnTo>
                      <a:pt x="18" y="150"/>
                    </a:lnTo>
                    <a:lnTo>
                      <a:pt x="17" y="152"/>
                    </a:lnTo>
                    <a:lnTo>
                      <a:pt x="15" y="155"/>
                    </a:lnTo>
                    <a:lnTo>
                      <a:pt x="17" y="159"/>
                    </a:lnTo>
                    <a:lnTo>
                      <a:pt x="17" y="161"/>
                    </a:lnTo>
                    <a:lnTo>
                      <a:pt x="18" y="162"/>
                    </a:lnTo>
                    <a:lnTo>
                      <a:pt x="20" y="166"/>
                    </a:lnTo>
                    <a:lnTo>
                      <a:pt x="20" y="171"/>
                    </a:lnTo>
                    <a:lnTo>
                      <a:pt x="20" y="176"/>
                    </a:lnTo>
                    <a:lnTo>
                      <a:pt x="20" y="181"/>
                    </a:lnTo>
                    <a:lnTo>
                      <a:pt x="18" y="186"/>
                    </a:lnTo>
                    <a:lnTo>
                      <a:pt x="17" y="193"/>
                    </a:lnTo>
                    <a:lnTo>
                      <a:pt x="15" y="198"/>
                    </a:lnTo>
                    <a:lnTo>
                      <a:pt x="13" y="203"/>
                    </a:lnTo>
                    <a:lnTo>
                      <a:pt x="12" y="210"/>
                    </a:lnTo>
                    <a:lnTo>
                      <a:pt x="10" y="215"/>
                    </a:lnTo>
                    <a:lnTo>
                      <a:pt x="8" y="220"/>
                    </a:lnTo>
                    <a:lnTo>
                      <a:pt x="6" y="225"/>
                    </a:lnTo>
                    <a:lnTo>
                      <a:pt x="5" y="228"/>
                    </a:lnTo>
                    <a:lnTo>
                      <a:pt x="3" y="232"/>
                    </a:lnTo>
                    <a:lnTo>
                      <a:pt x="3" y="233"/>
                    </a:lnTo>
                    <a:lnTo>
                      <a:pt x="5" y="238"/>
                    </a:lnTo>
                    <a:lnTo>
                      <a:pt x="6" y="245"/>
                    </a:lnTo>
                    <a:lnTo>
                      <a:pt x="8" y="250"/>
                    </a:lnTo>
                    <a:lnTo>
                      <a:pt x="8" y="255"/>
                    </a:lnTo>
                    <a:lnTo>
                      <a:pt x="10" y="260"/>
                    </a:lnTo>
                    <a:lnTo>
                      <a:pt x="10" y="264"/>
                    </a:lnTo>
                    <a:lnTo>
                      <a:pt x="10" y="267"/>
                    </a:lnTo>
                    <a:lnTo>
                      <a:pt x="6" y="269"/>
                    </a:lnTo>
                    <a:lnTo>
                      <a:pt x="5" y="271"/>
                    </a:lnTo>
                    <a:lnTo>
                      <a:pt x="3" y="274"/>
                    </a:lnTo>
                    <a:lnTo>
                      <a:pt x="3" y="277"/>
                    </a:lnTo>
                    <a:lnTo>
                      <a:pt x="5" y="282"/>
                    </a:lnTo>
                    <a:lnTo>
                      <a:pt x="6" y="287"/>
                    </a:lnTo>
                    <a:lnTo>
                      <a:pt x="8" y="294"/>
                    </a:lnTo>
                    <a:lnTo>
                      <a:pt x="12" y="299"/>
                    </a:lnTo>
                    <a:lnTo>
                      <a:pt x="15" y="306"/>
                    </a:lnTo>
                    <a:lnTo>
                      <a:pt x="17" y="311"/>
                    </a:lnTo>
                    <a:lnTo>
                      <a:pt x="20" y="318"/>
                    </a:lnTo>
                    <a:lnTo>
                      <a:pt x="23" y="323"/>
                    </a:lnTo>
                    <a:lnTo>
                      <a:pt x="25" y="326"/>
                    </a:lnTo>
                    <a:lnTo>
                      <a:pt x="27" y="330"/>
                    </a:lnTo>
                    <a:lnTo>
                      <a:pt x="28" y="333"/>
                    </a:lnTo>
                    <a:lnTo>
                      <a:pt x="30" y="333"/>
                    </a:lnTo>
                    <a:lnTo>
                      <a:pt x="34" y="338"/>
                    </a:lnTo>
                    <a:lnTo>
                      <a:pt x="37" y="345"/>
                    </a:lnTo>
                    <a:lnTo>
                      <a:pt x="39" y="353"/>
                    </a:lnTo>
                    <a:lnTo>
                      <a:pt x="42" y="362"/>
                    </a:lnTo>
                    <a:lnTo>
                      <a:pt x="42" y="370"/>
                    </a:lnTo>
                    <a:lnTo>
                      <a:pt x="44" y="381"/>
                    </a:lnTo>
                    <a:lnTo>
                      <a:pt x="44" y="391"/>
                    </a:lnTo>
                    <a:lnTo>
                      <a:pt x="44" y="401"/>
                    </a:lnTo>
                    <a:lnTo>
                      <a:pt x="44" y="411"/>
                    </a:lnTo>
                    <a:lnTo>
                      <a:pt x="44" y="419"/>
                    </a:lnTo>
                    <a:lnTo>
                      <a:pt x="44" y="428"/>
                    </a:lnTo>
                    <a:lnTo>
                      <a:pt x="42" y="436"/>
                    </a:lnTo>
                    <a:lnTo>
                      <a:pt x="42" y="441"/>
                    </a:lnTo>
                    <a:lnTo>
                      <a:pt x="40" y="447"/>
                    </a:lnTo>
                    <a:lnTo>
                      <a:pt x="40" y="450"/>
                    </a:lnTo>
                    <a:lnTo>
                      <a:pt x="40" y="452"/>
                    </a:lnTo>
                    <a:lnTo>
                      <a:pt x="32" y="463"/>
                    </a:lnTo>
                    <a:lnTo>
                      <a:pt x="27" y="474"/>
                    </a:lnTo>
                    <a:lnTo>
                      <a:pt x="23" y="480"/>
                    </a:lnTo>
                    <a:lnTo>
                      <a:pt x="23" y="487"/>
                    </a:lnTo>
                    <a:lnTo>
                      <a:pt x="23" y="491"/>
                    </a:lnTo>
                    <a:lnTo>
                      <a:pt x="23" y="494"/>
                    </a:lnTo>
                    <a:lnTo>
                      <a:pt x="23" y="496"/>
                    </a:lnTo>
                    <a:lnTo>
                      <a:pt x="18" y="502"/>
                    </a:lnTo>
                    <a:lnTo>
                      <a:pt x="15" y="506"/>
                    </a:lnTo>
                    <a:lnTo>
                      <a:pt x="12" y="511"/>
                    </a:lnTo>
                    <a:lnTo>
                      <a:pt x="8" y="513"/>
                    </a:lnTo>
                    <a:lnTo>
                      <a:pt x="6" y="516"/>
                    </a:lnTo>
                    <a:lnTo>
                      <a:pt x="3" y="518"/>
                    </a:lnTo>
                    <a:lnTo>
                      <a:pt x="3" y="519"/>
                    </a:lnTo>
                    <a:lnTo>
                      <a:pt x="1" y="519"/>
                    </a:lnTo>
                    <a:lnTo>
                      <a:pt x="0" y="519"/>
                    </a:lnTo>
                    <a:lnTo>
                      <a:pt x="184" y="497"/>
                    </a:lnTo>
                    <a:lnTo>
                      <a:pt x="188" y="514"/>
                    </a:lnTo>
                    <a:lnTo>
                      <a:pt x="304" y="496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44" name="Freeform 129"/>
            <p:cNvSpPr>
              <a:spLocks/>
            </p:cNvSpPr>
            <p:nvPr/>
          </p:nvSpPr>
          <p:spPr bwMode="auto">
            <a:xfrm>
              <a:off x="3986" y="2043"/>
              <a:ext cx="434" cy="427"/>
            </a:xfrm>
            <a:custGeom>
              <a:avLst/>
              <a:gdLst>
                <a:gd name="T0" fmla="*/ 44 w 446"/>
                <a:gd name="T1" fmla="*/ 263 h 440"/>
                <a:gd name="T2" fmla="*/ 35 w 446"/>
                <a:gd name="T3" fmla="*/ 261 h 440"/>
                <a:gd name="T4" fmla="*/ 18 w 446"/>
                <a:gd name="T5" fmla="*/ 234 h 440"/>
                <a:gd name="T6" fmla="*/ 5 w 446"/>
                <a:gd name="T7" fmla="*/ 218 h 440"/>
                <a:gd name="T8" fmla="*/ 3 w 446"/>
                <a:gd name="T9" fmla="*/ 201 h 440"/>
                <a:gd name="T10" fmla="*/ 1 w 446"/>
                <a:gd name="T11" fmla="*/ 196 h 440"/>
                <a:gd name="T12" fmla="*/ 18 w 446"/>
                <a:gd name="T13" fmla="*/ 195 h 440"/>
                <a:gd name="T14" fmla="*/ 18 w 446"/>
                <a:gd name="T15" fmla="*/ 167 h 440"/>
                <a:gd name="T16" fmla="*/ 23 w 446"/>
                <a:gd name="T17" fmla="*/ 160 h 440"/>
                <a:gd name="T18" fmla="*/ 26 w 446"/>
                <a:gd name="T19" fmla="*/ 148 h 440"/>
                <a:gd name="T20" fmla="*/ 40 w 446"/>
                <a:gd name="T21" fmla="*/ 148 h 440"/>
                <a:gd name="T22" fmla="*/ 47 w 446"/>
                <a:gd name="T23" fmla="*/ 148 h 440"/>
                <a:gd name="T24" fmla="*/ 64 w 446"/>
                <a:gd name="T25" fmla="*/ 110 h 440"/>
                <a:gd name="T26" fmla="*/ 74 w 446"/>
                <a:gd name="T27" fmla="*/ 110 h 440"/>
                <a:gd name="T28" fmla="*/ 81 w 446"/>
                <a:gd name="T29" fmla="*/ 103 h 440"/>
                <a:gd name="T30" fmla="*/ 90 w 446"/>
                <a:gd name="T31" fmla="*/ 90 h 440"/>
                <a:gd name="T32" fmla="*/ 97 w 446"/>
                <a:gd name="T33" fmla="*/ 72 h 440"/>
                <a:gd name="T34" fmla="*/ 98 w 446"/>
                <a:gd name="T35" fmla="*/ 59 h 440"/>
                <a:gd name="T36" fmla="*/ 102 w 446"/>
                <a:gd name="T37" fmla="*/ 37 h 440"/>
                <a:gd name="T38" fmla="*/ 100 w 446"/>
                <a:gd name="T39" fmla="*/ 10 h 440"/>
                <a:gd name="T40" fmla="*/ 184 w 446"/>
                <a:gd name="T41" fmla="*/ 62 h 440"/>
                <a:gd name="T42" fmla="*/ 216 w 446"/>
                <a:gd name="T43" fmla="*/ 80 h 440"/>
                <a:gd name="T44" fmla="*/ 230 w 446"/>
                <a:gd name="T45" fmla="*/ 65 h 440"/>
                <a:gd name="T46" fmla="*/ 249 w 446"/>
                <a:gd name="T47" fmla="*/ 66 h 440"/>
                <a:gd name="T48" fmla="*/ 260 w 446"/>
                <a:gd name="T49" fmla="*/ 53 h 440"/>
                <a:gd name="T50" fmla="*/ 282 w 446"/>
                <a:gd name="T51" fmla="*/ 55 h 440"/>
                <a:gd name="T52" fmla="*/ 290 w 446"/>
                <a:gd name="T53" fmla="*/ 55 h 440"/>
                <a:gd name="T54" fmla="*/ 296 w 446"/>
                <a:gd name="T55" fmla="*/ 62 h 440"/>
                <a:gd name="T56" fmla="*/ 302 w 446"/>
                <a:gd name="T57" fmla="*/ 79 h 440"/>
                <a:gd name="T58" fmla="*/ 299 w 446"/>
                <a:gd name="T59" fmla="*/ 86 h 440"/>
                <a:gd name="T60" fmla="*/ 276 w 446"/>
                <a:gd name="T61" fmla="*/ 80 h 440"/>
                <a:gd name="T62" fmla="*/ 262 w 446"/>
                <a:gd name="T63" fmla="*/ 74 h 440"/>
                <a:gd name="T64" fmla="*/ 254 w 446"/>
                <a:gd name="T65" fmla="*/ 107 h 440"/>
                <a:gd name="T66" fmla="*/ 242 w 446"/>
                <a:gd name="T67" fmla="*/ 119 h 440"/>
                <a:gd name="T68" fmla="*/ 236 w 446"/>
                <a:gd name="T69" fmla="*/ 134 h 440"/>
                <a:gd name="T70" fmla="*/ 229 w 446"/>
                <a:gd name="T71" fmla="*/ 129 h 440"/>
                <a:gd name="T72" fmla="*/ 223 w 446"/>
                <a:gd name="T73" fmla="*/ 143 h 440"/>
                <a:gd name="T74" fmla="*/ 221 w 446"/>
                <a:gd name="T75" fmla="*/ 149 h 440"/>
                <a:gd name="T76" fmla="*/ 218 w 446"/>
                <a:gd name="T77" fmla="*/ 159 h 440"/>
                <a:gd name="T78" fmla="*/ 199 w 446"/>
                <a:gd name="T79" fmla="*/ 160 h 440"/>
                <a:gd name="T80" fmla="*/ 188 w 446"/>
                <a:gd name="T81" fmla="*/ 160 h 440"/>
                <a:gd name="T82" fmla="*/ 188 w 446"/>
                <a:gd name="T83" fmla="*/ 176 h 440"/>
                <a:gd name="T84" fmla="*/ 183 w 446"/>
                <a:gd name="T85" fmla="*/ 189 h 440"/>
                <a:gd name="T86" fmla="*/ 179 w 446"/>
                <a:gd name="T87" fmla="*/ 195 h 440"/>
                <a:gd name="T88" fmla="*/ 174 w 446"/>
                <a:gd name="T89" fmla="*/ 212 h 440"/>
                <a:gd name="T90" fmla="*/ 163 w 446"/>
                <a:gd name="T91" fmla="*/ 232 h 440"/>
                <a:gd name="T92" fmla="*/ 163 w 446"/>
                <a:gd name="T93" fmla="*/ 239 h 440"/>
                <a:gd name="T94" fmla="*/ 164 w 446"/>
                <a:gd name="T95" fmla="*/ 253 h 440"/>
                <a:gd name="T96" fmla="*/ 148 w 446"/>
                <a:gd name="T97" fmla="*/ 259 h 440"/>
                <a:gd name="T98" fmla="*/ 136 w 446"/>
                <a:gd name="T99" fmla="*/ 267 h 440"/>
                <a:gd name="T100" fmla="*/ 125 w 446"/>
                <a:gd name="T101" fmla="*/ 268 h 440"/>
                <a:gd name="T102" fmla="*/ 122 w 446"/>
                <a:gd name="T103" fmla="*/ 276 h 440"/>
                <a:gd name="T104" fmla="*/ 118 w 446"/>
                <a:gd name="T105" fmla="*/ 279 h 440"/>
                <a:gd name="T106" fmla="*/ 97 w 446"/>
                <a:gd name="T107" fmla="*/ 280 h 440"/>
                <a:gd name="T108" fmla="*/ 90 w 446"/>
                <a:gd name="T109" fmla="*/ 285 h 440"/>
                <a:gd name="T110" fmla="*/ 74 w 446"/>
                <a:gd name="T111" fmla="*/ 288 h 440"/>
                <a:gd name="T112" fmla="*/ 55 w 446"/>
                <a:gd name="T113" fmla="*/ 279 h 440"/>
                <a:gd name="T114" fmla="*/ 51 w 446"/>
                <a:gd name="T115" fmla="*/ 265 h 440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446"/>
                <a:gd name="T175" fmla="*/ 0 h 440"/>
                <a:gd name="T176" fmla="*/ 446 w 446"/>
                <a:gd name="T177" fmla="*/ 440 h 440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446" h="440">
                  <a:moveTo>
                    <a:pt x="76" y="404"/>
                  </a:moveTo>
                  <a:lnTo>
                    <a:pt x="64" y="404"/>
                  </a:lnTo>
                  <a:lnTo>
                    <a:pt x="64" y="402"/>
                  </a:lnTo>
                  <a:lnTo>
                    <a:pt x="62" y="401"/>
                  </a:lnTo>
                  <a:lnTo>
                    <a:pt x="62" y="399"/>
                  </a:lnTo>
                  <a:lnTo>
                    <a:pt x="61" y="397"/>
                  </a:lnTo>
                  <a:lnTo>
                    <a:pt x="57" y="397"/>
                  </a:lnTo>
                  <a:lnTo>
                    <a:pt x="54" y="396"/>
                  </a:lnTo>
                  <a:lnTo>
                    <a:pt x="49" y="396"/>
                  </a:lnTo>
                  <a:lnTo>
                    <a:pt x="49" y="394"/>
                  </a:lnTo>
                  <a:lnTo>
                    <a:pt x="45" y="389"/>
                  </a:lnTo>
                  <a:lnTo>
                    <a:pt x="40" y="384"/>
                  </a:lnTo>
                  <a:lnTo>
                    <a:pt x="35" y="375"/>
                  </a:lnTo>
                  <a:lnTo>
                    <a:pt x="28" y="367"/>
                  </a:lnTo>
                  <a:lnTo>
                    <a:pt x="22" y="357"/>
                  </a:lnTo>
                  <a:lnTo>
                    <a:pt x="13" y="348"/>
                  </a:lnTo>
                  <a:lnTo>
                    <a:pt x="5" y="338"/>
                  </a:lnTo>
                  <a:lnTo>
                    <a:pt x="5" y="335"/>
                  </a:lnTo>
                  <a:lnTo>
                    <a:pt x="5" y="331"/>
                  </a:lnTo>
                  <a:lnTo>
                    <a:pt x="6" y="326"/>
                  </a:lnTo>
                  <a:lnTo>
                    <a:pt x="6" y="323"/>
                  </a:lnTo>
                  <a:lnTo>
                    <a:pt x="6" y="318"/>
                  </a:lnTo>
                  <a:lnTo>
                    <a:pt x="5" y="311"/>
                  </a:lnTo>
                  <a:lnTo>
                    <a:pt x="3" y="306"/>
                  </a:lnTo>
                  <a:lnTo>
                    <a:pt x="0" y="303"/>
                  </a:lnTo>
                  <a:lnTo>
                    <a:pt x="0" y="299"/>
                  </a:lnTo>
                  <a:lnTo>
                    <a:pt x="0" y="297"/>
                  </a:lnTo>
                  <a:lnTo>
                    <a:pt x="1" y="297"/>
                  </a:lnTo>
                  <a:lnTo>
                    <a:pt x="1" y="299"/>
                  </a:lnTo>
                  <a:lnTo>
                    <a:pt x="3" y="299"/>
                  </a:lnTo>
                  <a:lnTo>
                    <a:pt x="6" y="303"/>
                  </a:lnTo>
                  <a:lnTo>
                    <a:pt x="13" y="301"/>
                  </a:lnTo>
                  <a:lnTo>
                    <a:pt x="18" y="297"/>
                  </a:lnTo>
                  <a:lnTo>
                    <a:pt x="23" y="292"/>
                  </a:lnTo>
                  <a:lnTo>
                    <a:pt x="28" y="287"/>
                  </a:lnTo>
                  <a:lnTo>
                    <a:pt x="32" y="281"/>
                  </a:lnTo>
                  <a:lnTo>
                    <a:pt x="34" y="277"/>
                  </a:lnTo>
                  <a:lnTo>
                    <a:pt x="35" y="275"/>
                  </a:lnTo>
                  <a:lnTo>
                    <a:pt x="32" y="253"/>
                  </a:lnTo>
                  <a:lnTo>
                    <a:pt x="34" y="252"/>
                  </a:lnTo>
                  <a:lnTo>
                    <a:pt x="34" y="250"/>
                  </a:lnTo>
                  <a:lnTo>
                    <a:pt x="35" y="247"/>
                  </a:lnTo>
                  <a:lnTo>
                    <a:pt x="37" y="243"/>
                  </a:lnTo>
                  <a:lnTo>
                    <a:pt x="39" y="242"/>
                  </a:lnTo>
                  <a:lnTo>
                    <a:pt x="39" y="238"/>
                  </a:lnTo>
                  <a:lnTo>
                    <a:pt x="40" y="230"/>
                  </a:lnTo>
                  <a:lnTo>
                    <a:pt x="40" y="225"/>
                  </a:lnTo>
                  <a:lnTo>
                    <a:pt x="44" y="221"/>
                  </a:lnTo>
                  <a:lnTo>
                    <a:pt x="45" y="221"/>
                  </a:lnTo>
                  <a:lnTo>
                    <a:pt x="49" y="221"/>
                  </a:lnTo>
                  <a:lnTo>
                    <a:pt x="50" y="221"/>
                  </a:lnTo>
                  <a:lnTo>
                    <a:pt x="52" y="223"/>
                  </a:lnTo>
                  <a:lnTo>
                    <a:pt x="54" y="225"/>
                  </a:lnTo>
                  <a:lnTo>
                    <a:pt x="57" y="233"/>
                  </a:lnTo>
                  <a:lnTo>
                    <a:pt x="61" y="235"/>
                  </a:lnTo>
                  <a:lnTo>
                    <a:pt x="62" y="233"/>
                  </a:lnTo>
                  <a:lnTo>
                    <a:pt x="66" y="230"/>
                  </a:lnTo>
                  <a:lnTo>
                    <a:pt x="67" y="225"/>
                  </a:lnTo>
                  <a:lnTo>
                    <a:pt x="67" y="221"/>
                  </a:lnTo>
                  <a:lnTo>
                    <a:pt x="67" y="216"/>
                  </a:lnTo>
                  <a:lnTo>
                    <a:pt x="69" y="216"/>
                  </a:lnTo>
                  <a:lnTo>
                    <a:pt x="71" y="189"/>
                  </a:lnTo>
                  <a:lnTo>
                    <a:pt x="93" y="167"/>
                  </a:lnTo>
                  <a:lnTo>
                    <a:pt x="93" y="169"/>
                  </a:lnTo>
                  <a:lnTo>
                    <a:pt x="94" y="171"/>
                  </a:lnTo>
                  <a:lnTo>
                    <a:pt x="98" y="171"/>
                  </a:lnTo>
                  <a:lnTo>
                    <a:pt x="101" y="169"/>
                  </a:lnTo>
                  <a:lnTo>
                    <a:pt x="105" y="169"/>
                  </a:lnTo>
                  <a:lnTo>
                    <a:pt x="108" y="167"/>
                  </a:lnTo>
                  <a:lnTo>
                    <a:pt x="110" y="165"/>
                  </a:lnTo>
                  <a:lnTo>
                    <a:pt x="110" y="164"/>
                  </a:lnTo>
                  <a:lnTo>
                    <a:pt x="111" y="164"/>
                  </a:lnTo>
                  <a:lnTo>
                    <a:pt x="113" y="160"/>
                  </a:lnTo>
                  <a:lnTo>
                    <a:pt x="118" y="155"/>
                  </a:lnTo>
                  <a:lnTo>
                    <a:pt x="122" y="150"/>
                  </a:lnTo>
                  <a:lnTo>
                    <a:pt x="125" y="147"/>
                  </a:lnTo>
                  <a:lnTo>
                    <a:pt x="130" y="142"/>
                  </a:lnTo>
                  <a:lnTo>
                    <a:pt x="132" y="138"/>
                  </a:lnTo>
                  <a:lnTo>
                    <a:pt x="133" y="137"/>
                  </a:lnTo>
                  <a:lnTo>
                    <a:pt x="138" y="130"/>
                  </a:lnTo>
                  <a:lnTo>
                    <a:pt x="142" y="125"/>
                  </a:lnTo>
                  <a:lnTo>
                    <a:pt x="144" y="120"/>
                  </a:lnTo>
                  <a:lnTo>
                    <a:pt x="144" y="115"/>
                  </a:lnTo>
                  <a:lnTo>
                    <a:pt x="144" y="111"/>
                  </a:lnTo>
                  <a:lnTo>
                    <a:pt x="142" y="108"/>
                  </a:lnTo>
                  <a:lnTo>
                    <a:pt x="142" y="106"/>
                  </a:lnTo>
                  <a:lnTo>
                    <a:pt x="142" y="105"/>
                  </a:lnTo>
                  <a:lnTo>
                    <a:pt x="142" y="103"/>
                  </a:lnTo>
                  <a:lnTo>
                    <a:pt x="142" y="96"/>
                  </a:lnTo>
                  <a:lnTo>
                    <a:pt x="144" y="89"/>
                  </a:lnTo>
                  <a:lnTo>
                    <a:pt x="144" y="79"/>
                  </a:lnTo>
                  <a:lnTo>
                    <a:pt x="145" y="69"/>
                  </a:lnTo>
                  <a:lnTo>
                    <a:pt x="147" y="61"/>
                  </a:lnTo>
                  <a:lnTo>
                    <a:pt x="147" y="55"/>
                  </a:lnTo>
                  <a:lnTo>
                    <a:pt x="149" y="52"/>
                  </a:lnTo>
                  <a:lnTo>
                    <a:pt x="152" y="47"/>
                  </a:lnTo>
                  <a:lnTo>
                    <a:pt x="152" y="40"/>
                  </a:lnTo>
                  <a:lnTo>
                    <a:pt x="152" y="32"/>
                  </a:lnTo>
                  <a:lnTo>
                    <a:pt x="150" y="23"/>
                  </a:lnTo>
                  <a:lnTo>
                    <a:pt x="149" y="15"/>
                  </a:lnTo>
                  <a:lnTo>
                    <a:pt x="147" y="10"/>
                  </a:lnTo>
                  <a:lnTo>
                    <a:pt x="145" y="5"/>
                  </a:lnTo>
                  <a:lnTo>
                    <a:pt x="144" y="3"/>
                  </a:lnTo>
                  <a:lnTo>
                    <a:pt x="155" y="0"/>
                  </a:lnTo>
                  <a:lnTo>
                    <a:pt x="174" y="111"/>
                  </a:lnTo>
                  <a:lnTo>
                    <a:pt x="269" y="93"/>
                  </a:lnTo>
                  <a:lnTo>
                    <a:pt x="279" y="154"/>
                  </a:lnTo>
                  <a:lnTo>
                    <a:pt x="314" y="121"/>
                  </a:lnTo>
                  <a:lnTo>
                    <a:pt x="314" y="123"/>
                  </a:lnTo>
                  <a:lnTo>
                    <a:pt x="316" y="123"/>
                  </a:lnTo>
                  <a:lnTo>
                    <a:pt x="318" y="123"/>
                  </a:lnTo>
                  <a:lnTo>
                    <a:pt x="321" y="121"/>
                  </a:lnTo>
                  <a:lnTo>
                    <a:pt x="326" y="116"/>
                  </a:lnTo>
                  <a:lnTo>
                    <a:pt x="331" y="110"/>
                  </a:lnTo>
                  <a:lnTo>
                    <a:pt x="338" y="98"/>
                  </a:lnTo>
                  <a:lnTo>
                    <a:pt x="340" y="98"/>
                  </a:lnTo>
                  <a:lnTo>
                    <a:pt x="343" y="99"/>
                  </a:lnTo>
                  <a:lnTo>
                    <a:pt x="348" y="101"/>
                  </a:lnTo>
                  <a:lnTo>
                    <a:pt x="353" y="101"/>
                  </a:lnTo>
                  <a:lnTo>
                    <a:pt x="358" y="101"/>
                  </a:lnTo>
                  <a:lnTo>
                    <a:pt x="365" y="99"/>
                  </a:lnTo>
                  <a:lnTo>
                    <a:pt x="370" y="94"/>
                  </a:lnTo>
                  <a:lnTo>
                    <a:pt x="375" y="88"/>
                  </a:lnTo>
                  <a:lnTo>
                    <a:pt x="377" y="86"/>
                  </a:lnTo>
                  <a:lnTo>
                    <a:pt x="377" y="84"/>
                  </a:lnTo>
                  <a:lnTo>
                    <a:pt x="380" y="81"/>
                  </a:lnTo>
                  <a:lnTo>
                    <a:pt x="384" y="79"/>
                  </a:lnTo>
                  <a:lnTo>
                    <a:pt x="389" y="77"/>
                  </a:lnTo>
                  <a:lnTo>
                    <a:pt x="394" y="77"/>
                  </a:lnTo>
                  <a:lnTo>
                    <a:pt x="402" y="79"/>
                  </a:lnTo>
                  <a:lnTo>
                    <a:pt x="413" y="83"/>
                  </a:lnTo>
                  <a:lnTo>
                    <a:pt x="414" y="83"/>
                  </a:lnTo>
                  <a:lnTo>
                    <a:pt x="416" y="83"/>
                  </a:lnTo>
                  <a:lnTo>
                    <a:pt x="418" y="83"/>
                  </a:lnTo>
                  <a:lnTo>
                    <a:pt x="419" y="83"/>
                  </a:lnTo>
                  <a:lnTo>
                    <a:pt x="423" y="83"/>
                  </a:lnTo>
                  <a:lnTo>
                    <a:pt x="424" y="83"/>
                  </a:lnTo>
                  <a:lnTo>
                    <a:pt x="426" y="83"/>
                  </a:lnTo>
                  <a:lnTo>
                    <a:pt x="428" y="89"/>
                  </a:lnTo>
                  <a:lnTo>
                    <a:pt x="430" y="91"/>
                  </a:lnTo>
                  <a:lnTo>
                    <a:pt x="433" y="93"/>
                  </a:lnTo>
                  <a:lnTo>
                    <a:pt x="436" y="96"/>
                  </a:lnTo>
                  <a:lnTo>
                    <a:pt x="441" y="99"/>
                  </a:lnTo>
                  <a:lnTo>
                    <a:pt x="445" y="105"/>
                  </a:lnTo>
                  <a:lnTo>
                    <a:pt x="446" y="110"/>
                  </a:lnTo>
                  <a:lnTo>
                    <a:pt x="446" y="115"/>
                  </a:lnTo>
                  <a:lnTo>
                    <a:pt x="443" y="120"/>
                  </a:lnTo>
                  <a:lnTo>
                    <a:pt x="443" y="121"/>
                  </a:lnTo>
                  <a:lnTo>
                    <a:pt x="443" y="125"/>
                  </a:lnTo>
                  <a:lnTo>
                    <a:pt x="443" y="128"/>
                  </a:lnTo>
                  <a:lnTo>
                    <a:pt x="441" y="130"/>
                  </a:lnTo>
                  <a:lnTo>
                    <a:pt x="438" y="132"/>
                  </a:lnTo>
                  <a:lnTo>
                    <a:pt x="433" y="133"/>
                  </a:lnTo>
                  <a:lnTo>
                    <a:pt x="424" y="130"/>
                  </a:lnTo>
                  <a:lnTo>
                    <a:pt x="411" y="125"/>
                  </a:lnTo>
                  <a:lnTo>
                    <a:pt x="409" y="123"/>
                  </a:lnTo>
                  <a:lnTo>
                    <a:pt x="406" y="121"/>
                  </a:lnTo>
                  <a:lnTo>
                    <a:pt x="401" y="120"/>
                  </a:lnTo>
                  <a:lnTo>
                    <a:pt x="396" y="118"/>
                  </a:lnTo>
                  <a:lnTo>
                    <a:pt x="392" y="115"/>
                  </a:lnTo>
                  <a:lnTo>
                    <a:pt x="387" y="113"/>
                  </a:lnTo>
                  <a:lnTo>
                    <a:pt x="384" y="111"/>
                  </a:lnTo>
                  <a:lnTo>
                    <a:pt x="380" y="145"/>
                  </a:lnTo>
                  <a:lnTo>
                    <a:pt x="375" y="150"/>
                  </a:lnTo>
                  <a:lnTo>
                    <a:pt x="375" y="152"/>
                  </a:lnTo>
                  <a:lnTo>
                    <a:pt x="374" y="157"/>
                  </a:lnTo>
                  <a:lnTo>
                    <a:pt x="372" y="162"/>
                  </a:lnTo>
                  <a:lnTo>
                    <a:pt x="369" y="169"/>
                  </a:lnTo>
                  <a:lnTo>
                    <a:pt x="365" y="176"/>
                  </a:lnTo>
                  <a:lnTo>
                    <a:pt x="362" y="179"/>
                  </a:lnTo>
                  <a:lnTo>
                    <a:pt x="358" y="182"/>
                  </a:lnTo>
                  <a:lnTo>
                    <a:pt x="355" y="181"/>
                  </a:lnTo>
                  <a:lnTo>
                    <a:pt x="355" y="182"/>
                  </a:lnTo>
                  <a:lnTo>
                    <a:pt x="355" y="186"/>
                  </a:lnTo>
                  <a:lnTo>
                    <a:pt x="353" y="189"/>
                  </a:lnTo>
                  <a:lnTo>
                    <a:pt x="352" y="194"/>
                  </a:lnTo>
                  <a:lnTo>
                    <a:pt x="350" y="199"/>
                  </a:lnTo>
                  <a:lnTo>
                    <a:pt x="347" y="203"/>
                  </a:lnTo>
                  <a:lnTo>
                    <a:pt x="345" y="203"/>
                  </a:lnTo>
                  <a:lnTo>
                    <a:pt x="342" y="199"/>
                  </a:lnTo>
                  <a:lnTo>
                    <a:pt x="340" y="199"/>
                  </a:lnTo>
                  <a:lnTo>
                    <a:pt x="338" y="198"/>
                  </a:lnTo>
                  <a:lnTo>
                    <a:pt x="336" y="196"/>
                  </a:lnTo>
                  <a:lnTo>
                    <a:pt x="333" y="196"/>
                  </a:lnTo>
                  <a:lnTo>
                    <a:pt x="331" y="198"/>
                  </a:lnTo>
                  <a:lnTo>
                    <a:pt x="328" y="199"/>
                  </a:lnTo>
                  <a:lnTo>
                    <a:pt x="326" y="206"/>
                  </a:lnTo>
                  <a:lnTo>
                    <a:pt x="326" y="216"/>
                  </a:lnTo>
                  <a:lnTo>
                    <a:pt x="326" y="218"/>
                  </a:lnTo>
                  <a:lnTo>
                    <a:pt x="326" y="220"/>
                  </a:lnTo>
                  <a:lnTo>
                    <a:pt x="325" y="223"/>
                  </a:lnTo>
                  <a:lnTo>
                    <a:pt x="325" y="225"/>
                  </a:lnTo>
                  <a:lnTo>
                    <a:pt x="323" y="226"/>
                  </a:lnTo>
                  <a:lnTo>
                    <a:pt x="323" y="228"/>
                  </a:lnTo>
                  <a:lnTo>
                    <a:pt x="323" y="230"/>
                  </a:lnTo>
                  <a:lnTo>
                    <a:pt x="323" y="231"/>
                  </a:lnTo>
                  <a:lnTo>
                    <a:pt x="321" y="235"/>
                  </a:lnTo>
                  <a:lnTo>
                    <a:pt x="320" y="242"/>
                  </a:lnTo>
                  <a:lnTo>
                    <a:pt x="318" y="247"/>
                  </a:lnTo>
                  <a:lnTo>
                    <a:pt x="313" y="250"/>
                  </a:lnTo>
                  <a:lnTo>
                    <a:pt x="308" y="252"/>
                  </a:lnTo>
                  <a:lnTo>
                    <a:pt x="301" y="250"/>
                  </a:lnTo>
                  <a:lnTo>
                    <a:pt x="291" y="243"/>
                  </a:lnTo>
                  <a:lnTo>
                    <a:pt x="289" y="242"/>
                  </a:lnTo>
                  <a:lnTo>
                    <a:pt x="286" y="240"/>
                  </a:lnTo>
                  <a:lnTo>
                    <a:pt x="282" y="238"/>
                  </a:lnTo>
                  <a:lnTo>
                    <a:pt x="279" y="238"/>
                  </a:lnTo>
                  <a:lnTo>
                    <a:pt x="276" y="240"/>
                  </a:lnTo>
                  <a:lnTo>
                    <a:pt x="274" y="243"/>
                  </a:lnTo>
                  <a:lnTo>
                    <a:pt x="274" y="250"/>
                  </a:lnTo>
                  <a:lnTo>
                    <a:pt x="276" y="260"/>
                  </a:lnTo>
                  <a:lnTo>
                    <a:pt x="276" y="262"/>
                  </a:lnTo>
                  <a:lnTo>
                    <a:pt x="276" y="265"/>
                  </a:lnTo>
                  <a:lnTo>
                    <a:pt x="274" y="267"/>
                  </a:lnTo>
                  <a:lnTo>
                    <a:pt x="272" y="269"/>
                  </a:lnTo>
                  <a:lnTo>
                    <a:pt x="272" y="272"/>
                  </a:lnTo>
                  <a:lnTo>
                    <a:pt x="270" y="274"/>
                  </a:lnTo>
                  <a:lnTo>
                    <a:pt x="270" y="275"/>
                  </a:lnTo>
                  <a:lnTo>
                    <a:pt x="269" y="275"/>
                  </a:lnTo>
                  <a:lnTo>
                    <a:pt x="267" y="287"/>
                  </a:lnTo>
                  <a:lnTo>
                    <a:pt x="265" y="289"/>
                  </a:lnTo>
                  <a:lnTo>
                    <a:pt x="264" y="291"/>
                  </a:lnTo>
                  <a:lnTo>
                    <a:pt x="264" y="292"/>
                  </a:lnTo>
                  <a:lnTo>
                    <a:pt x="262" y="296"/>
                  </a:lnTo>
                  <a:lnTo>
                    <a:pt x="260" y="301"/>
                  </a:lnTo>
                  <a:lnTo>
                    <a:pt x="259" y="308"/>
                  </a:lnTo>
                  <a:lnTo>
                    <a:pt x="259" y="314"/>
                  </a:lnTo>
                  <a:lnTo>
                    <a:pt x="259" y="318"/>
                  </a:lnTo>
                  <a:lnTo>
                    <a:pt x="255" y="321"/>
                  </a:lnTo>
                  <a:lnTo>
                    <a:pt x="252" y="326"/>
                  </a:lnTo>
                  <a:lnTo>
                    <a:pt x="248" y="331"/>
                  </a:lnTo>
                  <a:lnTo>
                    <a:pt x="245" y="336"/>
                  </a:lnTo>
                  <a:lnTo>
                    <a:pt x="242" y="341"/>
                  </a:lnTo>
                  <a:lnTo>
                    <a:pt x="240" y="347"/>
                  </a:lnTo>
                  <a:lnTo>
                    <a:pt x="238" y="352"/>
                  </a:lnTo>
                  <a:lnTo>
                    <a:pt x="238" y="353"/>
                  </a:lnTo>
                  <a:lnTo>
                    <a:pt x="238" y="355"/>
                  </a:lnTo>
                  <a:lnTo>
                    <a:pt x="238" y="357"/>
                  </a:lnTo>
                  <a:lnTo>
                    <a:pt x="238" y="360"/>
                  </a:lnTo>
                  <a:lnTo>
                    <a:pt x="238" y="362"/>
                  </a:lnTo>
                  <a:lnTo>
                    <a:pt x="238" y="363"/>
                  </a:lnTo>
                  <a:lnTo>
                    <a:pt x="238" y="365"/>
                  </a:lnTo>
                  <a:lnTo>
                    <a:pt x="243" y="369"/>
                  </a:lnTo>
                  <a:lnTo>
                    <a:pt x="237" y="377"/>
                  </a:lnTo>
                  <a:lnTo>
                    <a:pt x="242" y="384"/>
                  </a:lnTo>
                  <a:lnTo>
                    <a:pt x="225" y="396"/>
                  </a:lnTo>
                  <a:lnTo>
                    <a:pt x="223" y="396"/>
                  </a:lnTo>
                  <a:lnTo>
                    <a:pt x="220" y="394"/>
                  </a:lnTo>
                  <a:lnTo>
                    <a:pt x="216" y="394"/>
                  </a:lnTo>
                  <a:lnTo>
                    <a:pt x="211" y="394"/>
                  </a:lnTo>
                  <a:lnTo>
                    <a:pt x="208" y="396"/>
                  </a:lnTo>
                  <a:lnTo>
                    <a:pt x="203" y="401"/>
                  </a:lnTo>
                  <a:lnTo>
                    <a:pt x="201" y="407"/>
                  </a:lnTo>
                  <a:lnTo>
                    <a:pt x="199" y="406"/>
                  </a:lnTo>
                  <a:lnTo>
                    <a:pt x="198" y="404"/>
                  </a:lnTo>
                  <a:lnTo>
                    <a:pt x="194" y="404"/>
                  </a:lnTo>
                  <a:lnTo>
                    <a:pt x="189" y="402"/>
                  </a:lnTo>
                  <a:lnTo>
                    <a:pt x="186" y="402"/>
                  </a:lnTo>
                  <a:lnTo>
                    <a:pt x="184" y="404"/>
                  </a:lnTo>
                  <a:lnTo>
                    <a:pt x="184" y="407"/>
                  </a:lnTo>
                  <a:lnTo>
                    <a:pt x="186" y="414"/>
                  </a:lnTo>
                  <a:lnTo>
                    <a:pt x="186" y="416"/>
                  </a:lnTo>
                  <a:lnTo>
                    <a:pt x="184" y="418"/>
                  </a:lnTo>
                  <a:lnTo>
                    <a:pt x="182" y="418"/>
                  </a:lnTo>
                  <a:lnTo>
                    <a:pt x="179" y="419"/>
                  </a:lnTo>
                  <a:lnTo>
                    <a:pt x="176" y="421"/>
                  </a:lnTo>
                  <a:lnTo>
                    <a:pt x="174" y="423"/>
                  </a:lnTo>
                  <a:lnTo>
                    <a:pt x="172" y="423"/>
                  </a:lnTo>
                  <a:lnTo>
                    <a:pt x="171" y="424"/>
                  </a:lnTo>
                  <a:lnTo>
                    <a:pt x="167" y="426"/>
                  </a:lnTo>
                  <a:lnTo>
                    <a:pt x="162" y="428"/>
                  </a:lnTo>
                  <a:lnTo>
                    <a:pt x="155" y="429"/>
                  </a:lnTo>
                  <a:lnTo>
                    <a:pt x="150" y="429"/>
                  </a:lnTo>
                  <a:lnTo>
                    <a:pt x="145" y="429"/>
                  </a:lnTo>
                  <a:lnTo>
                    <a:pt x="142" y="428"/>
                  </a:lnTo>
                  <a:lnTo>
                    <a:pt x="140" y="423"/>
                  </a:lnTo>
                  <a:lnTo>
                    <a:pt x="138" y="426"/>
                  </a:lnTo>
                  <a:lnTo>
                    <a:pt x="135" y="429"/>
                  </a:lnTo>
                  <a:lnTo>
                    <a:pt x="132" y="433"/>
                  </a:lnTo>
                  <a:lnTo>
                    <a:pt x="127" y="438"/>
                  </a:lnTo>
                  <a:lnTo>
                    <a:pt x="122" y="440"/>
                  </a:lnTo>
                  <a:lnTo>
                    <a:pt x="116" y="440"/>
                  </a:lnTo>
                  <a:lnTo>
                    <a:pt x="110" y="438"/>
                  </a:lnTo>
                  <a:lnTo>
                    <a:pt x="108" y="438"/>
                  </a:lnTo>
                  <a:lnTo>
                    <a:pt x="105" y="438"/>
                  </a:lnTo>
                  <a:lnTo>
                    <a:pt x="101" y="436"/>
                  </a:lnTo>
                  <a:lnTo>
                    <a:pt x="98" y="435"/>
                  </a:lnTo>
                  <a:lnTo>
                    <a:pt x="93" y="433"/>
                  </a:lnTo>
                  <a:lnTo>
                    <a:pt x="88" y="428"/>
                  </a:lnTo>
                  <a:lnTo>
                    <a:pt x="83" y="423"/>
                  </a:lnTo>
                  <a:lnTo>
                    <a:pt x="79" y="416"/>
                  </a:lnTo>
                  <a:lnTo>
                    <a:pt x="78" y="413"/>
                  </a:lnTo>
                  <a:lnTo>
                    <a:pt x="78" y="409"/>
                  </a:lnTo>
                  <a:lnTo>
                    <a:pt x="78" y="406"/>
                  </a:lnTo>
                  <a:lnTo>
                    <a:pt x="76" y="404"/>
                  </a:lnTo>
                </a:path>
              </a:pathLst>
            </a:custGeom>
            <a:solidFill>
              <a:srgbClr val="DDDDDD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45" name="Freeform 130"/>
            <p:cNvSpPr>
              <a:spLocks/>
            </p:cNvSpPr>
            <p:nvPr/>
          </p:nvSpPr>
          <p:spPr bwMode="auto">
            <a:xfrm>
              <a:off x="4583" y="2049"/>
              <a:ext cx="102" cy="170"/>
            </a:xfrm>
            <a:custGeom>
              <a:avLst/>
              <a:gdLst>
                <a:gd name="T0" fmla="*/ 17 w 105"/>
                <a:gd name="T1" fmla="*/ 16 h 175"/>
                <a:gd name="T2" fmla="*/ 17 w 105"/>
                <a:gd name="T3" fmla="*/ 17 h 175"/>
                <a:gd name="T4" fmla="*/ 17 w 105"/>
                <a:gd name="T5" fmla="*/ 17 h 175"/>
                <a:gd name="T6" fmla="*/ 17 w 105"/>
                <a:gd name="T7" fmla="*/ 20 h 175"/>
                <a:gd name="T8" fmla="*/ 17 w 105"/>
                <a:gd name="T9" fmla="*/ 22 h 175"/>
                <a:gd name="T10" fmla="*/ 17 w 105"/>
                <a:gd name="T11" fmla="*/ 24 h 175"/>
                <a:gd name="T12" fmla="*/ 17 w 105"/>
                <a:gd name="T13" fmla="*/ 32 h 175"/>
                <a:gd name="T14" fmla="*/ 17 w 105"/>
                <a:gd name="T15" fmla="*/ 39 h 175"/>
                <a:gd name="T16" fmla="*/ 20 w 105"/>
                <a:gd name="T17" fmla="*/ 42 h 175"/>
                <a:gd name="T18" fmla="*/ 23 w 105"/>
                <a:gd name="T19" fmla="*/ 42 h 175"/>
                <a:gd name="T20" fmla="*/ 25 w 105"/>
                <a:gd name="T21" fmla="*/ 43 h 175"/>
                <a:gd name="T22" fmla="*/ 30 w 105"/>
                <a:gd name="T23" fmla="*/ 45 h 175"/>
                <a:gd name="T24" fmla="*/ 35 w 105"/>
                <a:gd name="T25" fmla="*/ 48 h 175"/>
                <a:gd name="T26" fmla="*/ 35 w 105"/>
                <a:gd name="T27" fmla="*/ 54 h 175"/>
                <a:gd name="T28" fmla="*/ 35 w 105"/>
                <a:gd name="T29" fmla="*/ 59 h 175"/>
                <a:gd name="T30" fmla="*/ 35 w 105"/>
                <a:gd name="T31" fmla="*/ 59 h 175"/>
                <a:gd name="T32" fmla="*/ 39 w 105"/>
                <a:gd name="T33" fmla="*/ 63 h 175"/>
                <a:gd name="T34" fmla="*/ 41 w 105"/>
                <a:gd name="T35" fmla="*/ 67 h 175"/>
                <a:gd name="T36" fmla="*/ 43 w 105"/>
                <a:gd name="T37" fmla="*/ 70 h 175"/>
                <a:gd name="T38" fmla="*/ 43 w 105"/>
                <a:gd name="T39" fmla="*/ 71 h 175"/>
                <a:gd name="T40" fmla="*/ 44 w 105"/>
                <a:gd name="T41" fmla="*/ 71 h 175"/>
                <a:gd name="T42" fmla="*/ 45 w 105"/>
                <a:gd name="T43" fmla="*/ 74 h 175"/>
                <a:gd name="T44" fmla="*/ 45 w 105"/>
                <a:gd name="T45" fmla="*/ 75 h 175"/>
                <a:gd name="T46" fmla="*/ 49 w 105"/>
                <a:gd name="T47" fmla="*/ 80 h 175"/>
                <a:gd name="T48" fmla="*/ 55 w 105"/>
                <a:gd name="T49" fmla="*/ 82 h 175"/>
                <a:gd name="T50" fmla="*/ 59 w 105"/>
                <a:gd name="T51" fmla="*/ 82 h 175"/>
                <a:gd name="T52" fmla="*/ 61 w 105"/>
                <a:gd name="T53" fmla="*/ 82 h 175"/>
                <a:gd name="T54" fmla="*/ 63 w 105"/>
                <a:gd name="T55" fmla="*/ 90 h 175"/>
                <a:gd name="T56" fmla="*/ 58 w 105"/>
                <a:gd name="T57" fmla="*/ 94 h 175"/>
                <a:gd name="T58" fmla="*/ 58 w 105"/>
                <a:gd name="T59" fmla="*/ 94 h 175"/>
                <a:gd name="T60" fmla="*/ 57 w 105"/>
                <a:gd name="T61" fmla="*/ 95 h 175"/>
                <a:gd name="T62" fmla="*/ 57 w 105"/>
                <a:gd name="T63" fmla="*/ 96 h 175"/>
                <a:gd name="T64" fmla="*/ 53 w 105"/>
                <a:gd name="T65" fmla="*/ 99 h 175"/>
                <a:gd name="T66" fmla="*/ 57 w 105"/>
                <a:gd name="T67" fmla="*/ 100 h 175"/>
                <a:gd name="T68" fmla="*/ 61 w 105"/>
                <a:gd name="T69" fmla="*/ 99 h 175"/>
                <a:gd name="T70" fmla="*/ 63 w 105"/>
                <a:gd name="T71" fmla="*/ 98 h 175"/>
                <a:gd name="T72" fmla="*/ 66 w 105"/>
                <a:gd name="T73" fmla="*/ 96 h 175"/>
                <a:gd name="T74" fmla="*/ 69 w 105"/>
                <a:gd name="T75" fmla="*/ 99 h 175"/>
                <a:gd name="T76" fmla="*/ 69 w 105"/>
                <a:gd name="T77" fmla="*/ 104 h 175"/>
                <a:gd name="T78" fmla="*/ 69 w 105"/>
                <a:gd name="T79" fmla="*/ 109 h 175"/>
                <a:gd name="T80" fmla="*/ 0 w 105"/>
                <a:gd name="T81" fmla="*/ 17 h 175"/>
                <a:gd name="T82" fmla="*/ 0 w 105"/>
                <a:gd name="T83" fmla="*/ 17 h 175"/>
                <a:gd name="T84" fmla="*/ 5 w 105"/>
                <a:gd name="T85" fmla="*/ 7 h 175"/>
                <a:gd name="T86" fmla="*/ 15 w 105"/>
                <a:gd name="T87" fmla="*/ 0 h 175"/>
                <a:gd name="T88" fmla="*/ 17 w 105"/>
                <a:gd name="T89" fmla="*/ 0 h 175"/>
                <a:gd name="T90" fmla="*/ 18 w 105"/>
                <a:gd name="T91" fmla="*/ 2 h 175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w 105"/>
                <a:gd name="T139" fmla="*/ 0 h 175"/>
                <a:gd name="T140" fmla="*/ 105 w 105"/>
                <a:gd name="T141" fmla="*/ 175 h 175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T138" t="T139" r="T140" b="T141"/>
              <a:pathLst>
                <a:path w="105" h="175">
                  <a:moveTo>
                    <a:pt x="27" y="7"/>
                  </a:moveTo>
                  <a:lnTo>
                    <a:pt x="24" y="16"/>
                  </a:lnTo>
                  <a:lnTo>
                    <a:pt x="20" y="22"/>
                  </a:lnTo>
                  <a:lnTo>
                    <a:pt x="20" y="26"/>
                  </a:lnTo>
                  <a:lnTo>
                    <a:pt x="20" y="29"/>
                  </a:lnTo>
                  <a:lnTo>
                    <a:pt x="20" y="31"/>
                  </a:lnTo>
                  <a:lnTo>
                    <a:pt x="22" y="34"/>
                  </a:lnTo>
                  <a:lnTo>
                    <a:pt x="22" y="36"/>
                  </a:lnTo>
                  <a:lnTo>
                    <a:pt x="24" y="36"/>
                  </a:lnTo>
                  <a:lnTo>
                    <a:pt x="24" y="38"/>
                  </a:lnTo>
                  <a:lnTo>
                    <a:pt x="25" y="46"/>
                  </a:lnTo>
                  <a:lnTo>
                    <a:pt x="27" y="49"/>
                  </a:lnTo>
                  <a:lnTo>
                    <a:pt x="29" y="55"/>
                  </a:lnTo>
                  <a:lnTo>
                    <a:pt x="30" y="56"/>
                  </a:lnTo>
                  <a:lnTo>
                    <a:pt x="34" y="60"/>
                  </a:lnTo>
                  <a:lnTo>
                    <a:pt x="36" y="61"/>
                  </a:lnTo>
                  <a:lnTo>
                    <a:pt x="37" y="61"/>
                  </a:lnTo>
                  <a:lnTo>
                    <a:pt x="39" y="63"/>
                  </a:lnTo>
                  <a:lnTo>
                    <a:pt x="44" y="66"/>
                  </a:lnTo>
                  <a:lnTo>
                    <a:pt x="47" y="70"/>
                  </a:lnTo>
                  <a:lnTo>
                    <a:pt x="49" y="73"/>
                  </a:lnTo>
                  <a:lnTo>
                    <a:pt x="49" y="78"/>
                  </a:lnTo>
                  <a:lnTo>
                    <a:pt x="49" y="82"/>
                  </a:lnTo>
                  <a:lnTo>
                    <a:pt x="49" y="85"/>
                  </a:lnTo>
                  <a:lnTo>
                    <a:pt x="49" y="88"/>
                  </a:lnTo>
                  <a:lnTo>
                    <a:pt x="51" y="92"/>
                  </a:lnTo>
                  <a:lnTo>
                    <a:pt x="54" y="93"/>
                  </a:lnTo>
                  <a:lnTo>
                    <a:pt x="56" y="97"/>
                  </a:lnTo>
                  <a:lnTo>
                    <a:pt x="59" y="99"/>
                  </a:lnTo>
                  <a:lnTo>
                    <a:pt x="61" y="102"/>
                  </a:lnTo>
                  <a:lnTo>
                    <a:pt x="63" y="104"/>
                  </a:lnTo>
                  <a:lnTo>
                    <a:pt x="63" y="105"/>
                  </a:lnTo>
                  <a:lnTo>
                    <a:pt x="64" y="105"/>
                  </a:lnTo>
                  <a:lnTo>
                    <a:pt x="64" y="109"/>
                  </a:lnTo>
                  <a:lnTo>
                    <a:pt x="66" y="110"/>
                  </a:lnTo>
                  <a:lnTo>
                    <a:pt x="66" y="112"/>
                  </a:lnTo>
                  <a:lnTo>
                    <a:pt x="71" y="115"/>
                  </a:lnTo>
                  <a:lnTo>
                    <a:pt x="74" y="119"/>
                  </a:lnTo>
                  <a:lnTo>
                    <a:pt x="80" y="121"/>
                  </a:lnTo>
                  <a:lnTo>
                    <a:pt x="83" y="122"/>
                  </a:lnTo>
                  <a:lnTo>
                    <a:pt x="86" y="122"/>
                  </a:lnTo>
                  <a:lnTo>
                    <a:pt x="88" y="122"/>
                  </a:lnTo>
                  <a:lnTo>
                    <a:pt x="90" y="122"/>
                  </a:lnTo>
                  <a:lnTo>
                    <a:pt x="93" y="126"/>
                  </a:lnTo>
                  <a:lnTo>
                    <a:pt x="93" y="136"/>
                  </a:lnTo>
                  <a:lnTo>
                    <a:pt x="86" y="136"/>
                  </a:lnTo>
                  <a:lnTo>
                    <a:pt x="86" y="141"/>
                  </a:lnTo>
                  <a:lnTo>
                    <a:pt x="86" y="143"/>
                  </a:lnTo>
                  <a:lnTo>
                    <a:pt x="85" y="143"/>
                  </a:lnTo>
                  <a:lnTo>
                    <a:pt x="85" y="144"/>
                  </a:lnTo>
                  <a:lnTo>
                    <a:pt x="83" y="146"/>
                  </a:lnTo>
                  <a:lnTo>
                    <a:pt x="81" y="148"/>
                  </a:lnTo>
                  <a:lnTo>
                    <a:pt x="83" y="149"/>
                  </a:lnTo>
                  <a:lnTo>
                    <a:pt x="85" y="149"/>
                  </a:lnTo>
                  <a:lnTo>
                    <a:pt x="88" y="149"/>
                  </a:lnTo>
                  <a:lnTo>
                    <a:pt x="90" y="148"/>
                  </a:lnTo>
                  <a:lnTo>
                    <a:pt x="91" y="148"/>
                  </a:lnTo>
                  <a:lnTo>
                    <a:pt x="93" y="146"/>
                  </a:lnTo>
                  <a:lnTo>
                    <a:pt x="98" y="144"/>
                  </a:lnTo>
                  <a:lnTo>
                    <a:pt x="100" y="144"/>
                  </a:lnTo>
                  <a:lnTo>
                    <a:pt x="102" y="148"/>
                  </a:lnTo>
                  <a:lnTo>
                    <a:pt x="102" y="149"/>
                  </a:lnTo>
                  <a:lnTo>
                    <a:pt x="102" y="154"/>
                  </a:lnTo>
                  <a:lnTo>
                    <a:pt x="105" y="158"/>
                  </a:lnTo>
                  <a:lnTo>
                    <a:pt x="103" y="163"/>
                  </a:lnTo>
                  <a:lnTo>
                    <a:pt x="41" y="175"/>
                  </a:lnTo>
                  <a:lnTo>
                    <a:pt x="0" y="21"/>
                  </a:lnTo>
                  <a:lnTo>
                    <a:pt x="0" y="22"/>
                  </a:lnTo>
                  <a:lnTo>
                    <a:pt x="2" y="12"/>
                  </a:lnTo>
                  <a:lnTo>
                    <a:pt x="5" y="7"/>
                  </a:lnTo>
                  <a:lnTo>
                    <a:pt x="10" y="4"/>
                  </a:lnTo>
                  <a:lnTo>
                    <a:pt x="15" y="0"/>
                  </a:lnTo>
                  <a:lnTo>
                    <a:pt x="22" y="0"/>
                  </a:lnTo>
                  <a:lnTo>
                    <a:pt x="27" y="0"/>
                  </a:lnTo>
                  <a:lnTo>
                    <a:pt x="30" y="0"/>
                  </a:lnTo>
                  <a:lnTo>
                    <a:pt x="32" y="2"/>
                  </a:lnTo>
                  <a:lnTo>
                    <a:pt x="27" y="7"/>
                  </a:lnTo>
                </a:path>
              </a:pathLst>
            </a:custGeom>
            <a:solidFill>
              <a:srgbClr val="DDDDDD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46" name="Group 131"/>
            <p:cNvGrpSpPr>
              <a:grpSpLocks/>
            </p:cNvGrpSpPr>
            <p:nvPr/>
          </p:nvGrpSpPr>
          <p:grpSpPr bwMode="auto">
            <a:xfrm>
              <a:off x="3980" y="2710"/>
              <a:ext cx="478" cy="363"/>
              <a:chOff x="3916" y="2758"/>
              <a:chExt cx="478" cy="363"/>
            </a:xfrm>
          </p:grpSpPr>
          <p:sp>
            <p:nvSpPr>
              <p:cNvPr id="99" name="Freeform 132"/>
              <p:cNvSpPr>
                <a:spLocks/>
              </p:cNvSpPr>
              <p:nvPr/>
            </p:nvSpPr>
            <p:spPr bwMode="auto">
              <a:xfrm>
                <a:off x="4222" y="3072"/>
                <a:ext cx="15" cy="16"/>
              </a:xfrm>
              <a:custGeom>
                <a:avLst/>
                <a:gdLst>
                  <a:gd name="T0" fmla="*/ 1 w 15"/>
                  <a:gd name="T1" fmla="*/ 5 h 17"/>
                  <a:gd name="T2" fmla="*/ 5 w 15"/>
                  <a:gd name="T3" fmla="*/ 2 h 17"/>
                  <a:gd name="T4" fmla="*/ 6 w 15"/>
                  <a:gd name="T5" fmla="*/ 0 h 17"/>
                  <a:gd name="T6" fmla="*/ 10 w 15"/>
                  <a:gd name="T7" fmla="*/ 0 h 17"/>
                  <a:gd name="T8" fmla="*/ 12 w 15"/>
                  <a:gd name="T9" fmla="*/ 0 h 17"/>
                  <a:gd name="T10" fmla="*/ 13 w 15"/>
                  <a:gd name="T11" fmla="*/ 2 h 17"/>
                  <a:gd name="T12" fmla="*/ 13 w 15"/>
                  <a:gd name="T13" fmla="*/ 2 h 17"/>
                  <a:gd name="T14" fmla="*/ 15 w 15"/>
                  <a:gd name="T15" fmla="*/ 3 h 17"/>
                  <a:gd name="T16" fmla="*/ 15 w 15"/>
                  <a:gd name="T17" fmla="*/ 5 h 17"/>
                  <a:gd name="T18" fmla="*/ 15 w 15"/>
                  <a:gd name="T19" fmla="*/ 7 h 17"/>
                  <a:gd name="T20" fmla="*/ 13 w 15"/>
                  <a:gd name="T21" fmla="*/ 8 h 17"/>
                  <a:gd name="T22" fmla="*/ 13 w 15"/>
                  <a:gd name="T23" fmla="*/ 8 h 17"/>
                  <a:gd name="T24" fmla="*/ 12 w 15"/>
                  <a:gd name="T25" fmla="*/ 8 h 17"/>
                  <a:gd name="T26" fmla="*/ 10 w 15"/>
                  <a:gd name="T27" fmla="*/ 8 h 17"/>
                  <a:gd name="T28" fmla="*/ 6 w 15"/>
                  <a:gd name="T29" fmla="*/ 8 h 17"/>
                  <a:gd name="T30" fmla="*/ 3 w 15"/>
                  <a:gd name="T31" fmla="*/ 8 h 17"/>
                  <a:gd name="T32" fmla="*/ 1 w 15"/>
                  <a:gd name="T33" fmla="*/ 8 h 17"/>
                  <a:gd name="T34" fmla="*/ 1 w 15"/>
                  <a:gd name="T35" fmla="*/ 8 h 17"/>
                  <a:gd name="T36" fmla="*/ 0 w 15"/>
                  <a:gd name="T37" fmla="*/ 8 h 17"/>
                  <a:gd name="T38" fmla="*/ 0 w 15"/>
                  <a:gd name="T39" fmla="*/ 8 h 17"/>
                  <a:gd name="T40" fmla="*/ 0 w 15"/>
                  <a:gd name="T41" fmla="*/ 8 h 17"/>
                  <a:gd name="T42" fmla="*/ 0 w 15"/>
                  <a:gd name="T43" fmla="*/ 8 h 17"/>
                  <a:gd name="T44" fmla="*/ 0 w 15"/>
                  <a:gd name="T45" fmla="*/ 8 h 17"/>
                  <a:gd name="T46" fmla="*/ 1 w 15"/>
                  <a:gd name="T47" fmla="*/ 7 h 17"/>
                  <a:gd name="T48" fmla="*/ 1 w 15"/>
                  <a:gd name="T49" fmla="*/ 5 h 1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15"/>
                  <a:gd name="T76" fmla="*/ 0 h 17"/>
                  <a:gd name="T77" fmla="*/ 15 w 15"/>
                  <a:gd name="T78" fmla="*/ 17 h 17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15" h="17">
                    <a:moveTo>
                      <a:pt x="1" y="5"/>
                    </a:moveTo>
                    <a:lnTo>
                      <a:pt x="5" y="2"/>
                    </a:lnTo>
                    <a:lnTo>
                      <a:pt x="6" y="0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5" y="3"/>
                    </a:lnTo>
                    <a:lnTo>
                      <a:pt x="15" y="5"/>
                    </a:lnTo>
                    <a:lnTo>
                      <a:pt x="15" y="7"/>
                    </a:lnTo>
                    <a:lnTo>
                      <a:pt x="13" y="8"/>
                    </a:lnTo>
                    <a:lnTo>
                      <a:pt x="13" y="10"/>
                    </a:lnTo>
                    <a:lnTo>
                      <a:pt x="12" y="12"/>
                    </a:lnTo>
                    <a:lnTo>
                      <a:pt x="10" y="15"/>
                    </a:lnTo>
                    <a:lnTo>
                      <a:pt x="6" y="17"/>
                    </a:lnTo>
                    <a:lnTo>
                      <a:pt x="3" y="17"/>
                    </a:lnTo>
                    <a:lnTo>
                      <a:pt x="1" y="17"/>
                    </a:lnTo>
                    <a:lnTo>
                      <a:pt x="0" y="15"/>
                    </a:lnTo>
                    <a:lnTo>
                      <a:pt x="0" y="13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1" y="7"/>
                    </a:lnTo>
                    <a:lnTo>
                      <a:pt x="1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0" name="Freeform 133"/>
              <p:cNvSpPr>
                <a:spLocks/>
              </p:cNvSpPr>
              <p:nvPr/>
            </p:nvSpPr>
            <p:spPr bwMode="auto">
              <a:xfrm>
                <a:off x="4206" y="3072"/>
                <a:ext cx="11" cy="12"/>
              </a:xfrm>
              <a:custGeom>
                <a:avLst/>
                <a:gdLst>
                  <a:gd name="T0" fmla="*/ 0 w 11"/>
                  <a:gd name="T1" fmla="*/ 6 h 13"/>
                  <a:gd name="T2" fmla="*/ 0 w 11"/>
                  <a:gd name="T3" fmla="*/ 3 h 13"/>
                  <a:gd name="T4" fmla="*/ 2 w 11"/>
                  <a:gd name="T5" fmla="*/ 2 h 13"/>
                  <a:gd name="T6" fmla="*/ 4 w 11"/>
                  <a:gd name="T7" fmla="*/ 0 h 13"/>
                  <a:gd name="T8" fmla="*/ 6 w 11"/>
                  <a:gd name="T9" fmla="*/ 0 h 13"/>
                  <a:gd name="T10" fmla="*/ 7 w 11"/>
                  <a:gd name="T11" fmla="*/ 0 h 13"/>
                  <a:gd name="T12" fmla="*/ 9 w 11"/>
                  <a:gd name="T13" fmla="*/ 2 h 13"/>
                  <a:gd name="T14" fmla="*/ 11 w 11"/>
                  <a:gd name="T15" fmla="*/ 3 h 13"/>
                  <a:gd name="T16" fmla="*/ 11 w 11"/>
                  <a:gd name="T17" fmla="*/ 6 h 13"/>
                  <a:gd name="T18" fmla="*/ 11 w 11"/>
                  <a:gd name="T19" fmla="*/ 6 h 13"/>
                  <a:gd name="T20" fmla="*/ 9 w 11"/>
                  <a:gd name="T21" fmla="*/ 6 h 13"/>
                  <a:gd name="T22" fmla="*/ 7 w 11"/>
                  <a:gd name="T23" fmla="*/ 6 h 13"/>
                  <a:gd name="T24" fmla="*/ 6 w 11"/>
                  <a:gd name="T25" fmla="*/ 6 h 13"/>
                  <a:gd name="T26" fmla="*/ 4 w 11"/>
                  <a:gd name="T27" fmla="*/ 6 h 13"/>
                  <a:gd name="T28" fmla="*/ 2 w 11"/>
                  <a:gd name="T29" fmla="*/ 6 h 13"/>
                  <a:gd name="T30" fmla="*/ 0 w 11"/>
                  <a:gd name="T31" fmla="*/ 6 h 13"/>
                  <a:gd name="T32" fmla="*/ 0 w 11"/>
                  <a:gd name="T33" fmla="*/ 6 h 13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1"/>
                  <a:gd name="T52" fmla="*/ 0 h 13"/>
                  <a:gd name="T53" fmla="*/ 11 w 11"/>
                  <a:gd name="T54" fmla="*/ 13 h 13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1" h="13">
                    <a:moveTo>
                      <a:pt x="0" y="7"/>
                    </a:moveTo>
                    <a:lnTo>
                      <a:pt x="0" y="3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0"/>
                    </a:lnTo>
                    <a:lnTo>
                      <a:pt x="9" y="2"/>
                    </a:lnTo>
                    <a:lnTo>
                      <a:pt x="11" y="3"/>
                    </a:lnTo>
                    <a:lnTo>
                      <a:pt x="11" y="7"/>
                    </a:lnTo>
                    <a:lnTo>
                      <a:pt x="11" y="10"/>
                    </a:lnTo>
                    <a:lnTo>
                      <a:pt x="9" y="12"/>
                    </a:lnTo>
                    <a:lnTo>
                      <a:pt x="7" y="13"/>
                    </a:lnTo>
                    <a:lnTo>
                      <a:pt x="6" y="13"/>
                    </a:lnTo>
                    <a:lnTo>
                      <a:pt x="4" y="13"/>
                    </a:lnTo>
                    <a:lnTo>
                      <a:pt x="2" y="12"/>
                    </a:lnTo>
                    <a:lnTo>
                      <a:pt x="0" y="10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1" name="Freeform 134"/>
              <p:cNvSpPr>
                <a:spLocks/>
              </p:cNvSpPr>
              <p:nvPr/>
            </p:nvSpPr>
            <p:spPr bwMode="auto">
              <a:xfrm>
                <a:off x="4212" y="3098"/>
                <a:ext cx="13" cy="16"/>
              </a:xfrm>
              <a:custGeom>
                <a:avLst/>
                <a:gdLst>
                  <a:gd name="T0" fmla="*/ 1 w 13"/>
                  <a:gd name="T1" fmla="*/ 5 h 17"/>
                  <a:gd name="T2" fmla="*/ 3 w 13"/>
                  <a:gd name="T3" fmla="*/ 2 h 17"/>
                  <a:gd name="T4" fmla="*/ 6 w 13"/>
                  <a:gd name="T5" fmla="*/ 0 h 17"/>
                  <a:gd name="T6" fmla="*/ 8 w 13"/>
                  <a:gd name="T7" fmla="*/ 0 h 17"/>
                  <a:gd name="T8" fmla="*/ 11 w 13"/>
                  <a:gd name="T9" fmla="*/ 0 h 17"/>
                  <a:gd name="T10" fmla="*/ 13 w 13"/>
                  <a:gd name="T11" fmla="*/ 0 h 17"/>
                  <a:gd name="T12" fmla="*/ 13 w 13"/>
                  <a:gd name="T13" fmla="*/ 2 h 17"/>
                  <a:gd name="T14" fmla="*/ 13 w 13"/>
                  <a:gd name="T15" fmla="*/ 3 h 17"/>
                  <a:gd name="T16" fmla="*/ 13 w 13"/>
                  <a:gd name="T17" fmla="*/ 5 h 17"/>
                  <a:gd name="T18" fmla="*/ 13 w 13"/>
                  <a:gd name="T19" fmla="*/ 5 h 17"/>
                  <a:gd name="T20" fmla="*/ 13 w 13"/>
                  <a:gd name="T21" fmla="*/ 8 h 17"/>
                  <a:gd name="T22" fmla="*/ 13 w 13"/>
                  <a:gd name="T23" fmla="*/ 8 h 17"/>
                  <a:gd name="T24" fmla="*/ 11 w 13"/>
                  <a:gd name="T25" fmla="*/ 8 h 17"/>
                  <a:gd name="T26" fmla="*/ 10 w 13"/>
                  <a:gd name="T27" fmla="*/ 8 h 17"/>
                  <a:gd name="T28" fmla="*/ 6 w 13"/>
                  <a:gd name="T29" fmla="*/ 8 h 17"/>
                  <a:gd name="T30" fmla="*/ 5 w 13"/>
                  <a:gd name="T31" fmla="*/ 8 h 17"/>
                  <a:gd name="T32" fmla="*/ 1 w 13"/>
                  <a:gd name="T33" fmla="*/ 8 h 17"/>
                  <a:gd name="T34" fmla="*/ 1 w 13"/>
                  <a:gd name="T35" fmla="*/ 8 h 17"/>
                  <a:gd name="T36" fmla="*/ 0 w 13"/>
                  <a:gd name="T37" fmla="*/ 8 h 17"/>
                  <a:gd name="T38" fmla="*/ 0 w 13"/>
                  <a:gd name="T39" fmla="*/ 8 h 17"/>
                  <a:gd name="T40" fmla="*/ 0 w 13"/>
                  <a:gd name="T41" fmla="*/ 8 h 17"/>
                  <a:gd name="T42" fmla="*/ 0 w 13"/>
                  <a:gd name="T43" fmla="*/ 8 h 17"/>
                  <a:gd name="T44" fmla="*/ 0 w 13"/>
                  <a:gd name="T45" fmla="*/ 8 h 17"/>
                  <a:gd name="T46" fmla="*/ 0 w 13"/>
                  <a:gd name="T47" fmla="*/ 7 h 17"/>
                  <a:gd name="T48" fmla="*/ 1 w 13"/>
                  <a:gd name="T49" fmla="*/ 5 h 1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13"/>
                  <a:gd name="T76" fmla="*/ 0 h 17"/>
                  <a:gd name="T77" fmla="*/ 13 w 13"/>
                  <a:gd name="T78" fmla="*/ 17 h 17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13" h="17">
                    <a:moveTo>
                      <a:pt x="1" y="5"/>
                    </a:moveTo>
                    <a:lnTo>
                      <a:pt x="3" y="2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1" y="0"/>
                    </a:lnTo>
                    <a:lnTo>
                      <a:pt x="13" y="0"/>
                    </a:lnTo>
                    <a:lnTo>
                      <a:pt x="13" y="2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3" y="8"/>
                    </a:lnTo>
                    <a:lnTo>
                      <a:pt x="11" y="10"/>
                    </a:lnTo>
                    <a:lnTo>
                      <a:pt x="10" y="14"/>
                    </a:lnTo>
                    <a:lnTo>
                      <a:pt x="6" y="15"/>
                    </a:lnTo>
                    <a:lnTo>
                      <a:pt x="5" y="17"/>
                    </a:lnTo>
                    <a:lnTo>
                      <a:pt x="1" y="17"/>
                    </a:lnTo>
                    <a:lnTo>
                      <a:pt x="1" y="15"/>
                    </a:lnTo>
                    <a:lnTo>
                      <a:pt x="0" y="14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1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2" name="Freeform 135"/>
              <p:cNvSpPr>
                <a:spLocks/>
              </p:cNvSpPr>
              <p:nvPr/>
            </p:nvSpPr>
            <p:spPr bwMode="auto">
              <a:xfrm>
                <a:off x="3916" y="2758"/>
                <a:ext cx="478" cy="363"/>
              </a:xfrm>
              <a:custGeom>
                <a:avLst/>
                <a:gdLst>
                  <a:gd name="T0" fmla="*/ 178 w 492"/>
                  <a:gd name="T1" fmla="*/ 243 h 374"/>
                  <a:gd name="T2" fmla="*/ 178 w 492"/>
                  <a:gd name="T3" fmla="*/ 240 h 374"/>
                  <a:gd name="T4" fmla="*/ 178 w 492"/>
                  <a:gd name="T5" fmla="*/ 229 h 374"/>
                  <a:gd name="T6" fmla="*/ 162 w 492"/>
                  <a:gd name="T7" fmla="*/ 208 h 374"/>
                  <a:gd name="T8" fmla="*/ 154 w 492"/>
                  <a:gd name="T9" fmla="*/ 202 h 374"/>
                  <a:gd name="T10" fmla="*/ 142 w 492"/>
                  <a:gd name="T11" fmla="*/ 177 h 374"/>
                  <a:gd name="T12" fmla="*/ 130 w 492"/>
                  <a:gd name="T13" fmla="*/ 173 h 374"/>
                  <a:gd name="T14" fmla="*/ 122 w 492"/>
                  <a:gd name="T15" fmla="*/ 168 h 374"/>
                  <a:gd name="T16" fmla="*/ 112 w 492"/>
                  <a:gd name="T17" fmla="*/ 156 h 374"/>
                  <a:gd name="T18" fmla="*/ 106 w 492"/>
                  <a:gd name="T19" fmla="*/ 144 h 374"/>
                  <a:gd name="T20" fmla="*/ 95 w 492"/>
                  <a:gd name="T21" fmla="*/ 139 h 374"/>
                  <a:gd name="T22" fmla="*/ 91 w 492"/>
                  <a:gd name="T23" fmla="*/ 137 h 374"/>
                  <a:gd name="T24" fmla="*/ 86 w 492"/>
                  <a:gd name="T25" fmla="*/ 132 h 374"/>
                  <a:gd name="T26" fmla="*/ 79 w 492"/>
                  <a:gd name="T27" fmla="*/ 120 h 374"/>
                  <a:gd name="T28" fmla="*/ 73 w 492"/>
                  <a:gd name="T29" fmla="*/ 120 h 374"/>
                  <a:gd name="T30" fmla="*/ 63 w 492"/>
                  <a:gd name="T31" fmla="*/ 114 h 374"/>
                  <a:gd name="T32" fmla="*/ 55 w 492"/>
                  <a:gd name="T33" fmla="*/ 104 h 374"/>
                  <a:gd name="T34" fmla="*/ 47 w 492"/>
                  <a:gd name="T35" fmla="*/ 96 h 374"/>
                  <a:gd name="T36" fmla="*/ 40 w 492"/>
                  <a:gd name="T37" fmla="*/ 79 h 374"/>
                  <a:gd name="T38" fmla="*/ 38 w 492"/>
                  <a:gd name="T39" fmla="*/ 74 h 374"/>
                  <a:gd name="T40" fmla="*/ 32 w 492"/>
                  <a:gd name="T41" fmla="*/ 73 h 374"/>
                  <a:gd name="T42" fmla="*/ 17 w 492"/>
                  <a:gd name="T43" fmla="*/ 70 h 374"/>
                  <a:gd name="T44" fmla="*/ 17 w 492"/>
                  <a:gd name="T45" fmla="*/ 67 h 374"/>
                  <a:gd name="T46" fmla="*/ 0 w 492"/>
                  <a:gd name="T47" fmla="*/ 56 h 374"/>
                  <a:gd name="T48" fmla="*/ 17 w 492"/>
                  <a:gd name="T49" fmla="*/ 37 h 374"/>
                  <a:gd name="T50" fmla="*/ 17 w 492"/>
                  <a:gd name="T51" fmla="*/ 37 h 374"/>
                  <a:gd name="T52" fmla="*/ 17 w 492"/>
                  <a:gd name="T53" fmla="*/ 28 h 374"/>
                  <a:gd name="T54" fmla="*/ 38 w 492"/>
                  <a:gd name="T55" fmla="*/ 17 h 374"/>
                  <a:gd name="T56" fmla="*/ 57 w 492"/>
                  <a:gd name="T57" fmla="*/ 15 h 374"/>
                  <a:gd name="T58" fmla="*/ 138 w 492"/>
                  <a:gd name="T59" fmla="*/ 1 h 374"/>
                  <a:gd name="T60" fmla="*/ 144 w 492"/>
                  <a:gd name="T61" fmla="*/ 0 h 374"/>
                  <a:gd name="T62" fmla="*/ 162 w 492"/>
                  <a:gd name="T63" fmla="*/ 12 h 374"/>
                  <a:gd name="T64" fmla="*/ 329 w 492"/>
                  <a:gd name="T65" fmla="*/ 77 h 374"/>
                  <a:gd name="T66" fmla="*/ 326 w 492"/>
                  <a:gd name="T67" fmla="*/ 79 h 374"/>
                  <a:gd name="T68" fmla="*/ 317 w 492"/>
                  <a:gd name="T69" fmla="*/ 85 h 374"/>
                  <a:gd name="T70" fmla="*/ 306 w 492"/>
                  <a:gd name="T71" fmla="*/ 100 h 374"/>
                  <a:gd name="T72" fmla="*/ 295 w 492"/>
                  <a:gd name="T73" fmla="*/ 120 h 374"/>
                  <a:gd name="T74" fmla="*/ 292 w 492"/>
                  <a:gd name="T75" fmla="*/ 125 h 374"/>
                  <a:gd name="T76" fmla="*/ 289 w 492"/>
                  <a:gd name="T77" fmla="*/ 123 h 374"/>
                  <a:gd name="T78" fmla="*/ 288 w 492"/>
                  <a:gd name="T79" fmla="*/ 131 h 374"/>
                  <a:gd name="T80" fmla="*/ 293 w 492"/>
                  <a:gd name="T81" fmla="*/ 134 h 374"/>
                  <a:gd name="T82" fmla="*/ 295 w 492"/>
                  <a:gd name="T83" fmla="*/ 139 h 374"/>
                  <a:gd name="T84" fmla="*/ 288 w 492"/>
                  <a:gd name="T85" fmla="*/ 148 h 374"/>
                  <a:gd name="T86" fmla="*/ 282 w 492"/>
                  <a:gd name="T87" fmla="*/ 149 h 374"/>
                  <a:gd name="T88" fmla="*/ 269 w 492"/>
                  <a:gd name="T89" fmla="*/ 164 h 374"/>
                  <a:gd name="T90" fmla="*/ 265 w 492"/>
                  <a:gd name="T91" fmla="*/ 172 h 374"/>
                  <a:gd name="T92" fmla="*/ 259 w 492"/>
                  <a:gd name="T93" fmla="*/ 177 h 374"/>
                  <a:gd name="T94" fmla="*/ 251 w 492"/>
                  <a:gd name="T95" fmla="*/ 182 h 374"/>
                  <a:gd name="T96" fmla="*/ 233 w 492"/>
                  <a:gd name="T97" fmla="*/ 196 h 374"/>
                  <a:gd name="T98" fmla="*/ 214 w 492"/>
                  <a:gd name="T99" fmla="*/ 207 h 374"/>
                  <a:gd name="T100" fmla="*/ 203 w 492"/>
                  <a:gd name="T101" fmla="*/ 229 h 374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w 492"/>
                  <a:gd name="T154" fmla="*/ 0 h 374"/>
                  <a:gd name="T155" fmla="*/ 492 w 492"/>
                  <a:gd name="T156" fmla="*/ 374 h 374"/>
                </a:gdLst>
                <a:ahLst/>
                <a:cxnLst>
                  <a:cxn ang="T102">
                    <a:pos x="T0" y="T1"/>
                  </a:cxn>
                  <a:cxn ang="T103">
                    <a:pos x="T2" y="T3"/>
                  </a:cxn>
                  <a:cxn ang="T104">
                    <a:pos x="T4" y="T5"/>
                  </a:cxn>
                  <a:cxn ang="T105">
                    <a:pos x="T6" y="T7"/>
                  </a:cxn>
                  <a:cxn ang="T106">
                    <a:pos x="T8" y="T9"/>
                  </a:cxn>
                  <a:cxn ang="T107">
                    <a:pos x="T10" y="T11"/>
                  </a:cxn>
                  <a:cxn ang="T108">
                    <a:pos x="T12" y="T13"/>
                  </a:cxn>
                  <a:cxn ang="T109">
                    <a:pos x="T14" y="T15"/>
                  </a:cxn>
                  <a:cxn ang="T110">
                    <a:pos x="T16" y="T17"/>
                  </a:cxn>
                  <a:cxn ang="T111">
                    <a:pos x="T18" y="T19"/>
                  </a:cxn>
                  <a:cxn ang="T112">
                    <a:pos x="T20" y="T21"/>
                  </a:cxn>
                  <a:cxn ang="T113">
                    <a:pos x="T22" y="T23"/>
                  </a:cxn>
                  <a:cxn ang="T114">
                    <a:pos x="T24" y="T25"/>
                  </a:cxn>
                  <a:cxn ang="T115">
                    <a:pos x="T26" y="T27"/>
                  </a:cxn>
                  <a:cxn ang="T116">
                    <a:pos x="T28" y="T29"/>
                  </a:cxn>
                  <a:cxn ang="T117">
                    <a:pos x="T30" y="T31"/>
                  </a:cxn>
                  <a:cxn ang="T118">
                    <a:pos x="T32" y="T33"/>
                  </a:cxn>
                  <a:cxn ang="T119">
                    <a:pos x="T34" y="T35"/>
                  </a:cxn>
                  <a:cxn ang="T120">
                    <a:pos x="T36" y="T37"/>
                  </a:cxn>
                  <a:cxn ang="T121">
                    <a:pos x="T38" y="T39"/>
                  </a:cxn>
                  <a:cxn ang="T122">
                    <a:pos x="T40" y="T41"/>
                  </a:cxn>
                  <a:cxn ang="T123">
                    <a:pos x="T42" y="T43"/>
                  </a:cxn>
                  <a:cxn ang="T124">
                    <a:pos x="T44" y="T45"/>
                  </a:cxn>
                  <a:cxn ang="T125">
                    <a:pos x="T46" y="T47"/>
                  </a:cxn>
                  <a:cxn ang="T126">
                    <a:pos x="T48" y="T49"/>
                  </a:cxn>
                  <a:cxn ang="T127">
                    <a:pos x="T50" y="T51"/>
                  </a:cxn>
                  <a:cxn ang="T128">
                    <a:pos x="T52" y="T53"/>
                  </a:cxn>
                  <a:cxn ang="T129">
                    <a:pos x="T54" y="T55"/>
                  </a:cxn>
                  <a:cxn ang="T130">
                    <a:pos x="T56" y="T57"/>
                  </a:cxn>
                  <a:cxn ang="T131">
                    <a:pos x="T58" y="T59"/>
                  </a:cxn>
                  <a:cxn ang="T132">
                    <a:pos x="T60" y="T61"/>
                  </a:cxn>
                  <a:cxn ang="T133">
                    <a:pos x="T62" y="T63"/>
                  </a:cxn>
                  <a:cxn ang="T134">
                    <a:pos x="T64" y="T65"/>
                  </a:cxn>
                  <a:cxn ang="T135">
                    <a:pos x="T66" y="T67"/>
                  </a:cxn>
                  <a:cxn ang="T136">
                    <a:pos x="T68" y="T69"/>
                  </a:cxn>
                  <a:cxn ang="T137">
                    <a:pos x="T70" y="T71"/>
                  </a:cxn>
                  <a:cxn ang="T138">
                    <a:pos x="T72" y="T73"/>
                  </a:cxn>
                  <a:cxn ang="T139">
                    <a:pos x="T74" y="T75"/>
                  </a:cxn>
                  <a:cxn ang="T140">
                    <a:pos x="T76" y="T77"/>
                  </a:cxn>
                  <a:cxn ang="T141">
                    <a:pos x="T78" y="T79"/>
                  </a:cxn>
                  <a:cxn ang="T142">
                    <a:pos x="T80" y="T81"/>
                  </a:cxn>
                  <a:cxn ang="T143">
                    <a:pos x="T82" y="T83"/>
                  </a:cxn>
                  <a:cxn ang="T144">
                    <a:pos x="T84" y="T85"/>
                  </a:cxn>
                  <a:cxn ang="T145">
                    <a:pos x="T86" y="T87"/>
                  </a:cxn>
                  <a:cxn ang="T146">
                    <a:pos x="T88" y="T89"/>
                  </a:cxn>
                  <a:cxn ang="T147">
                    <a:pos x="T90" y="T91"/>
                  </a:cxn>
                  <a:cxn ang="T148">
                    <a:pos x="T92" y="T93"/>
                  </a:cxn>
                  <a:cxn ang="T149">
                    <a:pos x="T94" y="T95"/>
                  </a:cxn>
                  <a:cxn ang="T150">
                    <a:pos x="T96" y="T97"/>
                  </a:cxn>
                  <a:cxn ang="T151">
                    <a:pos x="T98" y="T99"/>
                  </a:cxn>
                  <a:cxn ang="T152">
                    <a:pos x="T100" y="T101"/>
                  </a:cxn>
                </a:cxnLst>
                <a:rect l="T153" t="T154" r="T155" b="T156"/>
                <a:pathLst>
                  <a:path w="492" h="374">
                    <a:moveTo>
                      <a:pt x="269" y="374"/>
                    </a:moveTo>
                    <a:lnTo>
                      <a:pt x="269" y="374"/>
                    </a:lnTo>
                    <a:lnTo>
                      <a:pt x="269" y="372"/>
                    </a:lnTo>
                    <a:lnTo>
                      <a:pt x="267" y="370"/>
                    </a:lnTo>
                    <a:lnTo>
                      <a:pt x="267" y="369"/>
                    </a:lnTo>
                    <a:lnTo>
                      <a:pt x="267" y="367"/>
                    </a:lnTo>
                    <a:lnTo>
                      <a:pt x="267" y="365"/>
                    </a:lnTo>
                    <a:lnTo>
                      <a:pt x="267" y="364"/>
                    </a:lnTo>
                    <a:lnTo>
                      <a:pt x="267" y="362"/>
                    </a:lnTo>
                    <a:lnTo>
                      <a:pt x="266" y="348"/>
                    </a:lnTo>
                    <a:lnTo>
                      <a:pt x="261" y="338"/>
                    </a:lnTo>
                    <a:lnTo>
                      <a:pt x="255" y="330"/>
                    </a:lnTo>
                    <a:lnTo>
                      <a:pt x="249" y="321"/>
                    </a:lnTo>
                    <a:lnTo>
                      <a:pt x="242" y="316"/>
                    </a:lnTo>
                    <a:lnTo>
                      <a:pt x="235" y="313"/>
                    </a:lnTo>
                    <a:lnTo>
                      <a:pt x="232" y="309"/>
                    </a:lnTo>
                    <a:lnTo>
                      <a:pt x="230" y="308"/>
                    </a:lnTo>
                    <a:lnTo>
                      <a:pt x="228" y="292"/>
                    </a:lnTo>
                    <a:lnTo>
                      <a:pt x="225" y="282"/>
                    </a:lnTo>
                    <a:lnTo>
                      <a:pt x="218" y="274"/>
                    </a:lnTo>
                    <a:lnTo>
                      <a:pt x="211" y="269"/>
                    </a:lnTo>
                    <a:lnTo>
                      <a:pt x="205" y="265"/>
                    </a:lnTo>
                    <a:lnTo>
                      <a:pt x="200" y="264"/>
                    </a:lnTo>
                    <a:lnTo>
                      <a:pt x="195" y="262"/>
                    </a:lnTo>
                    <a:lnTo>
                      <a:pt x="193" y="262"/>
                    </a:lnTo>
                    <a:lnTo>
                      <a:pt x="193" y="260"/>
                    </a:lnTo>
                    <a:lnTo>
                      <a:pt x="189" y="259"/>
                    </a:lnTo>
                    <a:lnTo>
                      <a:pt x="184" y="254"/>
                    </a:lnTo>
                    <a:lnTo>
                      <a:pt x="179" y="250"/>
                    </a:lnTo>
                    <a:lnTo>
                      <a:pt x="174" y="245"/>
                    </a:lnTo>
                    <a:lnTo>
                      <a:pt x="171" y="240"/>
                    </a:lnTo>
                    <a:lnTo>
                      <a:pt x="167" y="237"/>
                    </a:lnTo>
                    <a:lnTo>
                      <a:pt x="166" y="233"/>
                    </a:lnTo>
                    <a:lnTo>
                      <a:pt x="162" y="225"/>
                    </a:lnTo>
                    <a:lnTo>
                      <a:pt x="157" y="218"/>
                    </a:lnTo>
                    <a:lnTo>
                      <a:pt x="154" y="213"/>
                    </a:lnTo>
                    <a:lnTo>
                      <a:pt x="149" y="211"/>
                    </a:lnTo>
                    <a:lnTo>
                      <a:pt x="145" y="210"/>
                    </a:lnTo>
                    <a:lnTo>
                      <a:pt x="142" y="210"/>
                    </a:lnTo>
                    <a:lnTo>
                      <a:pt x="139" y="210"/>
                    </a:lnTo>
                    <a:lnTo>
                      <a:pt x="137" y="208"/>
                    </a:lnTo>
                    <a:lnTo>
                      <a:pt x="135" y="204"/>
                    </a:lnTo>
                    <a:lnTo>
                      <a:pt x="132" y="203"/>
                    </a:lnTo>
                    <a:lnTo>
                      <a:pt x="130" y="199"/>
                    </a:lnTo>
                    <a:lnTo>
                      <a:pt x="127" y="193"/>
                    </a:lnTo>
                    <a:lnTo>
                      <a:pt x="123" y="188"/>
                    </a:lnTo>
                    <a:lnTo>
                      <a:pt x="120" y="184"/>
                    </a:lnTo>
                    <a:lnTo>
                      <a:pt x="117" y="182"/>
                    </a:lnTo>
                    <a:lnTo>
                      <a:pt x="113" y="181"/>
                    </a:lnTo>
                    <a:lnTo>
                      <a:pt x="112" y="182"/>
                    </a:lnTo>
                    <a:lnTo>
                      <a:pt x="108" y="182"/>
                    </a:lnTo>
                    <a:lnTo>
                      <a:pt x="101" y="181"/>
                    </a:lnTo>
                    <a:lnTo>
                      <a:pt x="96" y="179"/>
                    </a:lnTo>
                    <a:lnTo>
                      <a:pt x="93" y="174"/>
                    </a:lnTo>
                    <a:lnTo>
                      <a:pt x="90" y="169"/>
                    </a:lnTo>
                    <a:lnTo>
                      <a:pt x="86" y="164"/>
                    </a:lnTo>
                    <a:lnTo>
                      <a:pt x="85" y="160"/>
                    </a:lnTo>
                    <a:lnTo>
                      <a:pt x="83" y="157"/>
                    </a:lnTo>
                    <a:lnTo>
                      <a:pt x="83" y="155"/>
                    </a:lnTo>
                    <a:lnTo>
                      <a:pt x="78" y="152"/>
                    </a:lnTo>
                    <a:lnTo>
                      <a:pt x="71" y="145"/>
                    </a:lnTo>
                    <a:lnTo>
                      <a:pt x="66" y="138"/>
                    </a:lnTo>
                    <a:lnTo>
                      <a:pt x="61" y="132"/>
                    </a:lnTo>
                    <a:lnTo>
                      <a:pt x="57" y="125"/>
                    </a:lnTo>
                    <a:lnTo>
                      <a:pt x="56" y="118"/>
                    </a:lnTo>
                    <a:lnTo>
                      <a:pt x="52" y="115"/>
                    </a:lnTo>
                    <a:lnTo>
                      <a:pt x="52" y="113"/>
                    </a:lnTo>
                    <a:lnTo>
                      <a:pt x="52" y="111"/>
                    </a:lnTo>
                    <a:lnTo>
                      <a:pt x="49" y="111"/>
                    </a:lnTo>
                    <a:lnTo>
                      <a:pt x="47" y="111"/>
                    </a:lnTo>
                    <a:lnTo>
                      <a:pt x="46" y="110"/>
                    </a:lnTo>
                    <a:lnTo>
                      <a:pt x="39" y="110"/>
                    </a:lnTo>
                    <a:lnTo>
                      <a:pt x="32" y="108"/>
                    </a:lnTo>
                    <a:lnTo>
                      <a:pt x="27" y="106"/>
                    </a:lnTo>
                    <a:lnTo>
                      <a:pt x="24" y="105"/>
                    </a:lnTo>
                    <a:lnTo>
                      <a:pt x="20" y="103"/>
                    </a:lnTo>
                    <a:lnTo>
                      <a:pt x="19" y="101"/>
                    </a:lnTo>
                    <a:lnTo>
                      <a:pt x="17" y="100"/>
                    </a:lnTo>
                    <a:lnTo>
                      <a:pt x="5" y="98"/>
                    </a:lnTo>
                    <a:lnTo>
                      <a:pt x="0" y="93"/>
                    </a:lnTo>
                    <a:lnTo>
                      <a:pt x="0" y="84"/>
                    </a:lnTo>
                    <a:lnTo>
                      <a:pt x="2" y="74"/>
                    </a:lnTo>
                    <a:lnTo>
                      <a:pt x="7" y="66"/>
                    </a:lnTo>
                    <a:lnTo>
                      <a:pt x="13" y="57"/>
                    </a:lnTo>
                    <a:lnTo>
                      <a:pt x="17" y="52"/>
                    </a:lnTo>
                    <a:lnTo>
                      <a:pt x="19" y="50"/>
                    </a:lnTo>
                    <a:lnTo>
                      <a:pt x="20" y="52"/>
                    </a:lnTo>
                    <a:lnTo>
                      <a:pt x="22" y="50"/>
                    </a:lnTo>
                    <a:lnTo>
                      <a:pt x="24" y="49"/>
                    </a:lnTo>
                    <a:lnTo>
                      <a:pt x="27" y="45"/>
                    </a:lnTo>
                    <a:lnTo>
                      <a:pt x="30" y="42"/>
                    </a:lnTo>
                    <a:lnTo>
                      <a:pt x="35" y="39"/>
                    </a:lnTo>
                    <a:lnTo>
                      <a:pt x="41" y="35"/>
                    </a:lnTo>
                    <a:lnTo>
                      <a:pt x="47" y="32"/>
                    </a:lnTo>
                    <a:lnTo>
                      <a:pt x="52" y="28"/>
                    </a:lnTo>
                    <a:lnTo>
                      <a:pt x="61" y="23"/>
                    </a:lnTo>
                    <a:lnTo>
                      <a:pt x="68" y="20"/>
                    </a:lnTo>
                    <a:lnTo>
                      <a:pt x="76" y="17"/>
                    </a:lnTo>
                    <a:lnTo>
                      <a:pt x="85" y="15"/>
                    </a:lnTo>
                    <a:lnTo>
                      <a:pt x="95" y="13"/>
                    </a:lnTo>
                    <a:lnTo>
                      <a:pt x="105" y="10"/>
                    </a:lnTo>
                    <a:lnTo>
                      <a:pt x="113" y="10"/>
                    </a:lnTo>
                    <a:lnTo>
                      <a:pt x="206" y="1"/>
                    </a:lnTo>
                    <a:lnTo>
                      <a:pt x="208" y="1"/>
                    </a:lnTo>
                    <a:lnTo>
                      <a:pt x="210" y="0"/>
                    </a:lnTo>
                    <a:lnTo>
                      <a:pt x="215" y="0"/>
                    </a:lnTo>
                    <a:lnTo>
                      <a:pt x="222" y="0"/>
                    </a:lnTo>
                    <a:lnTo>
                      <a:pt x="228" y="1"/>
                    </a:lnTo>
                    <a:lnTo>
                      <a:pt x="235" y="5"/>
                    </a:lnTo>
                    <a:lnTo>
                      <a:pt x="242" y="12"/>
                    </a:lnTo>
                    <a:lnTo>
                      <a:pt x="250" y="23"/>
                    </a:lnTo>
                    <a:lnTo>
                      <a:pt x="254" y="37"/>
                    </a:lnTo>
                    <a:lnTo>
                      <a:pt x="362" y="20"/>
                    </a:lnTo>
                    <a:lnTo>
                      <a:pt x="492" y="115"/>
                    </a:lnTo>
                    <a:lnTo>
                      <a:pt x="491" y="115"/>
                    </a:lnTo>
                    <a:lnTo>
                      <a:pt x="489" y="118"/>
                    </a:lnTo>
                    <a:lnTo>
                      <a:pt x="486" y="120"/>
                    </a:lnTo>
                    <a:lnTo>
                      <a:pt x="484" y="122"/>
                    </a:lnTo>
                    <a:lnTo>
                      <a:pt x="481" y="125"/>
                    </a:lnTo>
                    <a:lnTo>
                      <a:pt x="475" y="130"/>
                    </a:lnTo>
                    <a:lnTo>
                      <a:pt x="472" y="133"/>
                    </a:lnTo>
                    <a:lnTo>
                      <a:pt x="467" y="140"/>
                    </a:lnTo>
                    <a:lnTo>
                      <a:pt x="464" y="145"/>
                    </a:lnTo>
                    <a:lnTo>
                      <a:pt x="459" y="150"/>
                    </a:lnTo>
                    <a:lnTo>
                      <a:pt x="455" y="159"/>
                    </a:lnTo>
                    <a:lnTo>
                      <a:pt x="450" y="166"/>
                    </a:lnTo>
                    <a:lnTo>
                      <a:pt x="447" y="174"/>
                    </a:lnTo>
                    <a:lnTo>
                      <a:pt x="443" y="182"/>
                    </a:lnTo>
                    <a:lnTo>
                      <a:pt x="440" y="191"/>
                    </a:lnTo>
                    <a:lnTo>
                      <a:pt x="437" y="189"/>
                    </a:lnTo>
                    <a:lnTo>
                      <a:pt x="435" y="188"/>
                    </a:lnTo>
                    <a:lnTo>
                      <a:pt x="435" y="186"/>
                    </a:lnTo>
                    <a:lnTo>
                      <a:pt x="433" y="186"/>
                    </a:lnTo>
                    <a:lnTo>
                      <a:pt x="433" y="188"/>
                    </a:lnTo>
                    <a:lnTo>
                      <a:pt x="431" y="191"/>
                    </a:lnTo>
                    <a:lnTo>
                      <a:pt x="431" y="194"/>
                    </a:lnTo>
                    <a:lnTo>
                      <a:pt x="431" y="198"/>
                    </a:lnTo>
                    <a:lnTo>
                      <a:pt x="433" y="199"/>
                    </a:lnTo>
                    <a:lnTo>
                      <a:pt x="435" y="201"/>
                    </a:lnTo>
                    <a:lnTo>
                      <a:pt x="440" y="203"/>
                    </a:lnTo>
                    <a:lnTo>
                      <a:pt x="442" y="203"/>
                    </a:lnTo>
                    <a:lnTo>
                      <a:pt x="442" y="204"/>
                    </a:lnTo>
                    <a:lnTo>
                      <a:pt x="443" y="206"/>
                    </a:lnTo>
                    <a:lnTo>
                      <a:pt x="443" y="210"/>
                    </a:lnTo>
                    <a:lnTo>
                      <a:pt x="443" y="213"/>
                    </a:lnTo>
                    <a:lnTo>
                      <a:pt x="440" y="216"/>
                    </a:lnTo>
                    <a:lnTo>
                      <a:pt x="437" y="221"/>
                    </a:lnTo>
                    <a:lnTo>
                      <a:pt x="431" y="225"/>
                    </a:lnTo>
                    <a:lnTo>
                      <a:pt x="430" y="225"/>
                    </a:lnTo>
                    <a:lnTo>
                      <a:pt x="428" y="225"/>
                    </a:lnTo>
                    <a:lnTo>
                      <a:pt x="423" y="228"/>
                    </a:lnTo>
                    <a:lnTo>
                      <a:pt x="418" y="230"/>
                    </a:lnTo>
                    <a:lnTo>
                      <a:pt x="413" y="235"/>
                    </a:lnTo>
                    <a:lnTo>
                      <a:pt x="408" y="240"/>
                    </a:lnTo>
                    <a:lnTo>
                      <a:pt x="403" y="248"/>
                    </a:lnTo>
                    <a:lnTo>
                      <a:pt x="398" y="259"/>
                    </a:lnTo>
                    <a:lnTo>
                      <a:pt x="396" y="260"/>
                    </a:lnTo>
                    <a:lnTo>
                      <a:pt x="394" y="262"/>
                    </a:lnTo>
                    <a:lnTo>
                      <a:pt x="393" y="265"/>
                    </a:lnTo>
                    <a:lnTo>
                      <a:pt x="391" y="267"/>
                    </a:lnTo>
                    <a:lnTo>
                      <a:pt x="389" y="269"/>
                    </a:lnTo>
                    <a:lnTo>
                      <a:pt x="387" y="270"/>
                    </a:lnTo>
                    <a:lnTo>
                      <a:pt x="376" y="272"/>
                    </a:lnTo>
                    <a:lnTo>
                      <a:pt x="376" y="277"/>
                    </a:lnTo>
                    <a:lnTo>
                      <a:pt x="384" y="279"/>
                    </a:lnTo>
                    <a:lnTo>
                      <a:pt x="359" y="299"/>
                    </a:lnTo>
                    <a:lnTo>
                      <a:pt x="354" y="291"/>
                    </a:lnTo>
                    <a:lnTo>
                      <a:pt x="349" y="299"/>
                    </a:lnTo>
                    <a:lnTo>
                      <a:pt x="354" y="304"/>
                    </a:lnTo>
                    <a:lnTo>
                      <a:pt x="343" y="316"/>
                    </a:lnTo>
                    <a:lnTo>
                      <a:pt x="335" y="314"/>
                    </a:lnTo>
                    <a:lnTo>
                      <a:pt x="320" y="314"/>
                    </a:lnTo>
                    <a:lnTo>
                      <a:pt x="305" y="316"/>
                    </a:lnTo>
                    <a:lnTo>
                      <a:pt x="296" y="320"/>
                    </a:lnTo>
                    <a:lnTo>
                      <a:pt x="291" y="336"/>
                    </a:lnTo>
                    <a:lnTo>
                      <a:pt x="303" y="348"/>
                    </a:lnTo>
                    <a:lnTo>
                      <a:pt x="289" y="374"/>
                    </a:lnTo>
                    <a:lnTo>
                      <a:pt x="281" y="372"/>
                    </a:lnTo>
                    <a:lnTo>
                      <a:pt x="269" y="374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3" name="Freeform 136"/>
              <p:cNvSpPr>
                <a:spLocks/>
              </p:cNvSpPr>
              <p:nvPr/>
            </p:nvSpPr>
            <p:spPr bwMode="auto">
              <a:xfrm>
                <a:off x="4222" y="3072"/>
                <a:ext cx="15" cy="16"/>
              </a:xfrm>
              <a:custGeom>
                <a:avLst/>
                <a:gdLst>
                  <a:gd name="T0" fmla="*/ 1 w 15"/>
                  <a:gd name="T1" fmla="*/ 5 h 17"/>
                  <a:gd name="T2" fmla="*/ 1 w 15"/>
                  <a:gd name="T3" fmla="*/ 5 h 17"/>
                  <a:gd name="T4" fmla="*/ 5 w 15"/>
                  <a:gd name="T5" fmla="*/ 2 h 17"/>
                  <a:gd name="T6" fmla="*/ 6 w 15"/>
                  <a:gd name="T7" fmla="*/ 0 h 17"/>
                  <a:gd name="T8" fmla="*/ 10 w 15"/>
                  <a:gd name="T9" fmla="*/ 0 h 17"/>
                  <a:gd name="T10" fmla="*/ 12 w 15"/>
                  <a:gd name="T11" fmla="*/ 0 h 17"/>
                  <a:gd name="T12" fmla="*/ 12 w 15"/>
                  <a:gd name="T13" fmla="*/ 0 h 17"/>
                  <a:gd name="T14" fmla="*/ 13 w 15"/>
                  <a:gd name="T15" fmla="*/ 2 h 17"/>
                  <a:gd name="T16" fmla="*/ 13 w 15"/>
                  <a:gd name="T17" fmla="*/ 2 h 17"/>
                  <a:gd name="T18" fmla="*/ 15 w 15"/>
                  <a:gd name="T19" fmla="*/ 3 h 17"/>
                  <a:gd name="T20" fmla="*/ 15 w 15"/>
                  <a:gd name="T21" fmla="*/ 5 h 17"/>
                  <a:gd name="T22" fmla="*/ 15 w 15"/>
                  <a:gd name="T23" fmla="*/ 7 h 17"/>
                  <a:gd name="T24" fmla="*/ 13 w 15"/>
                  <a:gd name="T25" fmla="*/ 8 h 17"/>
                  <a:gd name="T26" fmla="*/ 13 w 15"/>
                  <a:gd name="T27" fmla="*/ 8 h 17"/>
                  <a:gd name="T28" fmla="*/ 12 w 15"/>
                  <a:gd name="T29" fmla="*/ 8 h 17"/>
                  <a:gd name="T30" fmla="*/ 12 w 15"/>
                  <a:gd name="T31" fmla="*/ 8 h 17"/>
                  <a:gd name="T32" fmla="*/ 10 w 15"/>
                  <a:gd name="T33" fmla="*/ 8 h 17"/>
                  <a:gd name="T34" fmla="*/ 6 w 15"/>
                  <a:gd name="T35" fmla="*/ 8 h 17"/>
                  <a:gd name="T36" fmla="*/ 3 w 15"/>
                  <a:gd name="T37" fmla="*/ 8 h 17"/>
                  <a:gd name="T38" fmla="*/ 1 w 15"/>
                  <a:gd name="T39" fmla="*/ 8 h 17"/>
                  <a:gd name="T40" fmla="*/ 1 w 15"/>
                  <a:gd name="T41" fmla="*/ 8 h 17"/>
                  <a:gd name="T42" fmla="*/ 1 w 15"/>
                  <a:gd name="T43" fmla="*/ 8 h 17"/>
                  <a:gd name="T44" fmla="*/ 0 w 15"/>
                  <a:gd name="T45" fmla="*/ 8 h 17"/>
                  <a:gd name="T46" fmla="*/ 0 w 15"/>
                  <a:gd name="T47" fmla="*/ 8 h 17"/>
                  <a:gd name="T48" fmla="*/ 0 w 15"/>
                  <a:gd name="T49" fmla="*/ 8 h 17"/>
                  <a:gd name="T50" fmla="*/ 0 w 15"/>
                  <a:gd name="T51" fmla="*/ 8 h 17"/>
                  <a:gd name="T52" fmla="*/ 0 w 15"/>
                  <a:gd name="T53" fmla="*/ 8 h 17"/>
                  <a:gd name="T54" fmla="*/ 1 w 15"/>
                  <a:gd name="T55" fmla="*/ 7 h 17"/>
                  <a:gd name="T56" fmla="*/ 1 w 15"/>
                  <a:gd name="T57" fmla="*/ 5 h 17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w 15"/>
                  <a:gd name="T88" fmla="*/ 0 h 17"/>
                  <a:gd name="T89" fmla="*/ 15 w 15"/>
                  <a:gd name="T90" fmla="*/ 17 h 17"/>
                </a:gdLst>
                <a:ahLst/>
                <a:cxnLst>
                  <a:cxn ang="T58">
                    <a:pos x="T0" y="T1"/>
                  </a:cxn>
                  <a:cxn ang="T59">
                    <a:pos x="T2" y="T3"/>
                  </a:cxn>
                  <a:cxn ang="T60">
                    <a:pos x="T4" y="T5"/>
                  </a:cxn>
                  <a:cxn ang="T61">
                    <a:pos x="T6" y="T7"/>
                  </a:cxn>
                  <a:cxn ang="T62">
                    <a:pos x="T8" y="T9"/>
                  </a:cxn>
                  <a:cxn ang="T63">
                    <a:pos x="T10" y="T11"/>
                  </a:cxn>
                  <a:cxn ang="T64">
                    <a:pos x="T12" y="T13"/>
                  </a:cxn>
                  <a:cxn ang="T65">
                    <a:pos x="T14" y="T15"/>
                  </a:cxn>
                  <a:cxn ang="T66">
                    <a:pos x="T16" y="T17"/>
                  </a:cxn>
                  <a:cxn ang="T67">
                    <a:pos x="T18" y="T19"/>
                  </a:cxn>
                  <a:cxn ang="T68">
                    <a:pos x="T20" y="T21"/>
                  </a:cxn>
                  <a:cxn ang="T69">
                    <a:pos x="T22" y="T23"/>
                  </a:cxn>
                  <a:cxn ang="T70">
                    <a:pos x="T24" y="T25"/>
                  </a:cxn>
                  <a:cxn ang="T71">
                    <a:pos x="T26" y="T27"/>
                  </a:cxn>
                  <a:cxn ang="T72">
                    <a:pos x="T28" y="T29"/>
                  </a:cxn>
                  <a:cxn ang="T73">
                    <a:pos x="T30" y="T31"/>
                  </a:cxn>
                  <a:cxn ang="T74">
                    <a:pos x="T32" y="T33"/>
                  </a:cxn>
                  <a:cxn ang="T75">
                    <a:pos x="T34" y="T35"/>
                  </a:cxn>
                  <a:cxn ang="T76">
                    <a:pos x="T36" y="T37"/>
                  </a:cxn>
                  <a:cxn ang="T77">
                    <a:pos x="T38" y="T39"/>
                  </a:cxn>
                  <a:cxn ang="T78">
                    <a:pos x="T40" y="T41"/>
                  </a:cxn>
                  <a:cxn ang="T79">
                    <a:pos x="T42" y="T43"/>
                  </a:cxn>
                  <a:cxn ang="T80">
                    <a:pos x="T44" y="T45"/>
                  </a:cxn>
                  <a:cxn ang="T81">
                    <a:pos x="T46" y="T47"/>
                  </a:cxn>
                  <a:cxn ang="T82">
                    <a:pos x="T48" y="T49"/>
                  </a:cxn>
                  <a:cxn ang="T83">
                    <a:pos x="T50" y="T51"/>
                  </a:cxn>
                  <a:cxn ang="T84">
                    <a:pos x="T52" y="T53"/>
                  </a:cxn>
                  <a:cxn ang="T85">
                    <a:pos x="T54" y="T55"/>
                  </a:cxn>
                  <a:cxn ang="T86">
                    <a:pos x="T56" y="T57"/>
                  </a:cxn>
                </a:cxnLst>
                <a:rect l="T87" t="T88" r="T89" b="T90"/>
                <a:pathLst>
                  <a:path w="15" h="17">
                    <a:moveTo>
                      <a:pt x="1" y="5"/>
                    </a:moveTo>
                    <a:lnTo>
                      <a:pt x="1" y="5"/>
                    </a:lnTo>
                    <a:lnTo>
                      <a:pt x="5" y="2"/>
                    </a:lnTo>
                    <a:lnTo>
                      <a:pt x="6" y="0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5" y="3"/>
                    </a:lnTo>
                    <a:lnTo>
                      <a:pt x="15" y="5"/>
                    </a:lnTo>
                    <a:lnTo>
                      <a:pt x="15" y="7"/>
                    </a:lnTo>
                    <a:lnTo>
                      <a:pt x="13" y="8"/>
                    </a:lnTo>
                    <a:lnTo>
                      <a:pt x="13" y="10"/>
                    </a:lnTo>
                    <a:lnTo>
                      <a:pt x="12" y="12"/>
                    </a:lnTo>
                    <a:lnTo>
                      <a:pt x="10" y="15"/>
                    </a:lnTo>
                    <a:lnTo>
                      <a:pt x="6" y="17"/>
                    </a:lnTo>
                    <a:lnTo>
                      <a:pt x="3" y="17"/>
                    </a:lnTo>
                    <a:lnTo>
                      <a:pt x="1" y="17"/>
                    </a:lnTo>
                    <a:lnTo>
                      <a:pt x="0" y="15"/>
                    </a:lnTo>
                    <a:lnTo>
                      <a:pt x="0" y="13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1" y="7"/>
                    </a:lnTo>
                    <a:lnTo>
                      <a:pt x="1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4" name="Freeform 137"/>
              <p:cNvSpPr>
                <a:spLocks/>
              </p:cNvSpPr>
              <p:nvPr/>
            </p:nvSpPr>
            <p:spPr bwMode="auto">
              <a:xfrm>
                <a:off x="4206" y="3072"/>
                <a:ext cx="11" cy="12"/>
              </a:xfrm>
              <a:custGeom>
                <a:avLst/>
                <a:gdLst>
                  <a:gd name="T0" fmla="*/ 0 w 11"/>
                  <a:gd name="T1" fmla="*/ 6 h 13"/>
                  <a:gd name="T2" fmla="*/ 0 w 11"/>
                  <a:gd name="T3" fmla="*/ 6 h 13"/>
                  <a:gd name="T4" fmla="*/ 0 w 11"/>
                  <a:gd name="T5" fmla="*/ 3 h 13"/>
                  <a:gd name="T6" fmla="*/ 2 w 11"/>
                  <a:gd name="T7" fmla="*/ 2 h 13"/>
                  <a:gd name="T8" fmla="*/ 4 w 11"/>
                  <a:gd name="T9" fmla="*/ 0 h 13"/>
                  <a:gd name="T10" fmla="*/ 6 w 11"/>
                  <a:gd name="T11" fmla="*/ 0 h 13"/>
                  <a:gd name="T12" fmla="*/ 6 w 11"/>
                  <a:gd name="T13" fmla="*/ 0 h 13"/>
                  <a:gd name="T14" fmla="*/ 7 w 11"/>
                  <a:gd name="T15" fmla="*/ 0 h 13"/>
                  <a:gd name="T16" fmla="*/ 9 w 11"/>
                  <a:gd name="T17" fmla="*/ 2 h 13"/>
                  <a:gd name="T18" fmla="*/ 11 w 11"/>
                  <a:gd name="T19" fmla="*/ 3 h 13"/>
                  <a:gd name="T20" fmla="*/ 11 w 11"/>
                  <a:gd name="T21" fmla="*/ 6 h 13"/>
                  <a:gd name="T22" fmla="*/ 11 w 11"/>
                  <a:gd name="T23" fmla="*/ 6 h 13"/>
                  <a:gd name="T24" fmla="*/ 11 w 11"/>
                  <a:gd name="T25" fmla="*/ 6 h 13"/>
                  <a:gd name="T26" fmla="*/ 9 w 11"/>
                  <a:gd name="T27" fmla="*/ 6 h 13"/>
                  <a:gd name="T28" fmla="*/ 7 w 11"/>
                  <a:gd name="T29" fmla="*/ 6 h 13"/>
                  <a:gd name="T30" fmla="*/ 6 w 11"/>
                  <a:gd name="T31" fmla="*/ 6 h 13"/>
                  <a:gd name="T32" fmla="*/ 6 w 11"/>
                  <a:gd name="T33" fmla="*/ 6 h 13"/>
                  <a:gd name="T34" fmla="*/ 4 w 11"/>
                  <a:gd name="T35" fmla="*/ 6 h 13"/>
                  <a:gd name="T36" fmla="*/ 2 w 11"/>
                  <a:gd name="T37" fmla="*/ 6 h 13"/>
                  <a:gd name="T38" fmla="*/ 0 w 11"/>
                  <a:gd name="T39" fmla="*/ 6 h 13"/>
                  <a:gd name="T40" fmla="*/ 0 w 11"/>
                  <a:gd name="T41" fmla="*/ 6 h 13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1"/>
                  <a:gd name="T64" fmla="*/ 0 h 13"/>
                  <a:gd name="T65" fmla="*/ 11 w 11"/>
                  <a:gd name="T66" fmla="*/ 13 h 13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1" h="13">
                    <a:moveTo>
                      <a:pt x="0" y="7"/>
                    </a:moveTo>
                    <a:lnTo>
                      <a:pt x="0" y="7"/>
                    </a:lnTo>
                    <a:lnTo>
                      <a:pt x="0" y="3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0"/>
                    </a:lnTo>
                    <a:lnTo>
                      <a:pt x="9" y="2"/>
                    </a:lnTo>
                    <a:lnTo>
                      <a:pt x="11" y="3"/>
                    </a:lnTo>
                    <a:lnTo>
                      <a:pt x="11" y="7"/>
                    </a:lnTo>
                    <a:lnTo>
                      <a:pt x="11" y="10"/>
                    </a:lnTo>
                    <a:lnTo>
                      <a:pt x="9" y="12"/>
                    </a:lnTo>
                    <a:lnTo>
                      <a:pt x="7" y="13"/>
                    </a:lnTo>
                    <a:lnTo>
                      <a:pt x="6" y="13"/>
                    </a:lnTo>
                    <a:lnTo>
                      <a:pt x="4" y="13"/>
                    </a:lnTo>
                    <a:lnTo>
                      <a:pt x="2" y="12"/>
                    </a:lnTo>
                    <a:lnTo>
                      <a:pt x="0" y="10"/>
                    </a:lnTo>
                    <a:lnTo>
                      <a:pt x="0" y="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5" name="Freeform 138"/>
              <p:cNvSpPr>
                <a:spLocks/>
              </p:cNvSpPr>
              <p:nvPr/>
            </p:nvSpPr>
            <p:spPr bwMode="auto">
              <a:xfrm>
                <a:off x="4212" y="3098"/>
                <a:ext cx="13" cy="16"/>
              </a:xfrm>
              <a:custGeom>
                <a:avLst/>
                <a:gdLst>
                  <a:gd name="T0" fmla="*/ 1 w 13"/>
                  <a:gd name="T1" fmla="*/ 5 h 17"/>
                  <a:gd name="T2" fmla="*/ 1 w 13"/>
                  <a:gd name="T3" fmla="*/ 5 h 17"/>
                  <a:gd name="T4" fmla="*/ 3 w 13"/>
                  <a:gd name="T5" fmla="*/ 2 h 17"/>
                  <a:gd name="T6" fmla="*/ 6 w 13"/>
                  <a:gd name="T7" fmla="*/ 0 h 17"/>
                  <a:gd name="T8" fmla="*/ 8 w 13"/>
                  <a:gd name="T9" fmla="*/ 0 h 17"/>
                  <a:gd name="T10" fmla="*/ 11 w 13"/>
                  <a:gd name="T11" fmla="*/ 0 h 17"/>
                  <a:gd name="T12" fmla="*/ 11 w 13"/>
                  <a:gd name="T13" fmla="*/ 0 h 17"/>
                  <a:gd name="T14" fmla="*/ 13 w 13"/>
                  <a:gd name="T15" fmla="*/ 0 h 17"/>
                  <a:gd name="T16" fmla="*/ 13 w 13"/>
                  <a:gd name="T17" fmla="*/ 2 h 17"/>
                  <a:gd name="T18" fmla="*/ 13 w 13"/>
                  <a:gd name="T19" fmla="*/ 3 h 17"/>
                  <a:gd name="T20" fmla="*/ 13 w 13"/>
                  <a:gd name="T21" fmla="*/ 5 h 17"/>
                  <a:gd name="T22" fmla="*/ 13 w 13"/>
                  <a:gd name="T23" fmla="*/ 5 h 17"/>
                  <a:gd name="T24" fmla="*/ 13 w 13"/>
                  <a:gd name="T25" fmla="*/ 8 h 17"/>
                  <a:gd name="T26" fmla="*/ 13 w 13"/>
                  <a:gd name="T27" fmla="*/ 8 h 17"/>
                  <a:gd name="T28" fmla="*/ 11 w 13"/>
                  <a:gd name="T29" fmla="*/ 8 h 17"/>
                  <a:gd name="T30" fmla="*/ 11 w 13"/>
                  <a:gd name="T31" fmla="*/ 8 h 17"/>
                  <a:gd name="T32" fmla="*/ 10 w 13"/>
                  <a:gd name="T33" fmla="*/ 8 h 17"/>
                  <a:gd name="T34" fmla="*/ 6 w 13"/>
                  <a:gd name="T35" fmla="*/ 8 h 17"/>
                  <a:gd name="T36" fmla="*/ 5 w 13"/>
                  <a:gd name="T37" fmla="*/ 8 h 17"/>
                  <a:gd name="T38" fmla="*/ 1 w 13"/>
                  <a:gd name="T39" fmla="*/ 8 h 17"/>
                  <a:gd name="T40" fmla="*/ 1 w 13"/>
                  <a:gd name="T41" fmla="*/ 8 h 17"/>
                  <a:gd name="T42" fmla="*/ 1 w 13"/>
                  <a:gd name="T43" fmla="*/ 8 h 17"/>
                  <a:gd name="T44" fmla="*/ 0 w 13"/>
                  <a:gd name="T45" fmla="*/ 8 h 17"/>
                  <a:gd name="T46" fmla="*/ 0 w 13"/>
                  <a:gd name="T47" fmla="*/ 8 h 17"/>
                  <a:gd name="T48" fmla="*/ 0 w 13"/>
                  <a:gd name="T49" fmla="*/ 8 h 17"/>
                  <a:gd name="T50" fmla="*/ 0 w 13"/>
                  <a:gd name="T51" fmla="*/ 8 h 17"/>
                  <a:gd name="T52" fmla="*/ 0 w 13"/>
                  <a:gd name="T53" fmla="*/ 8 h 17"/>
                  <a:gd name="T54" fmla="*/ 0 w 13"/>
                  <a:gd name="T55" fmla="*/ 7 h 17"/>
                  <a:gd name="T56" fmla="*/ 1 w 13"/>
                  <a:gd name="T57" fmla="*/ 5 h 17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w 13"/>
                  <a:gd name="T88" fmla="*/ 0 h 17"/>
                  <a:gd name="T89" fmla="*/ 13 w 13"/>
                  <a:gd name="T90" fmla="*/ 17 h 17"/>
                </a:gdLst>
                <a:ahLst/>
                <a:cxnLst>
                  <a:cxn ang="T58">
                    <a:pos x="T0" y="T1"/>
                  </a:cxn>
                  <a:cxn ang="T59">
                    <a:pos x="T2" y="T3"/>
                  </a:cxn>
                  <a:cxn ang="T60">
                    <a:pos x="T4" y="T5"/>
                  </a:cxn>
                  <a:cxn ang="T61">
                    <a:pos x="T6" y="T7"/>
                  </a:cxn>
                  <a:cxn ang="T62">
                    <a:pos x="T8" y="T9"/>
                  </a:cxn>
                  <a:cxn ang="T63">
                    <a:pos x="T10" y="T11"/>
                  </a:cxn>
                  <a:cxn ang="T64">
                    <a:pos x="T12" y="T13"/>
                  </a:cxn>
                  <a:cxn ang="T65">
                    <a:pos x="T14" y="T15"/>
                  </a:cxn>
                  <a:cxn ang="T66">
                    <a:pos x="T16" y="T17"/>
                  </a:cxn>
                  <a:cxn ang="T67">
                    <a:pos x="T18" y="T19"/>
                  </a:cxn>
                  <a:cxn ang="T68">
                    <a:pos x="T20" y="T21"/>
                  </a:cxn>
                  <a:cxn ang="T69">
                    <a:pos x="T22" y="T23"/>
                  </a:cxn>
                  <a:cxn ang="T70">
                    <a:pos x="T24" y="T25"/>
                  </a:cxn>
                  <a:cxn ang="T71">
                    <a:pos x="T26" y="T27"/>
                  </a:cxn>
                  <a:cxn ang="T72">
                    <a:pos x="T28" y="T29"/>
                  </a:cxn>
                  <a:cxn ang="T73">
                    <a:pos x="T30" y="T31"/>
                  </a:cxn>
                  <a:cxn ang="T74">
                    <a:pos x="T32" y="T33"/>
                  </a:cxn>
                  <a:cxn ang="T75">
                    <a:pos x="T34" y="T35"/>
                  </a:cxn>
                  <a:cxn ang="T76">
                    <a:pos x="T36" y="T37"/>
                  </a:cxn>
                  <a:cxn ang="T77">
                    <a:pos x="T38" y="T39"/>
                  </a:cxn>
                  <a:cxn ang="T78">
                    <a:pos x="T40" y="T41"/>
                  </a:cxn>
                  <a:cxn ang="T79">
                    <a:pos x="T42" y="T43"/>
                  </a:cxn>
                  <a:cxn ang="T80">
                    <a:pos x="T44" y="T45"/>
                  </a:cxn>
                  <a:cxn ang="T81">
                    <a:pos x="T46" y="T47"/>
                  </a:cxn>
                  <a:cxn ang="T82">
                    <a:pos x="T48" y="T49"/>
                  </a:cxn>
                  <a:cxn ang="T83">
                    <a:pos x="T50" y="T51"/>
                  </a:cxn>
                  <a:cxn ang="T84">
                    <a:pos x="T52" y="T53"/>
                  </a:cxn>
                  <a:cxn ang="T85">
                    <a:pos x="T54" y="T55"/>
                  </a:cxn>
                  <a:cxn ang="T86">
                    <a:pos x="T56" y="T57"/>
                  </a:cxn>
                </a:cxnLst>
                <a:rect l="T87" t="T88" r="T89" b="T90"/>
                <a:pathLst>
                  <a:path w="13" h="17">
                    <a:moveTo>
                      <a:pt x="1" y="5"/>
                    </a:moveTo>
                    <a:lnTo>
                      <a:pt x="1" y="5"/>
                    </a:lnTo>
                    <a:lnTo>
                      <a:pt x="3" y="2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1" y="0"/>
                    </a:lnTo>
                    <a:lnTo>
                      <a:pt x="13" y="0"/>
                    </a:lnTo>
                    <a:lnTo>
                      <a:pt x="13" y="2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3" y="8"/>
                    </a:lnTo>
                    <a:lnTo>
                      <a:pt x="11" y="10"/>
                    </a:lnTo>
                    <a:lnTo>
                      <a:pt x="10" y="14"/>
                    </a:lnTo>
                    <a:lnTo>
                      <a:pt x="6" y="15"/>
                    </a:lnTo>
                    <a:lnTo>
                      <a:pt x="5" y="17"/>
                    </a:lnTo>
                    <a:lnTo>
                      <a:pt x="1" y="17"/>
                    </a:lnTo>
                    <a:lnTo>
                      <a:pt x="1" y="15"/>
                    </a:lnTo>
                    <a:lnTo>
                      <a:pt x="0" y="14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1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47" name="Group 139"/>
            <p:cNvGrpSpPr>
              <a:grpSpLocks/>
            </p:cNvGrpSpPr>
            <p:nvPr/>
          </p:nvGrpSpPr>
          <p:grpSpPr bwMode="auto">
            <a:xfrm>
              <a:off x="1186" y="3709"/>
              <a:ext cx="274" cy="176"/>
              <a:chOff x="1338" y="3375"/>
              <a:chExt cx="282" cy="181"/>
            </a:xfrm>
          </p:grpSpPr>
          <p:sp>
            <p:nvSpPr>
              <p:cNvPr id="83" name="Freeform 140"/>
              <p:cNvSpPr>
                <a:spLocks/>
              </p:cNvSpPr>
              <p:nvPr/>
            </p:nvSpPr>
            <p:spPr bwMode="auto">
              <a:xfrm>
                <a:off x="1361" y="3375"/>
                <a:ext cx="26" cy="18"/>
              </a:xfrm>
              <a:custGeom>
                <a:avLst/>
                <a:gdLst>
                  <a:gd name="T0" fmla="*/ 0 w 26"/>
                  <a:gd name="T1" fmla="*/ 8 h 18"/>
                  <a:gd name="T2" fmla="*/ 0 w 26"/>
                  <a:gd name="T3" fmla="*/ 8 h 18"/>
                  <a:gd name="T4" fmla="*/ 2 w 26"/>
                  <a:gd name="T5" fmla="*/ 6 h 18"/>
                  <a:gd name="T6" fmla="*/ 2 w 26"/>
                  <a:gd name="T7" fmla="*/ 6 h 18"/>
                  <a:gd name="T8" fmla="*/ 5 w 26"/>
                  <a:gd name="T9" fmla="*/ 3 h 18"/>
                  <a:gd name="T10" fmla="*/ 9 w 26"/>
                  <a:gd name="T11" fmla="*/ 3 h 18"/>
                  <a:gd name="T12" fmla="*/ 12 w 26"/>
                  <a:gd name="T13" fmla="*/ 1 h 18"/>
                  <a:gd name="T14" fmla="*/ 17 w 26"/>
                  <a:gd name="T15" fmla="*/ 0 h 18"/>
                  <a:gd name="T16" fmla="*/ 22 w 26"/>
                  <a:gd name="T17" fmla="*/ 0 h 18"/>
                  <a:gd name="T18" fmla="*/ 24 w 26"/>
                  <a:gd name="T19" fmla="*/ 0 h 18"/>
                  <a:gd name="T20" fmla="*/ 24 w 26"/>
                  <a:gd name="T21" fmla="*/ 3 h 18"/>
                  <a:gd name="T22" fmla="*/ 24 w 26"/>
                  <a:gd name="T23" fmla="*/ 6 h 18"/>
                  <a:gd name="T24" fmla="*/ 26 w 26"/>
                  <a:gd name="T25" fmla="*/ 6 h 18"/>
                  <a:gd name="T26" fmla="*/ 21 w 26"/>
                  <a:gd name="T27" fmla="*/ 18 h 18"/>
                  <a:gd name="T28" fmla="*/ 4 w 26"/>
                  <a:gd name="T29" fmla="*/ 13 h 18"/>
                  <a:gd name="T30" fmla="*/ 0 w 26"/>
                  <a:gd name="T31" fmla="*/ 8 h 18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w 26"/>
                  <a:gd name="T49" fmla="*/ 0 h 18"/>
                  <a:gd name="T50" fmla="*/ 26 w 26"/>
                  <a:gd name="T51" fmla="*/ 18 h 18"/>
                </a:gdLst>
                <a:ahLst/>
                <a:cxnLst>
                  <a:cxn ang="T32">
                    <a:pos x="T0" y="T1"/>
                  </a:cxn>
                  <a:cxn ang="T33">
                    <a:pos x="T2" y="T3"/>
                  </a:cxn>
                  <a:cxn ang="T34">
                    <a:pos x="T4" y="T5"/>
                  </a:cxn>
                  <a:cxn ang="T35">
                    <a:pos x="T6" y="T7"/>
                  </a:cxn>
                  <a:cxn ang="T36">
                    <a:pos x="T8" y="T9"/>
                  </a:cxn>
                  <a:cxn ang="T37">
                    <a:pos x="T10" y="T11"/>
                  </a:cxn>
                  <a:cxn ang="T38">
                    <a:pos x="T12" y="T13"/>
                  </a:cxn>
                  <a:cxn ang="T39">
                    <a:pos x="T14" y="T15"/>
                  </a:cxn>
                  <a:cxn ang="T40">
                    <a:pos x="T16" y="T17"/>
                  </a:cxn>
                  <a:cxn ang="T41">
                    <a:pos x="T18" y="T19"/>
                  </a:cxn>
                  <a:cxn ang="T42">
                    <a:pos x="T20" y="T21"/>
                  </a:cxn>
                  <a:cxn ang="T43">
                    <a:pos x="T22" y="T23"/>
                  </a:cxn>
                  <a:cxn ang="T44">
                    <a:pos x="T24" y="T25"/>
                  </a:cxn>
                  <a:cxn ang="T45">
                    <a:pos x="T26" y="T27"/>
                  </a:cxn>
                  <a:cxn ang="T46">
                    <a:pos x="T28" y="T29"/>
                  </a:cxn>
                  <a:cxn ang="T47">
                    <a:pos x="T30" y="T31"/>
                  </a:cxn>
                </a:cxnLst>
                <a:rect l="T48" t="T49" r="T50" b="T51"/>
                <a:pathLst>
                  <a:path w="26" h="18">
                    <a:moveTo>
                      <a:pt x="0" y="8"/>
                    </a:moveTo>
                    <a:lnTo>
                      <a:pt x="0" y="8"/>
                    </a:lnTo>
                    <a:lnTo>
                      <a:pt x="2" y="6"/>
                    </a:lnTo>
                    <a:lnTo>
                      <a:pt x="5" y="3"/>
                    </a:lnTo>
                    <a:lnTo>
                      <a:pt x="9" y="3"/>
                    </a:lnTo>
                    <a:lnTo>
                      <a:pt x="12" y="1"/>
                    </a:lnTo>
                    <a:lnTo>
                      <a:pt x="17" y="0"/>
                    </a:lnTo>
                    <a:lnTo>
                      <a:pt x="22" y="0"/>
                    </a:lnTo>
                    <a:lnTo>
                      <a:pt x="24" y="0"/>
                    </a:lnTo>
                    <a:lnTo>
                      <a:pt x="24" y="3"/>
                    </a:lnTo>
                    <a:lnTo>
                      <a:pt x="24" y="6"/>
                    </a:lnTo>
                    <a:lnTo>
                      <a:pt x="26" y="6"/>
                    </a:lnTo>
                    <a:lnTo>
                      <a:pt x="21" y="18"/>
                    </a:lnTo>
                    <a:lnTo>
                      <a:pt x="4" y="13"/>
                    </a:lnTo>
                    <a:lnTo>
                      <a:pt x="0" y="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4" name="Freeform 141"/>
              <p:cNvSpPr>
                <a:spLocks/>
              </p:cNvSpPr>
              <p:nvPr/>
            </p:nvSpPr>
            <p:spPr bwMode="auto">
              <a:xfrm>
                <a:off x="1361" y="3375"/>
                <a:ext cx="26" cy="18"/>
              </a:xfrm>
              <a:custGeom>
                <a:avLst/>
                <a:gdLst>
                  <a:gd name="T0" fmla="*/ 0 w 26"/>
                  <a:gd name="T1" fmla="*/ 8 h 18"/>
                  <a:gd name="T2" fmla="*/ 0 w 26"/>
                  <a:gd name="T3" fmla="*/ 8 h 18"/>
                  <a:gd name="T4" fmla="*/ 0 w 26"/>
                  <a:gd name="T5" fmla="*/ 8 h 18"/>
                  <a:gd name="T6" fmla="*/ 2 w 26"/>
                  <a:gd name="T7" fmla="*/ 6 h 18"/>
                  <a:gd name="T8" fmla="*/ 2 w 26"/>
                  <a:gd name="T9" fmla="*/ 6 h 18"/>
                  <a:gd name="T10" fmla="*/ 5 w 26"/>
                  <a:gd name="T11" fmla="*/ 3 h 18"/>
                  <a:gd name="T12" fmla="*/ 9 w 26"/>
                  <a:gd name="T13" fmla="*/ 3 h 18"/>
                  <a:gd name="T14" fmla="*/ 12 w 26"/>
                  <a:gd name="T15" fmla="*/ 1 h 18"/>
                  <a:gd name="T16" fmla="*/ 17 w 26"/>
                  <a:gd name="T17" fmla="*/ 0 h 18"/>
                  <a:gd name="T18" fmla="*/ 22 w 26"/>
                  <a:gd name="T19" fmla="*/ 0 h 18"/>
                  <a:gd name="T20" fmla="*/ 22 w 26"/>
                  <a:gd name="T21" fmla="*/ 0 h 18"/>
                  <a:gd name="T22" fmla="*/ 24 w 26"/>
                  <a:gd name="T23" fmla="*/ 0 h 18"/>
                  <a:gd name="T24" fmla="*/ 24 w 26"/>
                  <a:gd name="T25" fmla="*/ 3 h 18"/>
                  <a:gd name="T26" fmla="*/ 24 w 26"/>
                  <a:gd name="T27" fmla="*/ 6 h 18"/>
                  <a:gd name="T28" fmla="*/ 26 w 26"/>
                  <a:gd name="T29" fmla="*/ 6 h 18"/>
                  <a:gd name="T30" fmla="*/ 21 w 26"/>
                  <a:gd name="T31" fmla="*/ 18 h 18"/>
                  <a:gd name="T32" fmla="*/ 4 w 26"/>
                  <a:gd name="T33" fmla="*/ 13 h 18"/>
                  <a:gd name="T34" fmla="*/ 0 w 26"/>
                  <a:gd name="T35" fmla="*/ 8 h 18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w 26"/>
                  <a:gd name="T55" fmla="*/ 0 h 18"/>
                  <a:gd name="T56" fmla="*/ 26 w 26"/>
                  <a:gd name="T57" fmla="*/ 18 h 18"/>
                </a:gdLst>
                <a:ahLst/>
                <a:cxnLst>
                  <a:cxn ang="T36">
                    <a:pos x="T0" y="T1"/>
                  </a:cxn>
                  <a:cxn ang="T37">
                    <a:pos x="T2" y="T3"/>
                  </a:cxn>
                  <a:cxn ang="T38">
                    <a:pos x="T4" y="T5"/>
                  </a:cxn>
                  <a:cxn ang="T39">
                    <a:pos x="T6" y="T7"/>
                  </a:cxn>
                  <a:cxn ang="T40">
                    <a:pos x="T8" y="T9"/>
                  </a:cxn>
                  <a:cxn ang="T41">
                    <a:pos x="T10" y="T11"/>
                  </a:cxn>
                  <a:cxn ang="T42">
                    <a:pos x="T12" y="T13"/>
                  </a:cxn>
                  <a:cxn ang="T43">
                    <a:pos x="T14" y="T15"/>
                  </a:cxn>
                  <a:cxn ang="T44">
                    <a:pos x="T16" y="T17"/>
                  </a:cxn>
                  <a:cxn ang="T45">
                    <a:pos x="T18" y="T19"/>
                  </a:cxn>
                  <a:cxn ang="T46">
                    <a:pos x="T20" y="T21"/>
                  </a:cxn>
                  <a:cxn ang="T47">
                    <a:pos x="T22" y="T23"/>
                  </a:cxn>
                  <a:cxn ang="T48">
                    <a:pos x="T24" y="T25"/>
                  </a:cxn>
                  <a:cxn ang="T49">
                    <a:pos x="T26" y="T27"/>
                  </a:cxn>
                  <a:cxn ang="T50">
                    <a:pos x="T28" y="T29"/>
                  </a:cxn>
                  <a:cxn ang="T51">
                    <a:pos x="T30" y="T31"/>
                  </a:cxn>
                  <a:cxn ang="T52">
                    <a:pos x="T32" y="T33"/>
                  </a:cxn>
                  <a:cxn ang="T53">
                    <a:pos x="T34" y="T35"/>
                  </a:cxn>
                </a:cxnLst>
                <a:rect l="T54" t="T55" r="T56" b="T57"/>
                <a:pathLst>
                  <a:path w="26" h="18">
                    <a:moveTo>
                      <a:pt x="0" y="8"/>
                    </a:moveTo>
                    <a:lnTo>
                      <a:pt x="0" y="8"/>
                    </a:lnTo>
                    <a:lnTo>
                      <a:pt x="2" y="6"/>
                    </a:lnTo>
                    <a:lnTo>
                      <a:pt x="5" y="3"/>
                    </a:lnTo>
                    <a:lnTo>
                      <a:pt x="9" y="3"/>
                    </a:lnTo>
                    <a:lnTo>
                      <a:pt x="12" y="1"/>
                    </a:lnTo>
                    <a:lnTo>
                      <a:pt x="17" y="0"/>
                    </a:lnTo>
                    <a:lnTo>
                      <a:pt x="22" y="0"/>
                    </a:lnTo>
                    <a:lnTo>
                      <a:pt x="24" y="0"/>
                    </a:lnTo>
                    <a:lnTo>
                      <a:pt x="24" y="3"/>
                    </a:lnTo>
                    <a:lnTo>
                      <a:pt x="24" y="6"/>
                    </a:lnTo>
                    <a:lnTo>
                      <a:pt x="26" y="6"/>
                    </a:lnTo>
                    <a:lnTo>
                      <a:pt x="21" y="18"/>
                    </a:lnTo>
                    <a:lnTo>
                      <a:pt x="4" y="13"/>
                    </a:lnTo>
                    <a:lnTo>
                      <a:pt x="0" y="8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5" name="Freeform 142"/>
              <p:cNvSpPr>
                <a:spLocks/>
              </p:cNvSpPr>
              <p:nvPr/>
            </p:nvSpPr>
            <p:spPr bwMode="auto">
              <a:xfrm>
                <a:off x="1441" y="3403"/>
                <a:ext cx="30" cy="24"/>
              </a:xfrm>
              <a:custGeom>
                <a:avLst/>
                <a:gdLst>
                  <a:gd name="T0" fmla="*/ 0 w 30"/>
                  <a:gd name="T1" fmla="*/ 5 h 24"/>
                  <a:gd name="T2" fmla="*/ 8 w 30"/>
                  <a:gd name="T3" fmla="*/ 5 h 24"/>
                  <a:gd name="T4" fmla="*/ 8 w 30"/>
                  <a:gd name="T5" fmla="*/ 5 h 24"/>
                  <a:gd name="T6" fmla="*/ 8 w 30"/>
                  <a:gd name="T7" fmla="*/ 4 h 24"/>
                  <a:gd name="T8" fmla="*/ 8 w 30"/>
                  <a:gd name="T9" fmla="*/ 2 h 24"/>
                  <a:gd name="T10" fmla="*/ 10 w 30"/>
                  <a:gd name="T11" fmla="*/ 0 h 24"/>
                  <a:gd name="T12" fmla="*/ 10 w 30"/>
                  <a:gd name="T13" fmla="*/ 0 h 24"/>
                  <a:gd name="T14" fmla="*/ 12 w 30"/>
                  <a:gd name="T15" fmla="*/ 0 h 24"/>
                  <a:gd name="T16" fmla="*/ 13 w 30"/>
                  <a:gd name="T17" fmla="*/ 2 h 24"/>
                  <a:gd name="T18" fmla="*/ 17 w 30"/>
                  <a:gd name="T19" fmla="*/ 5 h 24"/>
                  <a:gd name="T20" fmla="*/ 17 w 30"/>
                  <a:gd name="T21" fmla="*/ 7 h 24"/>
                  <a:gd name="T22" fmla="*/ 18 w 30"/>
                  <a:gd name="T23" fmla="*/ 9 h 24"/>
                  <a:gd name="T24" fmla="*/ 22 w 30"/>
                  <a:gd name="T25" fmla="*/ 12 h 24"/>
                  <a:gd name="T26" fmla="*/ 27 w 30"/>
                  <a:gd name="T27" fmla="*/ 16 h 24"/>
                  <a:gd name="T28" fmla="*/ 27 w 30"/>
                  <a:gd name="T29" fmla="*/ 17 h 24"/>
                  <a:gd name="T30" fmla="*/ 29 w 30"/>
                  <a:gd name="T31" fmla="*/ 19 h 24"/>
                  <a:gd name="T32" fmla="*/ 30 w 30"/>
                  <a:gd name="T33" fmla="*/ 21 h 24"/>
                  <a:gd name="T34" fmla="*/ 30 w 30"/>
                  <a:gd name="T35" fmla="*/ 22 h 24"/>
                  <a:gd name="T36" fmla="*/ 30 w 30"/>
                  <a:gd name="T37" fmla="*/ 24 h 24"/>
                  <a:gd name="T38" fmla="*/ 27 w 30"/>
                  <a:gd name="T39" fmla="*/ 24 h 24"/>
                  <a:gd name="T40" fmla="*/ 22 w 30"/>
                  <a:gd name="T41" fmla="*/ 24 h 24"/>
                  <a:gd name="T42" fmla="*/ 15 w 30"/>
                  <a:gd name="T43" fmla="*/ 21 h 24"/>
                  <a:gd name="T44" fmla="*/ 13 w 30"/>
                  <a:gd name="T45" fmla="*/ 21 h 24"/>
                  <a:gd name="T46" fmla="*/ 10 w 30"/>
                  <a:gd name="T47" fmla="*/ 21 h 24"/>
                  <a:gd name="T48" fmla="*/ 8 w 30"/>
                  <a:gd name="T49" fmla="*/ 22 h 24"/>
                  <a:gd name="T50" fmla="*/ 8 w 30"/>
                  <a:gd name="T51" fmla="*/ 22 h 24"/>
                  <a:gd name="T52" fmla="*/ 1 w 30"/>
                  <a:gd name="T53" fmla="*/ 14 h 24"/>
                  <a:gd name="T54" fmla="*/ 0 w 30"/>
                  <a:gd name="T55" fmla="*/ 5 h 24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w 30"/>
                  <a:gd name="T85" fmla="*/ 0 h 24"/>
                  <a:gd name="T86" fmla="*/ 30 w 30"/>
                  <a:gd name="T87" fmla="*/ 24 h 24"/>
                </a:gdLst>
                <a:ahLst/>
                <a:cxnLst>
                  <a:cxn ang="T56">
                    <a:pos x="T0" y="T1"/>
                  </a:cxn>
                  <a:cxn ang="T57">
                    <a:pos x="T2" y="T3"/>
                  </a:cxn>
                  <a:cxn ang="T58">
                    <a:pos x="T4" y="T5"/>
                  </a:cxn>
                  <a:cxn ang="T59">
                    <a:pos x="T6" y="T7"/>
                  </a:cxn>
                  <a:cxn ang="T60">
                    <a:pos x="T8" y="T9"/>
                  </a:cxn>
                  <a:cxn ang="T61">
                    <a:pos x="T10" y="T11"/>
                  </a:cxn>
                  <a:cxn ang="T62">
                    <a:pos x="T12" y="T13"/>
                  </a:cxn>
                  <a:cxn ang="T63">
                    <a:pos x="T14" y="T15"/>
                  </a:cxn>
                  <a:cxn ang="T64">
                    <a:pos x="T16" y="T17"/>
                  </a:cxn>
                  <a:cxn ang="T65">
                    <a:pos x="T18" y="T19"/>
                  </a:cxn>
                  <a:cxn ang="T66">
                    <a:pos x="T20" y="T21"/>
                  </a:cxn>
                  <a:cxn ang="T67">
                    <a:pos x="T22" y="T23"/>
                  </a:cxn>
                  <a:cxn ang="T68">
                    <a:pos x="T24" y="T25"/>
                  </a:cxn>
                  <a:cxn ang="T69">
                    <a:pos x="T26" y="T27"/>
                  </a:cxn>
                  <a:cxn ang="T70">
                    <a:pos x="T28" y="T29"/>
                  </a:cxn>
                  <a:cxn ang="T71">
                    <a:pos x="T30" y="T31"/>
                  </a:cxn>
                  <a:cxn ang="T72">
                    <a:pos x="T32" y="T33"/>
                  </a:cxn>
                  <a:cxn ang="T73">
                    <a:pos x="T34" y="T35"/>
                  </a:cxn>
                  <a:cxn ang="T74">
                    <a:pos x="T36" y="T37"/>
                  </a:cxn>
                  <a:cxn ang="T75">
                    <a:pos x="T38" y="T39"/>
                  </a:cxn>
                  <a:cxn ang="T76">
                    <a:pos x="T40" y="T41"/>
                  </a:cxn>
                  <a:cxn ang="T77">
                    <a:pos x="T42" y="T43"/>
                  </a:cxn>
                  <a:cxn ang="T78">
                    <a:pos x="T44" y="T45"/>
                  </a:cxn>
                  <a:cxn ang="T79">
                    <a:pos x="T46" y="T47"/>
                  </a:cxn>
                  <a:cxn ang="T80">
                    <a:pos x="T48" y="T49"/>
                  </a:cxn>
                  <a:cxn ang="T81">
                    <a:pos x="T50" y="T51"/>
                  </a:cxn>
                  <a:cxn ang="T82">
                    <a:pos x="T52" y="T53"/>
                  </a:cxn>
                  <a:cxn ang="T83">
                    <a:pos x="T54" y="T55"/>
                  </a:cxn>
                </a:cxnLst>
                <a:rect l="T84" t="T85" r="T86" b="T87"/>
                <a:pathLst>
                  <a:path w="30" h="24">
                    <a:moveTo>
                      <a:pt x="0" y="5"/>
                    </a:moveTo>
                    <a:lnTo>
                      <a:pt x="8" y="5"/>
                    </a:lnTo>
                    <a:lnTo>
                      <a:pt x="8" y="4"/>
                    </a:lnTo>
                    <a:lnTo>
                      <a:pt x="8" y="2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7" y="5"/>
                    </a:lnTo>
                    <a:lnTo>
                      <a:pt x="17" y="7"/>
                    </a:lnTo>
                    <a:lnTo>
                      <a:pt x="18" y="9"/>
                    </a:lnTo>
                    <a:lnTo>
                      <a:pt x="22" y="12"/>
                    </a:lnTo>
                    <a:lnTo>
                      <a:pt x="27" y="16"/>
                    </a:lnTo>
                    <a:lnTo>
                      <a:pt x="27" y="17"/>
                    </a:lnTo>
                    <a:lnTo>
                      <a:pt x="29" y="19"/>
                    </a:lnTo>
                    <a:lnTo>
                      <a:pt x="30" y="21"/>
                    </a:lnTo>
                    <a:lnTo>
                      <a:pt x="30" y="22"/>
                    </a:lnTo>
                    <a:lnTo>
                      <a:pt x="30" y="24"/>
                    </a:lnTo>
                    <a:lnTo>
                      <a:pt x="27" y="24"/>
                    </a:lnTo>
                    <a:lnTo>
                      <a:pt x="22" y="24"/>
                    </a:lnTo>
                    <a:lnTo>
                      <a:pt x="15" y="21"/>
                    </a:lnTo>
                    <a:lnTo>
                      <a:pt x="13" y="21"/>
                    </a:lnTo>
                    <a:lnTo>
                      <a:pt x="10" y="21"/>
                    </a:lnTo>
                    <a:lnTo>
                      <a:pt x="8" y="22"/>
                    </a:lnTo>
                    <a:lnTo>
                      <a:pt x="1" y="14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6" name="Freeform 143"/>
              <p:cNvSpPr>
                <a:spLocks/>
              </p:cNvSpPr>
              <p:nvPr/>
            </p:nvSpPr>
            <p:spPr bwMode="auto">
              <a:xfrm>
                <a:off x="1441" y="3403"/>
                <a:ext cx="30" cy="24"/>
              </a:xfrm>
              <a:custGeom>
                <a:avLst/>
                <a:gdLst>
                  <a:gd name="T0" fmla="*/ 0 w 30"/>
                  <a:gd name="T1" fmla="*/ 5 h 24"/>
                  <a:gd name="T2" fmla="*/ 8 w 30"/>
                  <a:gd name="T3" fmla="*/ 5 h 24"/>
                  <a:gd name="T4" fmla="*/ 8 w 30"/>
                  <a:gd name="T5" fmla="*/ 5 h 24"/>
                  <a:gd name="T6" fmla="*/ 8 w 30"/>
                  <a:gd name="T7" fmla="*/ 5 h 24"/>
                  <a:gd name="T8" fmla="*/ 8 w 30"/>
                  <a:gd name="T9" fmla="*/ 4 h 24"/>
                  <a:gd name="T10" fmla="*/ 8 w 30"/>
                  <a:gd name="T11" fmla="*/ 2 h 24"/>
                  <a:gd name="T12" fmla="*/ 10 w 30"/>
                  <a:gd name="T13" fmla="*/ 0 h 24"/>
                  <a:gd name="T14" fmla="*/ 10 w 30"/>
                  <a:gd name="T15" fmla="*/ 0 h 24"/>
                  <a:gd name="T16" fmla="*/ 12 w 30"/>
                  <a:gd name="T17" fmla="*/ 0 h 24"/>
                  <a:gd name="T18" fmla="*/ 13 w 30"/>
                  <a:gd name="T19" fmla="*/ 2 h 24"/>
                  <a:gd name="T20" fmla="*/ 17 w 30"/>
                  <a:gd name="T21" fmla="*/ 5 h 24"/>
                  <a:gd name="T22" fmla="*/ 17 w 30"/>
                  <a:gd name="T23" fmla="*/ 5 h 24"/>
                  <a:gd name="T24" fmla="*/ 17 w 30"/>
                  <a:gd name="T25" fmla="*/ 7 h 24"/>
                  <a:gd name="T26" fmla="*/ 18 w 30"/>
                  <a:gd name="T27" fmla="*/ 9 h 24"/>
                  <a:gd name="T28" fmla="*/ 22 w 30"/>
                  <a:gd name="T29" fmla="*/ 12 h 24"/>
                  <a:gd name="T30" fmla="*/ 27 w 30"/>
                  <a:gd name="T31" fmla="*/ 16 h 24"/>
                  <a:gd name="T32" fmla="*/ 27 w 30"/>
                  <a:gd name="T33" fmla="*/ 16 h 24"/>
                  <a:gd name="T34" fmla="*/ 27 w 30"/>
                  <a:gd name="T35" fmla="*/ 17 h 24"/>
                  <a:gd name="T36" fmla="*/ 29 w 30"/>
                  <a:gd name="T37" fmla="*/ 19 h 24"/>
                  <a:gd name="T38" fmla="*/ 30 w 30"/>
                  <a:gd name="T39" fmla="*/ 21 h 24"/>
                  <a:gd name="T40" fmla="*/ 30 w 30"/>
                  <a:gd name="T41" fmla="*/ 22 h 24"/>
                  <a:gd name="T42" fmla="*/ 30 w 30"/>
                  <a:gd name="T43" fmla="*/ 24 h 24"/>
                  <a:gd name="T44" fmla="*/ 27 w 30"/>
                  <a:gd name="T45" fmla="*/ 24 h 24"/>
                  <a:gd name="T46" fmla="*/ 22 w 30"/>
                  <a:gd name="T47" fmla="*/ 24 h 24"/>
                  <a:gd name="T48" fmla="*/ 15 w 30"/>
                  <a:gd name="T49" fmla="*/ 21 h 24"/>
                  <a:gd name="T50" fmla="*/ 15 w 30"/>
                  <a:gd name="T51" fmla="*/ 21 h 24"/>
                  <a:gd name="T52" fmla="*/ 13 w 30"/>
                  <a:gd name="T53" fmla="*/ 21 h 24"/>
                  <a:gd name="T54" fmla="*/ 10 w 30"/>
                  <a:gd name="T55" fmla="*/ 21 h 24"/>
                  <a:gd name="T56" fmla="*/ 8 w 30"/>
                  <a:gd name="T57" fmla="*/ 22 h 24"/>
                  <a:gd name="T58" fmla="*/ 8 w 30"/>
                  <a:gd name="T59" fmla="*/ 22 h 24"/>
                  <a:gd name="T60" fmla="*/ 1 w 30"/>
                  <a:gd name="T61" fmla="*/ 14 h 24"/>
                  <a:gd name="T62" fmla="*/ 0 w 30"/>
                  <a:gd name="T63" fmla="*/ 5 h 24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w 30"/>
                  <a:gd name="T97" fmla="*/ 0 h 24"/>
                  <a:gd name="T98" fmla="*/ 30 w 30"/>
                  <a:gd name="T99" fmla="*/ 24 h 24"/>
                </a:gdLst>
                <a:ahLst/>
                <a:cxnLst>
                  <a:cxn ang="T64">
                    <a:pos x="T0" y="T1"/>
                  </a:cxn>
                  <a:cxn ang="T65">
                    <a:pos x="T2" y="T3"/>
                  </a:cxn>
                  <a:cxn ang="T66">
                    <a:pos x="T4" y="T5"/>
                  </a:cxn>
                  <a:cxn ang="T67">
                    <a:pos x="T6" y="T7"/>
                  </a:cxn>
                  <a:cxn ang="T68">
                    <a:pos x="T8" y="T9"/>
                  </a:cxn>
                  <a:cxn ang="T69">
                    <a:pos x="T10" y="T11"/>
                  </a:cxn>
                  <a:cxn ang="T70">
                    <a:pos x="T12" y="T13"/>
                  </a:cxn>
                  <a:cxn ang="T71">
                    <a:pos x="T14" y="T15"/>
                  </a:cxn>
                  <a:cxn ang="T72">
                    <a:pos x="T16" y="T17"/>
                  </a:cxn>
                  <a:cxn ang="T73">
                    <a:pos x="T18" y="T19"/>
                  </a:cxn>
                  <a:cxn ang="T74">
                    <a:pos x="T20" y="T21"/>
                  </a:cxn>
                  <a:cxn ang="T75">
                    <a:pos x="T22" y="T23"/>
                  </a:cxn>
                  <a:cxn ang="T76">
                    <a:pos x="T24" y="T25"/>
                  </a:cxn>
                  <a:cxn ang="T77">
                    <a:pos x="T26" y="T27"/>
                  </a:cxn>
                  <a:cxn ang="T78">
                    <a:pos x="T28" y="T29"/>
                  </a:cxn>
                  <a:cxn ang="T79">
                    <a:pos x="T30" y="T31"/>
                  </a:cxn>
                  <a:cxn ang="T80">
                    <a:pos x="T32" y="T33"/>
                  </a:cxn>
                  <a:cxn ang="T81">
                    <a:pos x="T34" y="T35"/>
                  </a:cxn>
                  <a:cxn ang="T82">
                    <a:pos x="T36" y="T37"/>
                  </a:cxn>
                  <a:cxn ang="T83">
                    <a:pos x="T38" y="T39"/>
                  </a:cxn>
                  <a:cxn ang="T84">
                    <a:pos x="T40" y="T41"/>
                  </a:cxn>
                  <a:cxn ang="T85">
                    <a:pos x="T42" y="T43"/>
                  </a:cxn>
                  <a:cxn ang="T86">
                    <a:pos x="T44" y="T45"/>
                  </a:cxn>
                  <a:cxn ang="T87">
                    <a:pos x="T46" y="T47"/>
                  </a:cxn>
                  <a:cxn ang="T88">
                    <a:pos x="T48" y="T49"/>
                  </a:cxn>
                  <a:cxn ang="T89">
                    <a:pos x="T50" y="T51"/>
                  </a:cxn>
                  <a:cxn ang="T90">
                    <a:pos x="T52" y="T53"/>
                  </a:cxn>
                  <a:cxn ang="T91">
                    <a:pos x="T54" y="T55"/>
                  </a:cxn>
                  <a:cxn ang="T92">
                    <a:pos x="T56" y="T57"/>
                  </a:cxn>
                  <a:cxn ang="T93">
                    <a:pos x="T58" y="T59"/>
                  </a:cxn>
                  <a:cxn ang="T94">
                    <a:pos x="T60" y="T61"/>
                  </a:cxn>
                  <a:cxn ang="T95">
                    <a:pos x="T62" y="T63"/>
                  </a:cxn>
                </a:cxnLst>
                <a:rect l="T96" t="T97" r="T98" b="T99"/>
                <a:pathLst>
                  <a:path w="30" h="24">
                    <a:moveTo>
                      <a:pt x="0" y="5"/>
                    </a:moveTo>
                    <a:lnTo>
                      <a:pt x="8" y="5"/>
                    </a:lnTo>
                    <a:lnTo>
                      <a:pt x="8" y="4"/>
                    </a:lnTo>
                    <a:lnTo>
                      <a:pt x="8" y="2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7" y="5"/>
                    </a:lnTo>
                    <a:lnTo>
                      <a:pt x="17" y="7"/>
                    </a:lnTo>
                    <a:lnTo>
                      <a:pt x="18" y="9"/>
                    </a:lnTo>
                    <a:lnTo>
                      <a:pt x="22" y="12"/>
                    </a:lnTo>
                    <a:lnTo>
                      <a:pt x="27" y="16"/>
                    </a:lnTo>
                    <a:lnTo>
                      <a:pt x="27" y="17"/>
                    </a:lnTo>
                    <a:lnTo>
                      <a:pt x="29" y="19"/>
                    </a:lnTo>
                    <a:lnTo>
                      <a:pt x="30" y="21"/>
                    </a:lnTo>
                    <a:lnTo>
                      <a:pt x="30" y="22"/>
                    </a:lnTo>
                    <a:lnTo>
                      <a:pt x="30" y="24"/>
                    </a:lnTo>
                    <a:lnTo>
                      <a:pt x="27" y="24"/>
                    </a:lnTo>
                    <a:lnTo>
                      <a:pt x="22" y="24"/>
                    </a:lnTo>
                    <a:lnTo>
                      <a:pt x="15" y="21"/>
                    </a:lnTo>
                    <a:lnTo>
                      <a:pt x="13" y="21"/>
                    </a:lnTo>
                    <a:lnTo>
                      <a:pt x="10" y="21"/>
                    </a:lnTo>
                    <a:lnTo>
                      <a:pt x="8" y="22"/>
                    </a:lnTo>
                    <a:lnTo>
                      <a:pt x="1" y="14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7" name="Freeform 144"/>
              <p:cNvSpPr>
                <a:spLocks/>
              </p:cNvSpPr>
              <p:nvPr/>
            </p:nvSpPr>
            <p:spPr bwMode="auto">
              <a:xfrm>
                <a:off x="1492" y="3427"/>
                <a:ext cx="27" cy="12"/>
              </a:xfrm>
              <a:custGeom>
                <a:avLst/>
                <a:gdLst>
                  <a:gd name="T0" fmla="*/ 1 w 27"/>
                  <a:gd name="T1" fmla="*/ 0 h 12"/>
                  <a:gd name="T2" fmla="*/ 0 w 27"/>
                  <a:gd name="T3" fmla="*/ 9 h 12"/>
                  <a:gd name="T4" fmla="*/ 18 w 27"/>
                  <a:gd name="T5" fmla="*/ 12 h 12"/>
                  <a:gd name="T6" fmla="*/ 18 w 27"/>
                  <a:gd name="T7" fmla="*/ 12 h 12"/>
                  <a:gd name="T8" fmla="*/ 20 w 27"/>
                  <a:gd name="T9" fmla="*/ 10 h 12"/>
                  <a:gd name="T10" fmla="*/ 23 w 27"/>
                  <a:gd name="T11" fmla="*/ 9 h 12"/>
                  <a:gd name="T12" fmla="*/ 27 w 27"/>
                  <a:gd name="T13" fmla="*/ 7 h 12"/>
                  <a:gd name="T14" fmla="*/ 27 w 27"/>
                  <a:gd name="T15" fmla="*/ 5 h 12"/>
                  <a:gd name="T16" fmla="*/ 27 w 27"/>
                  <a:gd name="T17" fmla="*/ 3 h 12"/>
                  <a:gd name="T18" fmla="*/ 23 w 27"/>
                  <a:gd name="T19" fmla="*/ 3 h 12"/>
                  <a:gd name="T20" fmla="*/ 18 w 27"/>
                  <a:gd name="T21" fmla="*/ 3 h 12"/>
                  <a:gd name="T22" fmla="*/ 16 w 27"/>
                  <a:gd name="T23" fmla="*/ 3 h 12"/>
                  <a:gd name="T24" fmla="*/ 13 w 27"/>
                  <a:gd name="T25" fmla="*/ 2 h 12"/>
                  <a:gd name="T26" fmla="*/ 11 w 27"/>
                  <a:gd name="T27" fmla="*/ 2 h 12"/>
                  <a:gd name="T28" fmla="*/ 8 w 27"/>
                  <a:gd name="T29" fmla="*/ 2 h 12"/>
                  <a:gd name="T30" fmla="*/ 6 w 27"/>
                  <a:gd name="T31" fmla="*/ 2 h 12"/>
                  <a:gd name="T32" fmla="*/ 3 w 27"/>
                  <a:gd name="T33" fmla="*/ 0 h 12"/>
                  <a:gd name="T34" fmla="*/ 3 w 27"/>
                  <a:gd name="T35" fmla="*/ 0 h 12"/>
                  <a:gd name="T36" fmla="*/ 1 w 27"/>
                  <a:gd name="T37" fmla="*/ 0 h 12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w 27"/>
                  <a:gd name="T58" fmla="*/ 0 h 12"/>
                  <a:gd name="T59" fmla="*/ 27 w 27"/>
                  <a:gd name="T60" fmla="*/ 12 h 12"/>
                </a:gdLst>
                <a:ahLst/>
                <a:cxnLst>
                  <a:cxn ang="T38">
                    <a:pos x="T0" y="T1"/>
                  </a:cxn>
                  <a:cxn ang="T39">
                    <a:pos x="T2" y="T3"/>
                  </a:cxn>
                  <a:cxn ang="T40">
                    <a:pos x="T4" y="T5"/>
                  </a:cxn>
                  <a:cxn ang="T41">
                    <a:pos x="T6" y="T7"/>
                  </a:cxn>
                  <a:cxn ang="T42">
                    <a:pos x="T8" y="T9"/>
                  </a:cxn>
                  <a:cxn ang="T43">
                    <a:pos x="T10" y="T11"/>
                  </a:cxn>
                  <a:cxn ang="T44">
                    <a:pos x="T12" y="T13"/>
                  </a:cxn>
                  <a:cxn ang="T45">
                    <a:pos x="T14" y="T15"/>
                  </a:cxn>
                  <a:cxn ang="T46">
                    <a:pos x="T16" y="T17"/>
                  </a:cxn>
                  <a:cxn ang="T47">
                    <a:pos x="T18" y="T19"/>
                  </a:cxn>
                  <a:cxn ang="T48">
                    <a:pos x="T20" y="T21"/>
                  </a:cxn>
                  <a:cxn ang="T49">
                    <a:pos x="T22" y="T23"/>
                  </a:cxn>
                  <a:cxn ang="T50">
                    <a:pos x="T24" y="T25"/>
                  </a:cxn>
                  <a:cxn ang="T51">
                    <a:pos x="T26" y="T27"/>
                  </a:cxn>
                  <a:cxn ang="T52">
                    <a:pos x="T28" y="T29"/>
                  </a:cxn>
                  <a:cxn ang="T53">
                    <a:pos x="T30" y="T31"/>
                  </a:cxn>
                  <a:cxn ang="T54">
                    <a:pos x="T32" y="T33"/>
                  </a:cxn>
                  <a:cxn ang="T55">
                    <a:pos x="T34" y="T35"/>
                  </a:cxn>
                  <a:cxn ang="T56">
                    <a:pos x="T36" y="T37"/>
                  </a:cxn>
                </a:cxnLst>
                <a:rect l="T57" t="T58" r="T59" b="T60"/>
                <a:pathLst>
                  <a:path w="27" h="12">
                    <a:moveTo>
                      <a:pt x="1" y="0"/>
                    </a:moveTo>
                    <a:lnTo>
                      <a:pt x="0" y="9"/>
                    </a:lnTo>
                    <a:lnTo>
                      <a:pt x="18" y="12"/>
                    </a:lnTo>
                    <a:lnTo>
                      <a:pt x="20" y="10"/>
                    </a:lnTo>
                    <a:lnTo>
                      <a:pt x="23" y="9"/>
                    </a:lnTo>
                    <a:lnTo>
                      <a:pt x="27" y="7"/>
                    </a:lnTo>
                    <a:lnTo>
                      <a:pt x="27" y="5"/>
                    </a:lnTo>
                    <a:lnTo>
                      <a:pt x="27" y="3"/>
                    </a:lnTo>
                    <a:lnTo>
                      <a:pt x="23" y="3"/>
                    </a:lnTo>
                    <a:lnTo>
                      <a:pt x="18" y="3"/>
                    </a:lnTo>
                    <a:lnTo>
                      <a:pt x="16" y="3"/>
                    </a:lnTo>
                    <a:lnTo>
                      <a:pt x="13" y="2"/>
                    </a:lnTo>
                    <a:lnTo>
                      <a:pt x="11" y="2"/>
                    </a:lnTo>
                    <a:lnTo>
                      <a:pt x="8" y="2"/>
                    </a:lnTo>
                    <a:lnTo>
                      <a:pt x="6" y="2"/>
                    </a:lnTo>
                    <a:lnTo>
                      <a:pt x="3" y="0"/>
                    </a:lnTo>
                    <a:lnTo>
                      <a:pt x="1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8" name="Freeform 145"/>
              <p:cNvSpPr>
                <a:spLocks/>
              </p:cNvSpPr>
              <p:nvPr/>
            </p:nvSpPr>
            <p:spPr bwMode="auto">
              <a:xfrm>
                <a:off x="1492" y="3427"/>
                <a:ext cx="27" cy="12"/>
              </a:xfrm>
              <a:custGeom>
                <a:avLst/>
                <a:gdLst>
                  <a:gd name="T0" fmla="*/ 1 w 27"/>
                  <a:gd name="T1" fmla="*/ 0 h 12"/>
                  <a:gd name="T2" fmla="*/ 0 w 27"/>
                  <a:gd name="T3" fmla="*/ 9 h 12"/>
                  <a:gd name="T4" fmla="*/ 18 w 27"/>
                  <a:gd name="T5" fmla="*/ 12 h 12"/>
                  <a:gd name="T6" fmla="*/ 18 w 27"/>
                  <a:gd name="T7" fmla="*/ 12 h 12"/>
                  <a:gd name="T8" fmla="*/ 18 w 27"/>
                  <a:gd name="T9" fmla="*/ 12 h 12"/>
                  <a:gd name="T10" fmla="*/ 20 w 27"/>
                  <a:gd name="T11" fmla="*/ 10 h 12"/>
                  <a:gd name="T12" fmla="*/ 23 w 27"/>
                  <a:gd name="T13" fmla="*/ 9 h 12"/>
                  <a:gd name="T14" fmla="*/ 27 w 27"/>
                  <a:gd name="T15" fmla="*/ 7 h 12"/>
                  <a:gd name="T16" fmla="*/ 27 w 27"/>
                  <a:gd name="T17" fmla="*/ 5 h 12"/>
                  <a:gd name="T18" fmla="*/ 27 w 27"/>
                  <a:gd name="T19" fmla="*/ 3 h 12"/>
                  <a:gd name="T20" fmla="*/ 23 w 27"/>
                  <a:gd name="T21" fmla="*/ 3 h 12"/>
                  <a:gd name="T22" fmla="*/ 18 w 27"/>
                  <a:gd name="T23" fmla="*/ 3 h 12"/>
                  <a:gd name="T24" fmla="*/ 18 w 27"/>
                  <a:gd name="T25" fmla="*/ 3 h 12"/>
                  <a:gd name="T26" fmla="*/ 16 w 27"/>
                  <a:gd name="T27" fmla="*/ 3 h 12"/>
                  <a:gd name="T28" fmla="*/ 13 w 27"/>
                  <a:gd name="T29" fmla="*/ 2 h 12"/>
                  <a:gd name="T30" fmla="*/ 11 w 27"/>
                  <a:gd name="T31" fmla="*/ 2 h 12"/>
                  <a:gd name="T32" fmla="*/ 8 w 27"/>
                  <a:gd name="T33" fmla="*/ 2 h 12"/>
                  <a:gd name="T34" fmla="*/ 6 w 27"/>
                  <a:gd name="T35" fmla="*/ 2 h 12"/>
                  <a:gd name="T36" fmla="*/ 3 w 27"/>
                  <a:gd name="T37" fmla="*/ 0 h 12"/>
                  <a:gd name="T38" fmla="*/ 3 w 27"/>
                  <a:gd name="T39" fmla="*/ 0 h 12"/>
                  <a:gd name="T40" fmla="*/ 1 w 27"/>
                  <a:gd name="T41" fmla="*/ 0 h 12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27"/>
                  <a:gd name="T64" fmla="*/ 0 h 12"/>
                  <a:gd name="T65" fmla="*/ 27 w 27"/>
                  <a:gd name="T66" fmla="*/ 12 h 12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27" h="12">
                    <a:moveTo>
                      <a:pt x="1" y="0"/>
                    </a:moveTo>
                    <a:lnTo>
                      <a:pt x="0" y="9"/>
                    </a:lnTo>
                    <a:lnTo>
                      <a:pt x="18" y="12"/>
                    </a:lnTo>
                    <a:lnTo>
                      <a:pt x="20" y="10"/>
                    </a:lnTo>
                    <a:lnTo>
                      <a:pt x="23" y="9"/>
                    </a:lnTo>
                    <a:lnTo>
                      <a:pt x="27" y="7"/>
                    </a:lnTo>
                    <a:lnTo>
                      <a:pt x="27" y="5"/>
                    </a:lnTo>
                    <a:lnTo>
                      <a:pt x="27" y="3"/>
                    </a:lnTo>
                    <a:lnTo>
                      <a:pt x="23" y="3"/>
                    </a:lnTo>
                    <a:lnTo>
                      <a:pt x="18" y="3"/>
                    </a:lnTo>
                    <a:lnTo>
                      <a:pt x="16" y="3"/>
                    </a:lnTo>
                    <a:lnTo>
                      <a:pt x="13" y="2"/>
                    </a:lnTo>
                    <a:lnTo>
                      <a:pt x="11" y="2"/>
                    </a:lnTo>
                    <a:lnTo>
                      <a:pt x="8" y="2"/>
                    </a:lnTo>
                    <a:lnTo>
                      <a:pt x="6" y="2"/>
                    </a:lnTo>
                    <a:lnTo>
                      <a:pt x="3" y="0"/>
                    </a:lnTo>
                    <a:lnTo>
                      <a:pt x="1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9" name="Freeform 146"/>
              <p:cNvSpPr>
                <a:spLocks/>
              </p:cNvSpPr>
              <p:nvPr/>
            </p:nvSpPr>
            <p:spPr bwMode="auto">
              <a:xfrm>
                <a:off x="1524" y="3441"/>
                <a:ext cx="35" cy="25"/>
              </a:xfrm>
              <a:custGeom>
                <a:avLst/>
                <a:gdLst>
                  <a:gd name="T0" fmla="*/ 1 w 35"/>
                  <a:gd name="T1" fmla="*/ 8 h 25"/>
                  <a:gd name="T2" fmla="*/ 1 w 35"/>
                  <a:gd name="T3" fmla="*/ 8 h 25"/>
                  <a:gd name="T4" fmla="*/ 0 w 35"/>
                  <a:gd name="T5" fmla="*/ 6 h 25"/>
                  <a:gd name="T6" fmla="*/ 0 w 35"/>
                  <a:gd name="T7" fmla="*/ 5 h 25"/>
                  <a:gd name="T8" fmla="*/ 0 w 35"/>
                  <a:gd name="T9" fmla="*/ 3 h 25"/>
                  <a:gd name="T10" fmla="*/ 0 w 35"/>
                  <a:gd name="T11" fmla="*/ 1 h 25"/>
                  <a:gd name="T12" fmla="*/ 1 w 35"/>
                  <a:gd name="T13" fmla="*/ 0 h 25"/>
                  <a:gd name="T14" fmla="*/ 5 w 35"/>
                  <a:gd name="T15" fmla="*/ 1 h 25"/>
                  <a:gd name="T16" fmla="*/ 8 w 35"/>
                  <a:gd name="T17" fmla="*/ 3 h 25"/>
                  <a:gd name="T18" fmla="*/ 10 w 35"/>
                  <a:gd name="T19" fmla="*/ 3 h 25"/>
                  <a:gd name="T20" fmla="*/ 13 w 35"/>
                  <a:gd name="T21" fmla="*/ 3 h 25"/>
                  <a:gd name="T22" fmla="*/ 13 w 35"/>
                  <a:gd name="T23" fmla="*/ 5 h 25"/>
                  <a:gd name="T24" fmla="*/ 15 w 35"/>
                  <a:gd name="T25" fmla="*/ 5 h 25"/>
                  <a:gd name="T26" fmla="*/ 22 w 35"/>
                  <a:gd name="T27" fmla="*/ 5 h 25"/>
                  <a:gd name="T28" fmla="*/ 30 w 35"/>
                  <a:gd name="T29" fmla="*/ 10 h 25"/>
                  <a:gd name="T30" fmla="*/ 30 w 35"/>
                  <a:gd name="T31" fmla="*/ 10 h 25"/>
                  <a:gd name="T32" fmla="*/ 32 w 35"/>
                  <a:gd name="T33" fmla="*/ 11 h 25"/>
                  <a:gd name="T34" fmla="*/ 34 w 35"/>
                  <a:gd name="T35" fmla="*/ 13 h 25"/>
                  <a:gd name="T36" fmla="*/ 35 w 35"/>
                  <a:gd name="T37" fmla="*/ 15 h 25"/>
                  <a:gd name="T38" fmla="*/ 35 w 35"/>
                  <a:gd name="T39" fmla="*/ 17 h 25"/>
                  <a:gd name="T40" fmla="*/ 34 w 35"/>
                  <a:gd name="T41" fmla="*/ 20 h 25"/>
                  <a:gd name="T42" fmla="*/ 30 w 35"/>
                  <a:gd name="T43" fmla="*/ 20 h 25"/>
                  <a:gd name="T44" fmla="*/ 25 w 35"/>
                  <a:gd name="T45" fmla="*/ 22 h 25"/>
                  <a:gd name="T46" fmla="*/ 23 w 35"/>
                  <a:gd name="T47" fmla="*/ 22 h 25"/>
                  <a:gd name="T48" fmla="*/ 23 w 35"/>
                  <a:gd name="T49" fmla="*/ 23 h 25"/>
                  <a:gd name="T50" fmla="*/ 22 w 35"/>
                  <a:gd name="T51" fmla="*/ 23 h 25"/>
                  <a:gd name="T52" fmla="*/ 20 w 35"/>
                  <a:gd name="T53" fmla="*/ 25 h 25"/>
                  <a:gd name="T54" fmla="*/ 18 w 35"/>
                  <a:gd name="T55" fmla="*/ 25 h 25"/>
                  <a:gd name="T56" fmla="*/ 15 w 35"/>
                  <a:gd name="T57" fmla="*/ 23 h 25"/>
                  <a:gd name="T58" fmla="*/ 13 w 35"/>
                  <a:gd name="T59" fmla="*/ 20 h 25"/>
                  <a:gd name="T60" fmla="*/ 12 w 35"/>
                  <a:gd name="T61" fmla="*/ 17 h 25"/>
                  <a:gd name="T62" fmla="*/ 10 w 35"/>
                  <a:gd name="T63" fmla="*/ 15 h 25"/>
                  <a:gd name="T64" fmla="*/ 6 w 35"/>
                  <a:gd name="T65" fmla="*/ 11 h 25"/>
                  <a:gd name="T66" fmla="*/ 3 w 35"/>
                  <a:gd name="T67" fmla="*/ 10 h 25"/>
                  <a:gd name="T68" fmla="*/ 1 w 35"/>
                  <a:gd name="T69" fmla="*/ 8 h 25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w 35"/>
                  <a:gd name="T106" fmla="*/ 0 h 25"/>
                  <a:gd name="T107" fmla="*/ 35 w 35"/>
                  <a:gd name="T108" fmla="*/ 25 h 25"/>
                </a:gdLst>
                <a:ahLst/>
                <a:cxnLst>
                  <a:cxn ang="T70">
                    <a:pos x="T0" y="T1"/>
                  </a:cxn>
                  <a:cxn ang="T71">
                    <a:pos x="T2" y="T3"/>
                  </a:cxn>
                  <a:cxn ang="T72">
                    <a:pos x="T4" y="T5"/>
                  </a:cxn>
                  <a:cxn ang="T73">
                    <a:pos x="T6" y="T7"/>
                  </a:cxn>
                  <a:cxn ang="T74">
                    <a:pos x="T8" y="T9"/>
                  </a:cxn>
                  <a:cxn ang="T75">
                    <a:pos x="T10" y="T11"/>
                  </a:cxn>
                  <a:cxn ang="T76">
                    <a:pos x="T12" y="T13"/>
                  </a:cxn>
                  <a:cxn ang="T77">
                    <a:pos x="T14" y="T15"/>
                  </a:cxn>
                  <a:cxn ang="T78">
                    <a:pos x="T16" y="T17"/>
                  </a:cxn>
                  <a:cxn ang="T79">
                    <a:pos x="T18" y="T19"/>
                  </a:cxn>
                  <a:cxn ang="T80">
                    <a:pos x="T20" y="T21"/>
                  </a:cxn>
                  <a:cxn ang="T81">
                    <a:pos x="T22" y="T23"/>
                  </a:cxn>
                  <a:cxn ang="T82">
                    <a:pos x="T24" y="T25"/>
                  </a:cxn>
                  <a:cxn ang="T83">
                    <a:pos x="T26" y="T27"/>
                  </a:cxn>
                  <a:cxn ang="T84">
                    <a:pos x="T28" y="T29"/>
                  </a:cxn>
                  <a:cxn ang="T85">
                    <a:pos x="T30" y="T31"/>
                  </a:cxn>
                  <a:cxn ang="T86">
                    <a:pos x="T32" y="T33"/>
                  </a:cxn>
                  <a:cxn ang="T87">
                    <a:pos x="T34" y="T35"/>
                  </a:cxn>
                  <a:cxn ang="T88">
                    <a:pos x="T36" y="T37"/>
                  </a:cxn>
                  <a:cxn ang="T89">
                    <a:pos x="T38" y="T39"/>
                  </a:cxn>
                  <a:cxn ang="T90">
                    <a:pos x="T40" y="T41"/>
                  </a:cxn>
                  <a:cxn ang="T91">
                    <a:pos x="T42" y="T43"/>
                  </a:cxn>
                  <a:cxn ang="T92">
                    <a:pos x="T44" y="T45"/>
                  </a:cxn>
                  <a:cxn ang="T93">
                    <a:pos x="T46" y="T47"/>
                  </a:cxn>
                  <a:cxn ang="T94">
                    <a:pos x="T48" y="T49"/>
                  </a:cxn>
                  <a:cxn ang="T95">
                    <a:pos x="T50" y="T51"/>
                  </a:cxn>
                  <a:cxn ang="T96">
                    <a:pos x="T52" y="T53"/>
                  </a:cxn>
                  <a:cxn ang="T97">
                    <a:pos x="T54" y="T55"/>
                  </a:cxn>
                  <a:cxn ang="T98">
                    <a:pos x="T56" y="T57"/>
                  </a:cxn>
                  <a:cxn ang="T99">
                    <a:pos x="T58" y="T59"/>
                  </a:cxn>
                  <a:cxn ang="T100">
                    <a:pos x="T60" y="T61"/>
                  </a:cxn>
                  <a:cxn ang="T101">
                    <a:pos x="T62" y="T63"/>
                  </a:cxn>
                  <a:cxn ang="T102">
                    <a:pos x="T64" y="T65"/>
                  </a:cxn>
                  <a:cxn ang="T103">
                    <a:pos x="T66" y="T67"/>
                  </a:cxn>
                  <a:cxn ang="T104">
                    <a:pos x="T68" y="T69"/>
                  </a:cxn>
                </a:cxnLst>
                <a:rect l="T105" t="T106" r="T107" b="T108"/>
                <a:pathLst>
                  <a:path w="35" h="25">
                    <a:moveTo>
                      <a:pt x="1" y="8"/>
                    </a:moveTo>
                    <a:lnTo>
                      <a:pt x="1" y="8"/>
                    </a:lnTo>
                    <a:lnTo>
                      <a:pt x="0" y="6"/>
                    </a:lnTo>
                    <a:lnTo>
                      <a:pt x="0" y="5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5" y="1"/>
                    </a:lnTo>
                    <a:lnTo>
                      <a:pt x="8" y="3"/>
                    </a:lnTo>
                    <a:lnTo>
                      <a:pt x="10" y="3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5" y="5"/>
                    </a:lnTo>
                    <a:lnTo>
                      <a:pt x="22" y="5"/>
                    </a:lnTo>
                    <a:lnTo>
                      <a:pt x="30" y="10"/>
                    </a:lnTo>
                    <a:lnTo>
                      <a:pt x="32" y="11"/>
                    </a:lnTo>
                    <a:lnTo>
                      <a:pt x="34" y="13"/>
                    </a:lnTo>
                    <a:lnTo>
                      <a:pt x="35" y="15"/>
                    </a:lnTo>
                    <a:lnTo>
                      <a:pt x="35" y="17"/>
                    </a:lnTo>
                    <a:lnTo>
                      <a:pt x="34" y="20"/>
                    </a:lnTo>
                    <a:lnTo>
                      <a:pt x="30" y="20"/>
                    </a:lnTo>
                    <a:lnTo>
                      <a:pt x="25" y="22"/>
                    </a:lnTo>
                    <a:lnTo>
                      <a:pt x="23" y="22"/>
                    </a:lnTo>
                    <a:lnTo>
                      <a:pt x="23" y="23"/>
                    </a:lnTo>
                    <a:lnTo>
                      <a:pt x="22" y="23"/>
                    </a:lnTo>
                    <a:lnTo>
                      <a:pt x="20" y="25"/>
                    </a:lnTo>
                    <a:lnTo>
                      <a:pt x="18" y="25"/>
                    </a:lnTo>
                    <a:lnTo>
                      <a:pt x="15" y="23"/>
                    </a:lnTo>
                    <a:lnTo>
                      <a:pt x="13" y="20"/>
                    </a:lnTo>
                    <a:lnTo>
                      <a:pt x="12" y="17"/>
                    </a:lnTo>
                    <a:lnTo>
                      <a:pt x="10" y="15"/>
                    </a:lnTo>
                    <a:lnTo>
                      <a:pt x="6" y="11"/>
                    </a:lnTo>
                    <a:lnTo>
                      <a:pt x="3" y="10"/>
                    </a:lnTo>
                    <a:lnTo>
                      <a:pt x="1" y="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0" name="Freeform 147"/>
              <p:cNvSpPr>
                <a:spLocks/>
              </p:cNvSpPr>
              <p:nvPr/>
            </p:nvSpPr>
            <p:spPr bwMode="auto">
              <a:xfrm>
                <a:off x="1524" y="3441"/>
                <a:ext cx="35" cy="25"/>
              </a:xfrm>
              <a:custGeom>
                <a:avLst/>
                <a:gdLst>
                  <a:gd name="T0" fmla="*/ 1 w 35"/>
                  <a:gd name="T1" fmla="*/ 8 h 25"/>
                  <a:gd name="T2" fmla="*/ 1 w 35"/>
                  <a:gd name="T3" fmla="*/ 8 h 25"/>
                  <a:gd name="T4" fmla="*/ 1 w 35"/>
                  <a:gd name="T5" fmla="*/ 8 h 25"/>
                  <a:gd name="T6" fmla="*/ 0 w 35"/>
                  <a:gd name="T7" fmla="*/ 6 h 25"/>
                  <a:gd name="T8" fmla="*/ 0 w 35"/>
                  <a:gd name="T9" fmla="*/ 5 h 25"/>
                  <a:gd name="T10" fmla="*/ 0 w 35"/>
                  <a:gd name="T11" fmla="*/ 3 h 25"/>
                  <a:gd name="T12" fmla="*/ 0 w 35"/>
                  <a:gd name="T13" fmla="*/ 1 h 25"/>
                  <a:gd name="T14" fmla="*/ 1 w 35"/>
                  <a:gd name="T15" fmla="*/ 0 h 25"/>
                  <a:gd name="T16" fmla="*/ 5 w 35"/>
                  <a:gd name="T17" fmla="*/ 1 h 25"/>
                  <a:gd name="T18" fmla="*/ 8 w 35"/>
                  <a:gd name="T19" fmla="*/ 3 h 25"/>
                  <a:gd name="T20" fmla="*/ 8 w 35"/>
                  <a:gd name="T21" fmla="*/ 3 h 25"/>
                  <a:gd name="T22" fmla="*/ 10 w 35"/>
                  <a:gd name="T23" fmla="*/ 3 h 25"/>
                  <a:gd name="T24" fmla="*/ 13 w 35"/>
                  <a:gd name="T25" fmla="*/ 3 h 25"/>
                  <a:gd name="T26" fmla="*/ 13 w 35"/>
                  <a:gd name="T27" fmla="*/ 5 h 25"/>
                  <a:gd name="T28" fmla="*/ 15 w 35"/>
                  <a:gd name="T29" fmla="*/ 5 h 25"/>
                  <a:gd name="T30" fmla="*/ 22 w 35"/>
                  <a:gd name="T31" fmla="*/ 5 h 25"/>
                  <a:gd name="T32" fmla="*/ 30 w 35"/>
                  <a:gd name="T33" fmla="*/ 10 h 25"/>
                  <a:gd name="T34" fmla="*/ 30 w 35"/>
                  <a:gd name="T35" fmla="*/ 10 h 25"/>
                  <a:gd name="T36" fmla="*/ 30 w 35"/>
                  <a:gd name="T37" fmla="*/ 10 h 25"/>
                  <a:gd name="T38" fmla="*/ 32 w 35"/>
                  <a:gd name="T39" fmla="*/ 11 h 25"/>
                  <a:gd name="T40" fmla="*/ 34 w 35"/>
                  <a:gd name="T41" fmla="*/ 13 h 25"/>
                  <a:gd name="T42" fmla="*/ 35 w 35"/>
                  <a:gd name="T43" fmla="*/ 15 h 25"/>
                  <a:gd name="T44" fmla="*/ 35 w 35"/>
                  <a:gd name="T45" fmla="*/ 17 h 25"/>
                  <a:gd name="T46" fmla="*/ 34 w 35"/>
                  <a:gd name="T47" fmla="*/ 20 h 25"/>
                  <a:gd name="T48" fmla="*/ 30 w 35"/>
                  <a:gd name="T49" fmla="*/ 20 h 25"/>
                  <a:gd name="T50" fmla="*/ 25 w 35"/>
                  <a:gd name="T51" fmla="*/ 22 h 25"/>
                  <a:gd name="T52" fmla="*/ 25 w 35"/>
                  <a:gd name="T53" fmla="*/ 22 h 25"/>
                  <a:gd name="T54" fmla="*/ 23 w 35"/>
                  <a:gd name="T55" fmla="*/ 22 h 25"/>
                  <a:gd name="T56" fmla="*/ 23 w 35"/>
                  <a:gd name="T57" fmla="*/ 23 h 25"/>
                  <a:gd name="T58" fmla="*/ 22 w 35"/>
                  <a:gd name="T59" fmla="*/ 23 h 25"/>
                  <a:gd name="T60" fmla="*/ 20 w 35"/>
                  <a:gd name="T61" fmla="*/ 25 h 25"/>
                  <a:gd name="T62" fmla="*/ 18 w 35"/>
                  <a:gd name="T63" fmla="*/ 25 h 25"/>
                  <a:gd name="T64" fmla="*/ 15 w 35"/>
                  <a:gd name="T65" fmla="*/ 23 h 25"/>
                  <a:gd name="T66" fmla="*/ 13 w 35"/>
                  <a:gd name="T67" fmla="*/ 20 h 25"/>
                  <a:gd name="T68" fmla="*/ 12 w 35"/>
                  <a:gd name="T69" fmla="*/ 17 h 25"/>
                  <a:gd name="T70" fmla="*/ 12 w 35"/>
                  <a:gd name="T71" fmla="*/ 17 h 25"/>
                  <a:gd name="T72" fmla="*/ 10 w 35"/>
                  <a:gd name="T73" fmla="*/ 15 h 25"/>
                  <a:gd name="T74" fmla="*/ 6 w 35"/>
                  <a:gd name="T75" fmla="*/ 11 h 25"/>
                  <a:gd name="T76" fmla="*/ 3 w 35"/>
                  <a:gd name="T77" fmla="*/ 10 h 25"/>
                  <a:gd name="T78" fmla="*/ 1 w 35"/>
                  <a:gd name="T79" fmla="*/ 8 h 25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w 35"/>
                  <a:gd name="T121" fmla="*/ 0 h 25"/>
                  <a:gd name="T122" fmla="*/ 35 w 35"/>
                  <a:gd name="T123" fmla="*/ 25 h 25"/>
                </a:gdLst>
                <a:ahLst/>
                <a:cxnLst>
                  <a:cxn ang="T80">
                    <a:pos x="T0" y="T1"/>
                  </a:cxn>
                  <a:cxn ang="T81">
                    <a:pos x="T2" y="T3"/>
                  </a:cxn>
                  <a:cxn ang="T82">
                    <a:pos x="T4" y="T5"/>
                  </a:cxn>
                  <a:cxn ang="T83">
                    <a:pos x="T6" y="T7"/>
                  </a:cxn>
                  <a:cxn ang="T84">
                    <a:pos x="T8" y="T9"/>
                  </a:cxn>
                  <a:cxn ang="T85">
                    <a:pos x="T10" y="T11"/>
                  </a:cxn>
                  <a:cxn ang="T86">
                    <a:pos x="T12" y="T13"/>
                  </a:cxn>
                  <a:cxn ang="T87">
                    <a:pos x="T14" y="T15"/>
                  </a:cxn>
                  <a:cxn ang="T88">
                    <a:pos x="T16" y="T17"/>
                  </a:cxn>
                  <a:cxn ang="T89">
                    <a:pos x="T18" y="T19"/>
                  </a:cxn>
                  <a:cxn ang="T90">
                    <a:pos x="T20" y="T21"/>
                  </a:cxn>
                  <a:cxn ang="T91">
                    <a:pos x="T22" y="T23"/>
                  </a:cxn>
                  <a:cxn ang="T92">
                    <a:pos x="T24" y="T25"/>
                  </a:cxn>
                  <a:cxn ang="T93">
                    <a:pos x="T26" y="T27"/>
                  </a:cxn>
                  <a:cxn ang="T94">
                    <a:pos x="T28" y="T29"/>
                  </a:cxn>
                  <a:cxn ang="T95">
                    <a:pos x="T30" y="T31"/>
                  </a:cxn>
                  <a:cxn ang="T96">
                    <a:pos x="T32" y="T33"/>
                  </a:cxn>
                  <a:cxn ang="T97">
                    <a:pos x="T34" y="T35"/>
                  </a:cxn>
                  <a:cxn ang="T98">
                    <a:pos x="T36" y="T37"/>
                  </a:cxn>
                  <a:cxn ang="T99">
                    <a:pos x="T38" y="T39"/>
                  </a:cxn>
                  <a:cxn ang="T100">
                    <a:pos x="T40" y="T41"/>
                  </a:cxn>
                  <a:cxn ang="T101">
                    <a:pos x="T42" y="T43"/>
                  </a:cxn>
                  <a:cxn ang="T102">
                    <a:pos x="T44" y="T45"/>
                  </a:cxn>
                  <a:cxn ang="T103">
                    <a:pos x="T46" y="T47"/>
                  </a:cxn>
                  <a:cxn ang="T104">
                    <a:pos x="T48" y="T49"/>
                  </a:cxn>
                  <a:cxn ang="T105">
                    <a:pos x="T50" y="T51"/>
                  </a:cxn>
                  <a:cxn ang="T106">
                    <a:pos x="T52" y="T53"/>
                  </a:cxn>
                  <a:cxn ang="T107">
                    <a:pos x="T54" y="T55"/>
                  </a:cxn>
                  <a:cxn ang="T108">
                    <a:pos x="T56" y="T57"/>
                  </a:cxn>
                  <a:cxn ang="T109">
                    <a:pos x="T58" y="T59"/>
                  </a:cxn>
                  <a:cxn ang="T110">
                    <a:pos x="T60" y="T61"/>
                  </a:cxn>
                  <a:cxn ang="T111">
                    <a:pos x="T62" y="T63"/>
                  </a:cxn>
                  <a:cxn ang="T112">
                    <a:pos x="T64" y="T65"/>
                  </a:cxn>
                  <a:cxn ang="T113">
                    <a:pos x="T66" y="T67"/>
                  </a:cxn>
                  <a:cxn ang="T114">
                    <a:pos x="T68" y="T69"/>
                  </a:cxn>
                  <a:cxn ang="T115">
                    <a:pos x="T70" y="T71"/>
                  </a:cxn>
                  <a:cxn ang="T116">
                    <a:pos x="T72" y="T73"/>
                  </a:cxn>
                  <a:cxn ang="T117">
                    <a:pos x="T74" y="T75"/>
                  </a:cxn>
                  <a:cxn ang="T118">
                    <a:pos x="T76" y="T77"/>
                  </a:cxn>
                  <a:cxn ang="T119">
                    <a:pos x="T78" y="T79"/>
                  </a:cxn>
                </a:cxnLst>
                <a:rect l="T120" t="T121" r="T122" b="T123"/>
                <a:pathLst>
                  <a:path w="35" h="25">
                    <a:moveTo>
                      <a:pt x="1" y="8"/>
                    </a:moveTo>
                    <a:lnTo>
                      <a:pt x="1" y="8"/>
                    </a:lnTo>
                    <a:lnTo>
                      <a:pt x="0" y="6"/>
                    </a:lnTo>
                    <a:lnTo>
                      <a:pt x="0" y="5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5" y="1"/>
                    </a:lnTo>
                    <a:lnTo>
                      <a:pt x="8" y="3"/>
                    </a:lnTo>
                    <a:lnTo>
                      <a:pt x="10" y="3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5" y="5"/>
                    </a:lnTo>
                    <a:lnTo>
                      <a:pt x="22" y="5"/>
                    </a:lnTo>
                    <a:lnTo>
                      <a:pt x="30" y="10"/>
                    </a:lnTo>
                    <a:lnTo>
                      <a:pt x="32" y="11"/>
                    </a:lnTo>
                    <a:lnTo>
                      <a:pt x="34" y="13"/>
                    </a:lnTo>
                    <a:lnTo>
                      <a:pt x="35" y="15"/>
                    </a:lnTo>
                    <a:lnTo>
                      <a:pt x="35" y="17"/>
                    </a:lnTo>
                    <a:lnTo>
                      <a:pt x="34" y="20"/>
                    </a:lnTo>
                    <a:lnTo>
                      <a:pt x="30" y="20"/>
                    </a:lnTo>
                    <a:lnTo>
                      <a:pt x="25" y="22"/>
                    </a:lnTo>
                    <a:lnTo>
                      <a:pt x="23" y="22"/>
                    </a:lnTo>
                    <a:lnTo>
                      <a:pt x="23" y="23"/>
                    </a:lnTo>
                    <a:lnTo>
                      <a:pt x="22" y="23"/>
                    </a:lnTo>
                    <a:lnTo>
                      <a:pt x="20" y="25"/>
                    </a:lnTo>
                    <a:lnTo>
                      <a:pt x="18" y="25"/>
                    </a:lnTo>
                    <a:lnTo>
                      <a:pt x="15" y="23"/>
                    </a:lnTo>
                    <a:lnTo>
                      <a:pt x="13" y="20"/>
                    </a:lnTo>
                    <a:lnTo>
                      <a:pt x="12" y="17"/>
                    </a:lnTo>
                    <a:lnTo>
                      <a:pt x="10" y="15"/>
                    </a:lnTo>
                    <a:lnTo>
                      <a:pt x="6" y="11"/>
                    </a:lnTo>
                    <a:lnTo>
                      <a:pt x="3" y="10"/>
                    </a:lnTo>
                    <a:lnTo>
                      <a:pt x="1" y="8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1" name="Freeform 148"/>
              <p:cNvSpPr>
                <a:spLocks/>
              </p:cNvSpPr>
              <p:nvPr/>
            </p:nvSpPr>
            <p:spPr bwMode="auto">
              <a:xfrm>
                <a:off x="1554" y="3480"/>
                <a:ext cx="66" cy="76"/>
              </a:xfrm>
              <a:custGeom>
                <a:avLst/>
                <a:gdLst>
                  <a:gd name="T0" fmla="*/ 10 w 66"/>
                  <a:gd name="T1" fmla="*/ 5 h 76"/>
                  <a:gd name="T2" fmla="*/ 14 w 66"/>
                  <a:gd name="T3" fmla="*/ 0 h 76"/>
                  <a:gd name="T4" fmla="*/ 22 w 66"/>
                  <a:gd name="T5" fmla="*/ 6 h 76"/>
                  <a:gd name="T6" fmla="*/ 46 w 66"/>
                  <a:gd name="T7" fmla="*/ 18 h 76"/>
                  <a:gd name="T8" fmla="*/ 54 w 66"/>
                  <a:gd name="T9" fmla="*/ 22 h 76"/>
                  <a:gd name="T10" fmla="*/ 54 w 66"/>
                  <a:gd name="T11" fmla="*/ 28 h 76"/>
                  <a:gd name="T12" fmla="*/ 61 w 66"/>
                  <a:gd name="T13" fmla="*/ 38 h 76"/>
                  <a:gd name="T14" fmla="*/ 61 w 66"/>
                  <a:gd name="T15" fmla="*/ 38 h 76"/>
                  <a:gd name="T16" fmla="*/ 63 w 66"/>
                  <a:gd name="T17" fmla="*/ 38 h 76"/>
                  <a:gd name="T18" fmla="*/ 64 w 66"/>
                  <a:gd name="T19" fmla="*/ 40 h 76"/>
                  <a:gd name="T20" fmla="*/ 66 w 66"/>
                  <a:gd name="T21" fmla="*/ 42 h 76"/>
                  <a:gd name="T22" fmla="*/ 66 w 66"/>
                  <a:gd name="T23" fmla="*/ 44 h 76"/>
                  <a:gd name="T24" fmla="*/ 66 w 66"/>
                  <a:gd name="T25" fmla="*/ 45 h 76"/>
                  <a:gd name="T26" fmla="*/ 63 w 66"/>
                  <a:gd name="T27" fmla="*/ 49 h 76"/>
                  <a:gd name="T28" fmla="*/ 58 w 66"/>
                  <a:gd name="T29" fmla="*/ 52 h 76"/>
                  <a:gd name="T30" fmla="*/ 56 w 66"/>
                  <a:gd name="T31" fmla="*/ 52 h 76"/>
                  <a:gd name="T32" fmla="*/ 54 w 66"/>
                  <a:gd name="T33" fmla="*/ 52 h 76"/>
                  <a:gd name="T34" fmla="*/ 49 w 66"/>
                  <a:gd name="T35" fmla="*/ 54 h 76"/>
                  <a:gd name="T36" fmla="*/ 44 w 66"/>
                  <a:gd name="T37" fmla="*/ 55 h 76"/>
                  <a:gd name="T38" fmla="*/ 37 w 66"/>
                  <a:gd name="T39" fmla="*/ 59 h 76"/>
                  <a:gd name="T40" fmla="*/ 32 w 66"/>
                  <a:gd name="T41" fmla="*/ 62 h 76"/>
                  <a:gd name="T42" fmla="*/ 27 w 66"/>
                  <a:gd name="T43" fmla="*/ 67 h 76"/>
                  <a:gd name="T44" fmla="*/ 24 w 66"/>
                  <a:gd name="T45" fmla="*/ 76 h 76"/>
                  <a:gd name="T46" fmla="*/ 22 w 66"/>
                  <a:gd name="T47" fmla="*/ 76 h 76"/>
                  <a:gd name="T48" fmla="*/ 22 w 66"/>
                  <a:gd name="T49" fmla="*/ 74 h 76"/>
                  <a:gd name="T50" fmla="*/ 19 w 66"/>
                  <a:gd name="T51" fmla="*/ 74 h 76"/>
                  <a:gd name="T52" fmla="*/ 15 w 66"/>
                  <a:gd name="T53" fmla="*/ 71 h 76"/>
                  <a:gd name="T54" fmla="*/ 14 w 66"/>
                  <a:gd name="T55" fmla="*/ 69 h 76"/>
                  <a:gd name="T56" fmla="*/ 10 w 66"/>
                  <a:gd name="T57" fmla="*/ 66 h 76"/>
                  <a:gd name="T58" fmla="*/ 10 w 66"/>
                  <a:gd name="T59" fmla="*/ 60 h 76"/>
                  <a:gd name="T60" fmla="*/ 9 w 66"/>
                  <a:gd name="T61" fmla="*/ 54 h 76"/>
                  <a:gd name="T62" fmla="*/ 9 w 66"/>
                  <a:gd name="T63" fmla="*/ 54 h 76"/>
                  <a:gd name="T64" fmla="*/ 9 w 66"/>
                  <a:gd name="T65" fmla="*/ 52 h 76"/>
                  <a:gd name="T66" fmla="*/ 10 w 66"/>
                  <a:gd name="T67" fmla="*/ 50 h 76"/>
                  <a:gd name="T68" fmla="*/ 10 w 66"/>
                  <a:gd name="T69" fmla="*/ 49 h 76"/>
                  <a:gd name="T70" fmla="*/ 9 w 66"/>
                  <a:gd name="T71" fmla="*/ 47 h 76"/>
                  <a:gd name="T72" fmla="*/ 9 w 66"/>
                  <a:gd name="T73" fmla="*/ 44 h 76"/>
                  <a:gd name="T74" fmla="*/ 7 w 66"/>
                  <a:gd name="T75" fmla="*/ 40 h 76"/>
                  <a:gd name="T76" fmla="*/ 4 w 66"/>
                  <a:gd name="T77" fmla="*/ 37 h 76"/>
                  <a:gd name="T78" fmla="*/ 4 w 66"/>
                  <a:gd name="T79" fmla="*/ 35 h 76"/>
                  <a:gd name="T80" fmla="*/ 2 w 66"/>
                  <a:gd name="T81" fmla="*/ 33 h 76"/>
                  <a:gd name="T82" fmla="*/ 2 w 66"/>
                  <a:gd name="T83" fmla="*/ 32 h 76"/>
                  <a:gd name="T84" fmla="*/ 0 w 66"/>
                  <a:gd name="T85" fmla="*/ 30 h 76"/>
                  <a:gd name="T86" fmla="*/ 0 w 66"/>
                  <a:gd name="T87" fmla="*/ 28 h 76"/>
                  <a:gd name="T88" fmla="*/ 2 w 66"/>
                  <a:gd name="T89" fmla="*/ 25 h 76"/>
                  <a:gd name="T90" fmla="*/ 4 w 66"/>
                  <a:gd name="T91" fmla="*/ 25 h 76"/>
                  <a:gd name="T92" fmla="*/ 7 w 66"/>
                  <a:gd name="T93" fmla="*/ 23 h 76"/>
                  <a:gd name="T94" fmla="*/ 9 w 66"/>
                  <a:gd name="T95" fmla="*/ 25 h 76"/>
                  <a:gd name="T96" fmla="*/ 9 w 66"/>
                  <a:gd name="T97" fmla="*/ 25 h 76"/>
                  <a:gd name="T98" fmla="*/ 10 w 66"/>
                  <a:gd name="T99" fmla="*/ 25 h 76"/>
                  <a:gd name="T100" fmla="*/ 10 w 66"/>
                  <a:gd name="T101" fmla="*/ 25 h 76"/>
                  <a:gd name="T102" fmla="*/ 10 w 66"/>
                  <a:gd name="T103" fmla="*/ 23 h 76"/>
                  <a:gd name="T104" fmla="*/ 12 w 66"/>
                  <a:gd name="T105" fmla="*/ 22 h 76"/>
                  <a:gd name="T106" fmla="*/ 12 w 66"/>
                  <a:gd name="T107" fmla="*/ 16 h 76"/>
                  <a:gd name="T108" fmla="*/ 12 w 66"/>
                  <a:gd name="T109" fmla="*/ 10 h 76"/>
                  <a:gd name="T110" fmla="*/ 12 w 66"/>
                  <a:gd name="T111" fmla="*/ 8 h 76"/>
                  <a:gd name="T112" fmla="*/ 10 w 66"/>
                  <a:gd name="T113" fmla="*/ 6 h 76"/>
                  <a:gd name="T114" fmla="*/ 10 w 66"/>
                  <a:gd name="T115" fmla="*/ 6 h 76"/>
                  <a:gd name="T116" fmla="*/ 10 w 66"/>
                  <a:gd name="T117" fmla="*/ 5 h 7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66"/>
                  <a:gd name="T178" fmla="*/ 0 h 76"/>
                  <a:gd name="T179" fmla="*/ 66 w 66"/>
                  <a:gd name="T180" fmla="*/ 76 h 76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66" h="76">
                    <a:moveTo>
                      <a:pt x="10" y="5"/>
                    </a:moveTo>
                    <a:lnTo>
                      <a:pt x="14" y="0"/>
                    </a:lnTo>
                    <a:lnTo>
                      <a:pt x="22" y="6"/>
                    </a:lnTo>
                    <a:lnTo>
                      <a:pt x="46" y="18"/>
                    </a:lnTo>
                    <a:lnTo>
                      <a:pt x="54" y="22"/>
                    </a:lnTo>
                    <a:lnTo>
                      <a:pt x="54" y="28"/>
                    </a:lnTo>
                    <a:lnTo>
                      <a:pt x="61" y="38"/>
                    </a:lnTo>
                    <a:lnTo>
                      <a:pt x="63" y="38"/>
                    </a:lnTo>
                    <a:lnTo>
                      <a:pt x="64" y="40"/>
                    </a:lnTo>
                    <a:lnTo>
                      <a:pt x="66" y="42"/>
                    </a:lnTo>
                    <a:lnTo>
                      <a:pt x="66" y="44"/>
                    </a:lnTo>
                    <a:lnTo>
                      <a:pt x="66" y="45"/>
                    </a:lnTo>
                    <a:lnTo>
                      <a:pt x="63" y="49"/>
                    </a:lnTo>
                    <a:lnTo>
                      <a:pt x="58" y="52"/>
                    </a:lnTo>
                    <a:lnTo>
                      <a:pt x="56" y="52"/>
                    </a:lnTo>
                    <a:lnTo>
                      <a:pt x="54" y="52"/>
                    </a:lnTo>
                    <a:lnTo>
                      <a:pt x="49" y="54"/>
                    </a:lnTo>
                    <a:lnTo>
                      <a:pt x="44" y="55"/>
                    </a:lnTo>
                    <a:lnTo>
                      <a:pt x="37" y="59"/>
                    </a:lnTo>
                    <a:lnTo>
                      <a:pt x="32" y="62"/>
                    </a:lnTo>
                    <a:lnTo>
                      <a:pt x="27" y="67"/>
                    </a:lnTo>
                    <a:lnTo>
                      <a:pt x="24" y="76"/>
                    </a:lnTo>
                    <a:lnTo>
                      <a:pt x="22" y="76"/>
                    </a:lnTo>
                    <a:lnTo>
                      <a:pt x="22" y="74"/>
                    </a:lnTo>
                    <a:lnTo>
                      <a:pt x="19" y="74"/>
                    </a:lnTo>
                    <a:lnTo>
                      <a:pt x="15" y="71"/>
                    </a:lnTo>
                    <a:lnTo>
                      <a:pt x="14" y="69"/>
                    </a:lnTo>
                    <a:lnTo>
                      <a:pt x="10" y="66"/>
                    </a:lnTo>
                    <a:lnTo>
                      <a:pt x="10" y="60"/>
                    </a:lnTo>
                    <a:lnTo>
                      <a:pt x="9" y="54"/>
                    </a:lnTo>
                    <a:lnTo>
                      <a:pt x="9" y="52"/>
                    </a:lnTo>
                    <a:lnTo>
                      <a:pt x="10" y="50"/>
                    </a:lnTo>
                    <a:lnTo>
                      <a:pt x="10" y="49"/>
                    </a:lnTo>
                    <a:lnTo>
                      <a:pt x="9" y="47"/>
                    </a:lnTo>
                    <a:lnTo>
                      <a:pt x="9" y="44"/>
                    </a:lnTo>
                    <a:lnTo>
                      <a:pt x="7" y="40"/>
                    </a:lnTo>
                    <a:lnTo>
                      <a:pt x="4" y="37"/>
                    </a:lnTo>
                    <a:lnTo>
                      <a:pt x="4" y="35"/>
                    </a:lnTo>
                    <a:lnTo>
                      <a:pt x="2" y="33"/>
                    </a:lnTo>
                    <a:lnTo>
                      <a:pt x="2" y="32"/>
                    </a:lnTo>
                    <a:lnTo>
                      <a:pt x="0" y="30"/>
                    </a:lnTo>
                    <a:lnTo>
                      <a:pt x="0" y="28"/>
                    </a:lnTo>
                    <a:lnTo>
                      <a:pt x="2" y="25"/>
                    </a:lnTo>
                    <a:lnTo>
                      <a:pt x="4" y="25"/>
                    </a:lnTo>
                    <a:lnTo>
                      <a:pt x="7" y="23"/>
                    </a:lnTo>
                    <a:lnTo>
                      <a:pt x="9" y="25"/>
                    </a:lnTo>
                    <a:lnTo>
                      <a:pt x="10" y="25"/>
                    </a:lnTo>
                    <a:lnTo>
                      <a:pt x="10" y="23"/>
                    </a:lnTo>
                    <a:lnTo>
                      <a:pt x="12" y="22"/>
                    </a:lnTo>
                    <a:lnTo>
                      <a:pt x="12" y="16"/>
                    </a:lnTo>
                    <a:lnTo>
                      <a:pt x="12" y="10"/>
                    </a:lnTo>
                    <a:lnTo>
                      <a:pt x="12" y="8"/>
                    </a:lnTo>
                    <a:lnTo>
                      <a:pt x="10" y="6"/>
                    </a:lnTo>
                    <a:lnTo>
                      <a:pt x="10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2" name="Freeform 149"/>
              <p:cNvSpPr>
                <a:spLocks/>
              </p:cNvSpPr>
              <p:nvPr/>
            </p:nvSpPr>
            <p:spPr bwMode="auto">
              <a:xfrm>
                <a:off x="1554" y="3480"/>
                <a:ext cx="66" cy="76"/>
              </a:xfrm>
              <a:custGeom>
                <a:avLst/>
                <a:gdLst>
                  <a:gd name="T0" fmla="*/ 14 w 66"/>
                  <a:gd name="T1" fmla="*/ 0 h 76"/>
                  <a:gd name="T2" fmla="*/ 46 w 66"/>
                  <a:gd name="T3" fmla="*/ 18 h 76"/>
                  <a:gd name="T4" fmla="*/ 54 w 66"/>
                  <a:gd name="T5" fmla="*/ 28 h 76"/>
                  <a:gd name="T6" fmla="*/ 61 w 66"/>
                  <a:gd name="T7" fmla="*/ 38 h 76"/>
                  <a:gd name="T8" fmla="*/ 63 w 66"/>
                  <a:gd name="T9" fmla="*/ 38 h 76"/>
                  <a:gd name="T10" fmla="*/ 66 w 66"/>
                  <a:gd name="T11" fmla="*/ 42 h 76"/>
                  <a:gd name="T12" fmla="*/ 66 w 66"/>
                  <a:gd name="T13" fmla="*/ 45 h 76"/>
                  <a:gd name="T14" fmla="*/ 58 w 66"/>
                  <a:gd name="T15" fmla="*/ 52 h 76"/>
                  <a:gd name="T16" fmla="*/ 56 w 66"/>
                  <a:gd name="T17" fmla="*/ 52 h 76"/>
                  <a:gd name="T18" fmla="*/ 49 w 66"/>
                  <a:gd name="T19" fmla="*/ 54 h 76"/>
                  <a:gd name="T20" fmla="*/ 37 w 66"/>
                  <a:gd name="T21" fmla="*/ 59 h 76"/>
                  <a:gd name="T22" fmla="*/ 27 w 66"/>
                  <a:gd name="T23" fmla="*/ 67 h 76"/>
                  <a:gd name="T24" fmla="*/ 24 w 66"/>
                  <a:gd name="T25" fmla="*/ 76 h 76"/>
                  <a:gd name="T26" fmla="*/ 22 w 66"/>
                  <a:gd name="T27" fmla="*/ 74 h 76"/>
                  <a:gd name="T28" fmla="*/ 15 w 66"/>
                  <a:gd name="T29" fmla="*/ 71 h 76"/>
                  <a:gd name="T30" fmla="*/ 10 w 66"/>
                  <a:gd name="T31" fmla="*/ 66 h 76"/>
                  <a:gd name="T32" fmla="*/ 9 w 66"/>
                  <a:gd name="T33" fmla="*/ 54 h 76"/>
                  <a:gd name="T34" fmla="*/ 9 w 66"/>
                  <a:gd name="T35" fmla="*/ 54 h 76"/>
                  <a:gd name="T36" fmla="*/ 10 w 66"/>
                  <a:gd name="T37" fmla="*/ 50 h 76"/>
                  <a:gd name="T38" fmla="*/ 9 w 66"/>
                  <a:gd name="T39" fmla="*/ 47 h 76"/>
                  <a:gd name="T40" fmla="*/ 7 w 66"/>
                  <a:gd name="T41" fmla="*/ 40 h 76"/>
                  <a:gd name="T42" fmla="*/ 4 w 66"/>
                  <a:gd name="T43" fmla="*/ 37 h 76"/>
                  <a:gd name="T44" fmla="*/ 2 w 66"/>
                  <a:gd name="T45" fmla="*/ 33 h 76"/>
                  <a:gd name="T46" fmla="*/ 0 w 66"/>
                  <a:gd name="T47" fmla="*/ 30 h 76"/>
                  <a:gd name="T48" fmla="*/ 2 w 66"/>
                  <a:gd name="T49" fmla="*/ 25 h 76"/>
                  <a:gd name="T50" fmla="*/ 7 w 66"/>
                  <a:gd name="T51" fmla="*/ 23 h 76"/>
                  <a:gd name="T52" fmla="*/ 9 w 66"/>
                  <a:gd name="T53" fmla="*/ 25 h 76"/>
                  <a:gd name="T54" fmla="*/ 10 w 66"/>
                  <a:gd name="T55" fmla="*/ 25 h 76"/>
                  <a:gd name="T56" fmla="*/ 10 w 66"/>
                  <a:gd name="T57" fmla="*/ 23 h 76"/>
                  <a:gd name="T58" fmla="*/ 12 w 66"/>
                  <a:gd name="T59" fmla="*/ 16 h 76"/>
                  <a:gd name="T60" fmla="*/ 12 w 66"/>
                  <a:gd name="T61" fmla="*/ 10 h 76"/>
                  <a:gd name="T62" fmla="*/ 10 w 66"/>
                  <a:gd name="T63" fmla="*/ 6 h 76"/>
                  <a:gd name="T64" fmla="*/ 10 w 66"/>
                  <a:gd name="T65" fmla="*/ 5 h 7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w 66"/>
                  <a:gd name="T100" fmla="*/ 0 h 76"/>
                  <a:gd name="T101" fmla="*/ 66 w 66"/>
                  <a:gd name="T102" fmla="*/ 76 h 76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T99" t="T100" r="T101" b="T102"/>
                <a:pathLst>
                  <a:path w="66" h="76">
                    <a:moveTo>
                      <a:pt x="10" y="5"/>
                    </a:moveTo>
                    <a:lnTo>
                      <a:pt x="14" y="0"/>
                    </a:lnTo>
                    <a:lnTo>
                      <a:pt x="22" y="6"/>
                    </a:lnTo>
                    <a:lnTo>
                      <a:pt x="46" y="18"/>
                    </a:lnTo>
                    <a:lnTo>
                      <a:pt x="54" y="22"/>
                    </a:lnTo>
                    <a:lnTo>
                      <a:pt x="54" y="28"/>
                    </a:lnTo>
                    <a:lnTo>
                      <a:pt x="61" y="38"/>
                    </a:lnTo>
                    <a:lnTo>
                      <a:pt x="63" y="38"/>
                    </a:lnTo>
                    <a:lnTo>
                      <a:pt x="64" y="40"/>
                    </a:lnTo>
                    <a:lnTo>
                      <a:pt x="66" y="42"/>
                    </a:lnTo>
                    <a:lnTo>
                      <a:pt x="66" y="44"/>
                    </a:lnTo>
                    <a:lnTo>
                      <a:pt x="66" y="45"/>
                    </a:lnTo>
                    <a:lnTo>
                      <a:pt x="63" y="49"/>
                    </a:lnTo>
                    <a:lnTo>
                      <a:pt x="58" y="52"/>
                    </a:lnTo>
                    <a:lnTo>
                      <a:pt x="56" y="52"/>
                    </a:lnTo>
                    <a:lnTo>
                      <a:pt x="54" y="52"/>
                    </a:lnTo>
                    <a:lnTo>
                      <a:pt x="49" y="54"/>
                    </a:lnTo>
                    <a:lnTo>
                      <a:pt x="44" y="55"/>
                    </a:lnTo>
                    <a:lnTo>
                      <a:pt x="37" y="59"/>
                    </a:lnTo>
                    <a:lnTo>
                      <a:pt x="32" y="62"/>
                    </a:lnTo>
                    <a:lnTo>
                      <a:pt x="27" y="67"/>
                    </a:lnTo>
                    <a:lnTo>
                      <a:pt x="24" y="76"/>
                    </a:lnTo>
                    <a:lnTo>
                      <a:pt x="22" y="76"/>
                    </a:lnTo>
                    <a:lnTo>
                      <a:pt x="22" y="74"/>
                    </a:lnTo>
                    <a:lnTo>
                      <a:pt x="19" y="74"/>
                    </a:lnTo>
                    <a:lnTo>
                      <a:pt x="15" y="71"/>
                    </a:lnTo>
                    <a:lnTo>
                      <a:pt x="14" y="69"/>
                    </a:lnTo>
                    <a:lnTo>
                      <a:pt x="10" y="66"/>
                    </a:lnTo>
                    <a:lnTo>
                      <a:pt x="10" y="60"/>
                    </a:lnTo>
                    <a:lnTo>
                      <a:pt x="9" y="54"/>
                    </a:lnTo>
                    <a:lnTo>
                      <a:pt x="9" y="52"/>
                    </a:lnTo>
                    <a:lnTo>
                      <a:pt x="10" y="50"/>
                    </a:lnTo>
                    <a:lnTo>
                      <a:pt x="10" y="49"/>
                    </a:lnTo>
                    <a:lnTo>
                      <a:pt x="9" y="47"/>
                    </a:lnTo>
                    <a:lnTo>
                      <a:pt x="9" y="44"/>
                    </a:lnTo>
                    <a:lnTo>
                      <a:pt x="7" y="40"/>
                    </a:lnTo>
                    <a:lnTo>
                      <a:pt x="4" y="37"/>
                    </a:lnTo>
                    <a:lnTo>
                      <a:pt x="4" y="35"/>
                    </a:lnTo>
                    <a:lnTo>
                      <a:pt x="2" y="33"/>
                    </a:lnTo>
                    <a:lnTo>
                      <a:pt x="2" y="32"/>
                    </a:lnTo>
                    <a:lnTo>
                      <a:pt x="0" y="30"/>
                    </a:lnTo>
                    <a:lnTo>
                      <a:pt x="0" y="28"/>
                    </a:lnTo>
                    <a:lnTo>
                      <a:pt x="2" y="25"/>
                    </a:lnTo>
                    <a:lnTo>
                      <a:pt x="4" y="25"/>
                    </a:lnTo>
                    <a:lnTo>
                      <a:pt x="7" y="23"/>
                    </a:lnTo>
                    <a:lnTo>
                      <a:pt x="9" y="25"/>
                    </a:lnTo>
                    <a:lnTo>
                      <a:pt x="10" y="25"/>
                    </a:lnTo>
                    <a:lnTo>
                      <a:pt x="10" y="23"/>
                    </a:lnTo>
                    <a:lnTo>
                      <a:pt x="12" y="22"/>
                    </a:lnTo>
                    <a:lnTo>
                      <a:pt x="12" y="16"/>
                    </a:lnTo>
                    <a:lnTo>
                      <a:pt x="12" y="10"/>
                    </a:lnTo>
                    <a:lnTo>
                      <a:pt x="12" y="8"/>
                    </a:lnTo>
                    <a:lnTo>
                      <a:pt x="10" y="6"/>
                    </a:lnTo>
                    <a:lnTo>
                      <a:pt x="10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3" name="Freeform 150"/>
              <p:cNvSpPr>
                <a:spLocks/>
              </p:cNvSpPr>
              <p:nvPr/>
            </p:nvSpPr>
            <p:spPr bwMode="auto">
              <a:xfrm>
                <a:off x="1505" y="3446"/>
                <a:ext cx="10" cy="10"/>
              </a:xfrm>
              <a:custGeom>
                <a:avLst/>
                <a:gdLst>
                  <a:gd name="T0" fmla="*/ 0 w 10"/>
                  <a:gd name="T1" fmla="*/ 0 h 10"/>
                  <a:gd name="T2" fmla="*/ 7 w 10"/>
                  <a:gd name="T3" fmla="*/ 0 h 10"/>
                  <a:gd name="T4" fmla="*/ 10 w 10"/>
                  <a:gd name="T5" fmla="*/ 6 h 10"/>
                  <a:gd name="T6" fmla="*/ 5 w 10"/>
                  <a:gd name="T7" fmla="*/ 10 h 10"/>
                  <a:gd name="T8" fmla="*/ 2 w 10"/>
                  <a:gd name="T9" fmla="*/ 8 h 10"/>
                  <a:gd name="T10" fmla="*/ 0 w 10"/>
                  <a:gd name="T11" fmla="*/ 0 h 10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10"/>
                  <a:gd name="T19" fmla="*/ 0 h 10"/>
                  <a:gd name="T20" fmla="*/ 10 w 10"/>
                  <a:gd name="T21" fmla="*/ 10 h 10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10" h="10">
                    <a:moveTo>
                      <a:pt x="0" y="0"/>
                    </a:moveTo>
                    <a:lnTo>
                      <a:pt x="7" y="0"/>
                    </a:lnTo>
                    <a:lnTo>
                      <a:pt x="10" y="6"/>
                    </a:lnTo>
                    <a:lnTo>
                      <a:pt x="5" y="10"/>
                    </a:lnTo>
                    <a:lnTo>
                      <a:pt x="2" y="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4" name="Freeform 151"/>
              <p:cNvSpPr>
                <a:spLocks/>
              </p:cNvSpPr>
              <p:nvPr/>
            </p:nvSpPr>
            <p:spPr bwMode="auto">
              <a:xfrm>
                <a:off x="1505" y="3446"/>
                <a:ext cx="10" cy="10"/>
              </a:xfrm>
              <a:custGeom>
                <a:avLst/>
                <a:gdLst>
                  <a:gd name="T0" fmla="*/ 0 w 10"/>
                  <a:gd name="T1" fmla="*/ 0 h 10"/>
                  <a:gd name="T2" fmla="*/ 7 w 10"/>
                  <a:gd name="T3" fmla="*/ 0 h 10"/>
                  <a:gd name="T4" fmla="*/ 10 w 10"/>
                  <a:gd name="T5" fmla="*/ 6 h 10"/>
                  <a:gd name="T6" fmla="*/ 5 w 10"/>
                  <a:gd name="T7" fmla="*/ 10 h 10"/>
                  <a:gd name="T8" fmla="*/ 2 w 10"/>
                  <a:gd name="T9" fmla="*/ 8 h 10"/>
                  <a:gd name="T10" fmla="*/ 0 w 10"/>
                  <a:gd name="T11" fmla="*/ 0 h 10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10"/>
                  <a:gd name="T19" fmla="*/ 0 h 10"/>
                  <a:gd name="T20" fmla="*/ 10 w 10"/>
                  <a:gd name="T21" fmla="*/ 10 h 10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10" h="10">
                    <a:moveTo>
                      <a:pt x="0" y="0"/>
                    </a:moveTo>
                    <a:lnTo>
                      <a:pt x="7" y="0"/>
                    </a:lnTo>
                    <a:lnTo>
                      <a:pt x="10" y="6"/>
                    </a:lnTo>
                    <a:lnTo>
                      <a:pt x="5" y="10"/>
                    </a:lnTo>
                    <a:lnTo>
                      <a:pt x="2" y="8"/>
                    </a:lnTo>
                    <a:lnTo>
                      <a:pt x="0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5" name="Freeform 152"/>
              <p:cNvSpPr>
                <a:spLocks/>
              </p:cNvSpPr>
              <p:nvPr/>
            </p:nvSpPr>
            <p:spPr bwMode="auto">
              <a:xfrm>
                <a:off x="1524" y="3463"/>
                <a:ext cx="6" cy="8"/>
              </a:xfrm>
              <a:custGeom>
                <a:avLst/>
                <a:gdLst>
                  <a:gd name="T0" fmla="*/ 0 w 6"/>
                  <a:gd name="T1" fmla="*/ 5 h 8"/>
                  <a:gd name="T2" fmla="*/ 0 w 6"/>
                  <a:gd name="T3" fmla="*/ 3 h 8"/>
                  <a:gd name="T4" fmla="*/ 0 w 6"/>
                  <a:gd name="T5" fmla="*/ 1 h 8"/>
                  <a:gd name="T6" fmla="*/ 1 w 6"/>
                  <a:gd name="T7" fmla="*/ 1 h 8"/>
                  <a:gd name="T8" fmla="*/ 3 w 6"/>
                  <a:gd name="T9" fmla="*/ 0 h 8"/>
                  <a:gd name="T10" fmla="*/ 5 w 6"/>
                  <a:gd name="T11" fmla="*/ 1 h 8"/>
                  <a:gd name="T12" fmla="*/ 6 w 6"/>
                  <a:gd name="T13" fmla="*/ 1 h 8"/>
                  <a:gd name="T14" fmla="*/ 6 w 6"/>
                  <a:gd name="T15" fmla="*/ 3 h 8"/>
                  <a:gd name="T16" fmla="*/ 6 w 6"/>
                  <a:gd name="T17" fmla="*/ 5 h 8"/>
                  <a:gd name="T18" fmla="*/ 6 w 6"/>
                  <a:gd name="T19" fmla="*/ 6 h 8"/>
                  <a:gd name="T20" fmla="*/ 6 w 6"/>
                  <a:gd name="T21" fmla="*/ 8 h 8"/>
                  <a:gd name="T22" fmla="*/ 5 w 6"/>
                  <a:gd name="T23" fmla="*/ 8 h 8"/>
                  <a:gd name="T24" fmla="*/ 3 w 6"/>
                  <a:gd name="T25" fmla="*/ 8 h 8"/>
                  <a:gd name="T26" fmla="*/ 1 w 6"/>
                  <a:gd name="T27" fmla="*/ 8 h 8"/>
                  <a:gd name="T28" fmla="*/ 0 w 6"/>
                  <a:gd name="T29" fmla="*/ 8 h 8"/>
                  <a:gd name="T30" fmla="*/ 0 w 6"/>
                  <a:gd name="T31" fmla="*/ 6 h 8"/>
                  <a:gd name="T32" fmla="*/ 0 w 6"/>
                  <a:gd name="T33" fmla="*/ 5 h 8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6"/>
                  <a:gd name="T52" fmla="*/ 0 h 8"/>
                  <a:gd name="T53" fmla="*/ 6 w 6"/>
                  <a:gd name="T54" fmla="*/ 8 h 8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6" h="8">
                    <a:moveTo>
                      <a:pt x="0" y="5"/>
                    </a:moveTo>
                    <a:lnTo>
                      <a:pt x="0" y="3"/>
                    </a:lnTo>
                    <a:lnTo>
                      <a:pt x="0" y="1"/>
                    </a:lnTo>
                    <a:lnTo>
                      <a:pt x="1" y="1"/>
                    </a:lnTo>
                    <a:lnTo>
                      <a:pt x="3" y="0"/>
                    </a:lnTo>
                    <a:lnTo>
                      <a:pt x="5" y="1"/>
                    </a:lnTo>
                    <a:lnTo>
                      <a:pt x="6" y="1"/>
                    </a:lnTo>
                    <a:lnTo>
                      <a:pt x="6" y="3"/>
                    </a:lnTo>
                    <a:lnTo>
                      <a:pt x="6" y="5"/>
                    </a:lnTo>
                    <a:lnTo>
                      <a:pt x="6" y="6"/>
                    </a:lnTo>
                    <a:lnTo>
                      <a:pt x="6" y="8"/>
                    </a:lnTo>
                    <a:lnTo>
                      <a:pt x="5" y="8"/>
                    </a:lnTo>
                    <a:lnTo>
                      <a:pt x="3" y="8"/>
                    </a:lnTo>
                    <a:lnTo>
                      <a:pt x="1" y="8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6" name="Freeform 153"/>
              <p:cNvSpPr>
                <a:spLocks/>
              </p:cNvSpPr>
              <p:nvPr/>
            </p:nvSpPr>
            <p:spPr bwMode="auto">
              <a:xfrm>
                <a:off x="1524" y="3463"/>
                <a:ext cx="6" cy="8"/>
              </a:xfrm>
              <a:custGeom>
                <a:avLst/>
                <a:gdLst>
                  <a:gd name="T0" fmla="*/ 0 w 6"/>
                  <a:gd name="T1" fmla="*/ 5 h 8"/>
                  <a:gd name="T2" fmla="*/ 0 w 6"/>
                  <a:gd name="T3" fmla="*/ 5 h 8"/>
                  <a:gd name="T4" fmla="*/ 0 w 6"/>
                  <a:gd name="T5" fmla="*/ 3 h 8"/>
                  <a:gd name="T6" fmla="*/ 0 w 6"/>
                  <a:gd name="T7" fmla="*/ 1 h 8"/>
                  <a:gd name="T8" fmla="*/ 1 w 6"/>
                  <a:gd name="T9" fmla="*/ 1 h 8"/>
                  <a:gd name="T10" fmla="*/ 3 w 6"/>
                  <a:gd name="T11" fmla="*/ 0 h 8"/>
                  <a:gd name="T12" fmla="*/ 3 w 6"/>
                  <a:gd name="T13" fmla="*/ 0 h 8"/>
                  <a:gd name="T14" fmla="*/ 5 w 6"/>
                  <a:gd name="T15" fmla="*/ 1 h 8"/>
                  <a:gd name="T16" fmla="*/ 6 w 6"/>
                  <a:gd name="T17" fmla="*/ 1 h 8"/>
                  <a:gd name="T18" fmla="*/ 6 w 6"/>
                  <a:gd name="T19" fmla="*/ 3 h 8"/>
                  <a:gd name="T20" fmla="*/ 6 w 6"/>
                  <a:gd name="T21" fmla="*/ 5 h 8"/>
                  <a:gd name="T22" fmla="*/ 6 w 6"/>
                  <a:gd name="T23" fmla="*/ 5 h 8"/>
                  <a:gd name="T24" fmla="*/ 6 w 6"/>
                  <a:gd name="T25" fmla="*/ 6 h 8"/>
                  <a:gd name="T26" fmla="*/ 6 w 6"/>
                  <a:gd name="T27" fmla="*/ 8 h 8"/>
                  <a:gd name="T28" fmla="*/ 5 w 6"/>
                  <a:gd name="T29" fmla="*/ 8 h 8"/>
                  <a:gd name="T30" fmla="*/ 3 w 6"/>
                  <a:gd name="T31" fmla="*/ 8 h 8"/>
                  <a:gd name="T32" fmla="*/ 3 w 6"/>
                  <a:gd name="T33" fmla="*/ 8 h 8"/>
                  <a:gd name="T34" fmla="*/ 1 w 6"/>
                  <a:gd name="T35" fmla="*/ 8 h 8"/>
                  <a:gd name="T36" fmla="*/ 0 w 6"/>
                  <a:gd name="T37" fmla="*/ 8 h 8"/>
                  <a:gd name="T38" fmla="*/ 0 w 6"/>
                  <a:gd name="T39" fmla="*/ 6 h 8"/>
                  <a:gd name="T40" fmla="*/ 0 w 6"/>
                  <a:gd name="T41" fmla="*/ 5 h 8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6"/>
                  <a:gd name="T64" fmla="*/ 0 h 8"/>
                  <a:gd name="T65" fmla="*/ 6 w 6"/>
                  <a:gd name="T66" fmla="*/ 8 h 8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6" h="8">
                    <a:moveTo>
                      <a:pt x="0" y="5"/>
                    </a:moveTo>
                    <a:lnTo>
                      <a:pt x="0" y="5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1" y="1"/>
                    </a:lnTo>
                    <a:lnTo>
                      <a:pt x="3" y="0"/>
                    </a:lnTo>
                    <a:lnTo>
                      <a:pt x="5" y="1"/>
                    </a:lnTo>
                    <a:lnTo>
                      <a:pt x="6" y="1"/>
                    </a:lnTo>
                    <a:lnTo>
                      <a:pt x="6" y="3"/>
                    </a:lnTo>
                    <a:lnTo>
                      <a:pt x="6" y="5"/>
                    </a:lnTo>
                    <a:lnTo>
                      <a:pt x="6" y="6"/>
                    </a:lnTo>
                    <a:lnTo>
                      <a:pt x="6" y="8"/>
                    </a:lnTo>
                    <a:lnTo>
                      <a:pt x="5" y="8"/>
                    </a:lnTo>
                    <a:lnTo>
                      <a:pt x="3" y="8"/>
                    </a:lnTo>
                    <a:lnTo>
                      <a:pt x="1" y="8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7" name="Freeform 154"/>
              <p:cNvSpPr>
                <a:spLocks/>
              </p:cNvSpPr>
              <p:nvPr/>
            </p:nvSpPr>
            <p:spPr bwMode="auto">
              <a:xfrm>
                <a:off x="1338" y="3388"/>
                <a:ext cx="11" cy="9"/>
              </a:xfrm>
              <a:custGeom>
                <a:avLst/>
                <a:gdLst>
                  <a:gd name="T0" fmla="*/ 0 w 11"/>
                  <a:gd name="T1" fmla="*/ 4 h 9"/>
                  <a:gd name="T2" fmla="*/ 0 w 11"/>
                  <a:gd name="T3" fmla="*/ 2 h 9"/>
                  <a:gd name="T4" fmla="*/ 1 w 11"/>
                  <a:gd name="T5" fmla="*/ 2 h 9"/>
                  <a:gd name="T6" fmla="*/ 3 w 11"/>
                  <a:gd name="T7" fmla="*/ 0 h 9"/>
                  <a:gd name="T8" fmla="*/ 6 w 11"/>
                  <a:gd name="T9" fmla="*/ 0 h 9"/>
                  <a:gd name="T10" fmla="*/ 8 w 11"/>
                  <a:gd name="T11" fmla="*/ 0 h 9"/>
                  <a:gd name="T12" fmla="*/ 10 w 11"/>
                  <a:gd name="T13" fmla="*/ 2 h 9"/>
                  <a:gd name="T14" fmla="*/ 11 w 11"/>
                  <a:gd name="T15" fmla="*/ 2 h 9"/>
                  <a:gd name="T16" fmla="*/ 11 w 11"/>
                  <a:gd name="T17" fmla="*/ 4 h 9"/>
                  <a:gd name="T18" fmla="*/ 11 w 11"/>
                  <a:gd name="T19" fmla="*/ 5 h 9"/>
                  <a:gd name="T20" fmla="*/ 10 w 11"/>
                  <a:gd name="T21" fmla="*/ 7 h 9"/>
                  <a:gd name="T22" fmla="*/ 8 w 11"/>
                  <a:gd name="T23" fmla="*/ 9 h 9"/>
                  <a:gd name="T24" fmla="*/ 6 w 11"/>
                  <a:gd name="T25" fmla="*/ 9 h 9"/>
                  <a:gd name="T26" fmla="*/ 3 w 11"/>
                  <a:gd name="T27" fmla="*/ 9 h 9"/>
                  <a:gd name="T28" fmla="*/ 1 w 11"/>
                  <a:gd name="T29" fmla="*/ 7 h 9"/>
                  <a:gd name="T30" fmla="*/ 0 w 11"/>
                  <a:gd name="T31" fmla="*/ 5 h 9"/>
                  <a:gd name="T32" fmla="*/ 0 w 11"/>
                  <a:gd name="T33" fmla="*/ 4 h 9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1"/>
                  <a:gd name="T52" fmla="*/ 0 h 9"/>
                  <a:gd name="T53" fmla="*/ 11 w 11"/>
                  <a:gd name="T54" fmla="*/ 9 h 9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1" h="9">
                    <a:moveTo>
                      <a:pt x="0" y="4"/>
                    </a:moveTo>
                    <a:lnTo>
                      <a:pt x="0" y="2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0" y="2"/>
                    </a:lnTo>
                    <a:lnTo>
                      <a:pt x="11" y="2"/>
                    </a:lnTo>
                    <a:lnTo>
                      <a:pt x="11" y="4"/>
                    </a:lnTo>
                    <a:lnTo>
                      <a:pt x="11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3" y="9"/>
                    </a:lnTo>
                    <a:lnTo>
                      <a:pt x="1" y="7"/>
                    </a:lnTo>
                    <a:lnTo>
                      <a:pt x="0" y="5"/>
                    </a:lnTo>
                    <a:lnTo>
                      <a:pt x="0" y="4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8" name="Freeform 155"/>
              <p:cNvSpPr>
                <a:spLocks/>
              </p:cNvSpPr>
              <p:nvPr/>
            </p:nvSpPr>
            <p:spPr bwMode="auto">
              <a:xfrm>
                <a:off x="1338" y="3388"/>
                <a:ext cx="11" cy="9"/>
              </a:xfrm>
              <a:custGeom>
                <a:avLst/>
                <a:gdLst>
                  <a:gd name="T0" fmla="*/ 0 w 11"/>
                  <a:gd name="T1" fmla="*/ 4 h 9"/>
                  <a:gd name="T2" fmla="*/ 0 w 11"/>
                  <a:gd name="T3" fmla="*/ 4 h 9"/>
                  <a:gd name="T4" fmla="*/ 0 w 11"/>
                  <a:gd name="T5" fmla="*/ 2 h 9"/>
                  <a:gd name="T6" fmla="*/ 1 w 11"/>
                  <a:gd name="T7" fmla="*/ 2 h 9"/>
                  <a:gd name="T8" fmla="*/ 3 w 11"/>
                  <a:gd name="T9" fmla="*/ 0 h 9"/>
                  <a:gd name="T10" fmla="*/ 6 w 11"/>
                  <a:gd name="T11" fmla="*/ 0 h 9"/>
                  <a:gd name="T12" fmla="*/ 6 w 11"/>
                  <a:gd name="T13" fmla="*/ 0 h 9"/>
                  <a:gd name="T14" fmla="*/ 8 w 11"/>
                  <a:gd name="T15" fmla="*/ 0 h 9"/>
                  <a:gd name="T16" fmla="*/ 10 w 11"/>
                  <a:gd name="T17" fmla="*/ 2 h 9"/>
                  <a:gd name="T18" fmla="*/ 11 w 11"/>
                  <a:gd name="T19" fmla="*/ 2 h 9"/>
                  <a:gd name="T20" fmla="*/ 11 w 11"/>
                  <a:gd name="T21" fmla="*/ 4 h 9"/>
                  <a:gd name="T22" fmla="*/ 11 w 11"/>
                  <a:gd name="T23" fmla="*/ 4 h 9"/>
                  <a:gd name="T24" fmla="*/ 11 w 11"/>
                  <a:gd name="T25" fmla="*/ 5 h 9"/>
                  <a:gd name="T26" fmla="*/ 10 w 11"/>
                  <a:gd name="T27" fmla="*/ 7 h 9"/>
                  <a:gd name="T28" fmla="*/ 8 w 11"/>
                  <a:gd name="T29" fmla="*/ 9 h 9"/>
                  <a:gd name="T30" fmla="*/ 6 w 11"/>
                  <a:gd name="T31" fmla="*/ 9 h 9"/>
                  <a:gd name="T32" fmla="*/ 6 w 11"/>
                  <a:gd name="T33" fmla="*/ 9 h 9"/>
                  <a:gd name="T34" fmla="*/ 3 w 11"/>
                  <a:gd name="T35" fmla="*/ 9 h 9"/>
                  <a:gd name="T36" fmla="*/ 1 w 11"/>
                  <a:gd name="T37" fmla="*/ 7 h 9"/>
                  <a:gd name="T38" fmla="*/ 0 w 11"/>
                  <a:gd name="T39" fmla="*/ 5 h 9"/>
                  <a:gd name="T40" fmla="*/ 0 w 11"/>
                  <a:gd name="T41" fmla="*/ 4 h 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1"/>
                  <a:gd name="T64" fmla="*/ 0 h 9"/>
                  <a:gd name="T65" fmla="*/ 11 w 11"/>
                  <a:gd name="T66" fmla="*/ 9 h 9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1" h="9">
                    <a:moveTo>
                      <a:pt x="0" y="4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0" y="2"/>
                    </a:lnTo>
                    <a:lnTo>
                      <a:pt x="11" y="2"/>
                    </a:lnTo>
                    <a:lnTo>
                      <a:pt x="11" y="4"/>
                    </a:lnTo>
                    <a:lnTo>
                      <a:pt x="11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3" y="9"/>
                    </a:lnTo>
                    <a:lnTo>
                      <a:pt x="1" y="7"/>
                    </a:lnTo>
                    <a:lnTo>
                      <a:pt x="0" y="5"/>
                    </a:lnTo>
                    <a:lnTo>
                      <a:pt x="0" y="4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48" name="Freeform 156"/>
            <p:cNvSpPr>
              <a:spLocks/>
            </p:cNvSpPr>
            <p:nvPr/>
          </p:nvSpPr>
          <p:spPr bwMode="auto">
            <a:xfrm>
              <a:off x="1022" y="1847"/>
              <a:ext cx="537" cy="677"/>
            </a:xfrm>
            <a:custGeom>
              <a:avLst/>
              <a:gdLst>
                <a:gd name="T0" fmla="*/ 331 w 552"/>
                <a:gd name="T1" fmla="*/ 464 h 697"/>
                <a:gd name="T2" fmla="*/ 376 w 552"/>
                <a:gd name="T3" fmla="*/ 130 h 697"/>
                <a:gd name="T4" fmla="*/ 253 w 552"/>
                <a:gd name="T5" fmla="*/ 111 h 697"/>
                <a:gd name="T6" fmla="*/ 265 w 552"/>
                <a:gd name="T7" fmla="*/ 35 h 697"/>
                <a:gd name="T8" fmla="*/ 81 w 552"/>
                <a:gd name="T9" fmla="*/ 0 h 697"/>
                <a:gd name="T10" fmla="*/ 81 w 552"/>
                <a:gd name="T11" fmla="*/ 0 h 697"/>
                <a:gd name="T12" fmla="*/ 0 w 552"/>
                <a:gd name="T13" fmla="*/ 410 h 697"/>
                <a:gd name="T14" fmla="*/ 331 w 552"/>
                <a:gd name="T15" fmla="*/ 464 h 697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w 552"/>
                <a:gd name="T25" fmla="*/ 0 h 697"/>
                <a:gd name="T26" fmla="*/ 552 w 552"/>
                <a:gd name="T27" fmla="*/ 697 h 697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T24" t="T25" r="T26" b="T27"/>
              <a:pathLst>
                <a:path w="552" h="697">
                  <a:moveTo>
                    <a:pt x="486" y="697"/>
                  </a:moveTo>
                  <a:lnTo>
                    <a:pt x="552" y="195"/>
                  </a:lnTo>
                  <a:lnTo>
                    <a:pt x="372" y="166"/>
                  </a:lnTo>
                  <a:lnTo>
                    <a:pt x="389" y="49"/>
                  </a:lnTo>
                  <a:lnTo>
                    <a:pt x="118" y="0"/>
                  </a:lnTo>
                  <a:lnTo>
                    <a:pt x="0" y="616"/>
                  </a:lnTo>
                  <a:lnTo>
                    <a:pt x="486" y="697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49" name="Freeform 157"/>
            <p:cNvSpPr>
              <a:spLocks/>
            </p:cNvSpPr>
            <p:nvPr/>
          </p:nvSpPr>
          <p:spPr bwMode="auto">
            <a:xfrm>
              <a:off x="2159" y="2220"/>
              <a:ext cx="708" cy="381"/>
            </a:xfrm>
            <a:custGeom>
              <a:avLst/>
              <a:gdLst>
                <a:gd name="T0" fmla="*/ 18 w 728"/>
                <a:gd name="T1" fmla="*/ 0 h 393"/>
                <a:gd name="T2" fmla="*/ 35 w 728"/>
                <a:gd name="T3" fmla="*/ 4 h 393"/>
                <a:gd name="T4" fmla="*/ 53 w 728"/>
                <a:gd name="T5" fmla="*/ 5 h 393"/>
                <a:gd name="T6" fmla="*/ 81 w 728"/>
                <a:gd name="T7" fmla="*/ 9 h 393"/>
                <a:gd name="T8" fmla="*/ 112 w 728"/>
                <a:gd name="T9" fmla="*/ 11 h 393"/>
                <a:gd name="T10" fmla="*/ 144 w 728"/>
                <a:gd name="T11" fmla="*/ 12 h 393"/>
                <a:gd name="T12" fmla="*/ 180 w 728"/>
                <a:gd name="T13" fmla="*/ 12 h 393"/>
                <a:gd name="T14" fmla="*/ 216 w 728"/>
                <a:gd name="T15" fmla="*/ 14 h 393"/>
                <a:gd name="T16" fmla="*/ 253 w 728"/>
                <a:gd name="T17" fmla="*/ 14 h 393"/>
                <a:gd name="T18" fmla="*/ 290 w 728"/>
                <a:gd name="T19" fmla="*/ 16 h 393"/>
                <a:gd name="T20" fmla="*/ 324 w 728"/>
                <a:gd name="T21" fmla="*/ 16 h 393"/>
                <a:gd name="T22" fmla="*/ 355 w 728"/>
                <a:gd name="T23" fmla="*/ 16 h 393"/>
                <a:gd name="T24" fmla="*/ 383 w 728"/>
                <a:gd name="T25" fmla="*/ 16 h 393"/>
                <a:gd name="T26" fmla="*/ 407 w 728"/>
                <a:gd name="T27" fmla="*/ 16 h 393"/>
                <a:gd name="T28" fmla="*/ 426 w 728"/>
                <a:gd name="T29" fmla="*/ 16 h 393"/>
                <a:gd name="T30" fmla="*/ 437 w 728"/>
                <a:gd name="T31" fmla="*/ 16 h 393"/>
                <a:gd name="T32" fmla="*/ 442 w 728"/>
                <a:gd name="T33" fmla="*/ 16 h 393"/>
                <a:gd name="T34" fmla="*/ 448 w 728"/>
                <a:gd name="T35" fmla="*/ 16 h 393"/>
                <a:gd name="T36" fmla="*/ 464 w 728"/>
                <a:gd name="T37" fmla="*/ 17 h 393"/>
                <a:gd name="T38" fmla="*/ 465 w 728"/>
                <a:gd name="T39" fmla="*/ 19 h 393"/>
                <a:gd name="T40" fmla="*/ 469 w 728"/>
                <a:gd name="T41" fmla="*/ 22 h 393"/>
                <a:gd name="T42" fmla="*/ 472 w 728"/>
                <a:gd name="T43" fmla="*/ 27 h 393"/>
                <a:gd name="T44" fmla="*/ 469 w 728"/>
                <a:gd name="T45" fmla="*/ 36 h 393"/>
                <a:gd name="T46" fmla="*/ 459 w 728"/>
                <a:gd name="T47" fmla="*/ 50 h 393"/>
                <a:gd name="T48" fmla="*/ 471 w 728"/>
                <a:gd name="T49" fmla="*/ 62 h 393"/>
                <a:gd name="T50" fmla="*/ 480 w 728"/>
                <a:gd name="T51" fmla="*/ 78 h 393"/>
                <a:gd name="T52" fmla="*/ 494 w 728"/>
                <a:gd name="T53" fmla="*/ 254 h 393"/>
                <a:gd name="T54" fmla="*/ 488 w 728"/>
                <a:gd name="T55" fmla="*/ 254 h 393"/>
                <a:gd name="T56" fmla="*/ 477 w 728"/>
                <a:gd name="T57" fmla="*/ 254 h 393"/>
                <a:gd name="T58" fmla="*/ 455 w 728"/>
                <a:gd name="T59" fmla="*/ 254 h 393"/>
                <a:gd name="T60" fmla="*/ 430 w 728"/>
                <a:gd name="T61" fmla="*/ 254 h 393"/>
                <a:gd name="T62" fmla="*/ 398 w 728"/>
                <a:gd name="T63" fmla="*/ 254 h 393"/>
                <a:gd name="T64" fmla="*/ 362 w 728"/>
                <a:gd name="T65" fmla="*/ 254 h 393"/>
                <a:gd name="T66" fmla="*/ 324 w 728"/>
                <a:gd name="T67" fmla="*/ 253 h 393"/>
                <a:gd name="T68" fmla="*/ 284 w 728"/>
                <a:gd name="T69" fmla="*/ 253 h 393"/>
                <a:gd name="T70" fmla="*/ 241 w 728"/>
                <a:gd name="T71" fmla="*/ 252 h 393"/>
                <a:gd name="T72" fmla="*/ 200 w 728"/>
                <a:gd name="T73" fmla="*/ 252 h 393"/>
                <a:gd name="T74" fmla="*/ 159 w 728"/>
                <a:gd name="T75" fmla="*/ 252 h 393"/>
                <a:gd name="T76" fmla="*/ 118 w 728"/>
                <a:gd name="T77" fmla="*/ 251 h 393"/>
                <a:gd name="T78" fmla="*/ 82 w 728"/>
                <a:gd name="T79" fmla="*/ 250 h 393"/>
                <a:gd name="T80" fmla="*/ 49 w 728"/>
                <a:gd name="T81" fmla="*/ 248 h 393"/>
                <a:gd name="T82" fmla="*/ 18 w 728"/>
                <a:gd name="T83" fmla="*/ 246 h 393"/>
                <a:gd name="T84" fmla="*/ 0 w 728"/>
                <a:gd name="T85" fmla="*/ 245 h 393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728"/>
                <a:gd name="T130" fmla="*/ 0 h 393"/>
                <a:gd name="T131" fmla="*/ 728 w 728"/>
                <a:gd name="T132" fmla="*/ 393 h 393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728" h="393">
                  <a:moveTo>
                    <a:pt x="0" y="379"/>
                  </a:moveTo>
                  <a:lnTo>
                    <a:pt x="27" y="0"/>
                  </a:lnTo>
                  <a:lnTo>
                    <a:pt x="38" y="2"/>
                  </a:lnTo>
                  <a:lnTo>
                    <a:pt x="49" y="4"/>
                  </a:lnTo>
                  <a:lnTo>
                    <a:pt x="65" y="5"/>
                  </a:lnTo>
                  <a:lnTo>
                    <a:pt x="80" y="5"/>
                  </a:lnTo>
                  <a:lnTo>
                    <a:pt x="98" y="7"/>
                  </a:lnTo>
                  <a:lnTo>
                    <a:pt x="119" y="9"/>
                  </a:lnTo>
                  <a:lnTo>
                    <a:pt x="139" y="9"/>
                  </a:lnTo>
                  <a:lnTo>
                    <a:pt x="163" y="11"/>
                  </a:lnTo>
                  <a:lnTo>
                    <a:pt x="186" y="11"/>
                  </a:lnTo>
                  <a:lnTo>
                    <a:pt x="212" y="12"/>
                  </a:lnTo>
                  <a:lnTo>
                    <a:pt x="237" y="12"/>
                  </a:lnTo>
                  <a:lnTo>
                    <a:pt x="264" y="12"/>
                  </a:lnTo>
                  <a:lnTo>
                    <a:pt x="291" y="14"/>
                  </a:lnTo>
                  <a:lnTo>
                    <a:pt x="318" y="14"/>
                  </a:lnTo>
                  <a:lnTo>
                    <a:pt x="346" y="14"/>
                  </a:lnTo>
                  <a:lnTo>
                    <a:pt x="373" y="14"/>
                  </a:lnTo>
                  <a:lnTo>
                    <a:pt x="400" y="16"/>
                  </a:lnTo>
                  <a:lnTo>
                    <a:pt x="427" y="16"/>
                  </a:lnTo>
                  <a:lnTo>
                    <a:pt x="452" y="16"/>
                  </a:lnTo>
                  <a:lnTo>
                    <a:pt x="478" y="16"/>
                  </a:lnTo>
                  <a:lnTo>
                    <a:pt x="501" y="16"/>
                  </a:lnTo>
                  <a:lnTo>
                    <a:pt x="525" y="16"/>
                  </a:lnTo>
                  <a:lnTo>
                    <a:pt x="545" y="17"/>
                  </a:lnTo>
                  <a:lnTo>
                    <a:pt x="566" y="17"/>
                  </a:lnTo>
                  <a:lnTo>
                    <a:pt x="584" y="17"/>
                  </a:lnTo>
                  <a:lnTo>
                    <a:pt x="601" y="17"/>
                  </a:lnTo>
                  <a:lnTo>
                    <a:pt x="616" y="17"/>
                  </a:lnTo>
                  <a:lnTo>
                    <a:pt x="628" y="17"/>
                  </a:lnTo>
                  <a:lnTo>
                    <a:pt x="638" y="17"/>
                  </a:lnTo>
                  <a:lnTo>
                    <a:pt x="645" y="17"/>
                  </a:lnTo>
                  <a:lnTo>
                    <a:pt x="650" y="17"/>
                  </a:lnTo>
                  <a:lnTo>
                    <a:pt x="652" y="17"/>
                  </a:lnTo>
                  <a:lnTo>
                    <a:pt x="650" y="16"/>
                  </a:lnTo>
                  <a:lnTo>
                    <a:pt x="662" y="22"/>
                  </a:lnTo>
                  <a:lnTo>
                    <a:pt x="674" y="33"/>
                  </a:lnTo>
                  <a:lnTo>
                    <a:pt x="684" y="31"/>
                  </a:lnTo>
                  <a:lnTo>
                    <a:pt x="686" y="33"/>
                  </a:lnTo>
                  <a:lnTo>
                    <a:pt x="687" y="33"/>
                  </a:lnTo>
                  <a:lnTo>
                    <a:pt x="691" y="34"/>
                  </a:lnTo>
                  <a:lnTo>
                    <a:pt x="694" y="36"/>
                  </a:lnTo>
                  <a:lnTo>
                    <a:pt x="696" y="38"/>
                  </a:lnTo>
                  <a:lnTo>
                    <a:pt x="698" y="41"/>
                  </a:lnTo>
                  <a:lnTo>
                    <a:pt x="696" y="46"/>
                  </a:lnTo>
                  <a:lnTo>
                    <a:pt x="692" y="51"/>
                  </a:lnTo>
                  <a:lnTo>
                    <a:pt x="679" y="70"/>
                  </a:lnTo>
                  <a:lnTo>
                    <a:pt x="679" y="78"/>
                  </a:lnTo>
                  <a:lnTo>
                    <a:pt x="692" y="88"/>
                  </a:lnTo>
                  <a:lnTo>
                    <a:pt x="696" y="95"/>
                  </a:lnTo>
                  <a:lnTo>
                    <a:pt x="698" y="107"/>
                  </a:lnTo>
                  <a:lnTo>
                    <a:pt x="709" y="121"/>
                  </a:lnTo>
                  <a:lnTo>
                    <a:pt x="726" y="121"/>
                  </a:lnTo>
                  <a:lnTo>
                    <a:pt x="728" y="393"/>
                  </a:lnTo>
                  <a:lnTo>
                    <a:pt x="726" y="393"/>
                  </a:lnTo>
                  <a:lnTo>
                    <a:pt x="721" y="393"/>
                  </a:lnTo>
                  <a:lnTo>
                    <a:pt x="713" y="393"/>
                  </a:lnTo>
                  <a:lnTo>
                    <a:pt x="703" y="393"/>
                  </a:lnTo>
                  <a:lnTo>
                    <a:pt x="689" y="393"/>
                  </a:lnTo>
                  <a:lnTo>
                    <a:pt x="672" y="393"/>
                  </a:lnTo>
                  <a:lnTo>
                    <a:pt x="654" y="393"/>
                  </a:lnTo>
                  <a:lnTo>
                    <a:pt x="635" y="393"/>
                  </a:lnTo>
                  <a:lnTo>
                    <a:pt x="611" y="393"/>
                  </a:lnTo>
                  <a:lnTo>
                    <a:pt x="588" y="393"/>
                  </a:lnTo>
                  <a:lnTo>
                    <a:pt x="562" y="393"/>
                  </a:lnTo>
                  <a:lnTo>
                    <a:pt x="535" y="393"/>
                  </a:lnTo>
                  <a:lnTo>
                    <a:pt x="508" y="393"/>
                  </a:lnTo>
                  <a:lnTo>
                    <a:pt x="478" y="391"/>
                  </a:lnTo>
                  <a:lnTo>
                    <a:pt x="449" y="391"/>
                  </a:lnTo>
                  <a:lnTo>
                    <a:pt x="418" y="391"/>
                  </a:lnTo>
                  <a:lnTo>
                    <a:pt x="388" y="391"/>
                  </a:lnTo>
                  <a:lnTo>
                    <a:pt x="356" y="390"/>
                  </a:lnTo>
                  <a:lnTo>
                    <a:pt x="325" y="390"/>
                  </a:lnTo>
                  <a:lnTo>
                    <a:pt x="295" y="390"/>
                  </a:lnTo>
                  <a:lnTo>
                    <a:pt x="263" y="388"/>
                  </a:lnTo>
                  <a:lnTo>
                    <a:pt x="234" y="388"/>
                  </a:lnTo>
                  <a:lnTo>
                    <a:pt x="203" y="388"/>
                  </a:lnTo>
                  <a:lnTo>
                    <a:pt x="175" y="386"/>
                  </a:lnTo>
                  <a:lnTo>
                    <a:pt x="148" y="386"/>
                  </a:lnTo>
                  <a:lnTo>
                    <a:pt x="120" y="385"/>
                  </a:lnTo>
                  <a:lnTo>
                    <a:pt x="97" y="385"/>
                  </a:lnTo>
                  <a:lnTo>
                    <a:pt x="73" y="383"/>
                  </a:lnTo>
                  <a:lnTo>
                    <a:pt x="51" y="383"/>
                  </a:lnTo>
                  <a:lnTo>
                    <a:pt x="32" y="381"/>
                  </a:lnTo>
                  <a:lnTo>
                    <a:pt x="16" y="379"/>
                  </a:lnTo>
                  <a:lnTo>
                    <a:pt x="0" y="37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0" name="Freeform 158"/>
            <p:cNvSpPr>
              <a:spLocks/>
            </p:cNvSpPr>
            <p:nvPr/>
          </p:nvSpPr>
          <p:spPr bwMode="auto">
            <a:xfrm>
              <a:off x="2637" y="1100"/>
              <a:ext cx="623" cy="709"/>
            </a:xfrm>
            <a:custGeom>
              <a:avLst/>
              <a:gdLst>
                <a:gd name="T0" fmla="*/ 349 w 641"/>
                <a:gd name="T1" fmla="*/ 443 h 731"/>
                <a:gd name="T2" fmla="*/ 322 w 641"/>
                <a:gd name="T3" fmla="*/ 421 h 731"/>
                <a:gd name="T4" fmla="*/ 286 w 641"/>
                <a:gd name="T5" fmla="*/ 391 h 731"/>
                <a:gd name="T6" fmla="*/ 283 w 641"/>
                <a:gd name="T7" fmla="*/ 385 h 731"/>
                <a:gd name="T8" fmla="*/ 267 w 641"/>
                <a:gd name="T9" fmla="*/ 382 h 731"/>
                <a:gd name="T10" fmla="*/ 259 w 641"/>
                <a:gd name="T11" fmla="*/ 362 h 731"/>
                <a:gd name="T12" fmla="*/ 257 w 641"/>
                <a:gd name="T13" fmla="*/ 346 h 731"/>
                <a:gd name="T14" fmla="*/ 258 w 641"/>
                <a:gd name="T15" fmla="*/ 321 h 731"/>
                <a:gd name="T16" fmla="*/ 247 w 641"/>
                <a:gd name="T17" fmla="*/ 291 h 731"/>
                <a:gd name="T18" fmla="*/ 251 w 641"/>
                <a:gd name="T19" fmla="*/ 288 h 731"/>
                <a:gd name="T20" fmla="*/ 267 w 641"/>
                <a:gd name="T21" fmla="*/ 271 h 731"/>
                <a:gd name="T22" fmla="*/ 279 w 641"/>
                <a:gd name="T23" fmla="*/ 216 h 731"/>
                <a:gd name="T24" fmla="*/ 284 w 641"/>
                <a:gd name="T25" fmla="*/ 209 h 731"/>
                <a:gd name="T26" fmla="*/ 307 w 641"/>
                <a:gd name="T27" fmla="*/ 191 h 731"/>
                <a:gd name="T28" fmla="*/ 333 w 641"/>
                <a:gd name="T29" fmla="*/ 167 h 731"/>
                <a:gd name="T30" fmla="*/ 347 w 641"/>
                <a:gd name="T31" fmla="*/ 149 h 731"/>
                <a:gd name="T32" fmla="*/ 361 w 641"/>
                <a:gd name="T33" fmla="*/ 135 h 731"/>
                <a:gd name="T34" fmla="*/ 379 w 641"/>
                <a:gd name="T35" fmla="*/ 124 h 731"/>
                <a:gd name="T36" fmla="*/ 398 w 641"/>
                <a:gd name="T37" fmla="*/ 118 h 731"/>
                <a:gd name="T38" fmla="*/ 418 w 641"/>
                <a:gd name="T39" fmla="*/ 107 h 731"/>
                <a:gd name="T40" fmla="*/ 430 w 641"/>
                <a:gd name="T41" fmla="*/ 99 h 731"/>
                <a:gd name="T42" fmla="*/ 429 w 641"/>
                <a:gd name="T43" fmla="*/ 98 h 731"/>
                <a:gd name="T44" fmla="*/ 406 w 641"/>
                <a:gd name="T45" fmla="*/ 101 h 731"/>
                <a:gd name="T46" fmla="*/ 355 w 641"/>
                <a:gd name="T47" fmla="*/ 95 h 731"/>
                <a:gd name="T48" fmla="*/ 352 w 641"/>
                <a:gd name="T49" fmla="*/ 85 h 731"/>
                <a:gd name="T50" fmla="*/ 332 w 641"/>
                <a:gd name="T51" fmla="*/ 98 h 731"/>
                <a:gd name="T52" fmla="*/ 310 w 641"/>
                <a:gd name="T53" fmla="*/ 98 h 731"/>
                <a:gd name="T54" fmla="*/ 302 w 641"/>
                <a:gd name="T55" fmla="*/ 89 h 731"/>
                <a:gd name="T56" fmla="*/ 294 w 641"/>
                <a:gd name="T57" fmla="*/ 87 h 731"/>
                <a:gd name="T58" fmla="*/ 287 w 641"/>
                <a:gd name="T59" fmla="*/ 79 h 731"/>
                <a:gd name="T60" fmla="*/ 272 w 641"/>
                <a:gd name="T61" fmla="*/ 86 h 731"/>
                <a:gd name="T62" fmla="*/ 263 w 641"/>
                <a:gd name="T63" fmla="*/ 76 h 731"/>
                <a:gd name="T64" fmla="*/ 253 w 641"/>
                <a:gd name="T65" fmla="*/ 66 h 731"/>
                <a:gd name="T66" fmla="*/ 255 w 641"/>
                <a:gd name="T67" fmla="*/ 65 h 731"/>
                <a:gd name="T68" fmla="*/ 233 w 641"/>
                <a:gd name="T69" fmla="*/ 61 h 731"/>
                <a:gd name="T70" fmla="*/ 212 w 641"/>
                <a:gd name="T71" fmla="*/ 59 h 731"/>
                <a:gd name="T72" fmla="*/ 191 w 641"/>
                <a:gd name="T73" fmla="*/ 69 h 731"/>
                <a:gd name="T74" fmla="*/ 160 w 641"/>
                <a:gd name="T75" fmla="*/ 55 h 731"/>
                <a:gd name="T76" fmla="*/ 140 w 641"/>
                <a:gd name="T77" fmla="*/ 47 h 731"/>
                <a:gd name="T78" fmla="*/ 114 w 641"/>
                <a:gd name="T79" fmla="*/ 23 h 731"/>
                <a:gd name="T80" fmla="*/ 7 w 641"/>
                <a:gd name="T81" fmla="*/ 58 h 731"/>
                <a:gd name="T82" fmla="*/ 5 w 641"/>
                <a:gd name="T83" fmla="*/ 86 h 731"/>
                <a:gd name="T84" fmla="*/ 14 w 641"/>
                <a:gd name="T85" fmla="*/ 121 h 731"/>
                <a:gd name="T86" fmla="*/ 17 w 641"/>
                <a:gd name="T87" fmla="*/ 141 h 731"/>
                <a:gd name="T88" fmla="*/ 17 w 641"/>
                <a:gd name="T89" fmla="*/ 172 h 731"/>
                <a:gd name="T90" fmla="*/ 17 w 641"/>
                <a:gd name="T91" fmla="*/ 193 h 731"/>
                <a:gd name="T92" fmla="*/ 39 w 641"/>
                <a:gd name="T93" fmla="*/ 279 h 731"/>
                <a:gd name="T94" fmla="*/ 17 w 641"/>
                <a:gd name="T95" fmla="*/ 304 h 731"/>
                <a:gd name="T96" fmla="*/ 25 w 641"/>
                <a:gd name="T97" fmla="*/ 316 h 731"/>
                <a:gd name="T98" fmla="*/ 44 w 641"/>
                <a:gd name="T99" fmla="*/ 328 h 731"/>
                <a:gd name="T100" fmla="*/ 44 w 641"/>
                <a:gd name="T101" fmla="*/ 376 h 731"/>
                <a:gd name="T102" fmla="*/ 43 w 641"/>
                <a:gd name="T103" fmla="*/ 454 h 731"/>
                <a:gd name="T104" fmla="*/ 45 w 641"/>
                <a:gd name="T105" fmla="*/ 476 h 731"/>
                <a:gd name="T106" fmla="*/ 85 w 641"/>
                <a:gd name="T107" fmla="*/ 476 h 731"/>
                <a:gd name="T108" fmla="*/ 157 w 641"/>
                <a:gd name="T109" fmla="*/ 474 h 731"/>
                <a:gd name="T110" fmla="*/ 240 w 641"/>
                <a:gd name="T111" fmla="*/ 472 h 731"/>
                <a:gd name="T112" fmla="*/ 312 w 641"/>
                <a:gd name="T113" fmla="*/ 471 h 731"/>
                <a:gd name="T114" fmla="*/ 353 w 641"/>
                <a:gd name="T115" fmla="*/ 468 h 731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641"/>
                <a:gd name="T175" fmla="*/ 0 h 731"/>
                <a:gd name="T176" fmla="*/ 641 w 641"/>
                <a:gd name="T177" fmla="*/ 731 h 731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641" h="731">
                  <a:moveTo>
                    <a:pt x="526" y="718"/>
                  </a:moveTo>
                  <a:lnTo>
                    <a:pt x="528" y="716"/>
                  </a:lnTo>
                  <a:lnTo>
                    <a:pt x="528" y="709"/>
                  </a:lnTo>
                  <a:lnTo>
                    <a:pt x="525" y="701"/>
                  </a:lnTo>
                  <a:lnTo>
                    <a:pt x="523" y="691"/>
                  </a:lnTo>
                  <a:lnTo>
                    <a:pt x="520" y="682"/>
                  </a:lnTo>
                  <a:lnTo>
                    <a:pt x="518" y="674"/>
                  </a:lnTo>
                  <a:lnTo>
                    <a:pt x="515" y="667"/>
                  </a:lnTo>
                  <a:lnTo>
                    <a:pt x="513" y="665"/>
                  </a:lnTo>
                  <a:lnTo>
                    <a:pt x="499" y="660"/>
                  </a:lnTo>
                  <a:lnTo>
                    <a:pt x="487" y="653"/>
                  </a:lnTo>
                  <a:lnTo>
                    <a:pt x="479" y="645"/>
                  </a:lnTo>
                  <a:lnTo>
                    <a:pt x="471" y="637"/>
                  </a:lnTo>
                  <a:lnTo>
                    <a:pt x="465" y="628"/>
                  </a:lnTo>
                  <a:lnTo>
                    <a:pt x="460" y="620"/>
                  </a:lnTo>
                  <a:lnTo>
                    <a:pt x="457" y="616"/>
                  </a:lnTo>
                  <a:lnTo>
                    <a:pt x="457" y="613"/>
                  </a:lnTo>
                  <a:lnTo>
                    <a:pt x="427" y="601"/>
                  </a:lnTo>
                  <a:lnTo>
                    <a:pt x="425" y="593"/>
                  </a:lnTo>
                  <a:lnTo>
                    <a:pt x="423" y="593"/>
                  </a:lnTo>
                  <a:lnTo>
                    <a:pt x="423" y="591"/>
                  </a:lnTo>
                  <a:lnTo>
                    <a:pt x="421" y="591"/>
                  </a:lnTo>
                  <a:lnTo>
                    <a:pt x="418" y="591"/>
                  </a:lnTo>
                  <a:lnTo>
                    <a:pt x="416" y="591"/>
                  </a:lnTo>
                  <a:lnTo>
                    <a:pt x="413" y="593"/>
                  </a:lnTo>
                  <a:lnTo>
                    <a:pt x="410" y="591"/>
                  </a:lnTo>
                  <a:lnTo>
                    <a:pt x="405" y="589"/>
                  </a:lnTo>
                  <a:lnTo>
                    <a:pt x="398" y="587"/>
                  </a:lnTo>
                  <a:lnTo>
                    <a:pt x="393" y="582"/>
                  </a:lnTo>
                  <a:lnTo>
                    <a:pt x="388" y="577"/>
                  </a:lnTo>
                  <a:lnTo>
                    <a:pt x="384" y="574"/>
                  </a:lnTo>
                  <a:lnTo>
                    <a:pt x="383" y="569"/>
                  </a:lnTo>
                  <a:lnTo>
                    <a:pt x="383" y="564"/>
                  </a:lnTo>
                  <a:lnTo>
                    <a:pt x="386" y="555"/>
                  </a:lnTo>
                  <a:lnTo>
                    <a:pt x="388" y="550"/>
                  </a:lnTo>
                  <a:lnTo>
                    <a:pt x="388" y="545"/>
                  </a:lnTo>
                  <a:lnTo>
                    <a:pt x="388" y="542"/>
                  </a:lnTo>
                  <a:lnTo>
                    <a:pt x="386" y="538"/>
                  </a:lnTo>
                  <a:lnTo>
                    <a:pt x="384" y="535"/>
                  </a:lnTo>
                  <a:lnTo>
                    <a:pt x="383" y="532"/>
                  </a:lnTo>
                  <a:lnTo>
                    <a:pt x="379" y="528"/>
                  </a:lnTo>
                  <a:lnTo>
                    <a:pt x="379" y="523"/>
                  </a:lnTo>
                  <a:lnTo>
                    <a:pt x="379" y="515"/>
                  </a:lnTo>
                  <a:lnTo>
                    <a:pt x="379" y="508"/>
                  </a:lnTo>
                  <a:lnTo>
                    <a:pt x="383" y="499"/>
                  </a:lnTo>
                  <a:lnTo>
                    <a:pt x="384" y="493"/>
                  </a:lnTo>
                  <a:lnTo>
                    <a:pt x="388" y="486"/>
                  </a:lnTo>
                  <a:lnTo>
                    <a:pt x="388" y="481"/>
                  </a:lnTo>
                  <a:lnTo>
                    <a:pt x="389" y="481"/>
                  </a:lnTo>
                  <a:lnTo>
                    <a:pt x="381" y="467"/>
                  </a:lnTo>
                  <a:lnTo>
                    <a:pt x="367" y="467"/>
                  </a:lnTo>
                  <a:lnTo>
                    <a:pt x="367" y="447"/>
                  </a:lnTo>
                  <a:lnTo>
                    <a:pt x="369" y="447"/>
                  </a:lnTo>
                  <a:lnTo>
                    <a:pt x="371" y="445"/>
                  </a:lnTo>
                  <a:lnTo>
                    <a:pt x="372" y="445"/>
                  </a:lnTo>
                  <a:lnTo>
                    <a:pt x="374" y="442"/>
                  </a:lnTo>
                  <a:lnTo>
                    <a:pt x="374" y="440"/>
                  </a:lnTo>
                  <a:lnTo>
                    <a:pt x="376" y="437"/>
                  </a:lnTo>
                  <a:lnTo>
                    <a:pt x="377" y="432"/>
                  </a:lnTo>
                  <a:lnTo>
                    <a:pt x="384" y="427"/>
                  </a:lnTo>
                  <a:lnTo>
                    <a:pt x="389" y="422"/>
                  </a:lnTo>
                  <a:lnTo>
                    <a:pt x="398" y="415"/>
                  </a:lnTo>
                  <a:lnTo>
                    <a:pt x="405" y="410"/>
                  </a:lnTo>
                  <a:lnTo>
                    <a:pt x="411" y="406"/>
                  </a:lnTo>
                  <a:lnTo>
                    <a:pt x="415" y="403"/>
                  </a:lnTo>
                  <a:lnTo>
                    <a:pt x="418" y="403"/>
                  </a:lnTo>
                  <a:lnTo>
                    <a:pt x="416" y="332"/>
                  </a:lnTo>
                  <a:lnTo>
                    <a:pt x="415" y="332"/>
                  </a:lnTo>
                  <a:lnTo>
                    <a:pt x="415" y="330"/>
                  </a:lnTo>
                  <a:lnTo>
                    <a:pt x="416" y="329"/>
                  </a:lnTo>
                  <a:lnTo>
                    <a:pt x="418" y="325"/>
                  </a:lnTo>
                  <a:lnTo>
                    <a:pt x="423" y="322"/>
                  </a:lnTo>
                  <a:lnTo>
                    <a:pt x="430" y="317"/>
                  </a:lnTo>
                  <a:lnTo>
                    <a:pt x="435" y="313"/>
                  </a:lnTo>
                  <a:lnTo>
                    <a:pt x="440" y="308"/>
                  </a:lnTo>
                  <a:lnTo>
                    <a:pt x="445" y="303"/>
                  </a:lnTo>
                  <a:lnTo>
                    <a:pt x="450" y="298"/>
                  </a:lnTo>
                  <a:lnTo>
                    <a:pt x="457" y="293"/>
                  </a:lnTo>
                  <a:lnTo>
                    <a:pt x="464" y="286"/>
                  </a:lnTo>
                  <a:lnTo>
                    <a:pt x="471" y="279"/>
                  </a:lnTo>
                  <a:lnTo>
                    <a:pt x="477" y="274"/>
                  </a:lnTo>
                  <a:lnTo>
                    <a:pt x="484" y="268"/>
                  </a:lnTo>
                  <a:lnTo>
                    <a:pt x="491" y="261"/>
                  </a:lnTo>
                  <a:lnTo>
                    <a:pt x="496" y="256"/>
                  </a:lnTo>
                  <a:lnTo>
                    <a:pt x="503" y="249"/>
                  </a:lnTo>
                  <a:lnTo>
                    <a:pt x="506" y="244"/>
                  </a:lnTo>
                  <a:lnTo>
                    <a:pt x="511" y="239"/>
                  </a:lnTo>
                  <a:lnTo>
                    <a:pt x="515" y="235"/>
                  </a:lnTo>
                  <a:lnTo>
                    <a:pt x="516" y="232"/>
                  </a:lnTo>
                  <a:lnTo>
                    <a:pt x="518" y="229"/>
                  </a:lnTo>
                  <a:lnTo>
                    <a:pt x="520" y="224"/>
                  </a:lnTo>
                  <a:lnTo>
                    <a:pt x="523" y="220"/>
                  </a:lnTo>
                  <a:lnTo>
                    <a:pt x="525" y="217"/>
                  </a:lnTo>
                  <a:lnTo>
                    <a:pt x="528" y="213"/>
                  </a:lnTo>
                  <a:lnTo>
                    <a:pt x="533" y="210"/>
                  </a:lnTo>
                  <a:lnTo>
                    <a:pt x="537" y="207"/>
                  </a:lnTo>
                  <a:lnTo>
                    <a:pt x="542" y="203"/>
                  </a:lnTo>
                  <a:lnTo>
                    <a:pt x="547" y="200"/>
                  </a:lnTo>
                  <a:lnTo>
                    <a:pt x="550" y="198"/>
                  </a:lnTo>
                  <a:lnTo>
                    <a:pt x="555" y="195"/>
                  </a:lnTo>
                  <a:lnTo>
                    <a:pt x="560" y="193"/>
                  </a:lnTo>
                  <a:lnTo>
                    <a:pt x="565" y="190"/>
                  </a:lnTo>
                  <a:lnTo>
                    <a:pt x="570" y="188"/>
                  </a:lnTo>
                  <a:lnTo>
                    <a:pt x="574" y="188"/>
                  </a:lnTo>
                  <a:lnTo>
                    <a:pt x="579" y="186"/>
                  </a:lnTo>
                  <a:lnTo>
                    <a:pt x="582" y="185"/>
                  </a:lnTo>
                  <a:lnTo>
                    <a:pt x="587" y="183"/>
                  </a:lnTo>
                  <a:lnTo>
                    <a:pt x="592" y="181"/>
                  </a:lnTo>
                  <a:lnTo>
                    <a:pt x="597" y="180"/>
                  </a:lnTo>
                  <a:lnTo>
                    <a:pt x="603" y="176"/>
                  </a:lnTo>
                  <a:lnTo>
                    <a:pt x="608" y="173"/>
                  </a:lnTo>
                  <a:lnTo>
                    <a:pt x="613" y="169"/>
                  </a:lnTo>
                  <a:lnTo>
                    <a:pt x="618" y="166"/>
                  </a:lnTo>
                  <a:lnTo>
                    <a:pt x="623" y="164"/>
                  </a:lnTo>
                  <a:lnTo>
                    <a:pt x="628" y="161"/>
                  </a:lnTo>
                  <a:lnTo>
                    <a:pt x="631" y="158"/>
                  </a:lnTo>
                  <a:lnTo>
                    <a:pt x="635" y="156"/>
                  </a:lnTo>
                  <a:lnTo>
                    <a:pt x="638" y="154"/>
                  </a:lnTo>
                  <a:lnTo>
                    <a:pt x="640" y="153"/>
                  </a:lnTo>
                  <a:lnTo>
                    <a:pt x="641" y="151"/>
                  </a:lnTo>
                  <a:lnTo>
                    <a:pt x="641" y="149"/>
                  </a:lnTo>
                  <a:lnTo>
                    <a:pt x="640" y="149"/>
                  </a:lnTo>
                  <a:lnTo>
                    <a:pt x="638" y="149"/>
                  </a:lnTo>
                  <a:lnTo>
                    <a:pt x="633" y="149"/>
                  </a:lnTo>
                  <a:lnTo>
                    <a:pt x="625" y="153"/>
                  </a:lnTo>
                  <a:lnTo>
                    <a:pt x="618" y="153"/>
                  </a:lnTo>
                  <a:lnTo>
                    <a:pt x="611" y="153"/>
                  </a:lnTo>
                  <a:lnTo>
                    <a:pt x="606" y="153"/>
                  </a:lnTo>
                  <a:lnTo>
                    <a:pt x="603" y="149"/>
                  </a:lnTo>
                  <a:lnTo>
                    <a:pt x="599" y="147"/>
                  </a:lnTo>
                  <a:lnTo>
                    <a:pt x="597" y="146"/>
                  </a:lnTo>
                  <a:lnTo>
                    <a:pt x="596" y="144"/>
                  </a:lnTo>
                  <a:lnTo>
                    <a:pt x="530" y="144"/>
                  </a:lnTo>
                  <a:lnTo>
                    <a:pt x="530" y="131"/>
                  </a:lnTo>
                  <a:lnTo>
                    <a:pt x="528" y="131"/>
                  </a:lnTo>
                  <a:lnTo>
                    <a:pt x="526" y="131"/>
                  </a:lnTo>
                  <a:lnTo>
                    <a:pt x="525" y="131"/>
                  </a:lnTo>
                  <a:lnTo>
                    <a:pt x="523" y="131"/>
                  </a:lnTo>
                  <a:lnTo>
                    <a:pt x="521" y="131"/>
                  </a:lnTo>
                  <a:lnTo>
                    <a:pt x="520" y="131"/>
                  </a:lnTo>
                  <a:lnTo>
                    <a:pt x="518" y="131"/>
                  </a:lnTo>
                  <a:lnTo>
                    <a:pt x="509" y="139"/>
                  </a:lnTo>
                  <a:lnTo>
                    <a:pt x="501" y="146"/>
                  </a:lnTo>
                  <a:lnTo>
                    <a:pt x="494" y="149"/>
                  </a:lnTo>
                  <a:lnTo>
                    <a:pt x="487" y="153"/>
                  </a:lnTo>
                  <a:lnTo>
                    <a:pt x="481" y="154"/>
                  </a:lnTo>
                  <a:lnTo>
                    <a:pt x="476" y="154"/>
                  </a:lnTo>
                  <a:lnTo>
                    <a:pt x="471" y="153"/>
                  </a:lnTo>
                  <a:lnTo>
                    <a:pt x="465" y="153"/>
                  </a:lnTo>
                  <a:lnTo>
                    <a:pt x="462" y="149"/>
                  </a:lnTo>
                  <a:lnTo>
                    <a:pt x="459" y="147"/>
                  </a:lnTo>
                  <a:lnTo>
                    <a:pt x="455" y="144"/>
                  </a:lnTo>
                  <a:lnTo>
                    <a:pt x="454" y="142"/>
                  </a:lnTo>
                  <a:lnTo>
                    <a:pt x="452" y="141"/>
                  </a:lnTo>
                  <a:lnTo>
                    <a:pt x="450" y="139"/>
                  </a:lnTo>
                  <a:lnTo>
                    <a:pt x="450" y="137"/>
                  </a:lnTo>
                  <a:lnTo>
                    <a:pt x="450" y="136"/>
                  </a:lnTo>
                  <a:lnTo>
                    <a:pt x="449" y="136"/>
                  </a:lnTo>
                  <a:lnTo>
                    <a:pt x="447" y="136"/>
                  </a:lnTo>
                  <a:lnTo>
                    <a:pt x="443" y="136"/>
                  </a:lnTo>
                  <a:lnTo>
                    <a:pt x="440" y="136"/>
                  </a:lnTo>
                  <a:lnTo>
                    <a:pt x="437" y="134"/>
                  </a:lnTo>
                  <a:lnTo>
                    <a:pt x="435" y="132"/>
                  </a:lnTo>
                  <a:lnTo>
                    <a:pt x="433" y="131"/>
                  </a:lnTo>
                  <a:lnTo>
                    <a:pt x="432" y="127"/>
                  </a:lnTo>
                  <a:lnTo>
                    <a:pt x="432" y="125"/>
                  </a:lnTo>
                  <a:lnTo>
                    <a:pt x="430" y="124"/>
                  </a:lnTo>
                  <a:lnTo>
                    <a:pt x="428" y="120"/>
                  </a:lnTo>
                  <a:lnTo>
                    <a:pt x="427" y="117"/>
                  </a:lnTo>
                  <a:lnTo>
                    <a:pt x="423" y="117"/>
                  </a:lnTo>
                  <a:lnTo>
                    <a:pt x="420" y="117"/>
                  </a:lnTo>
                  <a:lnTo>
                    <a:pt x="415" y="119"/>
                  </a:lnTo>
                  <a:lnTo>
                    <a:pt x="411" y="122"/>
                  </a:lnTo>
                  <a:lnTo>
                    <a:pt x="405" y="132"/>
                  </a:lnTo>
                  <a:lnTo>
                    <a:pt x="399" y="136"/>
                  </a:lnTo>
                  <a:lnTo>
                    <a:pt x="396" y="134"/>
                  </a:lnTo>
                  <a:lnTo>
                    <a:pt x="396" y="131"/>
                  </a:lnTo>
                  <a:lnTo>
                    <a:pt x="394" y="125"/>
                  </a:lnTo>
                  <a:lnTo>
                    <a:pt x="393" y="120"/>
                  </a:lnTo>
                  <a:lnTo>
                    <a:pt x="393" y="115"/>
                  </a:lnTo>
                  <a:lnTo>
                    <a:pt x="389" y="112"/>
                  </a:lnTo>
                  <a:lnTo>
                    <a:pt x="381" y="109"/>
                  </a:lnTo>
                  <a:lnTo>
                    <a:pt x="377" y="105"/>
                  </a:lnTo>
                  <a:lnTo>
                    <a:pt x="376" y="103"/>
                  </a:lnTo>
                  <a:lnTo>
                    <a:pt x="376" y="102"/>
                  </a:lnTo>
                  <a:lnTo>
                    <a:pt x="376" y="100"/>
                  </a:lnTo>
                  <a:lnTo>
                    <a:pt x="377" y="100"/>
                  </a:lnTo>
                  <a:lnTo>
                    <a:pt x="379" y="98"/>
                  </a:lnTo>
                  <a:lnTo>
                    <a:pt x="377" y="98"/>
                  </a:lnTo>
                  <a:lnTo>
                    <a:pt x="374" y="97"/>
                  </a:lnTo>
                  <a:lnTo>
                    <a:pt x="371" y="97"/>
                  </a:lnTo>
                  <a:lnTo>
                    <a:pt x="364" y="97"/>
                  </a:lnTo>
                  <a:lnTo>
                    <a:pt x="355" y="95"/>
                  </a:lnTo>
                  <a:lnTo>
                    <a:pt x="347" y="93"/>
                  </a:lnTo>
                  <a:lnTo>
                    <a:pt x="339" y="92"/>
                  </a:lnTo>
                  <a:lnTo>
                    <a:pt x="332" y="90"/>
                  </a:lnTo>
                  <a:lnTo>
                    <a:pt x="327" y="88"/>
                  </a:lnTo>
                  <a:lnTo>
                    <a:pt x="322" y="88"/>
                  </a:lnTo>
                  <a:lnTo>
                    <a:pt x="318" y="88"/>
                  </a:lnTo>
                  <a:lnTo>
                    <a:pt x="315" y="90"/>
                  </a:lnTo>
                  <a:lnTo>
                    <a:pt x="311" y="92"/>
                  </a:lnTo>
                  <a:lnTo>
                    <a:pt x="306" y="98"/>
                  </a:lnTo>
                  <a:lnTo>
                    <a:pt x="301" y="102"/>
                  </a:lnTo>
                  <a:lnTo>
                    <a:pt x="296" y="105"/>
                  </a:lnTo>
                  <a:lnTo>
                    <a:pt x="289" y="105"/>
                  </a:lnTo>
                  <a:lnTo>
                    <a:pt x="286" y="105"/>
                  </a:lnTo>
                  <a:lnTo>
                    <a:pt x="283" y="105"/>
                  </a:lnTo>
                  <a:lnTo>
                    <a:pt x="279" y="105"/>
                  </a:lnTo>
                  <a:lnTo>
                    <a:pt x="278" y="105"/>
                  </a:lnTo>
                  <a:lnTo>
                    <a:pt x="276" y="92"/>
                  </a:lnTo>
                  <a:lnTo>
                    <a:pt x="242" y="92"/>
                  </a:lnTo>
                  <a:lnTo>
                    <a:pt x="240" y="83"/>
                  </a:lnTo>
                  <a:lnTo>
                    <a:pt x="229" y="85"/>
                  </a:lnTo>
                  <a:lnTo>
                    <a:pt x="222" y="85"/>
                  </a:lnTo>
                  <a:lnTo>
                    <a:pt x="215" y="83"/>
                  </a:lnTo>
                  <a:lnTo>
                    <a:pt x="212" y="80"/>
                  </a:lnTo>
                  <a:lnTo>
                    <a:pt x="208" y="76"/>
                  </a:lnTo>
                  <a:lnTo>
                    <a:pt x="207" y="73"/>
                  </a:lnTo>
                  <a:lnTo>
                    <a:pt x="205" y="71"/>
                  </a:lnTo>
                  <a:lnTo>
                    <a:pt x="205" y="70"/>
                  </a:lnTo>
                  <a:lnTo>
                    <a:pt x="205" y="26"/>
                  </a:lnTo>
                  <a:lnTo>
                    <a:pt x="181" y="2"/>
                  </a:lnTo>
                  <a:lnTo>
                    <a:pt x="168" y="0"/>
                  </a:lnTo>
                  <a:lnTo>
                    <a:pt x="169" y="37"/>
                  </a:lnTo>
                  <a:lnTo>
                    <a:pt x="159" y="46"/>
                  </a:lnTo>
                  <a:lnTo>
                    <a:pt x="0" y="48"/>
                  </a:lnTo>
                  <a:lnTo>
                    <a:pt x="7" y="85"/>
                  </a:lnTo>
                  <a:lnTo>
                    <a:pt x="7" y="87"/>
                  </a:lnTo>
                  <a:lnTo>
                    <a:pt x="7" y="88"/>
                  </a:lnTo>
                  <a:lnTo>
                    <a:pt x="7" y="93"/>
                  </a:lnTo>
                  <a:lnTo>
                    <a:pt x="5" y="100"/>
                  </a:lnTo>
                  <a:lnTo>
                    <a:pt x="5" y="107"/>
                  </a:lnTo>
                  <a:lnTo>
                    <a:pt x="5" y="114"/>
                  </a:lnTo>
                  <a:lnTo>
                    <a:pt x="5" y="124"/>
                  </a:lnTo>
                  <a:lnTo>
                    <a:pt x="5" y="132"/>
                  </a:lnTo>
                  <a:lnTo>
                    <a:pt x="5" y="142"/>
                  </a:lnTo>
                  <a:lnTo>
                    <a:pt x="7" y="153"/>
                  </a:lnTo>
                  <a:lnTo>
                    <a:pt x="7" y="161"/>
                  </a:lnTo>
                  <a:lnTo>
                    <a:pt x="9" y="169"/>
                  </a:lnTo>
                  <a:lnTo>
                    <a:pt x="10" y="178"/>
                  </a:lnTo>
                  <a:lnTo>
                    <a:pt x="14" y="186"/>
                  </a:lnTo>
                  <a:lnTo>
                    <a:pt x="17" y="193"/>
                  </a:lnTo>
                  <a:lnTo>
                    <a:pt x="22" y="198"/>
                  </a:lnTo>
                  <a:lnTo>
                    <a:pt x="22" y="200"/>
                  </a:lnTo>
                  <a:lnTo>
                    <a:pt x="22" y="203"/>
                  </a:lnTo>
                  <a:lnTo>
                    <a:pt x="24" y="208"/>
                  </a:lnTo>
                  <a:lnTo>
                    <a:pt x="25" y="217"/>
                  </a:lnTo>
                  <a:lnTo>
                    <a:pt x="27" y="225"/>
                  </a:lnTo>
                  <a:lnTo>
                    <a:pt x="29" y="235"/>
                  </a:lnTo>
                  <a:lnTo>
                    <a:pt x="29" y="246"/>
                  </a:lnTo>
                  <a:lnTo>
                    <a:pt x="31" y="256"/>
                  </a:lnTo>
                  <a:lnTo>
                    <a:pt x="31" y="259"/>
                  </a:lnTo>
                  <a:lnTo>
                    <a:pt x="31" y="264"/>
                  </a:lnTo>
                  <a:lnTo>
                    <a:pt x="31" y="271"/>
                  </a:lnTo>
                  <a:lnTo>
                    <a:pt x="31" y="278"/>
                  </a:lnTo>
                  <a:lnTo>
                    <a:pt x="31" y="285"/>
                  </a:lnTo>
                  <a:lnTo>
                    <a:pt x="31" y="290"/>
                  </a:lnTo>
                  <a:lnTo>
                    <a:pt x="31" y="295"/>
                  </a:lnTo>
                  <a:lnTo>
                    <a:pt x="31" y="296"/>
                  </a:lnTo>
                  <a:lnTo>
                    <a:pt x="39" y="310"/>
                  </a:lnTo>
                  <a:lnTo>
                    <a:pt x="36" y="332"/>
                  </a:lnTo>
                  <a:lnTo>
                    <a:pt x="39" y="362"/>
                  </a:lnTo>
                  <a:lnTo>
                    <a:pt x="49" y="376"/>
                  </a:lnTo>
                  <a:lnTo>
                    <a:pt x="54" y="389"/>
                  </a:lnTo>
                  <a:lnTo>
                    <a:pt x="53" y="427"/>
                  </a:lnTo>
                  <a:lnTo>
                    <a:pt x="53" y="437"/>
                  </a:lnTo>
                  <a:lnTo>
                    <a:pt x="37" y="455"/>
                  </a:lnTo>
                  <a:lnTo>
                    <a:pt x="36" y="457"/>
                  </a:lnTo>
                  <a:lnTo>
                    <a:pt x="34" y="459"/>
                  </a:lnTo>
                  <a:lnTo>
                    <a:pt x="32" y="462"/>
                  </a:lnTo>
                  <a:lnTo>
                    <a:pt x="31" y="466"/>
                  </a:lnTo>
                  <a:lnTo>
                    <a:pt x="29" y="469"/>
                  </a:lnTo>
                  <a:lnTo>
                    <a:pt x="29" y="474"/>
                  </a:lnTo>
                  <a:lnTo>
                    <a:pt x="31" y="477"/>
                  </a:lnTo>
                  <a:lnTo>
                    <a:pt x="34" y="481"/>
                  </a:lnTo>
                  <a:lnTo>
                    <a:pt x="36" y="481"/>
                  </a:lnTo>
                  <a:lnTo>
                    <a:pt x="39" y="484"/>
                  </a:lnTo>
                  <a:lnTo>
                    <a:pt x="44" y="488"/>
                  </a:lnTo>
                  <a:lnTo>
                    <a:pt x="49" y="491"/>
                  </a:lnTo>
                  <a:lnTo>
                    <a:pt x="54" y="496"/>
                  </a:lnTo>
                  <a:lnTo>
                    <a:pt x="59" y="499"/>
                  </a:lnTo>
                  <a:lnTo>
                    <a:pt x="61" y="501"/>
                  </a:lnTo>
                  <a:lnTo>
                    <a:pt x="63" y="503"/>
                  </a:lnTo>
                  <a:lnTo>
                    <a:pt x="63" y="505"/>
                  </a:lnTo>
                  <a:lnTo>
                    <a:pt x="63" y="511"/>
                  </a:lnTo>
                  <a:lnTo>
                    <a:pt x="63" y="523"/>
                  </a:lnTo>
                  <a:lnTo>
                    <a:pt x="63" y="538"/>
                  </a:lnTo>
                  <a:lnTo>
                    <a:pt x="63" y="555"/>
                  </a:lnTo>
                  <a:lnTo>
                    <a:pt x="63" y="576"/>
                  </a:lnTo>
                  <a:lnTo>
                    <a:pt x="63" y="596"/>
                  </a:lnTo>
                  <a:lnTo>
                    <a:pt x="63" y="618"/>
                  </a:lnTo>
                  <a:lnTo>
                    <a:pt x="63" y="638"/>
                  </a:lnTo>
                  <a:lnTo>
                    <a:pt x="61" y="660"/>
                  </a:lnTo>
                  <a:lnTo>
                    <a:pt x="61" y="679"/>
                  </a:lnTo>
                  <a:lnTo>
                    <a:pt x="61" y="696"/>
                  </a:lnTo>
                  <a:lnTo>
                    <a:pt x="61" y="711"/>
                  </a:lnTo>
                  <a:lnTo>
                    <a:pt x="61" y="721"/>
                  </a:lnTo>
                  <a:lnTo>
                    <a:pt x="63" y="728"/>
                  </a:lnTo>
                  <a:lnTo>
                    <a:pt x="63" y="731"/>
                  </a:lnTo>
                  <a:lnTo>
                    <a:pt x="63" y="730"/>
                  </a:lnTo>
                  <a:lnTo>
                    <a:pt x="66" y="730"/>
                  </a:lnTo>
                  <a:lnTo>
                    <a:pt x="73" y="730"/>
                  </a:lnTo>
                  <a:lnTo>
                    <a:pt x="80" y="730"/>
                  </a:lnTo>
                  <a:lnTo>
                    <a:pt x="90" y="730"/>
                  </a:lnTo>
                  <a:lnTo>
                    <a:pt x="100" y="730"/>
                  </a:lnTo>
                  <a:lnTo>
                    <a:pt x="113" y="730"/>
                  </a:lnTo>
                  <a:lnTo>
                    <a:pt x="127" y="730"/>
                  </a:lnTo>
                  <a:lnTo>
                    <a:pt x="144" y="730"/>
                  </a:lnTo>
                  <a:lnTo>
                    <a:pt x="159" y="730"/>
                  </a:lnTo>
                  <a:lnTo>
                    <a:pt x="178" y="730"/>
                  </a:lnTo>
                  <a:lnTo>
                    <a:pt x="196" y="730"/>
                  </a:lnTo>
                  <a:lnTo>
                    <a:pt x="215" y="730"/>
                  </a:lnTo>
                  <a:lnTo>
                    <a:pt x="235" y="728"/>
                  </a:lnTo>
                  <a:lnTo>
                    <a:pt x="254" y="728"/>
                  </a:lnTo>
                  <a:lnTo>
                    <a:pt x="274" y="728"/>
                  </a:lnTo>
                  <a:lnTo>
                    <a:pt x="296" y="728"/>
                  </a:lnTo>
                  <a:lnTo>
                    <a:pt x="317" y="728"/>
                  </a:lnTo>
                  <a:lnTo>
                    <a:pt x="337" y="728"/>
                  </a:lnTo>
                  <a:lnTo>
                    <a:pt x="357" y="726"/>
                  </a:lnTo>
                  <a:lnTo>
                    <a:pt x="376" y="726"/>
                  </a:lnTo>
                  <a:lnTo>
                    <a:pt x="396" y="726"/>
                  </a:lnTo>
                  <a:lnTo>
                    <a:pt x="415" y="726"/>
                  </a:lnTo>
                  <a:lnTo>
                    <a:pt x="432" y="725"/>
                  </a:lnTo>
                  <a:lnTo>
                    <a:pt x="449" y="725"/>
                  </a:lnTo>
                  <a:lnTo>
                    <a:pt x="465" y="725"/>
                  </a:lnTo>
                  <a:lnTo>
                    <a:pt x="479" y="723"/>
                  </a:lnTo>
                  <a:lnTo>
                    <a:pt x="493" y="723"/>
                  </a:lnTo>
                  <a:lnTo>
                    <a:pt x="503" y="721"/>
                  </a:lnTo>
                  <a:lnTo>
                    <a:pt x="513" y="721"/>
                  </a:lnTo>
                  <a:lnTo>
                    <a:pt x="521" y="719"/>
                  </a:lnTo>
                  <a:lnTo>
                    <a:pt x="526" y="718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51" name="Group 159"/>
            <p:cNvGrpSpPr>
              <a:grpSpLocks/>
            </p:cNvGrpSpPr>
            <p:nvPr/>
          </p:nvGrpSpPr>
          <p:grpSpPr bwMode="auto">
            <a:xfrm>
              <a:off x="3736" y="1882"/>
              <a:ext cx="401" cy="455"/>
              <a:chOff x="3961" y="1493"/>
              <a:chExt cx="412" cy="469"/>
            </a:xfrm>
          </p:grpSpPr>
          <p:sp>
            <p:nvSpPr>
              <p:cNvPr id="81" name="Freeform 160"/>
              <p:cNvSpPr>
                <a:spLocks/>
              </p:cNvSpPr>
              <p:nvPr/>
            </p:nvSpPr>
            <p:spPr bwMode="auto">
              <a:xfrm>
                <a:off x="3961" y="1493"/>
                <a:ext cx="412" cy="469"/>
              </a:xfrm>
              <a:custGeom>
                <a:avLst/>
                <a:gdLst>
                  <a:gd name="T0" fmla="*/ 121 w 412"/>
                  <a:gd name="T1" fmla="*/ 76 h 469"/>
                  <a:gd name="T2" fmla="*/ 130 w 412"/>
                  <a:gd name="T3" fmla="*/ 73 h 469"/>
                  <a:gd name="T4" fmla="*/ 152 w 412"/>
                  <a:gd name="T5" fmla="*/ 78 h 469"/>
                  <a:gd name="T6" fmla="*/ 181 w 412"/>
                  <a:gd name="T7" fmla="*/ 79 h 469"/>
                  <a:gd name="T8" fmla="*/ 169 w 412"/>
                  <a:gd name="T9" fmla="*/ 100 h 469"/>
                  <a:gd name="T10" fmla="*/ 182 w 412"/>
                  <a:gd name="T11" fmla="*/ 100 h 469"/>
                  <a:gd name="T12" fmla="*/ 196 w 412"/>
                  <a:gd name="T13" fmla="*/ 93 h 469"/>
                  <a:gd name="T14" fmla="*/ 209 w 412"/>
                  <a:gd name="T15" fmla="*/ 98 h 469"/>
                  <a:gd name="T16" fmla="*/ 226 w 412"/>
                  <a:gd name="T17" fmla="*/ 91 h 469"/>
                  <a:gd name="T18" fmla="*/ 240 w 412"/>
                  <a:gd name="T19" fmla="*/ 86 h 469"/>
                  <a:gd name="T20" fmla="*/ 255 w 412"/>
                  <a:gd name="T21" fmla="*/ 78 h 469"/>
                  <a:gd name="T22" fmla="*/ 270 w 412"/>
                  <a:gd name="T23" fmla="*/ 76 h 469"/>
                  <a:gd name="T24" fmla="*/ 277 w 412"/>
                  <a:gd name="T25" fmla="*/ 76 h 469"/>
                  <a:gd name="T26" fmla="*/ 291 w 412"/>
                  <a:gd name="T27" fmla="*/ 62 h 469"/>
                  <a:gd name="T28" fmla="*/ 318 w 412"/>
                  <a:gd name="T29" fmla="*/ 37 h 469"/>
                  <a:gd name="T30" fmla="*/ 353 w 412"/>
                  <a:gd name="T31" fmla="*/ 12 h 469"/>
                  <a:gd name="T32" fmla="*/ 380 w 412"/>
                  <a:gd name="T33" fmla="*/ 0 h 469"/>
                  <a:gd name="T34" fmla="*/ 404 w 412"/>
                  <a:gd name="T35" fmla="*/ 176 h 469"/>
                  <a:gd name="T36" fmla="*/ 409 w 412"/>
                  <a:gd name="T37" fmla="*/ 206 h 469"/>
                  <a:gd name="T38" fmla="*/ 404 w 412"/>
                  <a:gd name="T39" fmla="*/ 227 h 469"/>
                  <a:gd name="T40" fmla="*/ 399 w 412"/>
                  <a:gd name="T41" fmla="*/ 262 h 469"/>
                  <a:gd name="T42" fmla="*/ 399 w 412"/>
                  <a:gd name="T43" fmla="*/ 274 h 469"/>
                  <a:gd name="T44" fmla="*/ 399 w 412"/>
                  <a:gd name="T45" fmla="*/ 291 h 469"/>
                  <a:gd name="T46" fmla="*/ 387 w 412"/>
                  <a:gd name="T47" fmla="*/ 308 h 469"/>
                  <a:gd name="T48" fmla="*/ 370 w 412"/>
                  <a:gd name="T49" fmla="*/ 326 h 469"/>
                  <a:gd name="T50" fmla="*/ 365 w 412"/>
                  <a:gd name="T51" fmla="*/ 333 h 469"/>
                  <a:gd name="T52" fmla="*/ 351 w 412"/>
                  <a:gd name="T53" fmla="*/ 337 h 469"/>
                  <a:gd name="T54" fmla="*/ 326 w 412"/>
                  <a:gd name="T55" fmla="*/ 382 h 469"/>
                  <a:gd name="T56" fmla="*/ 323 w 412"/>
                  <a:gd name="T57" fmla="*/ 396 h 469"/>
                  <a:gd name="T58" fmla="*/ 311 w 412"/>
                  <a:gd name="T59" fmla="*/ 391 h 469"/>
                  <a:gd name="T60" fmla="*/ 302 w 412"/>
                  <a:gd name="T61" fmla="*/ 387 h 469"/>
                  <a:gd name="T62" fmla="*/ 296 w 412"/>
                  <a:gd name="T63" fmla="*/ 404 h 469"/>
                  <a:gd name="T64" fmla="*/ 292 w 412"/>
                  <a:gd name="T65" fmla="*/ 413 h 469"/>
                  <a:gd name="T66" fmla="*/ 289 w 412"/>
                  <a:gd name="T67" fmla="*/ 419 h 469"/>
                  <a:gd name="T68" fmla="*/ 285 w 412"/>
                  <a:gd name="T69" fmla="*/ 453 h 469"/>
                  <a:gd name="T70" fmla="*/ 263 w 412"/>
                  <a:gd name="T71" fmla="*/ 469 h 469"/>
                  <a:gd name="T72" fmla="*/ 253 w 412"/>
                  <a:gd name="T73" fmla="*/ 458 h 469"/>
                  <a:gd name="T74" fmla="*/ 236 w 412"/>
                  <a:gd name="T75" fmla="*/ 450 h 469"/>
                  <a:gd name="T76" fmla="*/ 231 w 412"/>
                  <a:gd name="T77" fmla="*/ 443 h 469"/>
                  <a:gd name="T78" fmla="*/ 214 w 412"/>
                  <a:gd name="T79" fmla="*/ 436 h 469"/>
                  <a:gd name="T80" fmla="*/ 198 w 412"/>
                  <a:gd name="T81" fmla="*/ 452 h 469"/>
                  <a:gd name="T82" fmla="*/ 177 w 412"/>
                  <a:gd name="T83" fmla="*/ 453 h 469"/>
                  <a:gd name="T84" fmla="*/ 169 w 412"/>
                  <a:gd name="T85" fmla="*/ 448 h 469"/>
                  <a:gd name="T86" fmla="*/ 157 w 412"/>
                  <a:gd name="T87" fmla="*/ 452 h 469"/>
                  <a:gd name="T88" fmla="*/ 143 w 412"/>
                  <a:gd name="T89" fmla="*/ 455 h 469"/>
                  <a:gd name="T90" fmla="*/ 98 w 412"/>
                  <a:gd name="T91" fmla="*/ 440 h 469"/>
                  <a:gd name="T92" fmla="*/ 89 w 412"/>
                  <a:gd name="T93" fmla="*/ 423 h 469"/>
                  <a:gd name="T94" fmla="*/ 59 w 412"/>
                  <a:gd name="T95" fmla="*/ 414 h 469"/>
                  <a:gd name="T96" fmla="*/ 42 w 412"/>
                  <a:gd name="T97" fmla="*/ 414 h 469"/>
                  <a:gd name="T98" fmla="*/ 0 w 412"/>
                  <a:gd name="T99" fmla="*/ 96 h 469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w 412"/>
                  <a:gd name="T151" fmla="*/ 0 h 469"/>
                  <a:gd name="T152" fmla="*/ 412 w 412"/>
                  <a:gd name="T153" fmla="*/ 469 h 469"/>
                </a:gdLst>
                <a:ahLst/>
                <a:cxnLst>
                  <a:cxn ang="T100">
                    <a:pos x="T0" y="T1"/>
                  </a:cxn>
                  <a:cxn ang="T101">
                    <a:pos x="T2" y="T3"/>
                  </a:cxn>
                  <a:cxn ang="T102">
                    <a:pos x="T4" y="T5"/>
                  </a:cxn>
                  <a:cxn ang="T103">
                    <a:pos x="T6" y="T7"/>
                  </a:cxn>
                  <a:cxn ang="T104">
                    <a:pos x="T8" y="T9"/>
                  </a:cxn>
                  <a:cxn ang="T105">
                    <a:pos x="T10" y="T11"/>
                  </a:cxn>
                  <a:cxn ang="T106">
                    <a:pos x="T12" y="T13"/>
                  </a:cxn>
                  <a:cxn ang="T107">
                    <a:pos x="T14" y="T15"/>
                  </a:cxn>
                  <a:cxn ang="T108">
                    <a:pos x="T16" y="T17"/>
                  </a:cxn>
                  <a:cxn ang="T109">
                    <a:pos x="T18" y="T19"/>
                  </a:cxn>
                  <a:cxn ang="T110">
                    <a:pos x="T20" y="T21"/>
                  </a:cxn>
                  <a:cxn ang="T111">
                    <a:pos x="T22" y="T23"/>
                  </a:cxn>
                  <a:cxn ang="T112">
                    <a:pos x="T24" y="T25"/>
                  </a:cxn>
                  <a:cxn ang="T113">
                    <a:pos x="T26" y="T27"/>
                  </a:cxn>
                  <a:cxn ang="T114">
                    <a:pos x="T28" y="T29"/>
                  </a:cxn>
                  <a:cxn ang="T115">
                    <a:pos x="T30" y="T31"/>
                  </a:cxn>
                  <a:cxn ang="T116">
                    <a:pos x="T32" y="T33"/>
                  </a:cxn>
                  <a:cxn ang="T117">
                    <a:pos x="T34" y="T35"/>
                  </a:cxn>
                  <a:cxn ang="T118">
                    <a:pos x="T36" y="T37"/>
                  </a:cxn>
                  <a:cxn ang="T119">
                    <a:pos x="T38" y="T39"/>
                  </a:cxn>
                  <a:cxn ang="T120">
                    <a:pos x="T40" y="T41"/>
                  </a:cxn>
                  <a:cxn ang="T121">
                    <a:pos x="T42" y="T43"/>
                  </a:cxn>
                  <a:cxn ang="T122">
                    <a:pos x="T44" y="T45"/>
                  </a:cxn>
                  <a:cxn ang="T123">
                    <a:pos x="T46" y="T47"/>
                  </a:cxn>
                  <a:cxn ang="T124">
                    <a:pos x="T48" y="T49"/>
                  </a:cxn>
                  <a:cxn ang="T125">
                    <a:pos x="T50" y="T51"/>
                  </a:cxn>
                  <a:cxn ang="T126">
                    <a:pos x="T52" y="T53"/>
                  </a:cxn>
                  <a:cxn ang="T127">
                    <a:pos x="T54" y="T55"/>
                  </a:cxn>
                  <a:cxn ang="T128">
                    <a:pos x="T56" y="T57"/>
                  </a:cxn>
                  <a:cxn ang="T129">
                    <a:pos x="T58" y="T59"/>
                  </a:cxn>
                  <a:cxn ang="T130">
                    <a:pos x="T60" y="T61"/>
                  </a:cxn>
                  <a:cxn ang="T131">
                    <a:pos x="T62" y="T63"/>
                  </a:cxn>
                  <a:cxn ang="T132">
                    <a:pos x="T64" y="T65"/>
                  </a:cxn>
                  <a:cxn ang="T133">
                    <a:pos x="T66" y="T67"/>
                  </a:cxn>
                  <a:cxn ang="T134">
                    <a:pos x="T68" y="T69"/>
                  </a:cxn>
                  <a:cxn ang="T135">
                    <a:pos x="T70" y="T71"/>
                  </a:cxn>
                  <a:cxn ang="T136">
                    <a:pos x="T72" y="T73"/>
                  </a:cxn>
                  <a:cxn ang="T137">
                    <a:pos x="T74" y="T75"/>
                  </a:cxn>
                  <a:cxn ang="T138">
                    <a:pos x="T76" y="T77"/>
                  </a:cxn>
                  <a:cxn ang="T139">
                    <a:pos x="T78" y="T79"/>
                  </a:cxn>
                  <a:cxn ang="T140">
                    <a:pos x="T80" y="T81"/>
                  </a:cxn>
                  <a:cxn ang="T141">
                    <a:pos x="T82" y="T83"/>
                  </a:cxn>
                  <a:cxn ang="T142">
                    <a:pos x="T84" y="T85"/>
                  </a:cxn>
                  <a:cxn ang="T143">
                    <a:pos x="T86" y="T87"/>
                  </a:cxn>
                  <a:cxn ang="T144">
                    <a:pos x="T88" y="T89"/>
                  </a:cxn>
                  <a:cxn ang="T145">
                    <a:pos x="T90" y="T91"/>
                  </a:cxn>
                  <a:cxn ang="T146">
                    <a:pos x="T92" y="T93"/>
                  </a:cxn>
                  <a:cxn ang="T147">
                    <a:pos x="T94" y="T95"/>
                  </a:cxn>
                  <a:cxn ang="T148">
                    <a:pos x="T96" y="T97"/>
                  </a:cxn>
                  <a:cxn ang="T149">
                    <a:pos x="T98" y="T99"/>
                  </a:cxn>
                </a:cxnLst>
                <a:rect l="T150" t="T151" r="T152" b="T153"/>
                <a:pathLst>
                  <a:path w="412" h="469">
                    <a:moveTo>
                      <a:pt x="0" y="96"/>
                    </a:moveTo>
                    <a:lnTo>
                      <a:pt x="116" y="78"/>
                    </a:lnTo>
                    <a:lnTo>
                      <a:pt x="118" y="78"/>
                    </a:lnTo>
                    <a:lnTo>
                      <a:pt x="121" y="76"/>
                    </a:lnTo>
                    <a:lnTo>
                      <a:pt x="125" y="74"/>
                    </a:lnTo>
                    <a:lnTo>
                      <a:pt x="126" y="73"/>
                    </a:lnTo>
                    <a:lnTo>
                      <a:pt x="128" y="73"/>
                    </a:lnTo>
                    <a:lnTo>
                      <a:pt x="130" y="73"/>
                    </a:lnTo>
                    <a:lnTo>
                      <a:pt x="135" y="73"/>
                    </a:lnTo>
                    <a:lnTo>
                      <a:pt x="140" y="73"/>
                    </a:lnTo>
                    <a:lnTo>
                      <a:pt x="145" y="74"/>
                    </a:lnTo>
                    <a:lnTo>
                      <a:pt x="152" y="78"/>
                    </a:lnTo>
                    <a:lnTo>
                      <a:pt x="159" y="81"/>
                    </a:lnTo>
                    <a:lnTo>
                      <a:pt x="164" y="86"/>
                    </a:lnTo>
                    <a:lnTo>
                      <a:pt x="174" y="86"/>
                    </a:lnTo>
                    <a:lnTo>
                      <a:pt x="181" y="79"/>
                    </a:lnTo>
                    <a:lnTo>
                      <a:pt x="191" y="84"/>
                    </a:lnTo>
                    <a:lnTo>
                      <a:pt x="177" y="91"/>
                    </a:lnTo>
                    <a:lnTo>
                      <a:pt x="169" y="100"/>
                    </a:lnTo>
                    <a:lnTo>
                      <a:pt x="170" y="100"/>
                    </a:lnTo>
                    <a:lnTo>
                      <a:pt x="174" y="100"/>
                    </a:lnTo>
                    <a:lnTo>
                      <a:pt x="177" y="100"/>
                    </a:lnTo>
                    <a:lnTo>
                      <a:pt x="182" y="100"/>
                    </a:lnTo>
                    <a:lnTo>
                      <a:pt x="186" y="98"/>
                    </a:lnTo>
                    <a:lnTo>
                      <a:pt x="191" y="95"/>
                    </a:lnTo>
                    <a:lnTo>
                      <a:pt x="196" y="91"/>
                    </a:lnTo>
                    <a:lnTo>
                      <a:pt x="196" y="93"/>
                    </a:lnTo>
                    <a:lnTo>
                      <a:pt x="198" y="93"/>
                    </a:lnTo>
                    <a:lnTo>
                      <a:pt x="201" y="95"/>
                    </a:lnTo>
                    <a:lnTo>
                      <a:pt x="206" y="96"/>
                    </a:lnTo>
                    <a:lnTo>
                      <a:pt x="209" y="98"/>
                    </a:lnTo>
                    <a:lnTo>
                      <a:pt x="214" y="98"/>
                    </a:lnTo>
                    <a:lnTo>
                      <a:pt x="219" y="96"/>
                    </a:lnTo>
                    <a:lnTo>
                      <a:pt x="226" y="91"/>
                    </a:lnTo>
                    <a:lnTo>
                      <a:pt x="230" y="91"/>
                    </a:lnTo>
                    <a:lnTo>
                      <a:pt x="231" y="89"/>
                    </a:lnTo>
                    <a:lnTo>
                      <a:pt x="236" y="88"/>
                    </a:lnTo>
                    <a:lnTo>
                      <a:pt x="240" y="86"/>
                    </a:lnTo>
                    <a:lnTo>
                      <a:pt x="245" y="84"/>
                    </a:lnTo>
                    <a:lnTo>
                      <a:pt x="250" y="81"/>
                    </a:lnTo>
                    <a:lnTo>
                      <a:pt x="253" y="78"/>
                    </a:lnTo>
                    <a:lnTo>
                      <a:pt x="255" y="78"/>
                    </a:lnTo>
                    <a:lnTo>
                      <a:pt x="258" y="78"/>
                    </a:lnTo>
                    <a:lnTo>
                      <a:pt x="262" y="78"/>
                    </a:lnTo>
                    <a:lnTo>
                      <a:pt x="265" y="76"/>
                    </a:lnTo>
                    <a:lnTo>
                      <a:pt x="270" y="76"/>
                    </a:lnTo>
                    <a:lnTo>
                      <a:pt x="274" y="76"/>
                    </a:lnTo>
                    <a:lnTo>
                      <a:pt x="275" y="76"/>
                    </a:lnTo>
                    <a:lnTo>
                      <a:pt x="277" y="76"/>
                    </a:lnTo>
                    <a:lnTo>
                      <a:pt x="279" y="74"/>
                    </a:lnTo>
                    <a:lnTo>
                      <a:pt x="282" y="71"/>
                    </a:lnTo>
                    <a:lnTo>
                      <a:pt x="285" y="67"/>
                    </a:lnTo>
                    <a:lnTo>
                      <a:pt x="291" y="62"/>
                    </a:lnTo>
                    <a:lnTo>
                      <a:pt x="297" y="56"/>
                    </a:lnTo>
                    <a:lnTo>
                      <a:pt x="302" y="51"/>
                    </a:lnTo>
                    <a:lnTo>
                      <a:pt x="311" y="44"/>
                    </a:lnTo>
                    <a:lnTo>
                      <a:pt x="318" y="37"/>
                    </a:lnTo>
                    <a:lnTo>
                      <a:pt x="326" y="32"/>
                    </a:lnTo>
                    <a:lnTo>
                      <a:pt x="335" y="25"/>
                    </a:lnTo>
                    <a:lnTo>
                      <a:pt x="345" y="18"/>
                    </a:lnTo>
                    <a:lnTo>
                      <a:pt x="353" y="12"/>
                    </a:lnTo>
                    <a:lnTo>
                      <a:pt x="363" y="7"/>
                    </a:lnTo>
                    <a:lnTo>
                      <a:pt x="372" y="3"/>
                    </a:lnTo>
                    <a:lnTo>
                      <a:pt x="382" y="0"/>
                    </a:lnTo>
                    <a:lnTo>
                      <a:pt x="380" y="0"/>
                    </a:lnTo>
                    <a:lnTo>
                      <a:pt x="412" y="166"/>
                    </a:lnTo>
                    <a:lnTo>
                      <a:pt x="401" y="169"/>
                    </a:lnTo>
                    <a:lnTo>
                      <a:pt x="402" y="171"/>
                    </a:lnTo>
                    <a:lnTo>
                      <a:pt x="404" y="176"/>
                    </a:lnTo>
                    <a:lnTo>
                      <a:pt x="406" y="181"/>
                    </a:lnTo>
                    <a:lnTo>
                      <a:pt x="407" y="189"/>
                    </a:lnTo>
                    <a:lnTo>
                      <a:pt x="409" y="198"/>
                    </a:lnTo>
                    <a:lnTo>
                      <a:pt x="409" y="206"/>
                    </a:lnTo>
                    <a:lnTo>
                      <a:pt x="409" y="213"/>
                    </a:lnTo>
                    <a:lnTo>
                      <a:pt x="406" y="218"/>
                    </a:lnTo>
                    <a:lnTo>
                      <a:pt x="404" y="221"/>
                    </a:lnTo>
                    <a:lnTo>
                      <a:pt x="404" y="227"/>
                    </a:lnTo>
                    <a:lnTo>
                      <a:pt x="402" y="235"/>
                    </a:lnTo>
                    <a:lnTo>
                      <a:pt x="401" y="245"/>
                    </a:lnTo>
                    <a:lnTo>
                      <a:pt x="401" y="255"/>
                    </a:lnTo>
                    <a:lnTo>
                      <a:pt x="399" y="262"/>
                    </a:lnTo>
                    <a:lnTo>
                      <a:pt x="399" y="269"/>
                    </a:lnTo>
                    <a:lnTo>
                      <a:pt x="399" y="271"/>
                    </a:lnTo>
                    <a:lnTo>
                      <a:pt x="399" y="272"/>
                    </a:lnTo>
                    <a:lnTo>
                      <a:pt x="399" y="274"/>
                    </a:lnTo>
                    <a:lnTo>
                      <a:pt x="401" y="277"/>
                    </a:lnTo>
                    <a:lnTo>
                      <a:pt x="401" y="281"/>
                    </a:lnTo>
                    <a:lnTo>
                      <a:pt x="401" y="286"/>
                    </a:lnTo>
                    <a:lnTo>
                      <a:pt x="399" y="291"/>
                    </a:lnTo>
                    <a:lnTo>
                      <a:pt x="395" y="296"/>
                    </a:lnTo>
                    <a:lnTo>
                      <a:pt x="390" y="303"/>
                    </a:lnTo>
                    <a:lnTo>
                      <a:pt x="389" y="304"/>
                    </a:lnTo>
                    <a:lnTo>
                      <a:pt x="387" y="308"/>
                    </a:lnTo>
                    <a:lnTo>
                      <a:pt x="382" y="313"/>
                    </a:lnTo>
                    <a:lnTo>
                      <a:pt x="379" y="316"/>
                    </a:lnTo>
                    <a:lnTo>
                      <a:pt x="375" y="321"/>
                    </a:lnTo>
                    <a:lnTo>
                      <a:pt x="370" y="326"/>
                    </a:lnTo>
                    <a:lnTo>
                      <a:pt x="368" y="330"/>
                    </a:lnTo>
                    <a:lnTo>
                      <a:pt x="367" y="330"/>
                    </a:lnTo>
                    <a:lnTo>
                      <a:pt x="367" y="331"/>
                    </a:lnTo>
                    <a:lnTo>
                      <a:pt x="365" y="333"/>
                    </a:lnTo>
                    <a:lnTo>
                      <a:pt x="362" y="335"/>
                    </a:lnTo>
                    <a:lnTo>
                      <a:pt x="358" y="335"/>
                    </a:lnTo>
                    <a:lnTo>
                      <a:pt x="355" y="337"/>
                    </a:lnTo>
                    <a:lnTo>
                      <a:pt x="351" y="337"/>
                    </a:lnTo>
                    <a:lnTo>
                      <a:pt x="350" y="335"/>
                    </a:lnTo>
                    <a:lnTo>
                      <a:pt x="350" y="333"/>
                    </a:lnTo>
                    <a:lnTo>
                      <a:pt x="328" y="355"/>
                    </a:lnTo>
                    <a:lnTo>
                      <a:pt x="326" y="382"/>
                    </a:lnTo>
                    <a:lnTo>
                      <a:pt x="324" y="382"/>
                    </a:lnTo>
                    <a:lnTo>
                      <a:pt x="324" y="387"/>
                    </a:lnTo>
                    <a:lnTo>
                      <a:pt x="324" y="391"/>
                    </a:lnTo>
                    <a:lnTo>
                      <a:pt x="323" y="396"/>
                    </a:lnTo>
                    <a:lnTo>
                      <a:pt x="319" y="399"/>
                    </a:lnTo>
                    <a:lnTo>
                      <a:pt x="318" y="401"/>
                    </a:lnTo>
                    <a:lnTo>
                      <a:pt x="314" y="399"/>
                    </a:lnTo>
                    <a:lnTo>
                      <a:pt x="311" y="391"/>
                    </a:lnTo>
                    <a:lnTo>
                      <a:pt x="309" y="389"/>
                    </a:lnTo>
                    <a:lnTo>
                      <a:pt x="307" y="387"/>
                    </a:lnTo>
                    <a:lnTo>
                      <a:pt x="306" y="387"/>
                    </a:lnTo>
                    <a:lnTo>
                      <a:pt x="302" y="387"/>
                    </a:lnTo>
                    <a:lnTo>
                      <a:pt x="301" y="387"/>
                    </a:lnTo>
                    <a:lnTo>
                      <a:pt x="297" y="391"/>
                    </a:lnTo>
                    <a:lnTo>
                      <a:pt x="297" y="396"/>
                    </a:lnTo>
                    <a:lnTo>
                      <a:pt x="296" y="404"/>
                    </a:lnTo>
                    <a:lnTo>
                      <a:pt x="296" y="408"/>
                    </a:lnTo>
                    <a:lnTo>
                      <a:pt x="294" y="409"/>
                    </a:lnTo>
                    <a:lnTo>
                      <a:pt x="292" y="413"/>
                    </a:lnTo>
                    <a:lnTo>
                      <a:pt x="291" y="416"/>
                    </a:lnTo>
                    <a:lnTo>
                      <a:pt x="291" y="418"/>
                    </a:lnTo>
                    <a:lnTo>
                      <a:pt x="289" y="419"/>
                    </a:lnTo>
                    <a:lnTo>
                      <a:pt x="292" y="441"/>
                    </a:lnTo>
                    <a:lnTo>
                      <a:pt x="291" y="443"/>
                    </a:lnTo>
                    <a:lnTo>
                      <a:pt x="289" y="447"/>
                    </a:lnTo>
                    <a:lnTo>
                      <a:pt x="285" y="453"/>
                    </a:lnTo>
                    <a:lnTo>
                      <a:pt x="280" y="458"/>
                    </a:lnTo>
                    <a:lnTo>
                      <a:pt x="275" y="463"/>
                    </a:lnTo>
                    <a:lnTo>
                      <a:pt x="270" y="467"/>
                    </a:lnTo>
                    <a:lnTo>
                      <a:pt x="263" y="469"/>
                    </a:lnTo>
                    <a:lnTo>
                      <a:pt x="260" y="465"/>
                    </a:lnTo>
                    <a:lnTo>
                      <a:pt x="258" y="463"/>
                    </a:lnTo>
                    <a:lnTo>
                      <a:pt x="257" y="462"/>
                    </a:lnTo>
                    <a:lnTo>
                      <a:pt x="253" y="458"/>
                    </a:lnTo>
                    <a:lnTo>
                      <a:pt x="250" y="455"/>
                    </a:lnTo>
                    <a:lnTo>
                      <a:pt x="245" y="452"/>
                    </a:lnTo>
                    <a:lnTo>
                      <a:pt x="241" y="450"/>
                    </a:lnTo>
                    <a:lnTo>
                      <a:pt x="236" y="450"/>
                    </a:lnTo>
                    <a:lnTo>
                      <a:pt x="233" y="453"/>
                    </a:lnTo>
                    <a:lnTo>
                      <a:pt x="231" y="452"/>
                    </a:lnTo>
                    <a:lnTo>
                      <a:pt x="231" y="448"/>
                    </a:lnTo>
                    <a:lnTo>
                      <a:pt x="231" y="443"/>
                    </a:lnTo>
                    <a:lnTo>
                      <a:pt x="230" y="438"/>
                    </a:lnTo>
                    <a:lnTo>
                      <a:pt x="226" y="435"/>
                    </a:lnTo>
                    <a:lnTo>
                      <a:pt x="221" y="433"/>
                    </a:lnTo>
                    <a:lnTo>
                      <a:pt x="214" y="436"/>
                    </a:lnTo>
                    <a:lnTo>
                      <a:pt x="204" y="445"/>
                    </a:lnTo>
                    <a:lnTo>
                      <a:pt x="203" y="447"/>
                    </a:lnTo>
                    <a:lnTo>
                      <a:pt x="201" y="448"/>
                    </a:lnTo>
                    <a:lnTo>
                      <a:pt x="198" y="452"/>
                    </a:lnTo>
                    <a:lnTo>
                      <a:pt x="194" y="453"/>
                    </a:lnTo>
                    <a:lnTo>
                      <a:pt x="189" y="455"/>
                    </a:lnTo>
                    <a:lnTo>
                      <a:pt x="184" y="457"/>
                    </a:lnTo>
                    <a:lnTo>
                      <a:pt x="177" y="453"/>
                    </a:lnTo>
                    <a:lnTo>
                      <a:pt x="172" y="450"/>
                    </a:lnTo>
                    <a:lnTo>
                      <a:pt x="170" y="448"/>
                    </a:lnTo>
                    <a:lnTo>
                      <a:pt x="169" y="448"/>
                    </a:lnTo>
                    <a:lnTo>
                      <a:pt x="167" y="447"/>
                    </a:lnTo>
                    <a:lnTo>
                      <a:pt x="164" y="448"/>
                    </a:lnTo>
                    <a:lnTo>
                      <a:pt x="160" y="448"/>
                    </a:lnTo>
                    <a:lnTo>
                      <a:pt x="157" y="452"/>
                    </a:lnTo>
                    <a:lnTo>
                      <a:pt x="152" y="457"/>
                    </a:lnTo>
                    <a:lnTo>
                      <a:pt x="150" y="457"/>
                    </a:lnTo>
                    <a:lnTo>
                      <a:pt x="147" y="455"/>
                    </a:lnTo>
                    <a:lnTo>
                      <a:pt x="143" y="455"/>
                    </a:lnTo>
                    <a:lnTo>
                      <a:pt x="142" y="455"/>
                    </a:lnTo>
                    <a:lnTo>
                      <a:pt x="128" y="443"/>
                    </a:lnTo>
                    <a:lnTo>
                      <a:pt x="98" y="441"/>
                    </a:lnTo>
                    <a:lnTo>
                      <a:pt x="98" y="440"/>
                    </a:lnTo>
                    <a:lnTo>
                      <a:pt x="98" y="436"/>
                    </a:lnTo>
                    <a:lnTo>
                      <a:pt x="96" y="433"/>
                    </a:lnTo>
                    <a:lnTo>
                      <a:pt x="94" y="428"/>
                    </a:lnTo>
                    <a:lnTo>
                      <a:pt x="89" y="423"/>
                    </a:lnTo>
                    <a:lnTo>
                      <a:pt x="82" y="418"/>
                    </a:lnTo>
                    <a:lnTo>
                      <a:pt x="72" y="416"/>
                    </a:lnTo>
                    <a:lnTo>
                      <a:pt x="60" y="414"/>
                    </a:lnTo>
                    <a:lnTo>
                      <a:pt x="59" y="414"/>
                    </a:lnTo>
                    <a:lnTo>
                      <a:pt x="55" y="414"/>
                    </a:lnTo>
                    <a:lnTo>
                      <a:pt x="52" y="414"/>
                    </a:lnTo>
                    <a:lnTo>
                      <a:pt x="47" y="414"/>
                    </a:lnTo>
                    <a:lnTo>
                      <a:pt x="42" y="414"/>
                    </a:lnTo>
                    <a:lnTo>
                      <a:pt x="38" y="414"/>
                    </a:lnTo>
                    <a:lnTo>
                      <a:pt x="37" y="414"/>
                    </a:lnTo>
                    <a:lnTo>
                      <a:pt x="35" y="414"/>
                    </a:lnTo>
                    <a:lnTo>
                      <a:pt x="0" y="96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2" name="Freeform 161"/>
              <p:cNvSpPr>
                <a:spLocks/>
              </p:cNvSpPr>
              <p:nvPr/>
            </p:nvSpPr>
            <p:spPr bwMode="auto">
              <a:xfrm>
                <a:off x="3961" y="1493"/>
                <a:ext cx="412" cy="469"/>
              </a:xfrm>
              <a:custGeom>
                <a:avLst/>
                <a:gdLst>
                  <a:gd name="T0" fmla="*/ 118 w 412"/>
                  <a:gd name="T1" fmla="*/ 78 h 469"/>
                  <a:gd name="T2" fmla="*/ 126 w 412"/>
                  <a:gd name="T3" fmla="*/ 73 h 469"/>
                  <a:gd name="T4" fmla="*/ 140 w 412"/>
                  <a:gd name="T5" fmla="*/ 73 h 469"/>
                  <a:gd name="T6" fmla="*/ 164 w 412"/>
                  <a:gd name="T7" fmla="*/ 86 h 469"/>
                  <a:gd name="T8" fmla="*/ 177 w 412"/>
                  <a:gd name="T9" fmla="*/ 91 h 469"/>
                  <a:gd name="T10" fmla="*/ 170 w 412"/>
                  <a:gd name="T11" fmla="*/ 100 h 469"/>
                  <a:gd name="T12" fmla="*/ 186 w 412"/>
                  <a:gd name="T13" fmla="*/ 98 h 469"/>
                  <a:gd name="T14" fmla="*/ 196 w 412"/>
                  <a:gd name="T15" fmla="*/ 93 h 469"/>
                  <a:gd name="T16" fmla="*/ 209 w 412"/>
                  <a:gd name="T17" fmla="*/ 98 h 469"/>
                  <a:gd name="T18" fmla="*/ 226 w 412"/>
                  <a:gd name="T19" fmla="*/ 91 h 469"/>
                  <a:gd name="T20" fmla="*/ 236 w 412"/>
                  <a:gd name="T21" fmla="*/ 88 h 469"/>
                  <a:gd name="T22" fmla="*/ 253 w 412"/>
                  <a:gd name="T23" fmla="*/ 78 h 469"/>
                  <a:gd name="T24" fmla="*/ 262 w 412"/>
                  <a:gd name="T25" fmla="*/ 78 h 469"/>
                  <a:gd name="T26" fmla="*/ 275 w 412"/>
                  <a:gd name="T27" fmla="*/ 76 h 469"/>
                  <a:gd name="T28" fmla="*/ 279 w 412"/>
                  <a:gd name="T29" fmla="*/ 74 h 469"/>
                  <a:gd name="T30" fmla="*/ 297 w 412"/>
                  <a:gd name="T31" fmla="*/ 56 h 469"/>
                  <a:gd name="T32" fmla="*/ 326 w 412"/>
                  <a:gd name="T33" fmla="*/ 32 h 469"/>
                  <a:gd name="T34" fmla="*/ 363 w 412"/>
                  <a:gd name="T35" fmla="*/ 7 h 469"/>
                  <a:gd name="T36" fmla="*/ 412 w 412"/>
                  <a:gd name="T37" fmla="*/ 166 h 469"/>
                  <a:gd name="T38" fmla="*/ 404 w 412"/>
                  <a:gd name="T39" fmla="*/ 176 h 469"/>
                  <a:gd name="T40" fmla="*/ 409 w 412"/>
                  <a:gd name="T41" fmla="*/ 206 h 469"/>
                  <a:gd name="T42" fmla="*/ 404 w 412"/>
                  <a:gd name="T43" fmla="*/ 221 h 469"/>
                  <a:gd name="T44" fmla="*/ 401 w 412"/>
                  <a:gd name="T45" fmla="*/ 255 h 469"/>
                  <a:gd name="T46" fmla="*/ 399 w 412"/>
                  <a:gd name="T47" fmla="*/ 271 h 469"/>
                  <a:gd name="T48" fmla="*/ 401 w 412"/>
                  <a:gd name="T49" fmla="*/ 281 h 469"/>
                  <a:gd name="T50" fmla="*/ 390 w 412"/>
                  <a:gd name="T51" fmla="*/ 303 h 469"/>
                  <a:gd name="T52" fmla="*/ 382 w 412"/>
                  <a:gd name="T53" fmla="*/ 313 h 469"/>
                  <a:gd name="T54" fmla="*/ 368 w 412"/>
                  <a:gd name="T55" fmla="*/ 330 h 469"/>
                  <a:gd name="T56" fmla="*/ 365 w 412"/>
                  <a:gd name="T57" fmla="*/ 333 h 469"/>
                  <a:gd name="T58" fmla="*/ 351 w 412"/>
                  <a:gd name="T59" fmla="*/ 337 h 469"/>
                  <a:gd name="T60" fmla="*/ 326 w 412"/>
                  <a:gd name="T61" fmla="*/ 382 h 469"/>
                  <a:gd name="T62" fmla="*/ 324 w 412"/>
                  <a:gd name="T63" fmla="*/ 391 h 469"/>
                  <a:gd name="T64" fmla="*/ 314 w 412"/>
                  <a:gd name="T65" fmla="*/ 399 h 469"/>
                  <a:gd name="T66" fmla="*/ 307 w 412"/>
                  <a:gd name="T67" fmla="*/ 387 h 469"/>
                  <a:gd name="T68" fmla="*/ 297 w 412"/>
                  <a:gd name="T69" fmla="*/ 391 h 469"/>
                  <a:gd name="T70" fmla="*/ 296 w 412"/>
                  <a:gd name="T71" fmla="*/ 404 h 469"/>
                  <a:gd name="T72" fmla="*/ 291 w 412"/>
                  <a:gd name="T73" fmla="*/ 416 h 469"/>
                  <a:gd name="T74" fmla="*/ 292 w 412"/>
                  <a:gd name="T75" fmla="*/ 441 h 469"/>
                  <a:gd name="T76" fmla="*/ 285 w 412"/>
                  <a:gd name="T77" fmla="*/ 453 h 469"/>
                  <a:gd name="T78" fmla="*/ 263 w 412"/>
                  <a:gd name="T79" fmla="*/ 469 h 469"/>
                  <a:gd name="T80" fmla="*/ 257 w 412"/>
                  <a:gd name="T81" fmla="*/ 462 h 469"/>
                  <a:gd name="T82" fmla="*/ 241 w 412"/>
                  <a:gd name="T83" fmla="*/ 450 h 469"/>
                  <a:gd name="T84" fmla="*/ 231 w 412"/>
                  <a:gd name="T85" fmla="*/ 452 h 469"/>
                  <a:gd name="T86" fmla="*/ 226 w 412"/>
                  <a:gd name="T87" fmla="*/ 435 h 469"/>
                  <a:gd name="T88" fmla="*/ 204 w 412"/>
                  <a:gd name="T89" fmla="*/ 445 h 469"/>
                  <a:gd name="T90" fmla="*/ 194 w 412"/>
                  <a:gd name="T91" fmla="*/ 453 h 469"/>
                  <a:gd name="T92" fmla="*/ 172 w 412"/>
                  <a:gd name="T93" fmla="*/ 450 h 469"/>
                  <a:gd name="T94" fmla="*/ 169 w 412"/>
                  <a:gd name="T95" fmla="*/ 448 h 469"/>
                  <a:gd name="T96" fmla="*/ 157 w 412"/>
                  <a:gd name="T97" fmla="*/ 452 h 469"/>
                  <a:gd name="T98" fmla="*/ 147 w 412"/>
                  <a:gd name="T99" fmla="*/ 455 h 469"/>
                  <a:gd name="T100" fmla="*/ 98 w 412"/>
                  <a:gd name="T101" fmla="*/ 441 h 469"/>
                  <a:gd name="T102" fmla="*/ 96 w 412"/>
                  <a:gd name="T103" fmla="*/ 433 h 469"/>
                  <a:gd name="T104" fmla="*/ 72 w 412"/>
                  <a:gd name="T105" fmla="*/ 416 h 469"/>
                  <a:gd name="T106" fmla="*/ 55 w 412"/>
                  <a:gd name="T107" fmla="*/ 414 h 469"/>
                  <a:gd name="T108" fmla="*/ 38 w 412"/>
                  <a:gd name="T109" fmla="*/ 414 h 469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w 412"/>
                  <a:gd name="T166" fmla="*/ 0 h 469"/>
                  <a:gd name="T167" fmla="*/ 412 w 412"/>
                  <a:gd name="T168" fmla="*/ 469 h 469"/>
                </a:gdLst>
                <a:ahLst/>
                <a:cxnLst>
                  <a:cxn ang="T110">
                    <a:pos x="T0" y="T1"/>
                  </a:cxn>
                  <a:cxn ang="T111">
                    <a:pos x="T2" y="T3"/>
                  </a:cxn>
                  <a:cxn ang="T112">
                    <a:pos x="T4" y="T5"/>
                  </a:cxn>
                  <a:cxn ang="T113">
                    <a:pos x="T6" y="T7"/>
                  </a:cxn>
                  <a:cxn ang="T114">
                    <a:pos x="T8" y="T9"/>
                  </a:cxn>
                  <a:cxn ang="T115">
                    <a:pos x="T10" y="T11"/>
                  </a:cxn>
                  <a:cxn ang="T116">
                    <a:pos x="T12" y="T13"/>
                  </a:cxn>
                  <a:cxn ang="T117">
                    <a:pos x="T14" y="T15"/>
                  </a:cxn>
                  <a:cxn ang="T118">
                    <a:pos x="T16" y="T17"/>
                  </a:cxn>
                  <a:cxn ang="T119">
                    <a:pos x="T18" y="T19"/>
                  </a:cxn>
                  <a:cxn ang="T120">
                    <a:pos x="T20" y="T21"/>
                  </a:cxn>
                  <a:cxn ang="T121">
                    <a:pos x="T22" y="T23"/>
                  </a:cxn>
                  <a:cxn ang="T122">
                    <a:pos x="T24" y="T25"/>
                  </a:cxn>
                  <a:cxn ang="T123">
                    <a:pos x="T26" y="T27"/>
                  </a:cxn>
                  <a:cxn ang="T124">
                    <a:pos x="T28" y="T29"/>
                  </a:cxn>
                  <a:cxn ang="T125">
                    <a:pos x="T30" y="T31"/>
                  </a:cxn>
                  <a:cxn ang="T126">
                    <a:pos x="T32" y="T33"/>
                  </a:cxn>
                  <a:cxn ang="T127">
                    <a:pos x="T34" y="T35"/>
                  </a:cxn>
                  <a:cxn ang="T128">
                    <a:pos x="T36" y="T37"/>
                  </a:cxn>
                  <a:cxn ang="T129">
                    <a:pos x="T38" y="T39"/>
                  </a:cxn>
                  <a:cxn ang="T130">
                    <a:pos x="T40" y="T41"/>
                  </a:cxn>
                  <a:cxn ang="T131">
                    <a:pos x="T42" y="T43"/>
                  </a:cxn>
                  <a:cxn ang="T132">
                    <a:pos x="T44" y="T45"/>
                  </a:cxn>
                  <a:cxn ang="T133">
                    <a:pos x="T46" y="T47"/>
                  </a:cxn>
                  <a:cxn ang="T134">
                    <a:pos x="T48" y="T49"/>
                  </a:cxn>
                  <a:cxn ang="T135">
                    <a:pos x="T50" y="T51"/>
                  </a:cxn>
                  <a:cxn ang="T136">
                    <a:pos x="T52" y="T53"/>
                  </a:cxn>
                  <a:cxn ang="T137">
                    <a:pos x="T54" y="T55"/>
                  </a:cxn>
                  <a:cxn ang="T138">
                    <a:pos x="T56" y="T57"/>
                  </a:cxn>
                  <a:cxn ang="T139">
                    <a:pos x="T58" y="T59"/>
                  </a:cxn>
                  <a:cxn ang="T140">
                    <a:pos x="T60" y="T61"/>
                  </a:cxn>
                  <a:cxn ang="T141">
                    <a:pos x="T62" y="T63"/>
                  </a:cxn>
                  <a:cxn ang="T142">
                    <a:pos x="T64" y="T65"/>
                  </a:cxn>
                  <a:cxn ang="T143">
                    <a:pos x="T66" y="T67"/>
                  </a:cxn>
                  <a:cxn ang="T144">
                    <a:pos x="T68" y="T69"/>
                  </a:cxn>
                  <a:cxn ang="T145">
                    <a:pos x="T70" y="T71"/>
                  </a:cxn>
                  <a:cxn ang="T146">
                    <a:pos x="T72" y="T73"/>
                  </a:cxn>
                  <a:cxn ang="T147">
                    <a:pos x="T74" y="T75"/>
                  </a:cxn>
                  <a:cxn ang="T148">
                    <a:pos x="T76" y="T77"/>
                  </a:cxn>
                  <a:cxn ang="T149">
                    <a:pos x="T78" y="T79"/>
                  </a:cxn>
                  <a:cxn ang="T150">
                    <a:pos x="T80" y="T81"/>
                  </a:cxn>
                  <a:cxn ang="T151">
                    <a:pos x="T82" y="T83"/>
                  </a:cxn>
                  <a:cxn ang="T152">
                    <a:pos x="T84" y="T85"/>
                  </a:cxn>
                  <a:cxn ang="T153">
                    <a:pos x="T86" y="T87"/>
                  </a:cxn>
                  <a:cxn ang="T154">
                    <a:pos x="T88" y="T89"/>
                  </a:cxn>
                  <a:cxn ang="T155">
                    <a:pos x="T90" y="T91"/>
                  </a:cxn>
                  <a:cxn ang="T156">
                    <a:pos x="T92" y="T93"/>
                  </a:cxn>
                  <a:cxn ang="T157">
                    <a:pos x="T94" y="T95"/>
                  </a:cxn>
                  <a:cxn ang="T158">
                    <a:pos x="T96" y="T97"/>
                  </a:cxn>
                  <a:cxn ang="T159">
                    <a:pos x="T98" y="T99"/>
                  </a:cxn>
                  <a:cxn ang="T160">
                    <a:pos x="T100" y="T101"/>
                  </a:cxn>
                  <a:cxn ang="T161">
                    <a:pos x="T102" y="T103"/>
                  </a:cxn>
                  <a:cxn ang="T162">
                    <a:pos x="T104" y="T105"/>
                  </a:cxn>
                  <a:cxn ang="T163">
                    <a:pos x="T106" y="T107"/>
                  </a:cxn>
                  <a:cxn ang="T164">
                    <a:pos x="T108" y="T109"/>
                  </a:cxn>
                </a:cxnLst>
                <a:rect l="T165" t="T166" r="T167" b="T168"/>
                <a:pathLst>
                  <a:path w="412" h="469">
                    <a:moveTo>
                      <a:pt x="0" y="96"/>
                    </a:moveTo>
                    <a:lnTo>
                      <a:pt x="116" y="78"/>
                    </a:lnTo>
                    <a:lnTo>
                      <a:pt x="118" y="78"/>
                    </a:lnTo>
                    <a:lnTo>
                      <a:pt x="121" y="76"/>
                    </a:lnTo>
                    <a:lnTo>
                      <a:pt x="125" y="74"/>
                    </a:lnTo>
                    <a:lnTo>
                      <a:pt x="126" y="73"/>
                    </a:lnTo>
                    <a:lnTo>
                      <a:pt x="128" y="73"/>
                    </a:lnTo>
                    <a:lnTo>
                      <a:pt x="130" y="73"/>
                    </a:lnTo>
                    <a:lnTo>
                      <a:pt x="135" y="73"/>
                    </a:lnTo>
                    <a:lnTo>
                      <a:pt x="140" y="73"/>
                    </a:lnTo>
                    <a:lnTo>
                      <a:pt x="145" y="74"/>
                    </a:lnTo>
                    <a:lnTo>
                      <a:pt x="152" y="78"/>
                    </a:lnTo>
                    <a:lnTo>
                      <a:pt x="159" y="81"/>
                    </a:lnTo>
                    <a:lnTo>
                      <a:pt x="164" y="86"/>
                    </a:lnTo>
                    <a:lnTo>
                      <a:pt x="174" y="86"/>
                    </a:lnTo>
                    <a:lnTo>
                      <a:pt x="181" y="79"/>
                    </a:lnTo>
                    <a:lnTo>
                      <a:pt x="191" y="84"/>
                    </a:lnTo>
                    <a:lnTo>
                      <a:pt x="177" y="91"/>
                    </a:lnTo>
                    <a:lnTo>
                      <a:pt x="169" y="100"/>
                    </a:lnTo>
                    <a:lnTo>
                      <a:pt x="170" y="100"/>
                    </a:lnTo>
                    <a:lnTo>
                      <a:pt x="174" y="100"/>
                    </a:lnTo>
                    <a:lnTo>
                      <a:pt x="177" y="100"/>
                    </a:lnTo>
                    <a:lnTo>
                      <a:pt x="182" y="100"/>
                    </a:lnTo>
                    <a:lnTo>
                      <a:pt x="186" y="98"/>
                    </a:lnTo>
                    <a:lnTo>
                      <a:pt x="191" y="95"/>
                    </a:lnTo>
                    <a:lnTo>
                      <a:pt x="196" y="91"/>
                    </a:lnTo>
                    <a:lnTo>
                      <a:pt x="196" y="93"/>
                    </a:lnTo>
                    <a:lnTo>
                      <a:pt x="198" y="93"/>
                    </a:lnTo>
                    <a:lnTo>
                      <a:pt x="201" y="95"/>
                    </a:lnTo>
                    <a:lnTo>
                      <a:pt x="206" y="96"/>
                    </a:lnTo>
                    <a:lnTo>
                      <a:pt x="209" y="98"/>
                    </a:lnTo>
                    <a:lnTo>
                      <a:pt x="214" y="98"/>
                    </a:lnTo>
                    <a:lnTo>
                      <a:pt x="219" y="96"/>
                    </a:lnTo>
                    <a:lnTo>
                      <a:pt x="226" y="91"/>
                    </a:lnTo>
                    <a:lnTo>
                      <a:pt x="230" y="91"/>
                    </a:lnTo>
                    <a:lnTo>
                      <a:pt x="231" y="89"/>
                    </a:lnTo>
                    <a:lnTo>
                      <a:pt x="236" y="88"/>
                    </a:lnTo>
                    <a:lnTo>
                      <a:pt x="240" y="86"/>
                    </a:lnTo>
                    <a:lnTo>
                      <a:pt x="245" y="84"/>
                    </a:lnTo>
                    <a:lnTo>
                      <a:pt x="250" y="81"/>
                    </a:lnTo>
                    <a:lnTo>
                      <a:pt x="253" y="78"/>
                    </a:lnTo>
                    <a:lnTo>
                      <a:pt x="255" y="78"/>
                    </a:lnTo>
                    <a:lnTo>
                      <a:pt x="258" y="78"/>
                    </a:lnTo>
                    <a:lnTo>
                      <a:pt x="262" y="78"/>
                    </a:lnTo>
                    <a:lnTo>
                      <a:pt x="265" y="76"/>
                    </a:lnTo>
                    <a:lnTo>
                      <a:pt x="270" y="76"/>
                    </a:lnTo>
                    <a:lnTo>
                      <a:pt x="274" y="76"/>
                    </a:lnTo>
                    <a:lnTo>
                      <a:pt x="275" y="76"/>
                    </a:lnTo>
                    <a:lnTo>
                      <a:pt x="277" y="76"/>
                    </a:lnTo>
                    <a:lnTo>
                      <a:pt x="279" y="74"/>
                    </a:lnTo>
                    <a:lnTo>
                      <a:pt x="282" y="71"/>
                    </a:lnTo>
                    <a:lnTo>
                      <a:pt x="285" y="67"/>
                    </a:lnTo>
                    <a:lnTo>
                      <a:pt x="291" y="62"/>
                    </a:lnTo>
                    <a:lnTo>
                      <a:pt x="297" y="56"/>
                    </a:lnTo>
                    <a:lnTo>
                      <a:pt x="302" y="51"/>
                    </a:lnTo>
                    <a:lnTo>
                      <a:pt x="311" y="44"/>
                    </a:lnTo>
                    <a:lnTo>
                      <a:pt x="318" y="37"/>
                    </a:lnTo>
                    <a:lnTo>
                      <a:pt x="326" y="32"/>
                    </a:lnTo>
                    <a:lnTo>
                      <a:pt x="335" y="25"/>
                    </a:lnTo>
                    <a:lnTo>
                      <a:pt x="345" y="18"/>
                    </a:lnTo>
                    <a:lnTo>
                      <a:pt x="353" y="12"/>
                    </a:lnTo>
                    <a:lnTo>
                      <a:pt x="363" y="7"/>
                    </a:lnTo>
                    <a:lnTo>
                      <a:pt x="372" y="3"/>
                    </a:lnTo>
                    <a:lnTo>
                      <a:pt x="382" y="0"/>
                    </a:lnTo>
                    <a:lnTo>
                      <a:pt x="380" y="0"/>
                    </a:lnTo>
                    <a:lnTo>
                      <a:pt x="412" y="166"/>
                    </a:lnTo>
                    <a:lnTo>
                      <a:pt x="401" y="169"/>
                    </a:lnTo>
                    <a:lnTo>
                      <a:pt x="402" y="171"/>
                    </a:lnTo>
                    <a:lnTo>
                      <a:pt x="404" y="176"/>
                    </a:lnTo>
                    <a:lnTo>
                      <a:pt x="406" y="181"/>
                    </a:lnTo>
                    <a:lnTo>
                      <a:pt x="407" y="189"/>
                    </a:lnTo>
                    <a:lnTo>
                      <a:pt x="409" y="198"/>
                    </a:lnTo>
                    <a:lnTo>
                      <a:pt x="409" y="206"/>
                    </a:lnTo>
                    <a:lnTo>
                      <a:pt x="409" y="213"/>
                    </a:lnTo>
                    <a:lnTo>
                      <a:pt x="406" y="218"/>
                    </a:lnTo>
                    <a:lnTo>
                      <a:pt x="404" y="221"/>
                    </a:lnTo>
                    <a:lnTo>
                      <a:pt x="404" y="227"/>
                    </a:lnTo>
                    <a:lnTo>
                      <a:pt x="402" y="235"/>
                    </a:lnTo>
                    <a:lnTo>
                      <a:pt x="401" y="245"/>
                    </a:lnTo>
                    <a:lnTo>
                      <a:pt x="401" y="255"/>
                    </a:lnTo>
                    <a:lnTo>
                      <a:pt x="399" y="262"/>
                    </a:lnTo>
                    <a:lnTo>
                      <a:pt x="399" y="269"/>
                    </a:lnTo>
                    <a:lnTo>
                      <a:pt x="399" y="271"/>
                    </a:lnTo>
                    <a:lnTo>
                      <a:pt x="399" y="272"/>
                    </a:lnTo>
                    <a:lnTo>
                      <a:pt x="399" y="274"/>
                    </a:lnTo>
                    <a:lnTo>
                      <a:pt x="401" y="277"/>
                    </a:lnTo>
                    <a:lnTo>
                      <a:pt x="401" y="281"/>
                    </a:lnTo>
                    <a:lnTo>
                      <a:pt x="401" y="286"/>
                    </a:lnTo>
                    <a:lnTo>
                      <a:pt x="399" y="291"/>
                    </a:lnTo>
                    <a:lnTo>
                      <a:pt x="395" y="296"/>
                    </a:lnTo>
                    <a:lnTo>
                      <a:pt x="390" y="303"/>
                    </a:lnTo>
                    <a:lnTo>
                      <a:pt x="389" y="304"/>
                    </a:lnTo>
                    <a:lnTo>
                      <a:pt x="387" y="308"/>
                    </a:lnTo>
                    <a:lnTo>
                      <a:pt x="382" y="313"/>
                    </a:lnTo>
                    <a:lnTo>
                      <a:pt x="379" y="316"/>
                    </a:lnTo>
                    <a:lnTo>
                      <a:pt x="375" y="321"/>
                    </a:lnTo>
                    <a:lnTo>
                      <a:pt x="370" y="326"/>
                    </a:lnTo>
                    <a:lnTo>
                      <a:pt x="368" y="330"/>
                    </a:lnTo>
                    <a:lnTo>
                      <a:pt x="367" y="330"/>
                    </a:lnTo>
                    <a:lnTo>
                      <a:pt x="367" y="331"/>
                    </a:lnTo>
                    <a:lnTo>
                      <a:pt x="365" y="333"/>
                    </a:lnTo>
                    <a:lnTo>
                      <a:pt x="362" y="335"/>
                    </a:lnTo>
                    <a:lnTo>
                      <a:pt x="358" y="335"/>
                    </a:lnTo>
                    <a:lnTo>
                      <a:pt x="355" y="337"/>
                    </a:lnTo>
                    <a:lnTo>
                      <a:pt x="351" y="337"/>
                    </a:lnTo>
                    <a:lnTo>
                      <a:pt x="350" y="335"/>
                    </a:lnTo>
                    <a:lnTo>
                      <a:pt x="350" y="333"/>
                    </a:lnTo>
                    <a:lnTo>
                      <a:pt x="328" y="355"/>
                    </a:lnTo>
                    <a:lnTo>
                      <a:pt x="326" y="382"/>
                    </a:lnTo>
                    <a:lnTo>
                      <a:pt x="324" y="382"/>
                    </a:lnTo>
                    <a:lnTo>
                      <a:pt x="324" y="387"/>
                    </a:lnTo>
                    <a:lnTo>
                      <a:pt x="324" y="391"/>
                    </a:lnTo>
                    <a:lnTo>
                      <a:pt x="323" y="396"/>
                    </a:lnTo>
                    <a:lnTo>
                      <a:pt x="319" y="399"/>
                    </a:lnTo>
                    <a:lnTo>
                      <a:pt x="318" y="401"/>
                    </a:lnTo>
                    <a:lnTo>
                      <a:pt x="314" y="399"/>
                    </a:lnTo>
                    <a:lnTo>
                      <a:pt x="311" y="391"/>
                    </a:lnTo>
                    <a:lnTo>
                      <a:pt x="309" y="389"/>
                    </a:lnTo>
                    <a:lnTo>
                      <a:pt x="307" y="387"/>
                    </a:lnTo>
                    <a:lnTo>
                      <a:pt x="306" y="387"/>
                    </a:lnTo>
                    <a:lnTo>
                      <a:pt x="302" y="387"/>
                    </a:lnTo>
                    <a:lnTo>
                      <a:pt x="301" y="387"/>
                    </a:lnTo>
                    <a:lnTo>
                      <a:pt x="297" y="391"/>
                    </a:lnTo>
                    <a:lnTo>
                      <a:pt x="297" y="396"/>
                    </a:lnTo>
                    <a:lnTo>
                      <a:pt x="296" y="404"/>
                    </a:lnTo>
                    <a:lnTo>
                      <a:pt x="296" y="408"/>
                    </a:lnTo>
                    <a:lnTo>
                      <a:pt x="294" y="409"/>
                    </a:lnTo>
                    <a:lnTo>
                      <a:pt x="292" y="413"/>
                    </a:lnTo>
                    <a:lnTo>
                      <a:pt x="291" y="416"/>
                    </a:lnTo>
                    <a:lnTo>
                      <a:pt x="291" y="418"/>
                    </a:lnTo>
                    <a:lnTo>
                      <a:pt x="289" y="419"/>
                    </a:lnTo>
                    <a:lnTo>
                      <a:pt x="292" y="441"/>
                    </a:lnTo>
                    <a:lnTo>
                      <a:pt x="291" y="443"/>
                    </a:lnTo>
                    <a:lnTo>
                      <a:pt x="289" y="447"/>
                    </a:lnTo>
                    <a:lnTo>
                      <a:pt x="285" y="453"/>
                    </a:lnTo>
                    <a:lnTo>
                      <a:pt x="280" y="458"/>
                    </a:lnTo>
                    <a:lnTo>
                      <a:pt x="275" y="463"/>
                    </a:lnTo>
                    <a:lnTo>
                      <a:pt x="270" y="467"/>
                    </a:lnTo>
                    <a:lnTo>
                      <a:pt x="263" y="469"/>
                    </a:lnTo>
                    <a:lnTo>
                      <a:pt x="260" y="465"/>
                    </a:lnTo>
                    <a:lnTo>
                      <a:pt x="258" y="463"/>
                    </a:lnTo>
                    <a:lnTo>
                      <a:pt x="257" y="462"/>
                    </a:lnTo>
                    <a:lnTo>
                      <a:pt x="253" y="458"/>
                    </a:lnTo>
                    <a:lnTo>
                      <a:pt x="250" y="455"/>
                    </a:lnTo>
                    <a:lnTo>
                      <a:pt x="245" y="452"/>
                    </a:lnTo>
                    <a:lnTo>
                      <a:pt x="241" y="450"/>
                    </a:lnTo>
                    <a:lnTo>
                      <a:pt x="236" y="450"/>
                    </a:lnTo>
                    <a:lnTo>
                      <a:pt x="233" y="453"/>
                    </a:lnTo>
                    <a:lnTo>
                      <a:pt x="231" y="452"/>
                    </a:lnTo>
                    <a:lnTo>
                      <a:pt x="231" y="448"/>
                    </a:lnTo>
                    <a:lnTo>
                      <a:pt x="231" y="443"/>
                    </a:lnTo>
                    <a:lnTo>
                      <a:pt x="230" y="438"/>
                    </a:lnTo>
                    <a:lnTo>
                      <a:pt x="226" y="435"/>
                    </a:lnTo>
                    <a:lnTo>
                      <a:pt x="221" y="433"/>
                    </a:lnTo>
                    <a:lnTo>
                      <a:pt x="214" y="436"/>
                    </a:lnTo>
                    <a:lnTo>
                      <a:pt x="204" y="445"/>
                    </a:lnTo>
                    <a:lnTo>
                      <a:pt x="203" y="447"/>
                    </a:lnTo>
                    <a:lnTo>
                      <a:pt x="201" y="448"/>
                    </a:lnTo>
                    <a:lnTo>
                      <a:pt x="198" y="452"/>
                    </a:lnTo>
                    <a:lnTo>
                      <a:pt x="194" y="453"/>
                    </a:lnTo>
                    <a:lnTo>
                      <a:pt x="189" y="455"/>
                    </a:lnTo>
                    <a:lnTo>
                      <a:pt x="184" y="457"/>
                    </a:lnTo>
                    <a:lnTo>
                      <a:pt x="177" y="453"/>
                    </a:lnTo>
                    <a:lnTo>
                      <a:pt x="172" y="450"/>
                    </a:lnTo>
                    <a:lnTo>
                      <a:pt x="170" y="448"/>
                    </a:lnTo>
                    <a:lnTo>
                      <a:pt x="169" y="448"/>
                    </a:lnTo>
                    <a:lnTo>
                      <a:pt x="167" y="447"/>
                    </a:lnTo>
                    <a:lnTo>
                      <a:pt x="164" y="448"/>
                    </a:lnTo>
                    <a:lnTo>
                      <a:pt x="160" y="448"/>
                    </a:lnTo>
                    <a:lnTo>
                      <a:pt x="157" y="452"/>
                    </a:lnTo>
                    <a:lnTo>
                      <a:pt x="152" y="457"/>
                    </a:lnTo>
                    <a:lnTo>
                      <a:pt x="150" y="457"/>
                    </a:lnTo>
                    <a:lnTo>
                      <a:pt x="147" y="455"/>
                    </a:lnTo>
                    <a:lnTo>
                      <a:pt x="143" y="455"/>
                    </a:lnTo>
                    <a:lnTo>
                      <a:pt x="142" y="455"/>
                    </a:lnTo>
                    <a:lnTo>
                      <a:pt x="128" y="443"/>
                    </a:lnTo>
                    <a:lnTo>
                      <a:pt x="98" y="441"/>
                    </a:lnTo>
                    <a:lnTo>
                      <a:pt x="98" y="440"/>
                    </a:lnTo>
                    <a:lnTo>
                      <a:pt x="98" y="436"/>
                    </a:lnTo>
                    <a:lnTo>
                      <a:pt x="96" y="433"/>
                    </a:lnTo>
                    <a:lnTo>
                      <a:pt x="94" y="428"/>
                    </a:lnTo>
                    <a:lnTo>
                      <a:pt x="89" y="423"/>
                    </a:lnTo>
                    <a:lnTo>
                      <a:pt x="82" y="418"/>
                    </a:lnTo>
                    <a:lnTo>
                      <a:pt x="72" y="416"/>
                    </a:lnTo>
                    <a:lnTo>
                      <a:pt x="60" y="414"/>
                    </a:lnTo>
                    <a:lnTo>
                      <a:pt x="59" y="414"/>
                    </a:lnTo>
                    <a:lnTo>
                      <a:pt x="55" y="414"/>
                    </a:lnTo>
                    <a:lnTo>
                      <a:pt x="52" y="414"/>
                    </a:lnTo>
                    <a:lnTo>
                      <a:pt x="47" y="414"/>
                    </a:lnTo>
                    <a:lnTo>
                      <a:pt x="42" y="414"/>
                    </a:lnTo>
                    <a:lnTo>
                      <a:pt x="38" y="414"/>
                    </a:lnTo>
                    <a:lnTo>
                      <a:pt x="37" y="414"/>
                    </a:lnTo>
                    <a:lnTo>
                      <a:pt x="35" y="414"/>
                    </a:lnTo>
                    <a:lnTo>
                      <a:pt x="0" y="96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52" name="Group 162"/>
            <p:cNvGrpSpPr>
              <a:grpSpLocks/>
            </p:cNvGrpSpPr>
            <p:nvPr/>
          </p:nvGrpSpPr>
          <p:grpSpPr bwMode="auto">
            <a:xfrm>
              <a:off x="3877" y="2450"/>
              <a:ext cx="847" cy="372"/>
              <a:chOff x="4106" y="2078"/>
              <a:chExt cx="870" cy="383"/>
            </a:xfrm>
          </p:grpSpPr>
          <p:sp>
            <p:nvSpPr>
              <p:cNvPr id="73" name="Freeform 163"/>
              <p:cNvSpPr>
                <a:spLocks/>
              </p:cNvSpPr>
              <p:nvPr/>
            </p:nvSpPr>
            <p:spPr bwMode="auto">
              <a:xfrm>
                <a:off x="4106" y="2082"/>
                <a:ext cx="834" cy="379"/>
              </a:xfrm>
              <a:custGeom>
                <a:avLst/>
                <a:gdLst>
                  <a:gd name="T0" fmla="*/ 650 w 834"/>
                  <a:gd name="T1" fmla="*/ 362 h 379"/>
                  <a:gd name="T2" fmla="*/ 658 w 834"/>
                  <a:gd name="T3" fmla="*/ 340 h 379"/>
                  <a:gd name="T4" fmla="*/ 663 w 834"/>
                  <a:gd name="T5" fmla="*/ 338 h 379"/>
                  <a:gd name="T6" fmla="*/ 685 w 834"/>
                  <a:gd name="T7" fmla="*/ 292 h 379"/>
                  <a:gd name="T8" fmla="*/ 701 w 834"/>
                  <a:gd name="T9" fmla="*/ 276 h 379"/>
                  <a:gd name="T10" fmla="*/ 714 w 834"/>
                  <a:gd name="T11" fmla="*/ 262 h 379"/>
                  <a:gd name="T12" fmla="*/ 758 w 834"/>
                  <a:gd name="T13" fmla="*/ 238 h 379"/>
                  <a:gd name="T14" fmla="*/ 768 w 834"/>
                  <a:gd name="T15" fmla="*/ 232 h 379"/>
                  <a:gd name="T16" fmla="*/ 780 w 834"/>
                  <a:gd name="T17" fmla="*/ 230 h 379"/>
                  <a:gd name="T18" fmla="*/ 792 w 834"/>
                  <a:gd name="T19" fmla="*/ 215 h 379"/>
                  <a:gd name="T20" fmla="*/ 794 w 834"/>
                  <a:gd name="T21" fmla="*/ 193 h 379"/>
                  <a:gd name="T22" fmla="*/ 785 w 834"/>
                  <a:gd name="T23" fmla="*/ 199 h 379"/>
                  <a:gd name="T24" fmla="*/ 780 w 834"/>
                  <a:gd name="T25" fmla="*/ 193 h 379"/>
                  <a:gd name="T26" fmla="*/ 726 w 834"/>
                  <a:gd name="T27" fmla="*/ 198 h 379"/>
                  <a:gd name="T28" fmla="*/ 758 w 834"/>
                  <a:gd name="T29" fmla="*/ 199 h 379"/>
                  <a:gd name="T30" fmla="*/ 768 w 834"/>
                  <a:gd name="T31" fmla="*/ 176 h 379"/>
                  <a:gd name="T32" fmla="*/ 740 w 834"/>
                  <a:gd name="T33" fmla="*/ 155 h 379"/>
                  <a:gd name="T34" fmla="*/ 728 w 834"/>
                  <a:gd name="T35" fmla="*/ 149 h 379"/>
                  <a:gd name="T36" fmla="*/ 748 w 834"/>
                  <a:gd name="T37" fmla="*/ 149 h 379"/>
                  <a:gd name="T38" fmla="*/ 768 w 834"/>
                  <a:gd name="T39" fmla="*/ 144 h 379"/>
                  <a:gd name="T40" fmla="*/ 784 w 834"/>
                  <a:gd name="T41" fmla="*/ 147 h 379"/>
                  <a:gd name="T42" fmla="*/ 804 w 834"/>
                  <a:gd name="T43" fmla="*/ 147 h 379"/>
                  <a:gd name="T44" fmla="*/ 828 w 834"/>
                  <a:gd name="T45" fmla="*/ 110 h 379"/>
                  <a:gd name="T46" fmla="*/ 834 w 834"/>
                  <a:gd name="T47" fmla="*/ 105 h 379"/>
                  <a:gd name="T48" fmla="*/ 824 w 834"/>
                  <a:gd name="T49" fmla="*/ 67 h 379"/>
                  <a:gd name="T50" fmla="*/ 809 w 834"/>
                  <a:gd name="T51" fmla="*/ 89 h 379"/>
                  <a:gd name="T52" fmla="*/ 806 w 834"/>
                  <a:gd name="T53" fmla="*/ 101 h 379"/>
                  <a:gd name="T54" fmla="*/ 800 w 834"/>
                  <a:gd name="T55" fmla="*/ 79 h 379"/>
                  <a:gd name="T56" fmla="*/ 778 w 834"/>
                  <a:gd name="T57" fmla="*/ 76 h 379"/>
                  <a:gd name="T58" fmla="*/ 753 w 834"/>
                  <a:gd name="T59" fmla="*/ 83 h 379"/>
                  <a:gd name="T60" fmla="*/ 724 w 834"/>
                  <a:gd name="T61" fmla="*/ 96 h 379"/>
                  <a:gd name="T62" fmla="*/ 731 w 834"/>
                  <a:gd name="T63" fmla="*/ 61 h 379"/>
                  <a:gd name="T64" fmla="*/ 762 w 834"/>
                  <a:gd name="T65" fmla="*/ 67 h 379"/>
                  <a:gd name="T66" fmla="*/ 758 w 834"/>
                  <a:gd name="T67" fmla="*/ 52 h 379"/>
                  <a:gd name="T68" fmla="*/ 789 w 834"/>
                  <a:gd name="T69" fmla="*/ 49 h 379"/>
                  <a:gd name="T70" fmla="*/ 784 w 834"/>
                  <a:gd name="T71" fmla="*/ 35 h 379"/>
                  <a:gd name="T72" fmla="*/ 802 w 834"/>
                  <a:gd name="T73" fmla="*/ 39 h 379"/>
                  <a:gd name="T74" fmla="*/ 809 w 834"/>
                  <a:gd name="T75" fmla="*/ 35 h 379"/>
                  <a:gd name="T76" fmla="*/ 692 w 834"/>
                  <a:gd name="T77" fmla="*/ 20 h 379"/>
                  <a:gd name="T78" fmla="*/ 509 w 834"/>
                  <a:gd name="T79" fmla="*/ 56 h 379"/>
                  <a:gd name="T80" fmla="*/ 366 w 834"/>
                  <a:gd name="T81" fmla="*/ 79 h 379"/>
                  <a:gd name="T82" fmla="*/ 271 w 834"/>
                  <a:gd name="T83" fmla="*/ 91 h 379"/>
                  <a:gd name="T84" fmla="*/ 230 w 834"/>
                  <a:gd name="T85" fmla="*/ 94 h 379"/>
                  <a:gd name="T86" fmla="*/ 234 w 834"/>
                  <a:gd name="T87" fmla="*/ 118 h 379"/>
                  <a:gd name="T88" fmla="*/ 212 w 834"/>
                  <a:gd name="T89" fmla="*/ 145 h 379"/>
                  <a:gd name="T90" fmla="*/ 183 w 834"/>
                  <a:gd name="T91" fmla="*/ 162 h 379"/>
                  <a:gd name="T92" fmla="*/ 149 w 834"/>
                  <a:gd name="T93" fmla="*/ 181 h 379"/>
                  <a:gd name="T94" fmla="*/ 129 w 834"/>
                  <a:gd name="T95" fmla="*/ 194 h 379"/>
                  <a:gd name="T96" fmla="*/ 117 w 834"/>
                  <a:gd name="T97" fmla="*/ 218 h 379"/>
                  <a:gd name="T98" fmla="*/ 68 w 834"/>
                  <a:gd name="T99" fmla="*/ 250 h 379"/>
                  <a:gd name="T100" fmla="*/ 27 w 834"/>
                  <a:gd name="T101" fmla="*/ 274 h 379"/>
                  <a:gd name="T102" fmla="*/ 9 w 834"/>
                  <a:gd name="T103" fmla="*/ 299 h 379"/>
                  <a:gd name="T104" fmla="*/ 125 w 834"/>
                  <a:gd name="T105" fmla="*/ 316 h 379"/>
                  <a:gd name="T106" fmla="*/ 152 w 834"/>
                  <a:gd name="T107" fmla="*/ 296 h 379"/>
                  <a:gd name="T108" fmla="*/ 210 w 834"/>
                  <a:gd name="T109" fmla="*/ 274 h 379"/>
                  <a:gd name="T110" fmla="*/ 333 w 834"/>
                  <a:gd name="T111" fmla="*/ 265 h 379"/>
                  <a:gd name="T112" fmla="*/ 597 w 834"/>
                  <a:gd name="T113" fmla="*/ 379 h 379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834"/>
                  <a:gd name="T172" fmla="*/ 0 h 379"/>
                  <a:gd name="T173" fmla="*/ 834 w 834"/>
                  <a:gd name="T174" fmla="*/ 379 h 379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834" h="379">
                    <a:moveTo>
                      <a:pt x="604" y="377"/>
                    </a:moveTo>
                    <a:lnTo>
                      <a:pt x="618" y="369"/>
                    </a:lnTo>
                    <a:lnTo>
                      <a:pt x="628" y="362"/>
                    </a:lnTo>
                    <a:lnTo>
                      <a:pt x="636" y="360"/>
                    </a:lnTo>
                    <a:lnTo>
                      <a:pt x="643" y="360"/>
                    </a:lnTo>
                    <a:lnTo>
                      <a:pt x="648" y="360"/>
                    </a:lnTo>
                    <a:lnTo>
                      <a:pt x="650" y="362"/>
                    </a:lnTo>
                    <a:lnTo>
                      <a:pt x="653" y="364"/>
                    </a:lnTo>
                    <a:lnTo>
                      <a:pt x="653" y="365"/>
                    </a:lnTo>
                    <a:lnTo>
                      <a:pt x="653" y="333"/>
                    </a:lnTo>
                    <a:lnTo>
                      <a:pt x="657" y="333"/>
                    </a:lnTo>
                    <a:lnTo>
                      <a:pt x="658" y="335"/>
                    </a:lnTo>
                    <a:lnTo>
                      <a:pt x="658" y="338"/>
                    </a:lnTo>
                    <a:lnTo>
                      <a:pt x="658" y="340"/>
                    </a:lnTo>
                    <a:lnTo>
                      <a:pt x="660" y="345"/>
                    </a:lnTo>
                    <a:lnTo>
                      <a:pt x="662" y="348"/>
                    </a:lnTo>
                    <a:lnTo>
                      <a:pt x="662" y="352"/>
                    </a:lnTo>
                    <a:lnTo>
                      <a:pt x="662" y="353"/>
                    </a:lnTo>
                    <a:lnTo>
                      <a:pt x="663" y="345"/>
                    </a:lnTo>
                    <a:lnTo>
                      <a:pt x="663" y="338"/>
                    </a:lnTo>
                    <a:lnTo>
                      <a:pt x="667" y="330"/>
                    </a:lnTo>
                    <a:lnTo>
                      <a:pt x="668" y="323"/>
                    </a:lnTo>
                    <a:lnTo>
                      <a:pt x="672" y="316"/>
                    </a:lnTo>
                    <a:lnTo>
                      <a:pt x="675" y="309"/>
                    </a:lnTo>
                    <a:lnTo>
                      <a:pt x="679" y="303"/>
                    </a:lnTo>
                    <a:lnTo>
                      <a:pt x="682" y="298"/>
                    </a:lnTo>
                    <a:lnTo>
                      <a:pt x="685" y="292"/>
                    </a:lnTo>
                    <a:lnTo>
                      <a:pt x="689" y="289"/>
                    </a:lnTo>
                    <a:lnTo>
                      <a:pt x="692" y="286"/>
                    </a:lnTo>
                    <a:lnTo>
                      <a:pt x="696" y="282"/>
                    </a:lnTo>
                    <a:lnTo>
                      <a:pt x="697" y="279"/>
                    </a:lnTo>
                    <a:lnTo>
                      <a:pt x="699" y="277"/>
                    </a:lnTo>
                    <a:lnTo>
                      <a:pt x="701" y="277"/>
                    </a:lnTo>
                    <a:lnTo>
                      <a:pt x="701" y="276"/>
                    </a:lnTo>
                    <a:lnTo>
                      <a:pt x="696" y="267"/>
                    </a:lnTo>
                    <a:lnTo>
                      <a:pt x="702" y="262"/>
                    </a:lnTo>
                    <a:lnTo>
                      <a:pt x="702" y="264"/>
                    </a:lnTo>
                    <a:lnTo>
                      <a:pt x="704" y="267"/>
                    </a:lnTo>
                    <a:lnTo>
                      <a:pt x="706" y="270"/>
                    </a:lnTo>
                    <a:lnTo>
                      <a:pt x="707" y="270"/>
                    </a:lnTo>
                    <a:lnTo>
                      <a:pt x="714" y="262"/>
                    </a:lnTo>
                    <a:lnTo>
                      <a:pt x="721" y="254"/>
                    </a:lnTo>
                    <a:lnTo>
                      <a:pt x="729" y="248"/>
                    </a:lnTo>
                    <a:lnTo>
                      <a:pt x="738" y="243"/>
                    </a:lnTo>
                    <a:lnTo>
                      <a:pt x="745" y="242"/>
                    </a:lnTo>
                    <a:lnTo>
                      <a:pt x="751" y="240"/>
                    </a:lnTo>
                    <a:lnTo>
                      <a:pt x="756" y="238"/>
                    </a:lnTo>
                    <a:lnTo>
                      <a:pt x="758" y="238"/>
                    </a:lnTo>
                    <a:lnTo>
                      <a:pt x="758" y="232"/>
                    </a:lnTo>
                    <a:lnTo>
                      <a:pt x="760" y="230"/>
                    </a:lnTo>
                    <a:lnTo>
                      <a:pt x="762" y="228"/>
                    </a:lnTo>
                    <a:lnTo>
                      <a:pt x="763" y="228"/>
                    </a:lnTo>
                    <a:lnTo>
                      <a:pt x="765" y="230"/>
                    </a:lnTo>
                    <a:lnTo>
                      <a:pt x="767" y="230"/>
                    </a:lnTo>
                    <a:lnTo>
                      <a:pt x="768" y="232"/>
                    </a:lnTo>
                    <a:lnTo>
                      <a:pt x="768" y="233"/>
                    </a:lnTo>
                    <a:lnTo>
                      <a:pt x="770" y="230"/>
                    </a:lnTo>
                    <a:lnTo>
                      <a:pt x="772" y="228"/>
                    </a:lnTo>
                    <a:lnTo>
                      <a:pt x="773" y="226"/>
                    </a:lnTo>
                    <a:lnTo>
                      <a:pt x="775" y="228"/>
                    </a:lnTo>
                    <a:lnTo>
                      <a:pt x="778" y="228"/>
                    </a:lnTo>
                    <a:lnTo>
                      <a:pt x="780" y="230"/>
                    </a:lnTo>
                    <a:lnTo>
                      <a:pt x="782" y="230"/>
                    </a:lnTo>
                    <a:lnTo>
                      <a:pt x="784" y="230"/>
                    </a:lnTo>
                    <a:lnTo>
                      <a:pt x="785" y="226"/>
                    </a:lnTo>
                    <a:lnTo>
                      <a:pt x="787" y="223"/>
                    </a:lnTo>
                    <a:lnTo>
                      <a:pt x="790" y="218"/>
                    </a:lnTo>
                    <a:lnTo>
                      <a:pt x="792" y="215"/>
                    </a:lnTo>
                    <a:lnTo>
                      <a:pt x="795" y="210"/>
                    </a:lnTo>
                    <a:lnTo>
                      <a:pt x="797" y="208"/>
                    </a:lnTo>
                    <a:lnTo>
                      <a:pt x="797" y="204"/>
                    </a:lnTo>
                    <a:lnTo>
                      <a:pt x="797" y="196"/>
                    </a:lnTo>
                    <a:lnTo>
                      <a:pt x="795" y="193"/>
                    </a:lnTo>
                    <a:lnTo>
                      <a:pt x="795" y="191"/>
                    </a:lnTo>
                    <a:lnTo>
                      <a:pt x="794" y="193"/>
                    </a:lnTo>
                    <a:lnTo>
                      <a:pt x="792" y="194"/>
                    </a:lnTo>
                    <a:lnTo>
                      <a:pt x="790" y="198"/>
                    </a:lnTo>
                    <a:lnTo>
                      <a:pt x="790" y="199"/>
                    </a:lnTo>
                    <a:lnTo>
                      <a:pt x="790" y="201"/>
                    </a:lnTo>
                    <a:lnTo>
                      <a:pt x="789" y="201"/>
                    </a:lnTo>
                    <a:lnTo>
                      <a:pt x="787" y="199"/>
                    </a:lnTo>
                    <a:lnTo>
                      <a:pt x="785" y="199"/>
                    </a:lnTo>
                    <a:lnTo>
                      <a:pt x="785" y="198"/>
                    </a:lnTo>
                    <a:lnTo>
                      <a:pt x="784" y="191"/>
                    </a:lnTo>
                    <a:lnTo>
                      <a:pt x="784" y="188"/>
                    </a:lnTo>
                    <a:lnTo>
                      <a:pt x="784" y="186"/>
                    </a:lnTo>
                    <a:lnTo>
                      <a:pt x="782" y="188"/>
                    </a:lnTo>
                    <a:lnTo>
                      <a:pt x="780" y="189"/>
                    </a:lnTo>
                    <a:lnTo>
                      <a:pt x="780" y="193"/>
                    </a:lnTo>
                    <a:lnTo>
                      <a:pt x="780" y="194"/>
                    </a:lnTo>
                    <a:lnTo>
                      <a:pt x="780" y="196"/>
                    </a:lnTo>
                    <a:lnTo>
                      <a:pt x="772" y="198"/>
                    </a:lnTo>
                    <a:lnTo>
                      <a:pt x="753" y="215"/>
                    </a:lnTo>
                    <a:lnTo>
                      <a:pt x="741" y="213"/>
                    </a:lnTo>
                    <a:lnTo>
                      <a:pt x="724" y="198"/>
                    </a:lnTo>
                    <a:lnTo>
                      <a:pt x="726" y="198"/>
                    </a:lnTo>
                    <a:lnTo>
                      <a:pt x="729" y="199"/>
                    </a:lnTo>
                    <a:lnTo>
                      <a:pt x="733" y="199"/>
                    </a:lnTo>
                    <a:lnTo>
                      <a:pt x="736" y="201"/>
                    </a:lnTo>
                    <a:lnTo>
                      <a:pt x="741" y="204"/>
                    </a:lnTo>
                    <a:lnTo>
                      <a:pt x="748" y="204"/>
                    </a:lnTo>
                    <a:lnTo>
                      <a:pt x="753" y="203"/>
                    </a:lnTo>
                    <a:lnTo>
                      <a:pt x="758" y="199"/>
                    </a:lnTo>
                    <a:lnTo>
                      <a:pt x="763" y="194"/>
                    </a:lnTo>
                    <a:lnTo>
                      <a:pt x="767" y="191"/>
                    </a:lnTo>
                    <a:lnTo>
                      <a:pt x="770" y="188"/>
                    </a:lnTo>
                    <a:lnTo>
                      <a:pt x="770" y="186"/>
                    </a:lnTo>
                    <a:lnTo>
                      <a:pt x="760" y="182"/>
                    </a:lnTo>
                    <a:lnTo>
                      <a:pt x="758" y="177"/>
                    </a:lnTo>
                    <a:lnTo>
                      <a:pt x="768" y="176"/>
                    </a:lnTo>
                    <a:lnTo>
                      <a:pt x="772" y="164"/>
                    </a:lnTo>
                    <a:lnTo>
                      <a:pt x="770" y="164"/>
                    </a:lnTo>
                    <a:lnTo>
                      <a:pt x="768" y="164"/>
                    </a:lnTo>
                    <a:lnTo>
                      <a:pt x="767" y="164"/>
                    </a:lnTo>
                    <a:lnTo>
                      <a:pt x="763" y="162"/>
                    </a:lnTo>
                    <a:lnTo>
                      <a:pt x="750" y="159"/>
                    </a:lnTo>
                    <a:lnTo>
                      <a:pt x="740" y="155"/>
                    </a:lnTo>
                    <a:lnTo>
                      <a:pt x="731" y="154"/>
                    </a:lnTo>
                    <a:lnTo>
                      <a:pt x="728" y="152"/>
                    </a:lnTo>
                    <a:lnTo>
                      <a:pt x="724" y="150"/>
                    </a:lnTo>
                    <a:lnTo>
                      <a:pt x="723" y="150"/>
                    </a:lnTo>
                    <a:lnTo>
                      <a:pt x="724" y="149"/>
                    </a:lnTo>
                    <a:lnTo>
                      <a:pt x="726" y="149"/>
                    </a:lnTo>
                    <a:lnTo>
                      <a:pt x="728" y="149"/>
                    </a:lnTo>
                    <a:lnTo>
                      <a:pt x="731" y="147"/>
                    </a:lnTo>
                    <a:lnTo>
                      <a:pt x="736" y="149"/>
                    </a:lnTo>
                    <a:lnTo>
                      <a:pt x="740" y="149"/>
                    </a:lnTo>
                    <a:lnTo>
                      <a:pt x="743" y="149"/>
                    </a:lnTo>
                    <a:lnTo>
                      <a:pt x="745" y="149"/>
                    </a:lnTo>
                    <a:lnTo>
                      <a:pt x="746" y="149"/>
                    </a:lnTo>
                    <a:lnTo>
                      <a:pt x="748" y="149"/>
                    </a:lnTo>
                    <a:lnTo>
                      <a:pt x="746" y="138"/>
                    </a:lnTo>
                    <a:lnTo>
                      <a:pt x="755" y="135"/>
                    </a:lnTo>
                    <a:lnTo>
                      <a:pt x="760" y="144"/>
                    </a:lnTo>
                    <a:lnTo>
                      <a:pt x="762" y="144"/>
                    </a:lnTo>
                    <a:lnTo>
                      <a:pt x="765" y="144"/>
                    </a:lnTo>
                    <a:lnTo>
                      <a:pt x="767" y="145"/>
                    </a:lnTo>
                    <a:lnTo>
                      <a:pt x="768" y="144"/>
                    </a:lnTo>
                    <a:lnTo>
                      <a:pt x="770" y="138"/>
                    </a:lnTo>
                    <a:lnTo>
                      <a:pt x="772" y="135"/>
                    </a:lnTo>
                    <a:lnTo>
                      <a:pt x="773" y="137"/>
                    </a:lnTo>
                    <a:lnTo>
                      <a:pt x="777" y="138"/>
                    </a:lnTo>
                    <a:lnTo>
                      <a:pt x="778" y="142"/>
                    </a:lnTo>
                    <a:lnTo>
                      <a:pt x="782" y="145"/>
                    </a:lnTo>
                    <a:lnTo>
                      <a:pt x="784" y="147"/>
                    </a:lnTo>
                    <a:lnTo>
                      <a:pt x="784" y="149"/>
                    </a:lnTo>
                    <a:lnTo>
                      <a:pt x="785" y="149"/>
                    </a:lnTo>
                    <a:lnTo>
                      <a:pt x="787" y="149"/>
                    </a:lnTo>
                    <a:lnTo>
                      <a:pt x="792" y="149"/>
                    </a:lnTo>
                    <a:lnTo>
                      <a:pt x="795" y="149"/>
                    </a:lnTo>
                    <a:lnTo>
                      <a:pt x="800" y="149"/>
                    </a:lnTo>
                    <a:lnTo>
                      <a:pt x="804" y="147"/>
                    </a:lnTo>
                    <a:lnTo>
                      <a:pt x="807" y="147"/>
                    </a:lnTo>
                    <a:lnTo>
                      <a:pt x="809" y="147"/>
                    </a:lnTo>
                    <a:lnTo>
                      <a:pt x="814" y="130"/>
                    </a:lnTo>
                    <a:lnTo>
                      <a:pt x="819" y="120"/>
                    </a:lnTo>
                    <a:lnTo>
                      <a:pt x="824" y="113"/>
                    </a:lnTo>
                    <a:lnTo>
                      <a:pt x="826" y="110"/>
                    </a:lnTo>
                    <a:lnTo>
                      <a:pt x="828" y="110"/>
                    </a:lnTo>
                    <a:lnTo>
                      <a:pt x="829" y="111"/>
                    </a:lnTo>
                    <a:lnTo>
                      <a:pt x="831" y="113"/>
                    </a:lnTo>
                    <a:lnTo>
                      <a:pt x="831" y="111"/>
                    </a:lnTo>
                    <a:lnTo>
                      <a:pt x="833" y="110"/>
                    </a:lnTo>
                    <a:lnTo>
                      <a:pt x="834" y="106"/>
                    </a:lnTo>
                    <a:lnTo>
                      <a:pt x="834" y="105"/>
                    </a:lnTo>
                    <a:lnTo>
                      <a:pt x="834" y="96"/>
                    </a:lnTo>
                    <a:lnTo>
                      <a:pt x="833" y="88"/>
                    </a:lnTo>
                    <a:lnTo>
                      <a:pt x="831" y="81"/>
                    </a:lnTo>
                    <a:lnTo>
                      <a:pt x="829" y="76"/>
                    </a:lnTo>
                    <a:lnTo>
                      <a:pt x="828" y="72"/>
                    </a:lnTo>
                    <a:lnTo>
                      <a:pt x="826" y="69"/>
                    </a:lnTo>
                    <a:lnTo>
                      <a:pt x="824" y="67"/>
                    </a:lnTo>
                    <a:lnTo>
                      <a:pt x="817" y="72"/>
                    </a:lnTo>
                    <a:lnTo>
                      <a:pt x="816" y="72"/>
                    </a:lnTo>
                    <a:lnTo>
                      <a:pt x="814" y="74"/>
                    </a:lnTo>
                    <a:lnTo>
                      <a:pt x="811" y="76"/>
                    </a:lnTo>
                    <a:lnTo>
                      <a:pt x="809" y="79"/>
                    </a:lnTo>
                    <a:lnTo>
                      <a:pt x="809" y="89"/>
                    </a:lnTo>
                    <a:lnTo>
                      <a:pt x="809" y="96"/>
                    </a:lnTo>
                    <a:lnTo>
                      <a:pt x="807" y="101"/>
                    </a:lnTo>
                    <a:lnTo>
                      <a:pt x="807" y="105"/>
                    </a:lnTo>
                    <a:lnTo>
                      <a:pt x="807" y="106"/>
                    </a:lnTo>
                    <a:lnTo>
                      <a:pt x="806" y="105"/>
                    </a:lnTo>
                    <a:lnTo>
                      <a:pt x="806" y="101"/>
                    </a:lnTo>
                    <a:lnTo>
                      <a:pt x="804" y="98"/>
                    </a:lnTo>
                    <a:lnTo>
                      <a:pt x="802" y="94"/>
                    </a:lnTo>
                    <a:lnTo>
                      <a:pt x="802" y="91"/>
                    </a:lnTo>
                    <a:lnTo>
                      <a:pt x="802" y="88"/>
                    </a:lnTo>
                    <a:lnTo>
                      <a:pt x="800" y="84"/>
                    </a:lnTo>
                    <a:lnTo>
                      <a:pt x="800" y="81"/>
                    </a:lnTo>
                    <a:lnTo>
                      <a:pt x="800" y="79"/>
                    </a:lnTo>
                    <a:lnTo>
                      <a:pt x="800" y="78"/>
                    </a:lnTo>
                    <a:lnTo>
                      <a:pt x="799" y="71"/>
                    </a:lnTo>
                    <a:lnTo>
                      <a:pt x="797" y="67"/>
                    </a:lnTo>
                    <a:lnTo>
                      <a:pt x="792" y="67"/>
                    </a:lnTo>
                    <a:lnTo>
                      <a:pt x="789" y="69"/>
                    </a:lnTo>
                    <a:lnTo>
                      <a:pt x="784" y="72"/>
                    </a:lnTo>
                    <a:lnTo>
                      <a:pt x="778" y="76"/>
                    </a:lnTo>
                    <a:lnTo>
                      <a:pt x="777" y="78"/>
                    </a:lnTo>
                    <a:lnTo>
                      <a:pt x="775" y="79"/>
                    </a:lnTo>
                    <a:lnTo>
                      <a:pt x="763" y="79"/>
                    </a:lnTo>
                    <a:lnTo>
                      <a:pt x="762" y="81"/>
                    </a:lnTo>
                    <a:lnTo>
                      <a:pt x="760" y="81"/>
                    </a:lnTo>
                    <a:lnTo>
                      <a:pt x="756" y="83"/>
                    </a:lnTo>
                    <a:lnTo>
                      <a:pt x="753" y="83"/>
                    </a:lnTo>
                    <a:lnTo>
                      <a:pt x="750" y="84"/>
                    </a:lnTo>
                    <a:lnTo>
                      <a:pt x="745" y="86"/>
                    </a:lnTo>
                    <a:lnTo>
                      <a:pt x="743" y="88"/>
                    </a:lnTo>
                    <a:lnTo>
                      <a:pt x="741" y="88"/>
                    </a:lnTo>
                    <a:lnTo>
                      <a:pt x="731" y="94"/>
                    </a:lnTo>
                    <a:lnTo>
                      <a:pt x="726" y="96"/>
                    </a:lnTo>
                    <a:lnTo>
                      <a:pt x="724" y="96"/>
                    </a:lnTo>
                    <a:lnTo>
                      <a:pt x="724" y="94"/>
                    </a:lnTo>
                    <a:lnTo>
                      <a:pt x="726" y="91"/>
                    </a:lnTo>
                    <a:lnTo>
                      <a:pt x="729" y="88"/>
                    </a:lnTo>
                    <a:lnTo>
                      <a:pt x="731" y="84"/>
                    </a:lnTo>
                    <a:lnTo>
                      <a:pt x="733" y="84"/>
                    </a:lnTo>
                    <a:lnTo>
                      <a:pt x="724" y="66"/>
                    </a:lnTo>
                    <a:lnTo>
                      <a:pt x="731" y="61"/>
                    </a:lnTo>
                    <a:lnTo>
                      <a:pt x="736" y="71"/>
                    </a:lnTo>
                    <a:lnTo>
                      <a:pt x="748" y="78"/>
                    </a:lnTo>
                    <a:lnTo>
                      <a:pt x="751" y="76"/>
                    </a:lnTo>
                    <a:lnTo>
                      <a:pt x="755" y="72"/>
                    </a:lnTo>
                    <a:lnTo>
                      <a:pt x="758" y="71"/>
                    </a:lnTo>
                    <a:lnTo>
                      <a:pt x="762" y="67"/>
                    </a:lnTo>
                    <a:lnTo>
                      <a:pt x="763" y="66"/>
                    </a:lnTo>
                    <a:lnTo>
                      <a:pt x="765" y="64"/>
                    </a:lnTo>
                    <a:lnTo>
                      <a:pt x="765" y="62"/>
                    </a:lnTo>
                    <a:lnTo>
                      <a:pt x="756" y="56"/>
                    </a:lnTo>
                    <a:lnTo>
                      <a:pt x="753" y="52"/>
                    </a:lnTo>
                    <a:lnTo>
                      <a:pt x="755" y="52"/>
                    </a:lnTo>
                    <a:lnTo>
                      <a:pt x="758" y="52"/>
                    </a:lnTo>
                    <a:lnTo>
                      <a:pt x="763" y="54"/>
                    </a:lnTo>
                    <a:lnTo>
                      <a:pt x="768" y="56"/>
                    </a:lnTo>
                    <a:lnTo>
                      <a:pt x="772" y="57"/>
                    </a:lnTo>
                    <a:lnTo>
                      <a:pt x="775" y="59"/>
                    </a:lnTo>
                    <a:lnTo>
                      <a:pt x="789" y="52"/>
                    </a:lnTo>
                    <a:lnTo>
                      <a:pt x="789" y="50"/>
                    </a:lnTo>
                    <a:lnTo>
                      <a:pt x="789" y="49"/>
                    </a:lnTo>
                    <a:lnTo>
                      <a:pt x="787" y="47"/>
                    </a:lnTo>
                    <a:lnTo>
                      <a:pt x="787" y="45"/>
                    </a:lnTo>
                    <a:lnTo>
                      <a:pt x="780" y="39"/>
                    </a:lnTo>
                    <a:lnTo>
                      <a:pt x="777" y="34"/>
                    </a:lnTo>
                    <a:lnTo>
                      <a:pt x="780" y="34"/>
                    </a:lnTo>
                    <a:lnTo>
                      <a:pt x="784" y="35"/>
                    </a:lnTo>
                    <a:lnTo>
                      <a:pt x="787" y="37"/>
                    </a:lnTo>
                    <a:lnTo>
                      <a:pt x="790" y="39"/>
                    </a:lnTo>
                    <a:lnTo>
                      <a:pt x="790" y="40"/>
                    </a:lnTo>
                    <a:lnTo>
                      <a:pt x="792" y="40"/>
                    </a:lnTo>
                    <a:lnTo>
                      <a:pt x="795" y="39"/>
                    </a:lnTo>
                    <a:lnTo>
                      <a:pt x="800" y="39"/>
                    </a:lnTo>
                    <a:lnTo>
                      <a:pt x="802" y="39"/>
                    </a:lnTo>
                    <a:lnTo>
                      <a:pt x="811" y="47"/>
                    </a:lnTo>
                    <a:lnTo>
                      <a:pt x="816" y="50"/>
                    </a:lnTo>
                    <a:lnTo>
                      <a:pt x="817" y="50"/>
                    </a:lnTo>
                    <a:lnTo>
                      <a:pt x="817" y="47"/>
                    </a:lnTo>
                    <a:lnTo>
                      <a:pt x="814" y="44"/>
                    </a:lnTo>
                    <a:lnTo>
                      <a:pt x="811" y="39"/>
                    </a:lnTo>
                    <a:lnTo>
                      <a:pt x="809" y="35"/>
                    </a:lnTo>
                    <a:lnTo>
                      <a:pt x="807" y="34"/>
                    </a:lnTo>
                    <a:lnTo>
                      <a:pt x="800" y="17"/>
                    </a:lnTo>
                    <a:lnTo>
                      <a:pt x="790" y="15"/>
                    </a:lnTo>
                    <a:lnTo>
                      <a:pt x="780" y="0"/>
                    </a:lnTo>
                    <a:lnTo>
                      <a:pt x="750" y="8"/>
                    </a:lnTo>
                    <a:lnTo>
                      <a:pt x="721" y="15"/>
                    </a:lnTo>
                    <a:lnTo>
                      <a:pt x="692" y="20"/>
                    </a:lnTo>
                    <a:lnTo>
                      <a:pt x="663" y="27"/>
                    </a:lnTo>
                    <a:lnTo>
                      <a:pt x="636" y="32"/>
                    </a:lnTo>
                    <a:lnTo>
                      <a:pt x="609" y="39"/>
                    </a:lnTo>
                    <a:lnTo>
                      <a:pt x="584" y="44"/>
                    </a:lnTo>
                    <a:lnTo>
                      <a:pt x="558" y="47"/>
                    </a:lnTo>
                    <a:lnTo>
                      <a:pt x="533" y="52"/>
                    </a:lnTo>
                    <a:lnTo>
                      <a:pt x="509" y="56"/>
                    </a:lnTo>
                    <a:lnTo>
                      <a:pt x="486" y="61"/>
                    </a:lnTo>
                    <a:lnTo>
                      <a:pt x="464" y="64"/>
                    </a:lnTo>
                    <a:lnTo>
                      <a:pt x="443" y="67"/>
                    </a:lnTo>
                    <a:lnTo>
                      <a:pt x="423" y="71"/>
                    </a:lnTo>
                    <a:lnTo>
                      <a:pt x="403" y="74"/>
                    </a:lnTo>
                    <a:lnTo>
                      <a:pt x="384" y="76"/>
                    </a:lnTo>
                    <a:lnTo>
                      <a:pt x="366" y="79"/>
                    </a:lnTo>
                    <a:lnTo>
                      <a:pt x="349" y="81"/>
                    </a:lnTo>
                    <a:lnTo>
                      <a:pt x="333" y="83"/>
                    </a:lnTo>
                    <a:lnTo>
                      <a:pt x="318" y="84"/>
                    </a:lnTo>
                    <a:lnTo>
                      <a:pt x="305" y="86"/>
                    </a:lnTo>
                    <a:lnTo>
                      <a:pt x="293" y="88"/>
                    </a:lnTo>
                    <a:lnTo>
                      <a:pt x="281" y="89"/>
                    </a:lnTo>
                    <a:lnTo>
                      <a:pt x="271" y="91"/>
                    </a:lnTo>
                    <a:lnTo>
                      <a:pt x="261" y="91"/>
                    </a:lnTo>
                    <a:lnTo>
                      <a:pt x="252" y="93"/>
                    </a:lnTo>
                    <a:lnTo>
                      <a:pt x="245" y="93"/>
                    </a:lnTo>
                    <a:lnTo>
                      <a:pt x="240" y="94"/>
                    </a:lnTo>
                    <a:lnTo>
                      <a:pt x="235" y="94"/>
                    </a:lnTo>
                    <a:lnTo>
                      <a:pt x="232" y="94"/>
                    </a:lnTo>
                    <a:lnTo>
                      <a:pt x="230" y="94"/>
                    </a:lnTo>
                    <a:lnTo>
                      <a:pt x="232" y="94"/>
                    </a:lnTo>
                    <a:lnTo>
                      <a:pt x="232" y="96"/>
                    </a:lnTo>
                    <a:lnTo>
                      <a:pt x="232" y="100"/>
                    </a:lnTo>
                    <a:lnTo>
                      <a:pt x="232" y="106"/>
                    </a:lnTo>
                    <a:lnTo>
                      <a:pt x="232" y="111"/>
                    </a:lnTo>
                    <a:lnTo>
                      <a:pt x="234" y="118"/>
                    </a:lnTo>
                    <a:lnTo>
                      <a:pt x="232" y="125"/>
                    </a:lnTo>
                    <a:lnTo>
                      <a:pt x="232" y="128"/>
                    </a:lnTo>
                    <a:lnTo>
                      <a:pt x="232" y="130"/>
                    </a:lnTo>
                    <a:lnTo>
                      <a:pt x="225" y="130"/>
                    </a:lnTo>
                    <a:lnTo>
                      <a:pt x="220" y="133"/>
                    </a:lnTo>
                    <a:lnTo>
                      <a:pt x="215" y="138"/>
                    </a:lnTo>
                    <a:lnTo>
                      <a:pt x="212" y="145"/>
                    </a:lnTo>
                    <a:lnTo>
                      <a:pt x="208" y="152"/>
                    </a:lnTo>
                    <a:lnTo>
                      <a:pt x="206" y="157"/>
                    </a:lnTo>
                    <a:lnTo>
                      <a:pt x="205" y="160"/>
                    </a:lnTo>
                    <a:lnTo>
                      <a:pt x="198" y="157"/>
                    </a:lnTo>
                    <a:lnTo>
                      <a:pt x="191" y="157"/>
                    </a:lnTo>
                    <a:lnTo>
                      <a:pt x="183" y="162"/>
                    </a:lnTo>
                    <a:lnTo>
                      <a:pt x="174" y="169"/>
                    </a:lnTo>
                    <a:lnTo>
                      <a:pt x="168" y="177"/>
                    </a:lnTo>
                    <a:lnTo>
                      <a:pt x="161" y="184"/>
                    </a:lnTo>
                    <a:lnTo>
                      <a:pt x="156" y="188"/>
                    </a:lnTo>
                    <a:lnTo>
                      <a:pt x="154" y="188"/>
                    </a:lnTo>
                    <a:lnTo>
                      <a:pt x="152" y="182"/>
                    </a:lnTo>
                    <a:lnTo>
                      <a:pt x="149" y="181"/>
                    </a:lnTo>
                    <a:lnTo>
                      <a:pt x="147" y="179"/>
                    </a:lnTo>
                    <a:lnTo>
                      <a:pt x="144" y="179"/>
                    </a:lnTo>
                    <a:lnTo>
                      <a:pt x="140" y="181"/>
                    </a:lnTo>
                    <a:lnTo>
                      <a:pt x="137" y="182"/>
                    </a:lnTo>
                    <a:lnTo>
                      <a:pt x="134" y="186"/>
                    </a:lnTo>
                    <a:lnTo>
                      <a:pt x="132" y="191"/>
                    </a:lnTo>
                    <a:lnTo>
                      <a:pt x="129" y="194"/>
                    </a:lnTo>
                    <a:lnTo>
                      <a:pt x="125" y="199"/>
                    </a:lnTo>
                    <a:lnTo>
                      <a:pt x="124" y="204"/>
                    </a:lnTo>
                    <a:lnTo>
                      <a:pt x="122" y="208"/>
                    </a:lnTo>
                    <a:lnTo>
                      <a:pt x="118" y="213"/>
                    </a:lnTo>
                    <a:lnTo>
                      <a:pt x="118" y="215"/>
                    </a:lnTo>
                    <a:lnTo>
                      <a:pt x="117" y="216"/>
                    </a:lnTo>
                    <a:lnTo>
                      <a:pt x="117" y="218"/>
                    </a:lnTo>
                    <a:lnTo>
                      <a:pt x="108" y="220"/>
                    </a:lnTo>
                    <a:lnTo>
                      <a:pt x="100" y="223"/>
                    </a:lnTo>
                    <a:lnTo>
                      <a:pt x="91" y="228"/>
                    </a:lnTo>
                    <a:lnTo>
                      <a:pt x="83" y="235"/>
                    </a:lnTo>
                    <a:lnTo>
                      <a:pt x="78" y="240"/>
                    </a:lnTo>
                    <a:lnTo>
                      <a:pt x="71" y="247"/>
                    </a:lnTo>
                    <a:lnTo>
                      <a:pt x="68" y="250"/>
                    </a:lnTo>
                    <a:lnTo>
                      <a:pt x="66" y="252"/>
                    </a:lnTo>
                    <a:lnTo>
                      <a:pt x="56" y="252"/>
                    </a:lnTo>
                    <a:lnTo>
                      <a:pt x="47" y="255"/>
                    </a:lnTo>
                    <a:lnTo>
                      <a:pt x="41" y="259"/>
                    </a:lnTo>
                    <a:lnTo>
                      <a:pt x="34" y="264"/>
                    </a:lnTo>
                    <a:lnTo>
                      <a:pt x="31" y="269"/>
                    </a:lnTo>
                    <a:lnTo>
                      <a:pt x="27" y="274"/>
                    </a:lnTo>
                    <a:lnTo>
                      <a:pt x="25" y="277"/>
                    </a:lnTo>
                    <a:lnTo>
                      <a:pt x="25" y="279"/>
                    </a:lnTo>
                    <a:lnTo>
                      <a:pt x="24" y="286"/>
                    </a:lnTo>
                    <a:lnTo>
                      <a:pt x="20" y="291"/>
                    </a:lnTo>
                    <a:lnTo>
                      <a:pt x="17" y="296"/>
                    </a:lnTo>
                    <a:lnTo>
                      <a:pt x="12" y="298"/>
                    </a:lnTo>
                    <a:lnTo>
                      <a:pt x="9" y="299"/>
                    </a:lnTo>
                    <a:lnTo>
                      <a:pt x="3" y="299"/>
                    </a:lnTo>
                    <a:lnTo>
                      <a:pt x="0" y="299"/>
                    </a:lnTo>
                    <a:lnTo>
                      <a:pt x="0" y="333"/>
                    </a:lnTo>
                    <a:lnTo>
                      <a:pt x="124" y="314"/>
                    </a:lnTo>
                    <a:lnTo>
                      <a:pt x="125" y="316"/>
                    </a:lnTo>
                    <a:lnTo>
                      <a:pt x="127" y="314"/>
                    </a:lnTo>
                    <a:lnTo>
                      <a:pt x="129" y="313"/>
                    </a:lnTo>
                    <a:lnTo>
                      <a:pt x="132" y="309"/>
                    </a:lnTo>
                    <a:lnTo>
                      <a:pt x="135" y="306"/>
                    </a:lnTo>
                    <a:lnTo>
                      <a:pt x="140" y="303"/>
                    </a:lnTo>
                    <a:lnTo>
                      <a:pt x="146" y="299"/>
                    </a:lnTo>
                    <a:lnTo>
                      <a:pt x="152" y="296"/>
                    </a:lnTo>
                    <a:lnTo>
                      <a:pt x="157" y="292"/>
                    </a:lnTo>
                    <a:lnTo>
                      <a:pt x="166" y="287"/>
                    </a:lnTo>
                    <a:lnTo>
                      <a:pt x="173" y="284"/>
                    </a:lnTo>
                    <a:lnTo>
                      <a:pt x="181" y="281"/>
                    </a:lnTo>
                    <a:lnTo>
                      <a:pt x="190" y="279"/>
                    </a:lnTo>
                    <a:lnTo>
                      <a:pt x="200" y="277"/>
                    </a:lnTo>
                    <a:lnTo>
                      <a:pt x="210" y="274"/>
                    </a:lnTo>
                    <a:lnTo>
                      <a:pt x="218" y="274"/>
                    </a:lnTo>
                    <a:lnTo>
                      <a:pt x="311" y="265"/>
                    </a:lnTo>
                    <a:lnTo>
                      <a:pt x="313" y="265"/>
                    </a:lnTo>
                    <a:lnTo>
                      <a:pt x="315" y="264"/>
                    </a:lnTo>
                    <a:lnTo>
                      <a:pt x="320" y="264"/>
                    </a:lnTo>
                    <a:lnTo>
                      <a:pt x="327" y="264"/>
                    </a:lnTo>
                    <a:lnTo>
                      <a:pt x="333" y="265"/>
                    </a:lnTo>
                    <a:lnTo>
                      <a:pt x="340" y="269"/>
                    </a:lnTo>
                    <a:lnTo>
                      <a:pt x="347" y="276"/>
                    </a:lnTo>
                    <a:lnTo>
                      <a:pt x="355" y="287"/>
                    </a:lnTo>
                    <a:lnTo>
                      <a:pt x="359" y="301"/>
                    </a:lnTo>
                    <a:lnTo>
                      <a:pt x="467" y="284"/>
                    </a:lnTo>
                    <a:lnTo>
                      <a:pt x="597" y="379"/>
                    </a:lnTo>
                    <a:lnTo>
                      <a:pt x="601" y="379"/>
                    </a:lnTo>
                    <a:lnTo>
                      <a:pt x="602" y="379"/>
                    </a:lnTo>
                    <a:lnTo>
                      <a:pt x="604" y="37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74" name="Freeform 164"/>
              <p:cNvSpPr>
                <a:spLocks/>
              </p:cNvSpPr>
              <p:nvPr/>
            </p:nvSpPr>
            <p:spPr bwMode="auto">
              <a:xfrm>
                <a:off x="4106" y="2082"/>
                <a:ext cx="834" cy="379"/>
              </a:xfrm>
              <a:custGeom>
                <a:avLst/>
                <a:gdLst>
                  <a:gd name="T0" fmla="*/ 648 w 834"/>
                  <a:gd name="T1" fmla="*/ 360 h 379"/>
                  <a:gd name="T2" fmla="*/ 658 w 834"/>
                  <a:gd name="T3" fmla="*/ 335 h 379"/>
                  <a:gd name="T4" fmla="*/ 662 w 834"/>
                  <a:gd name="T5" fmla="*/ 353 h 379"/>
                  <a:gd name="T6" fmla="*/ 675 w 834"/>
                  <a:gd name="T7" fmla="*/ 309 h 379"/>
                  <a:gd name="T8" fmla="*/ 697 w 834"/>
                  <a:gd name="T9" fmla="*/ 279 h 379"/>
                  <a:gd name="T10" fmla="*/ 702 w 834"/>
                  <a:gd name="T11" fmla="*/ 264 h 379"/>
                  <a:gd name="T12" fmla="*/ 729 w 834"/>
                  <a:gd name="T13" fmla="*/ 248 h 379"/>
                  <a:gd name="T14" fmla="*/ 758 w 834"/>
                  <a:gd name="T15" fmla="*/ 232 h 379"/>
                  <a:gd name="T16" fmla="*/ 768 w 834"/>
                  <a:gd name="T17" fmla="*/ 233 h 379"/>
                  <a:gd name="T18" fmla="*/ 780 w 834"/>
                  <a:gd name="T19" fmla="*/ 230 h 379"/>
                  <a:gd name="T20" fmla="*/ 790 w 834"/>
                  <a:gd name="T21" fmla="*/ 218 h 379"/>
                  <a:gd name="T22" fmla="*/ 795 w 834"/>
                  <a:gd name="T23" fmla="*/ 193 h 379"/>
                  <a:gd name="T24" fmla="*/ 790 w 834"/>
                  <a:gd name="T25" fmla="*/ 201 h 379"/>
                  <a:gd name="T26" fmla="*/ 784 w 834"/>
                  <a:gd name="T27" fmla="*/ 188 h 379"/>
                  <a:gd name="T28" fmla="*/ 772 w 834"/>
                  <a:gd name="T29" fmla="*/ 198 h 379"/>
                  <a:gd name="T30" fmla="*/ 733 w 834"/>
                  <a:gd name="T31" fmla="*/ 199 h 379"/>
                  <a:gd name="T32" fmla="*/ 763 w 834"/>
                  <a:gd name="T33" fmla="*/ 194 h 379"/>
                  <a:gd name="T34" fmla="*/ 772 w 834"/>
                  <a:gd name="T35" fmla="*/ 164 h 379"/>
                  <a:gd name="T36" fmla="*/ 750 w 834"/>
                  <a:gd name="T37" fmla="*/ 159 h 379"/>
                  <a:gd name="T38" fmla="*/ 726 w 834"/>
                  <a:gd name="T39" fmla="*/ 149 h 379"/>
                  <a:gd name="T40" fmla="*/ 746 w 834"/>
                  <a:gd name="T41" fmla="*/ 149 h 379"/>
                  <a:gd name="T42" fmla="*/ 765 w 834"/>
                  <a:gd name="T43" fmla="*/ 144 h 379"/>
                  <a:gd name="T44" fmla="*/ 777 w 834"/>
                  <a:gd name="T45" fmla="*/ 138 h 379"/>
                  <a:gd name="T46" fmla="*/ 787 w 834"/>
                  <a:gd name="T47" fmla="*/ 149 h 379"/>
                  <a:gd name="T48" fmla="*/ 809 w 834"/>
                  <a:gd name="T49" fmla="*/ 147 h 379"/>
                  <a:gd name="T50" fmla="*/ 831 w 834"/>
                  <a:gd name="T51" fmla="*/ 113 h 379"/>
                  <a:gd name="T52" fmla="*/ 834 w 834"/>
                  <a:gd name="T53" fmla="*/ 105 h 379"/>
                  <a:gd name="T54" fmla="*/ 824 w 834"/>
                  <a:gd name="T55" fmla="*/ 67 h 379"/>
                  <a:gd name="T56" fmla="*/ 809 w 834"/>
                  <a:gd name="T57" fmla="*/ 79 h 379"/>
                  <a:gd name="T58" fmla="*/ 806 w 834"/>
                  <a:gd name="T59" fmla="*/ 105 h 379"/>
                  <a:gd name="T60" fmla="*/ 800 w 834"/>
                  <a:gd name="T61" fmla="*/ 84 h 379"/>
                  <a:gd name="T62" fmla="*/ 792 w 834"/>
                  <a:gd name="T63" fmla="*/ 67 h 379"/>
                  <a:gd name="T64" fmla="*/ 763 w 834"/>
                  <a:gd name="T65" fmla="*/ 79 h 379"/>
                  <a:gd name="T66" fmla="*/ 743 w 834"/>
                  <a:gd name="T67" fmla="*/ 88 h 379"/>
                  <a:gd name="T68" fmla="*/ 726 w 834"/>
                  <a:gd name="T69" fmla="*/ 91 h 379"/>
                  <a:gd name="T70" fmla="*/ 748 w 834"/>
                  <a:gd name="T71" fmla="*/ 78 h 379"/>
                  <a:gd name="T72" fmla="*/ 763 w 834"/>
                  <a:gd name="T73" fmla="*/ 66 h 379"/>
                  <a:gd name="T74" fmla="*/ 758 w 834"/>
                  <a:gd name="T75" fmla="*/ 52 h 379"/>
                  <a:gd name="T76" fmla="*/ 789 w 834"/>
                  <a:gd name="T77" fmla="*/ 50 h 379"/>
                  <a:gd name="T78" fmla="*/ 777 w 834"/>
                  <a:gd name="T79" fmla="*/ 34 h 379"/>
                  <a:gd name="T80" fmla="*/ 792 w 834"/>
                  <a:gd name="T81" fmla="*/ 40 h 379"/>
                  <a:gd name="T82" fmla="*/ 817 w 834"/>
                  <a:gd name="T83" fmla="*/ 50 h 379"/>
                  <a:gd name="T84" fmla="*/ 790 w 834"/>
                  <a:gd name="T85" fmla="*/ 15 h 379"/>
                  <a:gd name="T86" fmla="*/ 636 w 834"/>
                  <a:gd name="T87" fmla="*/ 32 h 379"/>
                  <a:gd name="T88" fmla="*/ 464 w 834"/>
                  <a:gd name="T89" fmla="*/ 64 h 379"/>
                  <a:gd name="T90" fmla="*/ 333 w 834"/>
                  <a:gd name="T91" fmla="*/ 83 h 379"/>
                  <a:gd name="T92" fmla="*/ 252 w 834"/>
                  <a:gd name="T93" fmla="*/ 93 h 379"/>
                  <a:gd name="T94" fmla="*/ 232 w 834"/>
                  <a:gd name="T95" fmla="*/ 94 h 379"/>
                  <a:gd name="T96" fmla="*/ 232 w 834"/>
                  <a:gd name="T97" fmla="*/ 125 h 379"/>
                  <a:gd name="T98" fmla="*/ 212 w 834"/>
                  <a:gd name="T99" fmla="*/ 145 h 379"/>
                  <a:gd name="T100" fmla="*/ 191 w 834"/>
                  <a:gd name="T101" fmla="*/ 157 h 379"/>
                  <a:gd name="T102" fmla="*/ 154 w 834"/>
                  <a:gd name="T103" fmla="*/ 188 h 379"/>
                  <a:gd name="T104" fmla="*/ 134 w 834"/>
                  <a:gd name="T105" fmla="*/ 186 h 379"/>
                  <a:gd name="T106" fmla="*/ 118 w 834"/>
                  <a:gd name="T107" fmla="*/ 215 h 379"/>
                  <a:gd name="T108" fmla="*/ 83 w 834"/>
                  <a:gd name="T109" fmla="*/ 235 h 379"/>
                  <a:gd name="T110" fmla="*/ 47 w 834"/>
                  <a:gd name="T111" fmla="*/ 255 h 379"/>
                  <a:gd name="T112" fmla="*/ 25 w 834"/>
                  <a:gd name="T113" fmla="*/ 279 h 379"/>
                  <a:gd name="T114" fmla="*/ 0 w 834"/>
                  <a:gd name="T115" fmla="*/ 299 h 379"/>
                  <a:gd name="T116" fmla="*/ 127 w 834"/>
                  <a:gd name="T117" fmla="*/ 314 h 379"/>
                  <a:gd name="T118" fmla="*/ 157 w 834"/>
                  <a:gd name="T119" fmla="*/ 292 h 379"/>
                  <a:gd name="T120" fmla="*/ 218 w 834"/>
                  <a:gd name="T121" fmla="*/ 274 h 379"/>
                  <a:gd name="T122" fmla="*/ 333 w 834"/>
                  <a:gd name="T123" fmla="*/ 265 h 379"/>
                  <a:gd name="T124" fmla="*/ 597 w 834"/>
                  <a:gd name="T125" fmla="*/ 379 h 379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  <a:gd name="T189" fmla="*/ 0 w 834"/>
                  <a:gd name="T190" fmla="*/ 0 h 379"/>
                  <a:gd name="T191" fmla="*/ 834 w 834"/>
                  <a:gd name="T192" fmla="*/ 379 h 379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T189" t="T190" r="T191" b="T192"/>
                <a:pathLst>
                  <a:path w="834" h="379">
                    <a:moveTo>
                      <a:pt x="604" y="377"/>
                    </a:moveTo>
                    <a:lnTo>
                      <a:pt x="604" y="377"/>
                    </a:lnTo>
                    <a:lnTo>
                      <a:pt x="618" y="369"/>
                    </a:lnTo>
                    <a:lnTo>
                      <a:pt x="628" y="362"/>
                    </a:lnTo>
                    <a:lnTo>
                      <a:pt x="636" y="360"/>
                    </a:lnTo>
                    <a:lnTo>
                      <a:pt x="643" y="360"/>
                    </a:lnTo>
                    <a:lnTo>
                      <a:pt x="648" y="360"/>
                    </a:lnTo>
                    <a:lnTo>
                      <a:pt x="650" y="362"/>
                    </a:lnTo>
                    <a:lnTo>
                      <a:pt x="653" y="364"/>
                    </a:lnTo>
                    <a:lnTo>
                      <a:pt x="653" y="365"/>
                    </a:lnTo>
                    <a:lnTo>
                      <a:pt x="653" y="333"/>
                    </a:lnTo>
                    <a:lnTo>
                      <a:pt x="657" y="333"/>
                    </a:lnTo>
                    <a:lnTo>
                      <a:pt x="658" y="335"/>
                    </a:lnTo>
                    <a:lnTo>
                      <a:pt x="658" y="338"/>
                    </a:lnTo>
                    <a:lnTo>
                      <a:pt x="658" y="340"/>
                    </a:lnTo>
                    <a:lnTo>
                      <a:pt x="660" y="345"/>
                    </a:lnTo>
                    <a:lnTo>
                      <a:pt x="662" y="348"/>
                    </a:lnTo>
                    <a:lnTo>
                      <a:pt x="662" y="352"/>
                    </a:lnTo>
                    <a:lnTo>
                      <a:pt x="662" y="353"/>
                    </a:lnTo>
                    <a:lnTo>
                      <a:pt x="663" y="345"/>
                    </a:lnTo>
                    <a:lnTo>
                      <a:pt x="663" y="338"/>
                    </a:lnTo>
                    <a:lnTo>
                      <a:pt x="667" y="330"/>
                    </a:lnTo>
                    <a:lnTo>
                      <a:pt x="668" y="323"/>
                    </a:lnTo>
                    <a:lnTo>
                      <a:pt x="672" y="316"/>
                    </a:lnTo>
                    <a:lnTo>
                      <a:pt x="675" y="309"/>
                    </a:lnTo>
                    <a:lnTo>
                      <a:pt x="679" y="303"/>
                    </a:lnTo>
                    <a:lnTo>
                      <a:pt x="682" y="298"/>
                    </a:lnTo>
                    <a:lnTo>
                      <a:pt x="685" y="292"/>
                    </a:lnTo>
                    <a:lnTo>
                      <a:pt x="689" y="289"/>
                    </a:lnTo>
                    <a:lnTo>
                      <a:pt x="692" y="286"/>
                    </a:lnTo>
                    <a:lnTo>
                      <a:pt x="696" y="282"/>
                    </a:lnTo>
                    <a:lnTo>
                      <a:pt x="697" y="279"/>
                    </a:lnTo>
                    <a:lnTo>
                      <a:pt x="699" y="277"/>
                    </a:lnTo>
                    <a:lnTo>
                      <a:pt x="701" y="277"/>
                    </a:lnTo>
                    <a:lnTo>
                      <a:pt x="701" y="276"/>
                    </a:lnTo>
                    <a:lnTo>
                      <a:pt x="696" y="267"/>
                    </a:lnTo>
                    <a:lnTo>
                      <a:pt x="702" y="262"/>
                    </a:lnTo>
                    <a:lnTo>
                      <a:pt x="702" y="264"/>
                    </a:lnTo>
                    <a:lnTo>
                      <a:pt x="704" y="267"/>
                    </a:lnTo>
                    <a:lnTo>
                      <a:pt x="706" y="270"/>
                    </a:lnTo>
                    <a:lnTo>
                      <a:pt x="707" y="270"/>
                    </a:lnTo>
                    <a:lnTo>
                      <a:pt x="714" y="262"/>
                    </a:lnTo>
                    <a:lnTo>
                      <a:pt x="721" y="254"/>
                    </a:lnTo>
                    <a:lnTo>
                      <a:pt x="729" y="248"/>
                    </a:lnTo>
                    <a:lnTo>
                      <a:pt x="738" y="243"/>
                    </a:lnTo>
                    <a:lnTo>
                      <a:pt x="745" y="242"/>
                    </a:lnTo>
                    <a:lnTo>
                      <a:pt x="751" y="240"/>
                    </a:lnTo>
                    <a:lnTo>
                      <a:pt x="756" y="238"/>
                    </a:lnTo>
                    <a:lnTo>
                      <a:pt x="758" y="238"/>
                    </a:lnTo>
                    <a:lnTo>
                      <a:pt x="758" y="232"/>
                    </a:lnTo>
                    <a:lnTo>
                      <a:pt x="760" y="230"/>
                    </a:lnTo>
                    <a:lnTo>
                      <a:pt x="762" y="228"/>
                    </a:lnTo>
                    <a:lnTo>
                      <a:pt x="763" y="228"/>
                    </a:lnTo>
                    <a:lnTo>
                      <a:pt x="765" y="230"/>
                    </a:lnTo>
                    <a:lnTo>
                      <a:pt x="767" y="230"/>
                    </a:lnTo>
                    <a:lnTo>
                      <a:pt x="768" y="232"/>
                    </a:lnTo>
                    <a:lnTo>
                      <a:pt x="768" y="233"/>
                    </a:lnTo>
                    <a:lnTo>
                      <a:pt x="770" y="230"/>
                    </a:lnTo>
                    <a:lnTo>
                      <a:pt x="772" y="228"/>
                    </a:lnTo>
                    <a:lnTo>
                      <a:pt x="773" y="226"/>
                    </a:lnTo>
                    <a:lnTo>
                      <a:pt x="775" y="228"/>
                    </a:lnTo>
                    <a:lnTo>
                      <a:pt x="778" y="228"/>
                    </a:lnTo>
                    <a:lnTo>
                      <a:pt x="780" y="230"/>
                    </a:lnTo>
                    <a:lnTo>
                      <a:pt x="782" y="230"/>
                    </a:lnTo>
                    <a:lnTo>
                      <a:pt x="784" y="230"/>
                    </a:lnTo>
                    <a:lnTo>
                      <a:pt x="785" y="226"/>
                    </a:lnTo>
                    <a:lnTo>
                      <a:pt x="787" y="223"/>
                    </a:lnTo>
                    <a:lnTo>
                      <a:pt x="790" y="218"/>
                    </a:lnTo>
                    <a:lnTo>
                      <a:pt x="792" y="215"/>
                    </a:lnTo>
                    <a:lnTo>
                      <a:pt x="795" y="210"/>
                    </a:lnTo>
                    <a:lnTo>
                      <a:pt x="797" y="208"/>
                    </a:lnTo>
                    <a:lnTo>
                      <a:pt x="797" y="204"/>
                    </a:lnTo>
                    <a:lnTo>
                      <a:pt x="797" y="196"/>
                    </a:lnTo>
                    <a:lnTo>
                      <a:pt x="795" y="193"/>
                    </a:lnTo>
                    <a:lnTo>
                      <a:pt x="795" y="191"/>
                    </a:lnTo>
                    <a:lnTo>
                      <a:pt x="794" y="193"/>
                    </a:lnTo>
                    <a:lnTo>
                      <a:pt x="792" y="194"/>
                    </a:lnTo>
                    <a:lnTo>
                      <a:pt x="790" y="198"/>
                    </a:lnTo>
                    <a:lnTo>
                      <a:pt x="790" y="199"/>
                    </a:lnTo>
                    <a:lnTo>
                      <a:pt x="790" y="201"/>
                    </a:lnTo>
                    <a:lnTo>
                      <a:pt x="789" y="201"/>
                    </a:lnTo>
                    <a:lnTo>
                      <a:pt x="787" y="199"/>
                    </a:lnTo>
                    <a:lnTo>
                      <a:pt x="785" y="199"/>
                    </a:lnTo>
                    <a:lnTo>
                      <a:pt x="785" y="198"/>
                    </a:lnTo>
                    <a:lnTo>
                      <a:pt x="784" y="191"/>
                    </a:lnTo>
                    <a:lnTo>
                      <a:pt x="784" y="188"/>
                    </a:lnTo>
                    <a:lnTo>
                      <a:pt x="784" y="186"/>
                    </a:lnTo>
                    <a:lnTo>
                      <a:pt x="782" y="188"/>
                    </a:lnTo>
                    <a:lnTo>
                      <a:pt x="780" y="189"/>
                    </a:lnTo>
                    <a:lnTo>
                      <a:pt x="780" y="193"/>
                    </a:lnTo>
                    <a:lnTo>
                      <a:pt x="780" y="194"/>
                    </a:lnTo>
                    <a:lnTo>
                      <a:pt x="780" y="196"/>
                    </a:lnTo>
                    <a:lnTo>
                      <a:pt x="772" y="198"/>
                    </a:lnTo>
                    <a:lnTo>
                      <a:pt x="753" y="215"/>
                    </a:lnTo>
                    <a:lnTo>
                      <a:pt x="741" y="213"/>
                    </a:lnTo>
                    <a:lnTo>
                      <a:pt x="724" y="198"/>
                    </a:lnTo>
                    <a:lnTo>
                      <a:pt x="726" y="198"/>
                    </a:lnTo>
                    <a:lnTo>
                      <a:pt x="729" y="199"/>
                    </a:lnTo>
                    <a:lnTo>
                      <a:pt x="733" y="199"/>
                    </a:lnTo>
                    <a:lnTo>
                      <a:pt x="736" y="201"/>
                    </a:lnTo>
                    <a:lnTo>
                      <a:pt x="741" y="204"/>
                    </a:lnTo>
                    <a:lnTo>
                      <a:pt x="748" y="204"/>
                    </a:lnTo>
                    <a:lnTo>
                      <a:pt x="753" y="203"/>
                    </a:lnTo>
                    <a:lnTo>
                      <a:pt x="758" y="199"/>
                    </a:lnTo>
                    <a:lnTo>
                      <a:pt x="763" y="194"/>
                    </a:lnTo>
                    <a:lnTo>
                      <a:pt x="767" y="191"/>
                    </a:lnTo>
                    <a:lnTo>
                      <a:pt x="770" y="188"/>
                    </a:lnTo>
                    <a:lnTo>
                      <a:pt x="770" y="186"/>
                    </a:lnTo>
                    <a:lnTo>
                      <a:pt x="760" y="182"/>
                    </a:lnTo>
                    <a:lnTo>
                      <a:pt x="758" y="177"/>
                    </a:lnTo>
                    <a:lnTo>
                      <a:pt x="768" y="176"/>
                    </a:lnTo>
                    <a:lnTo>
                      <a:pt x="772" y="164"/>
                    </a:lnTo>
                    <a:lnTo>
                      <a:pt x="770" y="164"/>
                    </a:lnTo>
                    <a:lnTo>
                      <a:pt x="768" y="164"/>
                    </a:lnTo>
                    <a:lnTo>
                      <a:pt x="767" y="164"/>
                    </a:lnTo>
                    <a:lnTo>
                      <a:pt x="763" y="162"/>
                    </a:lnTo>
                    <a:lnTo>
                      <a:pt x="750" y="159"/>
                    </a:lnTo>
                    <a:lnTo>
                      <a:pt x="740" y="155"/>
                    </a:lnTo>
                    <a:lnTo>
                      <a:pt x="731" y="154"/>
                    </a:lnTo>
                    <a:lnTo>
                      <a:pt x="728" y="152"/>
                    </a:lnTo>
                    <a:lnTo>
                      <a:pt x="724" y="150"/>
                    </a:lnTo>
                    <a:lnTo>
                      <a:pt x="723" y="150"/>
                    </a:lnTo>
                    <a:lnTo>
                      <a:pt x="724" y="149"/>
                    </a:lnTo>
                    <a:lnTo>
                      <a:pt x="726" y="149"/>
                    </a:lnTo>
                    <a:lnTo>
                      <a:pt x="728" y="149"/>
                    </a:lnTo>
                    <a:lnTo>
                      <a:pt x="731" y="147"/>
                    </a:lnTo>
                    <a:lnTo>
                      <a:pt x="736" y="149"/>
                    </a:lnTo>
                    <a:lnTo>
                      <a:pt x="740" y="149"/>
                    </a:lnTo>
                    <a:lnTo>
                      <a:pt x="743" y="149"/>
                    </a:lnTo>
                    <a:lnTo>
                      <a:pt x="745" y="149"/>
                    </a:lnTo>
                    <a:lnTo>
                      <a:pt x="746" y="149"/>
                    </a:lnTo>
                    <a:lnTo>
                      <a:pt x="748" y="149"/>
                    </a:lnTo>
                    <a:lnTo>
                      <a:pt x="746" y="138"/>
                    </a:lnTo>
                    <a:lnTo>
                      <a:pt x="755" y="135"/>
                    </a:lnTo>
                    <a:lnTo>
                      <a:pt x="760" y="144"/>
                    </a:lnTo>
                    <a:lnTo>
                      <a:pt x="762" y="144"/>
                    </a:lnTo>
                    <a:lnTo>
                      <a:pt x="765" y="144"/>
                    </a:lnTo>
                    <a:lnTo>
                      <a:pt x="767" y="145"/>
                    </a:lnTo>
                    <a:lnTo>
                      <a:pt x="768" y="144"/>
                    </a:lnTo>
                    <a:lnTo>
                      <a:pt x="770" y="138"/>
                    </a:lnTo>
                    <a:lnTo>
                      <a:pt x="772" y="135"/>
                    </a:lnTo>
                    <a:lnTo>
                      <a:pt x="773" y="137"/>
                    </a:lnTo>
                    <a:lnTo>
                      <a:pt x="777" y="138"/>
                    </a:lnTo>
                    <a:lnTo>
                      <a:pt x="778" y="142"/>
                    </a:lnTo>
                    <a:lnTo>
                      <a:pt x="782" y="145"/>
                    </a:lnTo>
                    <a:lnTo>
                      <a:pt x="784" y="147"/>
                    </a:lnTo>
                    <a:lnTo>
                      <a:pt x="784" y="149"/>
                    </a:lnTo>
                    <a:lnTo>
                      <a:pt x="785" y="149"/>
                    </a:lnTo>
                    <a:lnTo>
                      <a:pt x="787" y="149"/>
                    </a:lnTo>
                    <a:lnTo>
                      <a:pt x="792" y="149"/>
                    </a:lnTo>
                    <a:lnTo>
                      <a:pt x="795" y="149"/>
                    </a:lnTo>
                    <a:lnTo>
                      <a:pt x="800" y="149"/>
                    </a:lnTo>
                    <a:lnTo>
                      <a:pt x="804" y="147"/>
                    </a:lnTo>
                    <a:lnTo>
                      <a:pt x="807" y="147"/>
                    </a:lnTo>
                    <a:lnTo>
                      <a:pt x="809" y="147"/>
                    </a:lnTo>
                    <a:lnTo>
                      <a:pt x="814" y="130"/>
                    </a:lnTo>
                    <a:lnTo>
                      <a:pt x="819" y="120"/>
                    </a:lnTo>
                    <a:lnTo>
                      <a:pt x="824" y="113"/>
                    </a:lnTo>
                    <a:lnTo>
                      <a:pt x="826" y="110"/>
                    </a:lnTo>
                    <a:lnTo>
                      <a:pt x="828" y="110"/>
                    </a:lnTo>
                    <a:lnTo>
                      <a:pt x="829" y="111"/>
                    </a:lnTo>
                    <a:lnTo>
                      <a:pt x="831" y="113"/>
                    </a:lnTo>
                    <a:lnTo>
                      <a:pt x="831" y="111"/>
                    </a:lnTo>
                    <a:lnTo>
                      <a:pt x="833" y="110"/>
                    </a:lnTo>
                    <a:lnTo>
                      <a:pt x="834" y="106"/>
                    </a:lnTo>
                    <a:lnTo>
                      <a:pt x="834" y="105"/>
                    </a:lnTo>
                    <a:lnTo>
                      <a:pt x="834" y="96"/>
                    </a:lnTo>
                    <a:lnTo>
                      <a:pt x="833" y="88"/>
                    </a:lnTo>
                    <a:lnTo>
                      <a:pt x="831" y="81"/>
                    </a:lnTo>
                    <a:lnTo>
                      <a:pt x="829" y="76"/>
                    </a:lnTo>
                    <a:lnTo>
                      <a:pt x="828" y="72"/>
                    </a:lnTo>
                    <a:lnTo>
                      <a:pt x="826" y="69"/>
                    </a:lnTo>
                    <a:lnTo>
                      <a:pt x="824" y="67"/>
                    </a:lnTo>
                    <a:lnTo>
                      <a:pt x="817" y="72"/>
                    </a:lnTo>
                    <a:lnTo>
                      <a:pt x="816" y="72"/>
                    </a:lnTo>
                    <a:lnTo>
                      <a:pt x="814" y="74"/>
                    </a:lnTo>
                    <a:lnTo>
                      <a:pt x="811" y="76"/>
                    </a:lnTo>
                    <a:lnTo>
                      <a:pt x="809" y="79"/>
                    </a:lnTo>
                    <a:lnTo>
                      <a:pt x="809" y="89"/>
                    </a:lnTo>
                    <a:lnTo>
                      <a:pt x="809" y="96"/>
                    </a:lnTo>
                    <a:lnTo>
                      <a:pt x="807" y="101"/>
                    </a:lnTo>
                    <a:lnTo>
                      <a:pt x="807" y="105"/>
                    </a:lnTo>
                    <a:lnTo>
                      <a:pt x="807" y="106"/>
                    </a:lnTo>
                    <a:lnTo>
                      <a:pt x="806" y="105"/>
                    </a:lnTo>
                    <a:lnTo>
                      <a:pt x="806" y="101"/>
                    </a:lnTo>
                    <a:lnTo>
                      <a:pt x="804" y="98"/>
                    </a:lnTo>
                    <a:lnTo>
                      <a:pt x="802" y="94"/>
                    </a:lnTo>
                    <a:lnTo>
                      <a:pt x="802" y="91"/>
                    </a:lnTo>
                    <a:lnTo>
                      <a:pt x="802" y="88"/>
                    </a:lnTo>
                    <a:lnTo>
                      <a:pt x="800" y="84"/>
                    </a:lnTo>
                    <a:lnTo>
                      <a:pt x="800" y="81"/>
                    </a:lnTo>
                    <a:lnTo>
                      <a:pt x="800" y="79"/>
                    </a:lnTo>
                    <a:lnTo>
                      <a:pt x="800" y="78"/>
                    </a:lnTo>
                    <a:lnTo>
                      <a:pt x="799" y="71"/>
                    </a:lnTo>
                    <a:lnTo>
                      <a:pt x="797" y="67"/>
                    </a:lnTo>
                    <a:lnTo>
                      <a:pt x="792" y="67"/>
                    </a:lnTo>
                    <a:lnTo>
                      <a:pt x="789" y="69"/>
                    </a:lnTo>
                    <a:lnTo>
                      <a:pt x="784" y="72"/>
                    </a:lnTo>
                    <a:lnTo>
                      <a:pt x="778" y="76"/>
                    </a:lnTo>
                    <a:lnTo>
                      <a:pt x="777" y="78"/>
                    </a:lnTo>
                    <a:lnTo>
                      <a:pt x="775" y="79"/>
                    </a:lnTo>
                    <a:lnTo>
                      <a:pt x="763" y="79"/>
                    </a:lnTo>
                    <a:lnTo>
                      <a:pt x="762" y="81"/>
                    </a:lnTo>
                    <a:lnTo>
                      <a:pt x="760" y="81"/>
                    </a:lnTo>
                    <a:lnTo>
                      <a:pt x="756" y="83"/>
                    </a:lnTo>
                    <a:lnTo>
                      <a:pt x="753" y="83"/>
                    </a:lnTo>
                    <a:lnTo>
                      <a:pt x="750" y="84"/>
                    </a:lnTo>
                    <a:lnTo>
                      <a:pt x="745" y="86"/>
                    </a:lnTo>
                    <a:lnTo>
                      <a:pt x="743" y="88"/>
                    </a:lnTo>
                    <a:lnTo>
                      <a:pt x="741" y="88"/>
                    </a:lnTo>
                    <a:lnTo>
                      <a:pt x="731" y="94"/>
                    </a:lnTo>
                    <a:lnTo>
                      <a:pt x="726" y="96"/>
                    </a:lnTo>
                    <a:lnTo>
                      <a:pt x="724" y="96"/>
                    </a:lnTo>
                    <a:lnTo>
                      <a:pt x="724" y="94"/>
                    </a:lnTo>
                    <a:lnTo>
                      <a:pt x="726" y="91"/>
                    </a:lnTo>
                    <a:lnTo>
                      <a:pt x="729" y="88"/>
                    </a:lnTo>
                    <a:lnTo>
                      <a:pt x="731" y="84"/>
                    </a:lnTo>
                    <a:lnTo>
                      <a:pt x="733" y="84"/>
                    </a:lnTo>
                    <a:lnTo>
                      <a:pt x="724" y="66"/>
                    </a:lnTo>
                    <a:lnTo>
                      <a:pt x="731" y="61"/>
                    </a:lnTo>
                    <a:lnTo>
                      <a:pt x="736" y="71"/>
                    </a:lnTo>
                    <a:lnTo>
                      <a:pt x="748" y="78"/>
                    </a:lnTo>
                    <a:lnTo>
                      <a:pt x="751" y="76"/>
                    </a:lnTo>
                    <a:lnTo>
                      <a:pt x="755" y="72"/>
                    </a:lnTo>
                    <a:lnTo>
                      <a:pt x="758" y="71"/>
                    </a:lnTo>
                    <a:lnTo>
                      <a:pt x="762" y="67"/>
                    </a:lnTo>
                    <a:lnTo>
                      <a:pt x="763" y="66"/>
                    </a:lnTo>
                    <a:lnTo>
                      <a:pt x="765" y="64"/>
                    </a:lnTo>
                    <a:lnTo>
                      <a:pt x="765" y="62"/>
                    </a:lnTo>
                    <a:lnTo>
                      <a:pt x="756" y="56"/>
                    </a:lnTo>
                    <a:lnTo>
                      <a:pt x="753" y="52"/>
                    </a:lnTo>
                    <a:lnTo>
                      <a:pt x="755" y="52"/>
                    </a:lnTo>
                    <a:lnTo>
                      <a:pt x="758" y="52"/>
                    </a:lnTo>
                    <a:lnTo>
                      <a:pt x="763" y="54"/>
                    </a:lnTo>
                    <a:lnTo>
                      <a:pt x="768" y="56"/>
                    </a:lnTo>
                    <a:lnTo>
                      <a:pt x="772" y="57"/>
                    </a:lnTo>
                    <a:lnTo>
                      <a:pt x="775" y="59"/>
                    </a:lnTo>
                    <a:lnTo>
                      <a:pt x="789" y="52"/>
                    </a:lnTo>
                    <a:lnTo>
                      <a:pt x="789" y="50"/>
                    </a:lnTo>
                    <a:lnTo>
                      <a:pt x="789" y="49"/>
                    </a:lnTo>
                    <a:lnTo>
                      <a:pt x="787" y="47"/>
                    </a:lnTo>
                    <a:lnTo>
                      <a:pt x="787" y="45"/>
                    </a:lnTo>
                    <a:lnTo>
                      <a:pt x="780" y="39"/>
                    </a:lnTo>
                    <a:lnTo>
                      <a:pt x="777" y="34"/>
                    </a:lnTo>
                    <a:lnTo>
                      <a:pt x="780" y="34"/>
                    </a:lnTo>
                    <a:lnTo>
                      <a:pt x="784" y="35"/>
                    </a:lnTo>
                    <a:lnTo>
                      <a:pt x="787" y="37"/>
                    </a:lnTo>
                    <a:lnTo>
                      <a:pt x="790" y="39"/>
                    </a:lnTo>
                    <a:lnTo>
                      <a:pt x="790" y="40"/>
                    </a:lnTo>
                    <a:lnTo>
                      <a:pt x="792" y="40"/>
                    </a:lnTo>
                    <a:lnTo>
                      <a:pt x="795" y="39"/>
                    </a:lnTo>
                    <a:lnTo>
                      <a:pt x="800" y="39"/>
                    </a:lnTo>
                    <a:lnTo>
                      <a:pt x="802" y="39"/>
                    </a:lnTo>
                    <a:lnTo>
                      <a:pt x="811" y="47"/>
                    </a:lnTo>
                    <a:lnTo>
                      <a:pt x="816" y="50"/>
                    </a:lnTo>
                    <a:lnTo>
                      <a:pt x="817" y="50"/>
                    </a:lnTo>
                    <a:lnTo>
                      <a:pt x="817" y="47"/>
                    </a:lnTo>
                    <a:lnTo>
                      <a:pt x="814" y="44"/>
                    </a:lnTo>
                    <a:lnTo>
                      <a:pt x="811" y="39"/>
                    </a:lnTo>
                    <a:lnTo>
                      <a:pt x="809" y="35"/>
                    </a:lnTo>
                    <a:lnTo>
                      <a:pt x="807" y="34"/>
                    </a:lnTo>
                    <a:lnTo>
                      <a:pt x="800" y="17"/>
                    </a:lnTo>
                    <a:lnTo>
                      <a:pt x="790" y="15"/>
                    </a:lnTo>
                    <a:lnTo>
                      <a:pt x="780" y="0"/>
                    </a:lnTo>
                    <a:lnTo>
                      <a:pt x="750" y="8"/>
                    </a:lnTo>
                    <a:lnTo>
                      <a:pt x="721" y="15"/>
                    </a:lnTo>
                    <a:lnTo>
                      <a:pt x="692" y="20"/>
                    </a:lnTo>
                    <a:lnTo>
                      <a:pt x="663" y="27"/>
                    </a:lnTo>
                    <a:lnTo>
                      <a:pt x="636" y="32"/>
                    </a:lnTo>
                    <a:lnTo>
                      <a:pt x="609" y="39"/>
                    </a:lnTo>
                    <a:lnTo>
                      <a:pt x="584" y="44"/>
                    </a:lnTo>
                    <a:lnTo>
                      <a:pt x="558" y="47"/>
                    </a:lnTo>
                    <a:lnTo>
                      <a:pt x="533" y="52"/>
                    </a:lnTo>
                    <a:lnTo>
                      <a:pt x="509" y="56"/>
                    </a:lnTo>
                    <a:lnTo>
                      <a:pt x="486" y="61"/>
                    </a:lnTo>
                    <a:lnTo>
                      <a:pt x="464" y="64"/>
                    </a:lnTo>
                    <a:lnTo>
                      <a:pt x="443" y="67"/>
                    </a:lnTo>
                    <a:lnTo>
                      <a:pt x="423" y="71"/>
                    </a:lnTo>
                    <a:lnTo>
                      <a:pt x="403" y="74"/>
                    </a:lnTo>
                    <a:lnTo>
                      <a:pt x="384" y="76"/>
                    </a:lnTo>
                    <a:lnTo>
                      <a:pt x="366" y="79"/>
                    </a:lnTo>
                    <a:lnTo>
                      <a:pt x="349" y="81"/>
                    </a:lnTo>
                    <a:lnTo>
                      <a:pt x="333" y="83"/>
                    </a:lnTo>
                    <a:lnTo>
                      <a:pt x="318" y="84"/>
                    </a:lnTo>
                    <a:lnTo>
                      <a:pt x="305" y="86"/>
                    </a:lnTo>
                    <a:lnTo>
                      <a:pt x="293" y="88"/>
                    </a:lnTo>
                    <a:lnTo>
                      <a:pt x="281" y="89"/>
                    </a:lnTo>
                    <a:lnTo>
                      <a:pt x="271" y="91"/>
                    </a:lnTo>
                    <a:lnTo>
                      <a:pt x="261" y="91"/>
                    </a:lnTo>
                    <a:lnTo>
                      <a:pt x="252" y="93"/>
                    </a:lnTo>
                    <a:lnTo>
                      <a:pt x="245" y="93"/>
                    </a:lnTo>
                    <a:lnTo>
                      <a:pt x="240" y="94"/>
                    </a:lnTo>
                    <a:lnTo>
                      <a:pt x="235" y="94"/>
                    </a:lnTo>
                    <a:lnTo>
                      <a:pt x="232" y="94"/>
                    </a:lnTo>
                    <a:lnTo>
                      <a:pt x="230" y="94"/>
                    </a:lnTo>
                    <a:lnTo>
                      <a:pt x="232" y="94"/>
                    </a:lnTo>
                    <a:lnTo>
                      <a:pt x="232" y="96"/>
                    </a:lnTo>
                    <a:lnTo>
                      <a:pt x="232" y="100"/>
                    </a:lnTo>
                    <a:lnTo>
                      <a:pt x="232" y="106"/>
                    </a:lnTo>
                    <a:lnTo>
                      <a:pt x="232" y="111"/>
                    </a:lnTo>
                    <a:lnTo>
                      <a:pt x="234" y="118"/>
                    </a:lnTo>
                    <a:lnTo>
                      <a:pt x="232" y="125"/>
                    </a:lnTo>
                    <a:lnTo>
                      <a:pt x="232" y="128"/>
                    </a:lnTo>
                    <a:lnTo>
                      <a:pt x="232" y="130"/>
                    </a:lnTo>
                    <a:lnTo>
                      <a:pt x="225" y="130"/>
                    </a:lnTo>
                    <a:lnTo>
                      <a:pt x="220" y="133"/>
                    </a:lnTo>
                    <a:lnTo>
                      <a:pt x="215" y="138"/>
                    </a:lnTo>
                    <a:lnTo>
                      <a:pt x="212" y="145"/>
                    </a:lnTo>
                    <a:lnTo>
                      <a:pt x="208" y="152"/>
                    </a:lnTo>
                    <a:lnTo>
                      <a:pt x="206" y="157"/>
                    </a:lnTo>
                    <a:lnTo>
                      <a:pt x="205" y="160"/>
                    </a:lnTo>
                    <a:lnTo>
                      <a:pt x="198" y="157"/>
                    </a:lnTo>
                    <a:lnTo>
                      <a:pt x="191" y="157"/>
                    </a:lnTo>
                    <a:lnTo>
                      <a:pt x="183" y="162"/>
                    </a:lnTo>
                    <a:lnTo>
                      <a:pt x="174" y="169"/>
                    </a:lnTo>
                    <a:lnTo>
                      <a:pt x="168" y="177"/>
                    </a:lnTo>
                    <a:lnTo>
                      <a:pt x="161" y="184"/>
                    </a:lnTo>
                    <a:lnTo>
                      <a:pt x="156" y="188"/>
                    </a:lnTo>
                    <a:lnTo>
                      <a:pt x="154" y="188"/>
                    </a:lnTo>
                    <a:lnTo>
                      <a:pt x="152" y="182"/>
                    </a:lnTo>
                    <a:lnTo>
                      <a:pt x="149" y="181"/>
                    </a:lnTo>
                    <a:lnTo>
                      <a:pt x="147" y="179"/>
                    </a:lnTo>
                    <a:lnTo>
                      <a:pt x="144" y="179"/>
                    </a:lnTo>
                    <a:lnTo>
                      <a:pt x="140" y="181"/>
                    </a:lnTo>
                    <a:lnTo>
                      <a:pt x="137" y="182"/>
                    </a:lnTo>
                    <a:lnTo>
                      <a:pt x="134" y="186"/>
                    </a:lnTo>
                    <a:lnTo>
                      <a:pt x="132" y="191"/>
                    </a:lnTo>
                    <a:lnTo>
                      <a:pt x="129" y="194"/>
                    </a:lnTo>
                    <a:lnTo>
                      <a:pt x="125" y="199"/>
                    </a:lnTo>
                    <a:lnTo>
                      <a:pt x="124" y="204"/>
                    </a:lnTo>
                    <a:lnTo>
                      <a:pt x="122" y="208"/>
                    </a:lnTo>
                    <a:lnTo>
                      <a:pt x="118" y="213"/>
                    </a:lnTo>
                    <a:lnTo>
                      <a:pt x="118" y="215"/>
                    </a:lnTo>
                    <a:lnTo>
                      <a:pt x="117" y="216"/>
                    </a:lnTo>
                    <a:lnTo>
                      <a:pt x="117" y="218"/>
                    </a:lnTo>
                    <a:lnTo>
                      <a:pt x="108" y="220"/>
                    </a:lnTo>
                    <a:lnTo>
                      <a:pt x="100" y="223"/>
                    </a:lnTo>
                    <a:lnTo>
                      <a:pt x="91" y="228"/>
                    </a:lnTo>
                    <a:lnTo>
                      <a:pt x="83" y="235"/>
                    </a:lnTo>
                    <a:lnTo>
                      <a:pt x="78" y="240"/>
                    </a:lnTo>
                    <a:lnTo>
                      <a:pt x="71" y="247"/>
                    </a:lnTo>
                    <a:lnTo>
                      <a:pt x="68" y="250"/>
                    </a:lnTo>
                    <a:lnTo>
                      <a:pt x="66" y="252"/>
                    </a:lnTo>
                    <a:lnTo>
                      <a:pt x="56" y="252"/>
                    </a:lnTo>
                    <a:lnTo>
                      <a:pt x="47" y="255"/>
                    </a:lnTo>
                    <a:lnTo>
                      <a:pt x="41" y="259"/>
                    </a:lnTo>
                    <a:lnTo>
                      <a:pt x="34" y="264"/>
                    </a:lnTo>
                    <a:lnTo>
                      <a:pt x="31" y="269"/>
                    </a:lnTo>
                    <a:lnTo>
                      <a:pt x="27" y="274"/>
                    </a:lnTo>
                    <a:lnTo>
                      <a:pt x="25" y="277"/>
                    </a:lnTo>
                    <a:lnTo>
                      <a:pt x="25" y="279"/>
                    </a:lnTo>
                    <a:lnTo>
                      <a:pt x="24" y="286"/>
                    </a:lnTo>
                    <a:lnTo>
                      <a:pt x="20" y="291"/>
                    </a:lnTo>
                    <a:lnTo>
                      <a:pt x="17" y="296"/>
                    </a:lnTo>
                    <a:lnTo>
                      <a:pt x="12" y="298"/>
                    </a:lnTo>
                    <a:lnTo>
                      <a:pt x="9" y="299"/>
                    </a:lnTo>
                    <a:lnTo>
                      <a:pt x="3" y="299"/>
                    </a:lnTo>
                    <a:lnTo>
                      <a:pt x="0" y="299"/>
                    </a:lnTo>
                    <a:lnTo>
                      <a:pt x="0" y="333"/>
                    </a:lnTo>
                    <a:lnTo>
                      <a:pt x="124" y="314"/>
                    </a:lnTo>
                    <a:lnTo>
                      <a:pt x="125" y="316"/>
                    </a:lnTo>
                    <a:lnTo>
                      <a:pt x="127" y="314"/>
                    </a:lnTo>
                    <a:lnTo>
                      <a:pt x="129" y="313"/>
                    </a:lnTo>
                    <a:lnTo>
                      <a:pt x="132" y="309"/>
                    </a:lnTo>
                    <a:lnTo>
                      <a:pt x="135" y="306"/>
                    </a:lnTo>
                    <a:lnTo>
                      <a:pt x="140" y="303"/>
                    </a:lnTo>
                    <a:lnTo>
                      <a:pt x="146" y="299"/>
                    </a:lnTo>
                    <a:lnTo>
                      <a:pt x="152" y="296"/>
                    </a:lnTo>
                    <a:lnTo>
                      <a:pt x="157" y="292"/>
                    </a:lnTo>
                    <a:lnTo>
                      <a:pt x="166" y="287"/>
                    </a:lnTo>
                    <a:lnTo>
                      <a:pt x="173" y="284"/>
                    </a:lnTo>
                    <a:lnTo>
                      <a:pt x="181" y="281"/>
                    </a:lnTo>
                    <a:lnTo>
                      <a:pt x="190" y="279"/>
                    </a:lnTo>
                    <a:lnTo>
                      <a:pt x="200" y="277"/>
                    </a:lnTo>
                    <a:lnTo>
                      <a:pt x="210" y="274"/>
                    </a:lnTo>
                    <a:lnTo>
                      <a:pt x="218" y="274"/>
                    </a:lnTo>
                    <a:lnTo>
                      <a:pt x="311" y="265"/>
                    </a:lnTo>
                    <a:lnTo>
                      <a:pt x="313" y="265"/>
                    </a:lnTo>
                    <a:lnTo>
                      <a:pt x="315" y="264"/>
                    </a:lnTo>
                    <a:lnTo>
                      <a:pt x="320" y="264"/>
                    </a:lnTo>
                    <a:lnTo>
                      <a:pt x="327" y="264"/>
                    </a:lnTo>
                    <a:lnTo>
                      <a:pt x="333" y="265"/>
                    </a:lnTo>
                    <a:lnTo>
                      <a:pt x="340" y="269"/>
                    </a:lnTo>
                    <a:lnTo>
                      <a:pt x="347" y="276"/>
                    </a:lnTo>
                    <a:lnTo>
                      <a:pt x="355" y="287"/>
                    </a:lnTo>
                    <a:lnTo>
                      <a:pt x="359" y="301"/>
                    </a:lnTo>
                    <a:lnTo>
                      <a:pt x="467" y="284"/>
                    </a:lnTo>
                    <a:lnTo>
                      <a:pt x="597" y="379"/>
                    </a:lnTo>
                    <a:lnTo>
                      <a:pt x="601" y="379"/>
                    </a:lnTo>
                    <a:lnTo>
                      <a:pt x="602" y="379"/>
                    </a:lnTo>
                    <a:lnTo>
                      <a:pt x="604" y="377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75" name="Freeform 165"/>
              <p:cNvSpPr>
                <a:spLocks/>
              </p:cNvSpPr>
              <p:nvPr/>
            </p:nvSpPr>
            <p:spPr bwMode="auto">
              <a:xfrm>
                <a:off x="4891" y="2263"/>
                <a:ext cx="39" cy="57"/>
              </a:xfrm>
              <a:custGeom>
                <a:avLst/>
                <a:gdLst>
                  <a:gd name="T0" fmla="*/ 0 w 39"/>
                  <a:gd name="T1" fmla="*/ 57 h 57"/>
                  <a:gd name="T2" fmla="*/ 2 w 39"/>
                  <a:gd name="T3" fmla="*/ 54 h 57"/>
                  <a:gd name="T4" fmla="*/ 4 w 39"/>
                  <a:gd name="T5" fmla="*/ 51 h 57"/>
                  <a:gd name="T6" fmla="*/ 7 w 39"/>
                  <a:gd name="T7" fmla="*/ 44 h 57"/>
                  <a:gd name="T8" fmla="*/ 10 w 39"/>
                  <a:gd name="T9" fmla="*/ 35 h 57"/>
                  <a:gd name="T10" fmla="*/ 15 w 39"/>
                  <a:gd name="T11" fmla="*/ 25 h 57"/>
                  <a:gd name="T12" fmla="*/ 21 w 39"/>
                  <a:gd name="T13" fmla="*/ 15 h 57"/>
                  <a:gd name="T14" fmla="*/ 27 w 39"/>
                  <a:gd name="T15" fmla="*/ 7 h 57"/>
                  <a:gd name="T16" fmla="*/ 32 w 39"/>
                  <a:gd name="T17" fmla="*/ 0 h 57"/>
                  <a:gd name="T18" fmla="*/ 39 w 39"/>
                  <a:gd name="T19" fmla="*/ 1 h 57"/>
                  <a:gd name="T20" fmla="*/ 39 w 39"/>
                  <a:gd name="T21" fmla="*/ 1 h 57"/>
                  <a:gd name="T22" fmla="*/ 36 w 39"/>
                  <a:gd name="T23" fmla="*/ 5 h 57"/>
                  <a:gd name="T24" fmla="*/ 32 w 39"/>
                  <a:gd name="T25" fmla="*/ 8 h 57"/>
                  <a:gd name="T26" fmla="*/ 29 w 39"/>
                  <a:gd name="T27" fmla="*/ 13 h 57"/>
                  <a:gd name="T28" fmla="*/ 24 w 39"/>
                  <a:gd name="T29" fmla="*/ 22 h 57"/>
                  <a:gd name="T30" fmla="*/ 19 w 39"/>
                  <a:gd name="T31" fmla="*/ 30 h 57"/>
                  <a:gd name="T32" fmla="*/ 12 w 39"/>
                  <a:gd name="T33" fmla="*/ 40 h 57"/>
                  <a:gd name="T34" fmla="*/ 7 w 39"/>
                  <a:gd name="T35" fmla="*/ 54 h 57"/>
                  <a:gd name="T36" fmla="*/ 5 w 39"/>
                  <a:gd name="T37" fmla="*/ 54 h 57"/>
                  <a:gd name="T38" fmla="*/ 4 w 39"/>
                  <a:gd name="T39" fmla="*/ 56 h 57"/>
                  <a:gd name="T40" fmla="*/ 2 w 39"/>
                  <a:gd name="T41" fmla="*/ 56 h 57"/>
                  <a:gd name="T42" fmla="*/ 0 w 39"/>
                  <a:gd name="T43" fmla="*/ 57 h 57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w 39"/>
                  <a:gd name="T67" fmla="*/ 0 h 57"/>
                  <a:gd name="T68" fmla="*/ 39 w 39"/>
                  <a:gd name="T69" fmla="*/ 57 h 57"/>
                </a:gdLst>
                <a:ahLst/>
                <a:cxnLst>
                  <a:cxn ang="T44">
                    <a:pos x="T0" y="T1"/>
                  </a:cxn>
                  <a:cxn ang="T45">
                    <a:pos x="T2" y="T3"/>
                  </a:cxn>
                  <a:cxn ang="T46">
                    <a:pos x="T4" y="T5"/>
                  </a:cxn>
                  <a:cxn ang="T47">
                    <a:pos x="T6" y="T7"/>
                  </a:cxn>
                  <a:cxn ang="T48">
                    <a:pos x="T8" y="T9"/>
                  </a:cxn>
                  <a:cxn ang="T49">
                    <a:pos x="T10" y="T11"/>
                  </a:cxn>
                  <a:cxn ang="T50">
                    <a:pos x="T12" y="T13"/>
                  </a:cxn>
                  <a:cxn ang="T51">
                    <a:pos x="T14" y="T15"/>
                  </a:cxn>
                  <a:cxn ang="T52">
                    <a:pos x="T16" y="T17"/>
                  </a:cxn>
                  <a:cxn ang="T53">
                    <a:pos x="T18" y="T19"/>
                  </a:cxn>
                  <a:cxn ang="T54">
                    <a:pos x="T20" y="T21"/>
                  </a:cxn>
                  <a:cxn ang="T55">
                    <a:pos x="T22" y="T23"/>
                  </a:cxn>
                  <a:cxn ang="T56">
                    <a:pos x="T24" y="T25"/>
                  </a:cxn>
                  <a:cxn ang="T57">
                    <a:pos x="T26" y="T27"/>
                  </a:cxn>
                  <a:cxn ang="T58">
                    <a:pos x="T28" y="T29"/>
                  </a:cxn>
                  <a:cxn ang="T59">
                    <a:pos x="T30" y="T31"/>
                  </a:cxn>
                  <a:cxn ang="T60">
                    <a:pos x="T32" y="T33"/>
                  </a:cxn>
                  <a:cxn ang="T61">
                    <a:pos x="T34" y="T35"/>
                  </a:cxn>
                  <a:cxn ang="T62">
                    <a:pos x="T36" y="T37"/>
                  </a:cxn>
                  <a:cxn ang="T63">
                    <a:pos x="T38" y="T39"/>
                  </a:cxn>
                  <a:cxn ang="T64">
                    <a:pos x="T40" y="T41"/>
                  </a:cxn>
                  <a:cxn ang="T65">
                    <a:pos x="T42" y="T43"/>
                  </a:cxn>
                </a:cxnLst>
                <a:rect l="T66" t="T67" r="T68" b="T69"/>
                <a:pathLst>
                  <a:path w="39" h="57">
                    <a:moveTo>
                      <a:pt x="0" y="57"/>
                    </a:moveTo>
                    <a:lnTo>
                      <a:pt x="2" y="54"/>
                    </a:lnTo>
                    <a:lnTo>
                      <a:pt x="4" y="51"/>
                    </a:lnTo>
                    <a:lnTo>
                      <a:pt x="7" y="44"/>
                    </a:lnTo>
                    <a:lnTo>
                      <a:pt x="10" y="35"/>
                    </a:lnTo>
                    <a:lnTo>
                      <a:pt x="15" y="25"/>
                    </a:lnTo>
                    <a:lnTo>
                      <a:pt x="21" y="15"/>
                    </a:lnTo>
                    <a:lnTo>
                      <a:pt x="27" y="7"/>
                    </a:lnTo>
                    <a:lnTo>
                      <a:pt x="32" y="0"/>
                    </a:lnTo>
                    <a:lnTo>
                      <a:pt x="39" y="1"/>
                    </a:lnTo>
                    <a:lnTo>
                      <a:pt x="36" y="5"/>
                    </a:lnTo>
                    <a:lnTo>
                      <a:pt x="32" y="8"/>
                    </a:lnTo>
                    <a:lnTo>
                      <a:pt x="29" y="13"/>
                    </a:lnTo>
                    <a:lnTo>
                      <a:pt x="24" y="22"/>
                    </a:lnTo>
                    <a:lnTo>
                      <a:pt x="19" y="30"/>
                    </a:lnTo>
                    <a:lnTo>
                      <a:pt x="12" y="40"/>
                    </a:lnTo>
                    <a:lnTo>
                      <a:pt x="7" y="54"/>
                    </a:lnTo>
                    <a:lnTo>
                      <a:pt x="5" y="54"/>
                    </a:lnTo>
                    <a:lnTo>
                      <a:pt x="4" y="56"/>
                    </a:lnTo>
                    <a:lnTo>
                      <a:pt x="2" y="56"/>
                    </a:lnTo>
                    <a:lnTo>
                      <a:pt x="0" y="5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76" name="Freeform 166"/>
              <p:cNvSpPr>
                <a:spLocks/>
              </p:cNvSpPr>
              <p:nvPr/>
            </p:nvSpPr>
            <p:spPr bwMode="auto">
              <a:xfrm>
                <a:off x="4891" y="2263"/>
                <a:ext cx="39" cy="57"/>
              </a:xfrm>
              <a:custGeom>
                <a:avLst/>
                <a:gdLst>
                  <a:gd name="T0" fmla="*/ 0 w 39"/>
                  <a:gd name="T1" fmla="*/ 57 h 57"/>
                  <a:gd name="T2" fmla="*/ 0 w 39"/>
                  <a:gd name="T3" fmla="*/ 57 h 57"/>
                  <a:gd name="T4" fmla="*/ 2 w 39"/>
                  <a:gd name="T5" fmla="*/ 54 h 57"/>
                  <a:gd name="T6" fmla="*/ 4 w 39"/>
                  <a:gd name="T7" fmla="*/ 51 h 57"/>
                  <a:gd name="T8" fmla="*/ 7 w 39"/>
                  <a:gd name="T9" fmla="*/ 44 h 57"/>
                  <a:gd name="T10" fmla="*/ 10 w 39"/>
                  <a:gd name="T11" fmla="*/ 35 h 57"/>
                  <a:gd name="T12" fmla="*/ 15 w 39"/>
                  <a:gd name="T13" fmla="*/ 25 h 57"/>
                  <a:gd name="T14" fmla="*/ 21 w 39"/>
                  <a:gd name="T15" fmla="*/ 15 h 57"/>
                  <a:gd name="T16" fmla="*/ 27 w 39"/>
                  <a:gd name="T17" fmla="*/ 7 h 57"/>
                  <a:gd name="T18" fmla="*/ 32 w 39"/>
                  <a:gd name="T19" fmla="*/ 0 h 57"/>
                  <a:gd name="T20" fmla="*/ 39 w 39"/>
                  <a:gd name="T21" fmla="*/ 1 h 57"/>
                  <a:gd name="T22" fmla="*/ 39 w 39"/>
                  <a:gd name="T23" fmla="*/ 1 h 57"/>
                  <a:gd name="T24" fmla="*/ 39 w 39"/>
                  <a:gd name="T25" fmla="*/ 1 h 57"/>
                  <a:gd name="T26" fmla="*/ 36 w 39"/>
                  <a:gd name="T27" fmla="*/ 5 h 57"/>
                  <a:gd name="T28" fmla="*/ 32 w 39"/>
                  <a:gd name="T29" fmla="*/ 8 h 57"/>
                  <a:gd name="T30" fmla="*/ 29 w 39"/>
                  <a:gd name="T31" fmla="*/ 13 h 57"/>
                  <a:gd name="T32" fmla="*/ 24 w 39"/>
                  <a:gd name="T33" fmla="*/ 22 h 57"/>
                  <a:gd name="T34" fmla="*/ 19 w 39"/>
                  <a:gd name="T35" fmla="*/ 30 h 57"/>
                  <a:gd name="T36" fmla="*/ 12 w 39"/>
                  <a:gd name="T37" fmla="*/ 40 h 57"/>
                  <a:gd name="T38" fmla="*/ 7 w 39"/>
                  <a:gd name="T39" fmla="*/ 54 h 57"/>
                  <a:gd name="T40" fmla="*/ 7 w 39"/>
                  <a:gd name="T41" fmla="*/ 54 h 57"/>
                  <a:gd name="T42" fmla="*/ 5 w 39"/>
                  <a:gd name="T43" fmla="*/ 54 h 57"/>
                  <a:gd name="T44" fmla="*/ 4 w 39"/>
                  <a:gd name="T45" fmla="*/ 56 h 57"/>
                  <a:gd name="T46" fmla="*/ 2 w 39"/>
                  <a:gd name="T47" fmla="*/ 56 h 57"/>
                  <a:gd name="T48" fmla="*/ 0 w 39"/>
                  <a:gd name="T49" fmla="*/ 57 h 5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39"/>
                  <a:gd name="T76" fmla="*/ 0 h 57"/>
                  <a:gd name="T77" fmla="*/ 39 w 39"/>
                  <a:gd name="T78" fmla="*/ 57 h 57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39" h="57">
                    <a:moveTo>
                      <a:pt x="0" y="57"/>
                    </a:moveTo>
                    <a:lnTo>
                      <a:pt x="0" y="57"/>
                    </a:lnTo>
                    <a:lnTo>
                      <a:pt x="2" y="54"/>
                    </a:lnTo>
                    <a:lnTo>
                      <a:pt x="4" y="51"/>
                    </a:lnTo>
                    <a:lnTo>
                      <a:pt x="7" y="44"/>
                    </a:lnTo>
                    <a:lnTo>
                      <a:pt x="10" y="35"/>
                    </a:lnTo>
                    <a:lnTo>
                      <a:pt x="15" y="25"/>
                    </a:lnTo>
                    <a:lnTo>
                      <a:pt x="21" y="15"/>
                    </a:lnTo>
                    <a:lnTo>
                      <a:pt x="27" y="7"/>
                    </a:lnTo>
                    <a:lnTo>
                      <a:pt x="32" y="0"/>
                    </a:lnTo>
                    <a:lnTo>
                      <a:pt x="39" y="1"/>
                    </a:lnTo>
                    <a:lnTo>
                      <a:pt x="36" y="5"/>
                    </a:lnTo>
                    <a:lnTo>
                      <a:pt x="32" y="8"/>
                    </a:lnTo>
                    <a:lnTo>
                      <a:pt x="29" y="13"/>
                    </a:lnTo>
                    <a:lnTo>
                      <a:pt x="24" y="22"/>
                    </a:lnTo>
                    <a:lnTo>
                      <a:pt x="19" y="30"/>
                    </a:lnTo>
                    <a:lnTo>
                      <a:pt x="12" y="40"/>
                    </a:lnTo>
                    <a:lnTo>
                      <a:pt x="7" y="54"/>
                    </a:lnTo>
                    <a:lnTo>
                      <a:pt x="5" y="54"/>
                    </a:lnTo>
                    <a:lnTo>
                      <a:pt x="4" y="56"/>
                    </a:lnTo>
                    <a:lnTo>
                      <a:pt x="2" y="56"/>
                    </a:lnTo>
                    <a:lnTo>
                      <a:pt x="0" y="5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77" name="Freeform 167"/>
              <p:cNvSpPr>
                <a:spLocks/>
              </p:cNvSpPr>
              <p:nvPr/>
            </p:nvSpPr>
            <p:spPr bwMode="auto">
              <a:xfrm>
                <a:off x="4905" y="2078"/>
                <a:ext cx="54" cy="82"/>
              </a:xfrm>
              <a:custGeom>
                <a:avLst/>
                <a:gdLst>
                  <a:gd name="T0" fmla="*/ 5 w 54"/>
                  <a:gd name="T1" fmla="*/ 0 h 82"/>
                  <a:gd name="T2" fmla="*/ 5 w 54"/>
                  <a:gd name="T3" fmla="*/ 0 h 82"/>
                  <a:gd name="T4" fmla="*/ 5 w 54"/>
                  <a:gd name="T5" fmla="*/ 2 h 82"/>
                  <a:gd name="T6" fmla="*/ 7 w 54"/>
                  <a:gd name="T7" fmla="*/ 4 h 82"/>
                  <a:gd name="T8" fmla="*/ 7 w 54"/>
                  <a:gd name="T9" fmla="*/ 7 h 82"/>
                  <a:gd name="T10" fmla="*/ 8 w 54"/>
                  <a:gd name="T11" fmla="*/ 10 h 82"/>
                  <a:gd name="T12" fmla="*/ 10 w 54"/>
                  <a:gd name="T13" fmla="*/ 14 h 82"/>
                  <a:gd name="T14" fmla="*/ 13 w 54"/>
                  <a:gd name="T15" fmla="*/ 19 h 82"/>
                  <a:gd name="T16" fmla="*/ 15 w 54"/>
                  <a:gd name="T17" fmla="*/ 22 h 82"/>
                  <a:gd name="T18" fmla="*/ 17 w 54"/>
                  <a:gd name="T19" fmla="*/ 27 h 82"/>
                  <a:gd name="T20" fmla="*/ 20 w 54"/>
                  <a:gd name="T21" fmla="*/ 32 h 82"/>
                  <a:gd name="T22" fmla="*/ 23 w 54"/>
                  <a:gd name="T23" fmla="*/ 38 h 82"/>
                  <a:gd name="T24" fmla="*/ 25 w 54"/>
                  <a:gd name="T25" fmla="*/ 43 h 82"/>
                  <a:gd name="T26" fmla="*/ 29 w 54"/>
                  <a:gd name="T27" fmla="*/ 48 h 82"/>
                  <a:gd name="T28" fmla="*/ 32 w 54"/>
                  <a:gd name="T29" fmla="*/ 51 h 82"/>
                  <a:gd name="T30" fmla="*/ 35 w 54"/>
                  <a:gd name="T31" fmla="*/ 56 h 82"/>
                  <a:gd name="T32" fmla="*/ 39 w 54"/>
                  <a:gd name="T33" fmla="*/ 60 h 82"/>
                  <a:gd name="T34" fmla="*/ 40 w 54"/>
                  <a:gd name="T35" fmla="*/ 63 h 82"/>
                  <a:gd name="T36" fmla="*/ 44 w 54"/>
                  <a:gd name="T37" fmla="*/ 66 h 82"/>
                  <a:gd name="T38" fmla="*/ 47 w 54"/>
                  <a:gd name="T39" fmla="*/ 73 h 82"/>
                  <a:gd name="T40" fmla="*/ 52 w 54"/>
                  <a:gd name="T41" fmla="*/ 78 h 82"/>
                  <a:gd name="T42" fmla="*/ 54 w 54"/>
                  <a:gd name="T43" fmla="*/ 82 h 82"/>
                  <a:gd name="T44" fmla="*/ 52 w 54"/>
                  <a:gd name="T45" fmla="*/ 82 h 82"/>
                  <a:gd name="T46" fmla="*/ 45 w 54"/>
                  <a:gd name="T47" fmla="*/ 76 h 82"/>
                  <a:gd name="T48" fmla="*/ 34 w 54"/>
                  <a:gd name="T49" fmla="*/ 65 h 82"/>
                  <a:gd name="T50" fmla="*/ 34 w 54"/>
                  <a:gd name="T51" fmla="*/ 65 h 82"/>
                  <a:gd name="T52" fmla="*/ 32 w 54"/>
                  <a:gd name="T53" fmla="*/ 63 h 82"/>
                  <a:gd name="T54" fmla="*/ 30 w 54"/>
                  <a:gd name="T55" fmla="*/ 60 h 82"/>
                  <a:gd name="T56" fmla="*/ 27 w 54"/>
                  <a:gd name="T57" fmla="*/ 56 h 82"/>
                  <a:gd name="T58" fmla="*/ 25 w 54"/>
                  <a:gd name="T59" fmla="*/ 53 h 82"/>
                  <a:gd name="T60" fmla="*/ 22 w 54"/>
                  <a:gd name="T61" fmla="*/ 48 h 82"/>
                  <a:gd name="T62" fmla="*/ 18 w 54"/>
                  <a:gd name="T63" fmla="*/ 43 h 82"/>
                  <a:gd name="T64" fmla="*/ 15 w 54"/>
                  <a:gd name="T65" fmla="*/ 38 h 82"/>
                  <a:gd name="T66" fmla="*/ 12 w 54"/>
                  <a:gd name="T67" fmla="*/ 32 h 82"/>
                  <a:gd name="T68" fmla="*/ 10 w 54"/>
                  <a:gd name="T69" fmla="*/ 27 h 82"/>
                  <a:gd name="T70" fmla="*/ 7 w 54"/>
                  <a:gd name="T71" fmla="*/ 22 h 82"/>
                  <a:gd name="T72" fmla="*/ 5 w 54"/>
                  <a:gd name="T73" fmla="*/ 19 h 82"/>
                  <a:gd name="T74" fmla="*/ 1 w 54"/>
                  <a:gd name="T75" fmla="*/ 14 h 82"/>
                  <a:gd name="T76" fmla="*/ 1 w 54"/>
                  <a:gd name="T77" fmla="*/ 10 h 82"/>
                  <a:gd name="T78" fmla="*/ 0 w 54"/>
                  <a:gd name="T79" fmla="*/ 7 h 82"/>
                  <a:gd name="T80" fmla="*/ 0 w 54"/>
                  <a:gd name="T81" fmla="*/ 4 h 82"/>
                  <a:gd name="T82" fmla="*/ 0 w 54"/>
                  <a:gd name="T83" fmla="*/ 2 h 82"/>
                  <a:gd name="T84" fmla="*/ 1 w 54"/>
                  <a:gd name="T85" fmla="*/ 0 h 82"/>
                  <a:gd name="T86" fmla="*/ 3 w 54"/>
                  <a:gd name="T87" fmla="*/ 0 h 82"/>
                  <a:gd name="T88" fmla="*/ 5 w 54"/>
                  <a:gd name="T89" fmla="*/ 0 h 82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w 54"/>
                  <a:gd name="T136" fmla="*/ 0 h 82"/>
                  <a:gd name="T137" fmla="*/ 54 w 54"/>
                  <a:gd name="T138" fmla="*/ 82 h 82"/>
                </a:gdLst>
                <a:ahLst/>
                <a:cxnLst>
                  <a:cxn ang="T90">
                    <a:pos x="T0" y="T1"/>
                  </a:cxn>
                  <a:cxn ang="T91">
                    <a:pos x="T2" y="T3"/>
                  </a:cxn>
                  <a:cxn ang="T92">
                    <a:pos x="T4" y="T5"/>
                  </a:cxn>
                  <a:cxn ang="T93">
                    <a:pos x="T6" y="T7"/>
                  </a:cxn>
                  <a:cxn ang="T94">
                    <a:pos x="T8" y="T9"/>
                  </a:cxn>
                  <a:cxn ang="T95">
                    <a:pos x="T10" y="T11"/>
                  </a:cxn>
                  <a:cxn ang="T96">
                    <a:pos x="T12" y="T13"/>
                  </a:cxn>
                  <a:cxn ang="T97">
                    <a:pos x="T14" y="T15"/>
                  </a:cxn>
                  <a:cxn ang="T98">
                    <a:pos x="T16" y="T17"/>
                  </a:cxn>
                  <a:cxn ang="T99">
                    <a:pos x="T18" y="T19"/>
                  </a:cxn>
                  <a:cxn ang="T100">
                    <a:pos x="T20" y="T21"/>
                  </a:cxn>
                  <a:cxn ang="T101">
                    <a:pos x="T22" y="T23"/>
                  </a:cxn>
                  <a:cxn ang="T102">
                    <a:pos x="T24" y="T25"/>
                  </a:cxn>
                  <a:cxn ang="T103">
                    <a:pos x="T26" y="T27"/>
                  </a:cxn>
                  <a:cxn ang="T104">
                    <a:pos x="T28" y="T29"/>
                  </a:cxn>
                  <a:cxn ang="T105">
                    <a:pos x="T30" y="T31"/>
                  </a:cxn>
                  <a:cxn ang="T106">
                    <a:pos x="T32" y="T33"/>
                  </a:cxn>
                  <a:cxn ang="T107">
                    <a:pos x="T34" y="T35"/>
                  </a:cxn>
                  <a:cxn ang="T108">
                    <a:pos x="T36" y="T37"/>
                  </a:cxn>
                  <a:cxn ang="T109">
                    <a:pos x="T38" y="T39"/>
                  </a:cxn>
                  <a:cxn ang="T110">
                    <a:pos x="T40" y="T41"/>
                  </a:cxn>
                  <a:cxn ang="T111">
                    <a:pos x="T42" y="T43"/>
                  </a:cxn>
                  <a:cxn ang="T112">
                    <a:pos x="T44" y="T45"/>
                  </a:cxn>
                  <a:cxn ang="T113">
                    <a:pos x="T46" y="T47"/>
                  </a:cxn>
                  <a:cxn ang="T114">
                    <a:pos x="T48" y="T49"/>
                  </a:cxn>
                  <a:cxn ang="T115">
                    <a:pos x="T50" y="T51"/>
                  </a:cxn>
                  <a:cxn ang="T116">
                    <a:pos x="T52" y="T53"/>
                  </a:cxn>
                  <a:cxn ang="T117">
                    <a:pos x="T54" y="T55"/>
                  </a:cxn>
                  <a:cxn ang="T118">
                    <a:pos x="T56" y="T57"/>
                  </a:cxn>
                  <a:cxn ang="T119">
                    <a:pos x="T58" y="T59"/>
                  </a:cxn>
                  <a:cxn ang="T120">
                    <a:pos x="T60" y="T61"/>
                  </a:cxn>
                  <a:cxn ang="T121">
                    <a:pos x="T62" y="T63"/>
                  </a:cxn>
                  <a:cxn ang="T122">
                    <a:pos x="T64" y="T65"/>
                  </a:cxn>
                  <a:cxn ang="T123">
                    <a:pos x="T66" y="T67"/>
                  </a:cxn>
                  <a:cxn ang="T124">
                    <a:pos x="T68" y="T69"/>
                  </a:cxn>
                  <a:cxn ang="T125">
                    <a:pos x="T70" y="T71"/>
                  </a:cxn>
                  <a:cxn ang="T126">
                    <a:pos x="T72" y="T73"/>
                  </a:cxn>
                  <a:cxn ang="T127">
                    <a:pos x="T74" y="T75"/>
                  </a:cxn>
                  <a:cxn ang="T128">
                    <a:pos x="T76" y="T77"/>
                  </a:cxn>
                  <a:cxn ang="T129">
                    <a:pos x="T78" y="T79"/>
                  </a:cxn>
                  <a:cxn ang="T130">
                    <a:pos x="T80" y="T81"/>
                  </a:cxn>
                  <a:cxn ang="T131">
                    <a:pos x="T82" y="T83"/>
                  </a:cxn>
                  <a:cxn ang="T132">
                    <a:pos x="T84" y="T85"/>
                  </a:cxn>
                  <a:cxn ang="T133">
                    <a:pos x="T86" y="T87"/>
                  </a:cxn>
                  <a:cxn ang="T134">
                    <a:pos x="T88" y="T89"/>
                  </a:cxn>
                </a:cxnLst>
                <a:rect l="T135" t="T136" r="T137" b="T138"/>
                <a:pathLst>
                  <a:path w="54" h="82">
                    <a:moveTo>
                      <a:pt x="5" y="0"/>
                    </a:moveTo>
                    <a:lnTo>
                      <a:pt x="5" y="0"/>
                    </a:lnTo>
                    <a:lnTo>
                      <a:pt x="5" y="2"/>
                    </a:lnTo>
                    <a:lnTo>
                      <a:pt x="7" y="4"/>
                    </a:lnTo>
                    <a:lnTo>
                      <a:pt x="7" y="7"/>
                    </a:lnTo>
                    <a:lnTo>
                      <a:pt x="8" y="10"/>
                    </a:lnTo>
                    <a:lnTo>
                      <a:pt x="10" y="14"/>
                    </a:lnTo>
                    <a:lnTo>
                      <a:pt x="13" y="19"/>
                    </a:lnTo>
                    <a:lnTo>
                      <a:pt x="15" y="22"/>
                    </a:lnTo>
                    <a:lnTo>
                      <a:pt x="17" y="27"/>
                    </a:lnTo>
                    <a:lnTo>
                      <a:pt x="20" y="32"/>
                    </a:lnTo>
                    <a:lnTo>
                      <a:pt x="23" y="38"/>
                    </a:lnTo>
                    <a:lnTo>
                      <a:pt x="25" y="43"/>
                    </a:lnTo>
                    <a:lnTo>
                      <a:pt x="29" y="48"/>
                    </a:lnTo>
                    <a:lnTo>
                      <a:pt x="32" y="51"/>
                    </a:lnTo>
                    <a:lnTo>
                      <a:pt x="35" y="56"/>
                    </a:lnTo>
                    <a:lnTo>
                      <a:pt x="39" y="60"/>
                    </a:lnTo>
                    <a:lnTo>
                      <a:pt x="40" y="63"/>
                    </a:lnTo>
                    <a:lnTo>
                      <a:pt x="44" y="66"/>
                    </a:lnTo>
                    <a:lnTo>
                      <a:pt x="47" y="73"/>
                    </a:lnTo>
                    <a:lnTo>
                      <a:pt x="52" y="78"/>
                    </a:lnTo>
                    <a:lnTo>
                      <a:pt x="54" y="82"/>
                    </a:lnTo>
                    <a:lnTo>
                      <a:pt x="52" y="82"/>
                    </a:lnTo>
                    <a:lnTo>
                      <a:pt x="45" y="76"/>
                    </a:lnTo>
                    <a:lnTo>
                      <a:pt x="34" y="65"/>
                    </a:lnTo>
                    <a:lnTo>
                      <a:pt x="32" y="63"/>
                    </a:lnTo>
                    <a:lnTo>
                      <a:pt x="30" y="60"/>
                    </a:lnTo>
                    <a:lnTo>
                      <a:pt x="27" y="56"/>
                    </a:lnTo>
                    <a:lnTo>
                      <a:pt x="25" y="53"/>
                    </a:lnTo>
                    <a:lnTo>
                      <a:pt x="22" y="48"/>
                    </a:lnTo>
                    <a:lnTo>
                      <a:pt x="18" y="43"/>
                    </a:lnTo>
                    <a:lnTo>
                      <a:pt x="15" y="38"/>
                    </a:lnTo>
                    <a:lnTo>
                      <a:pt x="12" y="32"/>
                    </a:lnTo>
                    <a:lnTo>
                      <a:pt x="10" y="27"/>
                    </a:lnTo>
                    <a:lnTo>
                      <a:pt x="7" y="22"/>
                    </a:lnTo>
                    <a:lnTo>
                      <a:pt x="5" y="19"/>
                    </a:lnTo>
                    <a:lnTo>
                      <a:pt x="1" y="14"/>
                    </a:lnTo>
                    <a:lnTo>
                      <a:pt x="1" y="10"/>
                    </a:lnTo>
                    <a:lnTo>
                      <a:pt x="0" y="7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3" y="0"/>
                    </a:lnTo>
                    <a:lnTo>
                      <a:pt x="5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78" name="Freeform 168"/>
              <p:cNvSpPr>
                <a:spLocks/>
              </p:cNvSpPr>
              <p:nvPr/>
            </p:nvSpPr>
            <p:spPr bwMode="auto">
              <a:xfrm>
                <a:off x="4905" y="2078"/>
                <a:ext cx="54" cy="82"/>
              </a:xfrm>
              <a:custGeom>
                <a:avLst/>
                <a:gdLst>
                  <a:gd name="T0" fmla="*/ 5 w 54"/>
                  <a:gd name="T1" fmla="*/ 0 h 82"/>
                  <a:gd name="T2" fmla="*/ 5 w 54"/>
                  <a:gd name="T3" fmla="*/ 0 h 82"/>
                  <a:gd name="T4" fmla="*/ 5 w 54"/>
                  <a:gd name="T5" fmla="*/ 0 h 82"/>
                  <a:gd name="T6" fmla="*/ 5 w 54"/>
                  <a:gd name="T7" fmla="*/ 2 h 82"/>
                  <a:gd name="T8" fmla="*/ 7 w 54"/>
                  <a:gd name="T9" fmla="*/ 4 h 82"/>
                  <a:gd name="T10" fmla="*/ 7 w 54"/>
                  <a:gd name="T11" fmla="*/ 7 h 82"/>
                  <a:gd name="T12" fmla="*/ 8 w 54"/>
                  <a:gd name="T13" fmla="*/ 10 h 82"/>
                  <a:gd name="T14" fmla="*/ 10 w 54"/>
                  <a:gd name="T15" fmla="*/ 14 h 82"/>
                  <a:gd name="T16" fmla="*/ 13 w 54"/>
                  <a:gd name="T17" fmla="*/ 19 h 82"/>
                  <a:gd name="T18" fmla="*/ 15 w 54"/>
                  <a:gd name="T19" fmla="*/ 22 h 82"/>
                  <a:gd name="T20" fmla="*/ 17 w 54"/>
                  <a:gd name="T21" fmla="*/ 27 h 82"/>
                  <a:gd name="T22" fmla="*/ 20 w 54"/>
                  <a:gd name="T23" fmla="*/ 32 h 82"/>
                  <a:gd name="T24" fmla="*/ 23 w 54"/>
                  <a:gd name="T25" fmla="*/ 38 h 82"/>
                  <a:gd name="T26" fmla="*/ 25 w 54"/>
                  <a:gd name="T27" fmla="*/ 43 h 82"/>
                  <a:gd name="T28" fmla="*/ 29 w 54"/>
                  <a:gd name="T29" fmla="*/ 48 h 82"/>
                  <a:gd name="T30" fmla="*/ 32 w 54"/>
                  <a:gd name="T31" fmla="*/ 51 h 82"/>
                  <a:gd name="T32" fmla="*/ 35 w 54"/>
                  <a:gd name="T33" fmla="*/ 56 h 82"/>
                  <a:gd name="T34" fmla="*/ 39 w 54"/>
                  <a:gd name="T35" fmla="*/ 60 h 82"/>
                  <a:gd name="T36" fmla="*/ 39 w 54"/>
                  <a:gd name="T37" fmla="*/ 60 h 82"/>
                  <a:gd name="T38" fmla="*/ 40 w 54"/>
                  <a:gd name="T39" fmla="*/ 63 h 82"/>
                  <a:gd name="T40" fmla="*/ 44 w 54"/>
                  <a:gd name="T41" fmla="*/ 66 h 82"/>
                  <a:gd name="T42" fmla="*/ 47 w 54"/>
                  <a:gd name="T43" fmla="*/ 73 h 82"/>
                  <a:gd name="T44" fmla="*/ 52 w 54"/>
                  <a:gd name="T45" fmla="*/ 78 h 82"/>
                  <a:gd name="T46" fmla="*/ 54 w 54"/>
                  <a:gd name="T47" fmla="*/ 82 h 82"/>
                  <a:gd name="T48" fmla="*/ 52 w 54"/>
                  <a:gd name="T49" fmla="*/ 82 h 82"/>
                  <a:gd name="T50" fmla="*/ 45 w 54"/>
                  <a:gd name="T51" fmla="*/ 76 h 82"/>
                  <a:gd name="T52" fmla="*/ 34 w 54"/>
                  <a:gd name="T53" fmla="*/ 65 h 82"/>
                  <a:gd name="T54" fmla="*/ 34 w 54"/>
                  <a:gd name="T55" fmla="*/ 65 h 82"/>
                  <a:gd name="T56" fmla="*/ 34 w 54"/>
                  <a:gd name="T57" fmla="*/ 65 h 82"/>
                  <a:gd name="T58" fmla="*/ 32 w 54"/>
                  <a:gd name="T59" fmla="*/ 63 h 82"/>
                  <a:gd name="T60" fmla="*/ 30 w 54"/>
                  <a:gd name="T61" fmla="*/ 60 h 82"/>
                  <a:gd name="T62" fmla="*/ 27 w 54"/>
                  <a:gd name="T63" fmla="*/ 56 h 82"/>
                  <a:gd name="T64" fmla="*/ 25 w 54"/>
                  <a:gd name="T65" fmla="*/ 53 h 82"/>
                  <a:gd name="T66" fmla="*/ 22 w 54"/>
                  <a:gd name="T67" fmla="*/ 48 h 82"/>
                  <a:gd name="T68" fmla="*/ 18 w 54"/>
                  <a:gd name="T69" fmla="*/ 43 h 82"/>
                  <a:gd name="T70" fmla="*/ 15 w 54"/>
                  <a:gd name="T71" fmla="*/ 38 h 82"/>
                  <a:gd name="T72" fmla="*/ 12 w 54"/>
                  <a:gd name="T73" fmla="*/ 32 h 82"/>
                  <a:gd name="T74" fmla="*/ 10 w 54"/>
                  <a:gd name="T75" fmla="*/ 27 h 82"/>
                  <a:gd name="T76" fmla="*/ 7 w 54"/>
                  <a:gd name="T77" fmla="*/ 22 h 82"/>
                  <a:gd name="T78" fmla="*/ 5 w 54"/>
                  <a:gd name="T79" fmla="*/ 19 h 82"/>
                  <a:gd name="T80" fmla="*/ 1 w 54"/>
                  <a:gd name="T81" fmla="*/ 14 h 82"/>
                  <a:gd name="T82" fmla="*/ 1 w 54"/>
                  <a:gd name="T83" fmla="*/ 10 h 82"/>
                  <a:gd name="T84" fmla="*/ 0 w 54"/>
                  <a:gd name="T85" fmla="*/ 7 h 82"/>
                  <a:gd name="T86" fmla="*/ 0 w 54"/>
                  <a:gd name="T87" fmla="*/ 4 h 82"/>
                  <a:gd name="T88" fmla="*/ 0 w 54"/>
                  <a:gd name="T89" fmla="*/ 4 h 82"/>
                  <a:gd name="T90" fmla="*/ 0 w 54"/>
                  <a:gd name="T91" fmla="*/ 2 h 82"/>
                  <a:gd name="T92" fmla="*/ 1 w 54"/>
                  <a:gd name="T93" fmla="*/ 0 h 82"/>
                  <a:gd name="T94" fmla="*/ 3 w 54"/>
                  <a:gd name="T95" fmla="*/ 0 h 82"/>
                  <a:gd name="T96" fmla="*/ 5 w 54"/>
                  <a:gd name="T97" fmla="*/ 0 h 82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w 54"/>
                  <a:gd name="T148" fmla="*/ 0 h 82"/>
                  <a:gd name="T149" fmla="*/ 54 w 54"/>
                  <a:gd name="T150" fmla="*/ 82 h 82"/>
                </a:gdLst>
                <a:ahLst/>
                <a:cxnLst>
                  <a:cxn ang="T98">
                    <a:pos x="T0" y="T1"/>
                  </a:cxn>
                  <a:cxn ang="T99">
                    <a:pos x="T2" y="T3"/>
                  </a:cxn>
                  <a:cxn ang="T100">
                    <a:pos x="T4" y="T5"/>
                  </a:cxn>
                  <a:cxn ang="T101">
                    <a:pos x="T6" y="T7"/>
                  </a:cxn>
                  <a:cxn ang="T102">
                    <a:pos x="T8" y="T9"/>
                  </a:cxn>
                  <a:cxn ang="T103">
                    <a:pos x="T10" y="T11"/>
                  </a:cxn>
                  <a:cxn ang="T104">
                    <a:pos x="T12" y="T13"/>
                  </a:cxn>
                  <a:cxn ang="T105">
                    <a:pos x="T14" y="T15"/>
                  </a:cxn>
                  <a:cxn ang="T106">
                    <a:pos x="T16" y="T17"/>
                  </a:cxn>
                  <a:cxn ang="T107">
                    <a:pos x="T18" y="T19"/>
                  </a:cxn>
                  <a:cxn ang="T108">
                    <a:pos x="T20" y="T21"/>
                  </a:cxn>
                  <a:cxn ang="T109">
                    <a:pos x="T22" y="T23"/>
                  </a:cxn>
                  <a:cxn ang="T110">
                    <a:pos x="T24" y="T25"/>
                  </a:cxn>
                  <a:cxn ang="T111">
                    <a:pos x="T26" y="T27"/>
                  </a:cxn>
                  <a:cxn ang="T112">
                    <a:pos x="T28" y="T29"/>
                  </a:cxn>
                  <a:cxn ang="T113">
                    <a:pos x="T30" y="T31"/>
                  </a:cxn>
                  <a:cxn ang="T114">
                    <a:pos x="T32" y="T33"/>
                  </a:cxn>
                  <a:cxn ang="T115">
                    <a:pos x="T34" y="T35"/>
                  </a:cxn>
                  <a:cxn ang="T116">
                    <a:pos x="T36" y="T37"/>
                  </a:cxn>
                  <a:cxn ang="T117">
                    <a:pos x="T38" y="T39"/>
                  </a:cxn>
                  <a:cxn ang="T118">
                    <a:pos x="T40" y="T41"/>
                  </a:cxn>
                  <a:cxn ang="T119">
                    <a:pos x="T42" y="T43"/>
                  </a:cxn>
                  <a:cxn ang="T120">
                    <a:pos x="T44" y="T45"/>
                  </a:cxn>
                  <a:cxn ang="T121">
                    <a:pos x="T46" y="T47"/>
                  </a:cxn>
                  <a:cxn ang="T122">
                    <a:pos x="T48" y="T49"/>
                  </a:cxn>
                  <a:cxn ang="T123">
                    <a:pos x="T50" y="T51"/>
                  </a:cxn>
                  <a:cxn ang="T124">
                    <a:pos x="T52" y="T53"/>
                  </a:cxn>
                  <a:cxn ang="T125">
                    <a:pos x="T54" y="T55"/>
                  </a:cxn>
                  <a:cxn ang="T126">
                    <a:pos x="T56" y="T57"/>
                  </a:cxn>
                  <a:cxn ang="T127">
                    <a:pos x="T58" y="T59"/>
                  </a:cxn>
                  <a:cxn ang="T128">
                    <a:pos x="T60" y="T61"/>
                  </a:cxn>
                  <a:cxn ang="T129">
                    <a:pos x="T62" y="T63"/>
                  </a:cxn>
                  <a:cxn ang="T130">
                    <a:pos x="T64" y="T65"/>
                  </a:cxn>
                  <a:cxn ang="T131">
                    <a:pos x="T66" y="T67"/>
                  </a:cxn>
                  <a:cxn ang="T132">
                    <a:pos x="T68" y="T69"/>
                  </a:cxn>
                  <a:cxn ang="T133">
                    <a:pos x="T70" y="T71"/>
                  </a:cxn>
                  <a:cxn ang="T134">
                    <a:pos x="T72" y="T73"/>
                  </a:cxn>
                  <a:cxn ang="T135">
                    <a:pos x="T74" y="T75"/>
                  </a:cxn>
                  <a:cxn ang="T136">
                    <a:pos x="T76" y="T77"/>
                  </a:cxn>
                  <a:cxn ang="T137">
                    <a:pos x="T78" y="T79"/>
                  </a:cxn>
                  <a:cxn ang="T138">
                    <a:pos x="T80" y="T81"/>
                  </a:cxn>
                  <a:cxn ang="T139">
                    <a:pos x="T82" y="T83"/>
                  </a:cxn>
                  <a:cxn ang="T140">
                    <a:pos x="T84" y="T85"/>
                  </a:cxn>
                  <a:cxn ang="T141">
                    <a:pos x="T86" y="T87"/>
                  </a:cxn>
                  <a:cxn ang="T142">
                    <a:pos x="T88" y="T89"/>
                  </a:cxn>
                  <a:cxn ang="T143">
                    <a:pos x="T90" y="T91"/>
                  </a:cxn>
                  <a:cxn ang="T144">
                    <a:pos x="T92" y="T93"/>
                  </a:cxn>
                  <a:cxn ang="T145">
                    <a:pos x="T94" y="T95"/>
                  </a:cxn>
                  <a:cxn ang="T146">
                    <a:pos x="T96" y="T97"/>
                  </a:cxn>
                </a:cxnLst>
                <a:rect l="T147" t="T148" r="T149" b="T150"/>
                <a:pathLst>
                  <a:path w="54" h="82">
                    <a:moveTo>
                      <a:pt x="5" y="0"/>
                    </a:moveTo>
                    <a:lnTo>
                      <a:pt x="5" y="0"/>
                    </a:lnTo>
                    <a:lnTo>
                      <a:pt x="5" y="2"/>
                    </a:lnTo>
                    <a:lnTo>
                      <a:pt x="7" y="4"/>
                    </a:lnTo>
                    <a:lnTo>
                      <a:pt x="7" y="7"/>
                    </a:lnTo>
                    <a:lnTo>
                      <a:pt x="8" y="10"/>
                    </a:lnTo>
                    <a:lnTo>
                      <a:pt x="10" y="14"/>
                    </a:lnTo>
                    <a:lnTo>
                      <a:pt x="13" y="19"/>
                    </a:lnTo>
                    <a:lnTo>
                      <a:pt x="15" y="22"/>
                    </a:lnTo>
                    <a:lnTo>
                      <a:pt x="17" y="27"/>
                    </a:lnTo>
                    <a:lnTo>
                      <a:pt x="20" y="32"/>
                    </a:lnTo>
                    <a:lnTo>
                      <a:pt x="23" y="38"/>
                    </a:lnTo>
                    <a:lnTo>
                      <a:pt x="25" y="43"/>
                    </a:lnTo>
                    <a:lnTo>
                      <a:pt x="29" y="48"/>
                    </a:lnTo>
                    <a:lnTo>
                      <a:pt x="32" y="51"/>
                    </a:lnTo>
                    <a:lnTo>
                      <a:pt x="35" y="56"/>
                    </a:lnTo>
                    <a:lnTo>
                      <a:pt x="39" y="60"/>
                    </a:lnTo>
                    <a:lnTo>
                      <a:pt x="40" y="63"/>
                    </a:lnTo>
                    <a:lnTo>
                      <a:pt x="44" y="66"/>
                    </a:lnTo>
                    <a:lnTo>
                      <a:pt x="47" y="73"/>
                    </a:lnTo>
                    <a:lnTo>
                      <a:pt x="52" y="78"/>
                    </a:lnTo>
                    <a:lnTo>
                      <a:pt x="54" y="82"/>
                    </a:lnTo>
                    <a:lnTo>
                      <a:pt x="52" y="82"/>
                    </a:lnTo>
                    <a:lnTo>
                      <a:pt x="45" y="76"/>
                    </a:lnTo>
                    <a:lnTo>
                      <a:pt x="34" y="65"/>
                    </a:lnTo>
                    <a:lnTo>
                      <a:pt x="32" y="63"/>
                    </a:lnTo>
                    <a:lnTo>
                      <a:pt x="30" y="60"/>
                    </a:lnTo>
                    <a:lnTo>
                      <a:pt x="27" y="56"/>
                    </a:lnTo>
                    <a:lnTo>
                      <a:pt x="25" y="53"/>
                    </a:lnTo>
                    <a:lnTo>
                      <a:pt x="22" y="48"/>
                    </a:lnTo>
                    <a:lnTo>
                      <a:pt x="18" y="43"/>
                    </a:lnTo>
                    <a:lnTo>
                      <a:pt x="15" y="38"/>
                    </a:lnTo>
                    <a:lnTo>
                      <a:pt x="12" y="32"/>
                    </a:lnTo>
                    <a:lnTo>
                      <a:pt x="10" y="27"/>
                    </a:lnTo>
                    <a:lnTo>
                      <a:pt x="7" y="22"/>
                    </a:lnTo>
                    <a:lnTo>
                      <a:pt x="5" y="19"/>
                    </a:lnTo>
                    <a:lnTo>
                      <a:pt x="1" y="14"/>
                    </a:lnTo>
                    <a:lnTo>
                      <a:pt x="1" y="10"/>
                    </a:lnTo>
                    <a:lnTo>
                      <a:pt x="0" y="7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3" y="0"/>
                    </a:lnTo>
                    <a:lnTo>
                      <a:pt x="5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79" name="Freeform 169"/>
              <p:cNvSpPr>
                <a:spLocks/>
              </p:cNvSpPr>
              <p:nvPr/>
            </p:nvSpPr>
            <p:spPr bwMode="auto">
              <a:xfrm>
                <a:off x="4956" y="2165"/>
                <a:ext cx="20" cy="72"/>
              </a:xfrm>
              <a:custGeom>
                <a:avLst/>
                <a:gdLst>
                  <a:gd name="T0" fmla="*/ 8 w 20"/>
                  <a:gd name="T1" fmla="*/ 0 h 72"/>
                  <a:gd name="T2" fmla="*/ 18 w 20"/>
                  <a:gd name="T3" fmla="*/ 18 h 72"/>
                  <a:gd name="T4" fmla="*/ 20 w 20"/>
                  <a:gd name="T5" fmla="*/ 67 h 72"/>
                  <a:gd name="T6" fmla="*/ 3 w 20"/>
                  <a:gd name="T7" fmla="*/ 72 h 72"/>
                  <a:gd name="T8" fmla="*/ 0 w 20"/>
                  <a:gd name="T9" fmla="*/ 71 h 72"/>
                  <a:gd name="T10" fmla="*/ 15 w 20"/>
                  <a:gd name="T11" fmla="*/ 55 h 72"/>
                  <a:gd name="T12" fmla="*/ 13 w 20"/>
                  <a:gd name="T13" fmla="*/ 22 h 72"/>
                  <a:gd name="T14" fmla="*/ 3 w 20"/>
                  <a:gd name="T15" fmla="*/ 3 h 72"/>
                  <a:gd name="T16" fmla="*/ 8 w 20"/>
                  <a:gd name="T17" fmla="*/ 0 h 72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  <a:gd name="T27" fmla="*/ 0 w 20"/>
                  <a:gd name="T28" fmla="*/ 0 h 72"/>
                  <a:gd name="T29" fmla="*/ 20 w 20"/>
                  <a:gd name="T30" fmla="*/ 72 h 72"/>
                </a:gdLst>
                <a:ahLst/>
                <a:cxnLst>
                  <a:cxn ang="T18">
                    <a:pos x="T0" y="T1"/>
                  </a:cxn>
                  <a:cxn ang="T19">
                    <a:pos x="T2" y="T3"/>
                  </a:cxn>
                  <a:cxn ang="T20">
                    <a:pos x="T4" y="T5"/>
                  </a:cxn>
                  <a:cxn ang="T21">
                    <a:pos x="T6" y="T7"/>
                  </a:cxn>
                  <a:cxn ang="T22">
                    <a:pos x="T8" y="T9"/>
                  </a:cxn>
                  <a:cxn ang="T23">
                    <a:pos x="T10" y="T11"/>
                  </a:cxn>
                  <a:cxn ang="T24">
                    <a:pos x="T12" y="T13"/>
                  </a:cxn>
                  <a:cxn ang="T25">
                    <a:pos x="T14" y="T15"/>
                  </a:cxn>
                  <a:cxn ang="T26">
                    <a:pos x="T16" y="T17"/>
                  </a:cxn>
                </a:cxnLst>
                <a:rect l="T27" t="T28" r="T29" b="T30"/>
                <a:pathLst>
                  <a:path w="20" h="72">
                    <a:moveTo>
                      <a:pt x="8" y="0"/>
                    </a:moveTo>
                    <a:lnTo>
                      <a:pt x="18" y="18"/>
                    </a:lnTo>
                    <a:lnTo>
                      <a:pt x="20" y="67"/>
                    </a:lnTo>
                    <a:lnTo>
                      <a:pt x="3" y="72"/>
                    </a:lnTo>
                    <a:lnTo>
                      <a:pt x="0" y="71"/>
                    </a:lnTo>
                    <a:lnTo>
                      <a:pt x="15" y="55"/>
                    </a:lnTo>
                    <a:lnTo>
                      <a:pt x="13" y="22"/>
                    </a:lnTo>
                    <a:lnTo>
                      <a:pt x="3" y="3"/>
                    </a:lnTo>
                    <a:lnTo>
                      <a:pt x="8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0" name="Freeform 170"/>
              <p:cNvSpPr>
                <a:spLocks/>
              </p:cNvSpPr>
              <p:nvPr/>
            </p:nvSpPr>
            <p:spPr bwMode="auto">
              <a:xfrm>
                <a:off x="4956" y="2165"/>
                <a:ext cx="20" cy="72"/>
              </a:xfrm>
              <a:custGeom>
                <a:avLst/>
                <a:gdLst>
                  <a:gd name="T0" fmla="*/ 8 w 20"/>
                  <a:gd name="T1" fmla="*/ 0 h 72"/>
                  <a:gd name="T2" fmla="*/ 18 w 20"/>
                  <a:gd name="T3" fmla="*/ 18 h 72"/>
                  <a:gd name="T4" fmla="*/ 20 w 20"/>
                  <a:gd name="T5" fmla="*/ 67 h 72"/>
                  <a:gd name="T6" fmla="*/ 3 w 20"/>
                  <a:gd name="T7" fmla="*/ 72 h 72"/>
                  <a:gd name="T8" fmla="*/ 0 w 20"/>
                  <a:gd name="T9" fmla="*/ 71 h 72"/>
                  <a:gd name="T10" fmla="*/ 15 w 20"/>
                  <a:gd name="T11" fmla="*/ 55 h 72"/>
                  <a:gd name="T12" fmla="*/ 13 w 20"/>
                  <a:gd name="T13" fmla="*/ 22 h 72"/>
                  <a:gd name="T14" fmla="*/ 3 w 20"/>
                  <a:gd name="T15" fmla="*/ 3 h 72"/>
                  <a:gd name="T16" fmla="*/ 8 w 20"/>
                  <a:gd name="T17" fmla="*/ 0 h 72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  <a:gd name="T27" fmla="*/ 0 w 20"/>
                  <a:gd name="T28" fmla="*/ 0 h 72"/>
                  <a:gd name="T29" fmla="*/ 20 w 20"/>
                  <a:gd name="T30" fmla="*/ 72 h 72"/>
                </a:gdLst>
                <a:ahLst/>
                <a:cxnLst>
                  <a:cxn ang="T18">
                    <a:pos x="T0" y="T1"/>
                  </a:cxn>
                  <a:cxn ang="T19">
                    <a:pos x="T2" y="T3"/>
                  </a:cxn>
                  <a:cxn ang="T20">
                    <a:pos x="T4" y="T5"/>
                  </a:cxn>
                  <a:cxn ang="T21">
                    <a:pos x="T6" y="T7"/>
                  </a:cxn>
                  <a:cxn ang="T22">
                    <a:pos x="T8" y="T9"/>
                  </a:cxn>
                  <a:cxn ang="T23">
                    <a:pos x="T10" y="T11"/>
                  </a:cxn>
                  <a:cxn ang="T24">
                    <a:pos x="T12" y="T13"/>
                  </a:cxn>
                  <a:cxn ang="T25">
                    <a:pos x="T14" y="T15"/>
                  </a:cxn>
                  <a:cxn ang="T26">
                    <a:pos x="T16" y="T17"/>
                  </a:cxn>
                </a:cxnLst>
                <a:rect l="T27" t="T28" r="T29" b="T30"/>
                <a:pathLst>
                  <a:path w="20" h="72">
                    <a:moveTo>
                      <a:pt x="8" y="0"/>
                    </a:moveTo>
                    <a:lnTo>
                      <a:pt x="18" y="18"/>
                    </a:lnTo>
                    <a:lnTo>
                      <a:pt x="20" y="67"/>
                    </a:lnTo>
                    <a:lnTo>
                      <a:pt x="3" y="72"/>
                    </a:lnTo>
                    <a:lnTo>
                      <a:pt x="0" y="71"/>
                    </a:lnTo>
                    <a:lnTo>
                      <a:pt x="15" y="55"/>
                    </a:lnTo>
                    <a:lnTo>
                      <a:pt x="13" y="22"/>
                    </a:lnTo>
                    <a:lnTo>
                      <a:pt x="3" y="3"/>
                    </a:lnTo>
                    <a:lnTo>
                      <a:pt x="8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53" name="Freeform 171"/>
            <p:cNvSpPr>
              <a:spLocks/>
            </p:cNvSpPr>
            <p:nvPr/>
          </p:nvSpPr>
          <p:spPr bwMode="auto">
            <a:xfrm>
              <a:off x="420" y="850"/>
              <a:ext cx="638" cy="473"/>
            </a:xfrm>
            <a:custGeom>
              <a:avLst/>
              <a:gdLst>
                <a:gd name="T0" fmla="*/ 18 w 656"/>
                <a:gd name="T1" fmla="*/ 20 h 487"/>
                <a:gd name="T2" fmla="*/ 44 w 656"/>
                <a:gd name="T3" fmla="*/ 44 h 487"/>
                <a:gd name="T4" fmla="*/ 65 w 656"/>
                <a:gd name="T5" fmla="*/ 51 h 487"/>
                <a:gd name="T6" fmla="*/ 79 w 656"/>
                <a:gd name="T7" fmla="*/ 58 h 487"/>
                <a:gd name="T8" fmla="*/ 109 w 656"/>
                <a:gd name="T9" fmla="*/ 70 h 487"/>
                <a:gd name="T10" fmla="*/ 117 w 656"/>
                <a:gd name="T11" fmla="*/ 81 h 487"/>
                <a:gd name="T12" fmla="*/ 112 w 656"/>
                <a:gd name="T13" fmla="*/ 94 h 487"/>
                <a:gd name="T14" fmla="*/ 109 w 656"/>
                <a:gd name="T15" fmla="*/ 94 h 487"/>
                <a:gd name="T16" fmla="*/ 85 w 656"/>
                <a:gd name="T17" fmla="*/ 127 h 487"/>
                <a:gd name="T18" fmla="*/ 98 w 656"/>
                <a:gd name="T19" fmla="*/ 108 h 487"/>
                <a:gd name="T20" fmla="*/ 112 w 656"/>
                <a:gd name="T21" fmla="*/ 112 h 487"/>
                <a:gd name="T22" fmla="*/ 101 w 656"/>
                <a:gd name="T23" fmla="*/ 144 h 487"/>
                <a:gd name="T24" fmla="*/ 101 w 656"/>
                <a:gd name="T25" fmla="*/ 137 h 487"/>
                <a:gd name="T26" fmla="*/ 93 w 656"/>
                <a:gd name="T27" fmla="*/ 139 h 487"/>
                <a:gd name="T28" fmla="*/ 91 w 656"/>
                <a:gd name="T29" fmla="*/ 130 h 487"/>
                <a:gd name="T30" fmla="*/ 77 w 656"/>
                <a:gd name="T31" fmla="*/ 145 h 487"/>
                <a:gd name="T32" fmla="*/ 89 w 656"/>
                <a:gd name="T33" fmla="*/ 148 h 487"/>
                <a:gd name="T34" fmla="*/ 97 w 656"/>
                <a:gd name="T35" fmla="*/ 152 h 487"/>
                <a:gd name="T36" fmla="*/ 114 w 656"/>
                <a:gd name="T37" fmla="*/ 144 h 487"/>
                <a:gd name="T38" fmla="*/ 144 w 656"/>
                <a:gd name="T39" fmla="*/ 84 h 487"/>
                <a:gd name="T40" fmla="*/ 129 w 656"/>
                <a:gd name="T41" fmla="*/ 68 h 487"/>
                <a:gd name="T42" fmla="*/ 133 w 656"/>
                <a:gd name="T43" fmla="*/ 39 h 487"/>
                <a:gd name="T44" fmla="*/ 144 w 656"/>
                <a:gd name="T45" fmla="*/ 25 h 487"/>
                <a:gd name="T46" fmla="*/ 141 w 656"/>
                <a:gd name="T47" fmla="*/ 3 h 487"/>
                <a:gd name="T48" fmla="*/ 181 w 656"/>
                <a:gd name="T49" fmla="*/ 17 h 487"/>
                <a:gd name="T50" fmla="*/ 252 w 656"/>
                <a:gd name="T51" fmla="*/ 37 h 487"/>
                <a:gd name="T52" fmla="*/ 342 w 656"/>
                <a:gd name="T53" fmla="*/ 57 h 487"/>
                <a:gd name="T54" fmla="*/ 443 w 656"/>
                <a:gd name="T55" fmla="*/ 79 h 487"/>
                <a:gd name="T56" fmla="*/ 440 w 656"/>
                <a:gd name="T57" fmla="*/ 105 h 487"/>
                <a:gd name="T58" fmla="*/ 427 w 656"/>
                <a:gd name="T59" fmla="*/ 160 h 487"/>
                <a:gd name="T60" fmla="*/ 412 w 656"/>
                <a:gd name="T61" fmla="*/ 225 h 487"/>
                <a:gd name="T62" fmla="*/ 403 w 656"/>
                <a:gd name="T63" fmla="*/ 271 h 487"/>
                <a:gd name="T64" fmla="*/ 400 w 656"/>
                <a:gd name="T65" fmla="*/ 307 h 487"/>
                <a:gd name="T66" fmla="*/ 281 w 656"/>
                <a:gd name="T67" fmla="*/ 296 h 487"/>
                <a:gd name="T68" fmla="*/ 260 w 656"/>
                <a:gd name="T69" fmla="*/ 298 h 487"/>
                <a:gd name="T70" fmla="*/ 241 w 656"/>
                <a:gd name="T71" fmla="*/ 292 h 487"/>
                <a:gd name="T72" fmla="*/ 219 w 656"/>
                <a:gd name="T73" fmla="*/ 296 h 487"/>
                <a:gd name="T74" fmla="*/ 185 w 656"/>
                <a:gd name="T75" fmla="*/ 296 h 487"/>
                <a:gd name="T76" fmla="*/ 165 w 656"/>
                <a:gd name="T77" fmla="*/ 294 h 487"/>
                <a:gd name="T78" fmla="*/ 142 w 656"/>
                <a:gd name="T79" fmla="*/ 289 h 487"/>
                <a:gd name="T80" fmla="*/ 114 w 656"/>
                <a:gd name="T81" fmla="*/ 278 h 487"/>
                <a:gd name="T82" fmla="*/ 91 w 656"/>
                <a:gd name="T83" fmla="*/ 281 h 487"/>
                <a:gd name="T84" fmla="*/ 71 w 656"/>
                <a:gd name="T85" fmla="*/ 276 h 487"/>
                <a:gd name="T86" fmla="*/ 61 w 656"/>
                <a:gd name="T87" fmla="*/ 269 h 487"/>
                <a:gd name="T88" fmla="*/ 60 w 656"/>
                <a:gd name="T89" fmla="*/ 252 h 487"/>
                <a:gd name="T90" fmla="*/ 55 w 656"/>
                <a:gd name="T91" fmla="*/ 227 h 487"/>
                <a:gd name="T92" fmla="*/ 43 w 656"/>
                <a:gd name="T93" fmla="*/ 219 h 487"/>
                <a:gd name="T94" fmla="*/ 40 w 656"/>
                <a:gd name="T95" fmla="*/ 214 h 487"/>
                <a:gd name="T96" fmla="*/ 25 w 656"/>
                <a:gd name="T97" fmla="*/ 203 h 487"/>
                <a:gd name="T98" fmla="*/ 11 w 656"/>
                <a:gd name="T99" fmla="*/ 200 h 487"/>
                <a:gd name="T100" fmla="*/ 0 w 656"/>
                <a:gd name="T101" fmla="*/ 195 h 487"/>
                <a:gd name="T102" fmla="*/ 5 w 656"/>
                <a:gd name="T103" fmla="*/ 180 h 487"/>
                <a:gd name="T104" fmla="*/ 15 w 656"/>
                <a:gd name="T105" fmla="*/ 171 h 487"/>
                <a:gd name="T106" fmla="*/ 11 w 656"/>
                <a:gd name="T107" fmla="*/ 184 h 487"/>
                <a:gd name="T108" fmla="*/ 15 w 656"/>
                <a:gd name="T109" fmla="*/ 188 h 487"/>
                <a:gd name="T110" fmla="*/ 18 w 656"/>
                <a:gd name="T111" fmla="*/ 166 h 487"/>
                <a:gd name="T112" fmla="*/ 18 w 656"/>
                <a:gd name="T113" fmla="*/ 148 h 487"/>
                <a:gd name="T114" fmla="*/ 18 w 656"/>
                <a:gd name="T115" fmla="*/ 142 h 487"/>
                <a:gd name="T116" fmla="*/ 18 w 656"/>
                <a:gd name="T117" fmla="*/ 118 h 487"/>
                <a:gd name="T118" fmla="*/ 18 w 656"/>
                <a:gd name="T119" fmla="*/ 89 h 487"/>
                <a:gd name="T120" fmla="*/ 17 w 656"/>
                <a:gd name="T121" fmla="*/ 64 h 487"/>
                <a:gd name="T122" fmla="*/ 15 w 656"/>
                <a:gd name="T123" fmla="*/ 38 h 487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w 656"/>
                <a:gd name="T187" fmla="*/ 0 h 487"/>
                <a:gd name="T188" fmla="*/ 656 w 656"/>
                <a:gd name="T189" fmla="*/ 487 h 487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T186" t="T187" r="T188" b="T189"/>
              <a:pathLst>
                <a:path w="656" h="487">
                  <a:moveTo>
                    <a:pt x="22" y="41"/>
                  </a:moveTo>
                  <a:lnTo>
                    <a:pt x="23" y="36"/>
                  </a:lnTo>
                  <a:lnTo>
                    <a:pt x="22" y="27"/>
                  </a:lnTo>
                  <a:lnTo>
                    <a:pt x="22" y="29"/>
                  </a:lnTo>
                  <a:lnTo>
                    <a:pt x="23" y="29"/>
                  </a:lnTo>
                  <a:lnTo>
                    <a:pt x="25" y="32"/>
                  </a:lnTo>
                  <a:lnTo>
                    <a:pt x="28" y="34"/>
                  </a:lnTo>
                  <a:lnTo>
                    <a:pt x="32" y="39"/>
                  </a:lnTo>
                  <a:lnTo>
                    <a:pt x="37" y="42"/>
                  </a:lnTo>
                  <a:lnTo>
                    <a:pt x="40" y="46"/>
                  </a:lnTo>
                  <a:lnTo>
                    <a:pt x="45" y="51"/>
                  </a:lnTo>
                  <a:lnTo>
                    <a:pt x="50" y="56"/>
                  </a:lnTo>
                  <a:lnTo>
                    <a:pt x="57" y="59"/>
                  </a:lnTo>
                  <a:lnTo>
                    <a:pt x="62" y="64"/>
                  </a:lnTo>
                  <a:lnTo>
                    <a:pt x="67" y="68"/>
                  </a:lnTo>
                  <a:lnTo>
                    <a:pt x="74" y="71"/>
                  </a:lnTo>
                  <a:lnTo>
                    <a:pt x="79" y="74"/>
                  </a:lnTo>
                  <a:lnTo>
                    <a:pt x="86" y="76"/>
                  </a:lnTo>
                  <a:lnTo>
                    <a:pt x="91" y="78"/>
                  </a:lnTo>
                  <a:lnTo>
                    <a:pt x="94" y="78"/>
                  </a:lnTo>
                  <a:lnTo>
                    <a:pt x="96" y="80"/>
                  </a:lnTo>
                  <a:lnTo>
                    <a:pt x="98" y="80"/>
                  </a:lnTo>
                  <a:lnTo>
                    <a:pt x="101" y="80"/>
                  </a:lnTo>
                  <a:lnTo>
                    <a:pt x="103" y="81"/>
                  </a:lnTo>
                  <a:lnTo>
                    <a:pt x="105" y="81"/>
                  </a:lnTo>
                  <a:lnTo>
                    <a:pt x="115" y="86"/>
                  </a:lnTo>
                  <a:lnTo>
                    <a:pt x="123" y="95"/>
                  </a:lnTo>
                  <a:lnTo>
                    <a:pt x="142" y="95"/>
                  </a:lnTo>
                  <a:lnTo>
                    <a:pt x="143" y="105"/>
                  </a:lnTo>
                  <a:lnTo>
                    <a:pt x="154" y="105"/>
                  </a:lnTo>
                  <a:lnTo>
                    <a:pt x="154" y="117"/>
                  </a:lnTo>
                  <a:lnTo>
                    <a:pt x="160" y="117"/>
                  </a:lnTo>
                  <a:lnTo>
                    <a:pt x="159" y="105"/>
                  </a:lnTo>
                  <a:lnTo>
                    <a:pt x="162" y="103"/>
                  </a:lnTo>
                  <a:lnTo>
                    <a:pt x="172" y="103"/>
                  </a:lnTo>
                  <a:lnTo>
                    <a:pt x="167" y="113"/>
                  </a:lnTo>
                  <a:lnTo>
                    <a:pt x="169" y="115"/>
                  </a:lnTo>
                  <a:lnTo>
                    <a:pt x="169" y="117"/>
                  </a:lnTo>
                  <a:lnTo>
                    <a:pt x="171" y="118"/>
                  </a:lnTo>
                  <a:lnTo>
                    <a:pt x="172" y="122"/>
                  </a:lnTo>
                  <a:lnTo>
                    <a:pt x="174" y="125"/>
                  </a:lnTo>
                  <a:lnTo>
                    <a:pt x="174" y="130"/>
                  </a:lnTo>
                  <a:lnTo>
                    <a:pt x="172" y="134"/>
                  </a:lnTo>
                  <a:lnTo>
                    <a:pt x="171" y="135"/>
                  </a:lnTo>
                  <a:lnTo>
                    <a:pt x="169" y="137"/>
                  </a:lnTo>
                  <a:lnTo>
                    <a:pt x="167" y="139"/>
                  </a:lnTo>
                  <a:lnTo>
                    <a:pt x="164" y="142"/>
                  </a:lnTo>
                  <a:lnTo>
                    <a:pt x="160" y="146"/>
                  </a:lnTo>
                  <a:lnTo>
                    <a:pt x="159" y="149"/>
                  </a:lnTo>
                  <a:lnTo>
                    <a:pt x="155" y="152"/>
                  </a:lnTo>
                  <a:lnTo>
                    <a:pt x="154" y="154"/>
                  </a:lnTo>
                  <a:lnTo>
                    <a:pt x="154" y="156"/>
                  </a:lnTo>
                  <a:lnTo>
                    <a:pt x="149" y="151"/>
                  </a:lnTo>
                  <a:lnTo>
                    <a:pt x="159" y="142"/>
                  </a:lnTo>
                  <a:lnTo>
                    <a:pt x="157" y="137"/>
                  </a:lnTo>
                  <a:lnTo>
                    <a:pt x="130" y="169"/>
                  </a:lnTo>
                  <a:lnTo>
                    <a:pt x="113" y="179"/>
                  </a:lnTo>
                  <a:lnTo>
                    <a:pt x="113" y="191"/>
                  </a:lnTo>
                  <a:lnTo>
                    <a:pt x="121" y="193"/>
                  </a:lnTo>
                  <a:lnTo>
                    <a:pt x="123" y="191"/>
                  </a:lnTo>
                  <a:lnTo>
                    <a:pt x="125" y="190"/>
                  </a:lnTo>
                  <a:lnTo>
                    <a:pt x="127" y="186"/>
                  </a:lnTo>
                  <a:lnTo>
                    <a:pt x="127" y="188"/>
                  </a:lnTo>
                  <a:lnTo>
                    <a:pt x="123" y="186"/>
                  </a:lnTo>
                  <a:lnTo>
                    <a:pt x="121" y="183"/>
                  </a:lnTo>
                  <a:lnTo>
                    <a:pt x="120" y="183"/>
                  </a:lnTo>
                  <a:lnTo>
                    <a:pt x="145" y="162"/>
                  </a:lnTo>
                  <a:lnTo>
                    <a:pt x="152" y="162"/>
                  </a:lnTo>
                  <a:lnTo>
                    <a:pt x="179" y="135"/>
                  </a:lnTo>
                  <a:lnTo>
                    <a:pt x="182" y="144"/>
                  </a:lnTo>
                  <a:lnTo>
                    <a:pt x="181" y="154"/>
                  </a:lnTo>
                  <a:lnTo>
                    <a:pt x="172" y="161"/>
                  </a:lnTo>
                  <a:lnTo>
                    <a:pt x="169" y="159"/>
                  </a:lnTo>
                  <a:lnTo>
                    <a:pt x="165" y="168"/>
                  </a:lnTo>
                  <a:lnTo>
                    <a:pt x="162" y="178"/>
                  </a:lnTo>
                  <a:lnTo>
                    <a:pt x="165" y="179"/>
                  </a:lnTo>
                  <a:lnTo>
                    <a:pt x="157" y="210"/>
                  </a:lnTo>
                  <a:lnTo>
                    <a:pt x="155" y="210"/>
                  </a:lnTo>
                  <a:lnTo>
                    <a:pt x="154" y="212"/>
                  </a:lnTo>
                  <a:lnTo>
                    <a:pt x="150" y="215"/>
                  </a:lnTo>
                  <a:lnTo>
                    <a:pt x="149" y="217"/>
                  </a:lnTo>
                  <a:lnTo>
                    <a:pt x="147" y="217"/>
                  </a:lnTo>
                  <a:lnTo>
                    <a:pt x="147" y="215"/>
                  </a:lnTo>
                  <a:lnTo>
                    <a:pt x="149" y="212"/>
                  </a:lnTo>
                  <a:lnTo>
                    <a:pt x="149" y="210"/>
                  </a:lnTo>
                  <a:lnTo>
                    <a:pt x="149" y="208"/>
                  </a:lnTo>
                  <a:lnTo>
                    <a:pt x="149" y="206"/>
                  </a:lnTo>
                  <a:lnTo>
                    <a:pt x="149" y="205"/>
                  </a:lnTo>
                  <a:lnTo>
                    <a:pt x="157" y="195"/>
                  </a:lnTo>
                  <a:lnTo>
                    <a:pt x="143" y="206"/>
                  </a:lnTo>
                  <a:lnTo>
                    <a:pt x="138" y="215"/>
                  </a:lnTo>
                  <a:lnTo>
                    <a:pt x="137" y="212"/>
                  </a:lnTo>
                  <a:lnTo>
                    <a:pt x="137" y="210"/>
                  </a:lnTo>
                  <a:lnTo>
                    <a:pt x="138" y="208"/>
                  </a:lnTo>
                  <a:lnTo>
                    <a:pt x="138" y="205"/>
                  </a:lnTo>
                  <a:lnTo>
                    <a:pt x="140" y="201"/>
                  </a:lnTo>
                  <a:lnTo>
                    <a:pt x="142" y="200"/>
                  </a:lnTo>
                  <a:lnTo>
                    <a:pt x="142" y="196"/>
                  </a:lnTo>
                  <a:lnTo>
                    <a:pt x="140" y="195"/>
                  </a:lnTo>
                  <a:lnTo>
                    <a:pt x="138" y="193"/>
                  </a:lnTo>
                  <a:lnTo>
                    <a:pt x="135" y="195"/>
                  </a:lnTo>
                  <a:lnTo>
                    <a:pt x="130" y="196"/>
                  </a:lnTo>
                  <a:lnTo>
                    <a:pt x="125" y="201"/>
                  </a:lnTo>
                  <a:lnTo>
                    <a:pt x="120" y="205"/>
                  </a:lnTo>
                  <a:lnTo>
                    <a:pt x="115" y="210"/>
                  </a:lnTo>
                  <a:lnTo>
                    <a:pt x="111" y="215"/>
                  </a:lnTo>
                  <a:lnTo>
                    <a:pt x="111" y="217"/>
                  </a:lnTo>
                  <a:lnTo>
                    <a:pt x="113" y="218"/>
                  </a:lnTo>
                  <a:lnTo>
                    <a:pt x="120" y="220"/>
                  </a:lnTo>
                  <a:lnTo>
                    <a:pt x="123" y="220"/>
                  </a:lnTo>
                  <a:lnTo>
                    <a:pt x="127" y="222"/>
                  </a:lnTo>
                  <a:lnTo>
                    <a:pt x="130" y="222"/>
                  </a:lnTo>
                  <a:lnTo>
                    <a:pt x="132" y="222"/>
                  </a:lnTo>
                  <a:lnTo>
                    <a:pt x="132" y="225"/>
                  </a:lnTo>
                  <a:lnTo>
                    <a:pt x="133" y="227"/>
                  </a:lnTo>
                  <a:lnTo>
                    <a:pt x="138" y="230"/>
                  </a:lnTo>
                  <a:lnTo>
                    <a:pt x="140" y="230"/>
                  </a:lnTo>
                  <a:lnTo>
                    <a:pt x="143" y="228"/>
                  </a:lnTo>
                  <a:lnTo>
                    <a:pt x="149" y="225"/>
                  </a:lnTo>
                  <a:lnTo>
                    <a:pt x="152" y="223"/>
                  </a:lnTo>
                  <a:lnTo>
                    <a:pt x="155" y="220"/>
                  </a:lnTo>
                  <a:lnTo>
                    <a:pt x="159" y="217"/>
                  </a:lnTo>
                  <a:lnTo>
                    <a:pt x="162" y="215"/>
                  </a:lnTo>
                  <a:lnTo>
                    <a:pt x="162" y="213"/>
                  </a:lnTo>
                  <a:lnTo>
                    <a:pt x="167" y="215"/>
                  </a:lnTo>
                  <a:lnTo>
                    <a:pt x="176" y="208"/>
                  </a:lnTo>
                  <a:lnTo>
                    <a:pt x="181" y="206"/>
                  </a:lnTo>
                  <a:lnTo>
                    <a:pt x="179" y="183"/>
                  </a:lnTo>
                  <a:lnTo>
                    <a:pt x="186" y="178"/>
                  </a:lnTo>
                  <a:lnTo>
                    <a:pt x="181" y="171"/>
                  </a:lnTo>
                  <a:lnTo>
                    <a:pt x="191" y="151"/>
                  </a:lnTo>
                  <a:lnTo>
                    <a:pt x="211" y="127"/>
                  </a:lnTo>
                  <a:lnTo>
                    <a:pt x="203" y="103"/>
                  </a:lnTo>
                  <a:lnTo>
                    <a:pt x="198" y="103"/>
                  </a:lnTo>
                  <a:lnTo>
                    <a:pt x="196" y="112"/>
                  </a:lnTo>
                  <a:lnTo>
                    <a:pt x="201" y="117"/>
                  </a:lnTo>
                  <a:lnTo>
                    <a:pt x="199" y="122"/>
                  </a:lnTo>
                  <a:lnTo>
                    <a:pt x="189" y="110"/>
                  </a:lnTo>
                  <a:lnTo>
                    <a:pt x="191" y="102"/>
                  </a:lnTo>
                  <a:lnTo>
                    <a:pt x="196" y="96"/>
                  </a:lnTo>
                  <a:lnTo>
                    <a:pt x="206" y="96"/>
                  </a:lnTo>
                  <a:lnTo>
                    <a:pt x="199" y="83"/>
                  </a:lnTo>
                  <a:lnTo>
                    <a:pt x="194" y="73"/>
                  </a:lnTo>
                  <a:lnTo>
                    <a:pt x="189" y="68"/>
                  </a:lnTo>
                  <a:lnTo>
                    <a:pt x="193" y="63"/>
                  </a:lnTo>
                  <a:lnTo>
                    <a:pt x="196" y="54"/>
                  </a:lnTo>
                  <a:lnTo>
                    <a:pt x="199" y="59"/>
                  </a:lnTo>
                  <a:lnTo>
                    <a:pt x="199" y="71"/>
                  </a:lnTo>
                  <a:lnTo>
                    <a:pt x="206" y="66"/>
                  </a:lnTo>
                  <a:lnTo>
                    <a:pt x="204" y="64"/>
                  </a:lnTo>
                  <a:lnTo>
                    <a:pt x="215" y="56"/>
                  </a:lnTo>
                  <a:lnTo>
                    <a:pt x="208" y="47"/>
                  </a:lnTo>
                  <a:lnTo>
                    <a:pt x="211" y="39"/>
                  </a:lnTo>
                  <a:lnTo>
                    <a:pt x="206" y="32"/>
                  </a:lnTo>
                  <a:lnTo>
                    <a:pt x="198" y="32"/>
                  </a:lnTo>
                  <a:lnTo>
                    <a:pt x="198" y="0"/>
                  </a:lnTo>
                  <a:lnTo>
                    <a:pt x="199" y="0"/>
                  </a:lnTo>
                  <a:lnTo>
                    <a:pt x="203" y="2"/>
                  </a:lnTo>
                  <a:lnTo>
                    <a:pt x="208" y="3"/>
                  </a:lnTo>
                  <a:lnTo>
                    <a:pt x="213" y="5"/>
                  </a:lnTo>
                  <a:lnTo>
                    <a:pt x="220" y="7"/>
                  </a:lnTo>
                  <a:lnTo>
                    <a:pt x="226" y="8"/>
                  </a:lnTo>
                  <a:lnTo>
                    <a:pt x="235" y="12"/>
                  </a:lnTo>
                  <a:lnTo>
                    <a:pt x="245" y="15"/>
                  </a:lnTo>
                  <a:lnTo>
                    <a:pt x="255" y="17"/>
                  </a:lnTo>
                  <a:lnTo>
                    <a:pt x="267" y="22"/>
                  </a:lnTo>
                  <a:lnTo>
                    <a:pt x="281" y="25"/>
                  </a:lnTo>
                  <a:lnTo>
                    <a:pt x="294" y="29"/>
                  </a:lnTo>
                  <a:lnTo>
                    <a:pt x="308" y="32"/>
                  </a:lnTo>
                  <a:lnTo>
                    <a:pt x="323" y="37"/>
                  </a:lnTo>
                  <a:lnTo>
                    <a:pt x="338" y="41"/>
                  </a:lnTo>
                  <a:lnTo>
                    <a:pt x="355" y="46"/>
                  </a:lnTo>
                  <a:lnTo>
                    <a:pt x="372" y="51"/>
                  </a:lnTo>
                  <a:lnTo>
                    <a:pt x="389" y="54"/>
                  </a:lnTo>
                  <a:lnTo>
                    <a:pt x="407" y="59"/>
                  </a:lnTo>
                  <a:lnTo>
                    <a:pt x="426" y="64"/>
                  </a:lnTo>
                  <a:lnTo>
                    <a:pt x="445" y="69"/>
                  </a:lnTo>
                  <a:lnTo>
                    <a:pt x="465" y="74"/>
                  </a:lnTo>
                  <a:lnTo>
                    <a:pt x="485" y="80"/>
                  </a:lnTo>
                  <a:lnTo>
                    <a:pt x="506" y="85"/>
                  </a:lnTo>
                  <a:lnTo>
                    <a:pt x="526" y="90"/>
                  </a:lnTo>
                  <a:lnTo>
                    <a:pt x="548" y="95"/>
                  </a:lnTo>
                  <a:lnTo>
                    <a:pt x="568" y="100"/>
                  </a:lnTo>
                  <a:lnTo>
                    <a:pt x="590" y="105"/>
                  </a:lnTo>
                  <a:lnTo>
                    <a:pt x="612" y="108"/>
                  </a:lnTo>
                  <a:lnTo>
                    <a:pt x="634" y="113"/>
                  </a:lnTo>
                  <a:lnTo>
                    <a:pt x="656" y="118"/>
                  </a:lnTo>
                  <a:lnTo>
                    <a:pt x="656" y="122"/>
                  </a:lnTo>
                  <a:lnTo>
                    <a:pt x="656" y="125"/>
                  </a:lnTo>
                  <a:lnTo>
                    <a:pt x="655" y="130"/>
                  </a:lnTo>
                  <a:lnTo>
                    <a:pt x="653" y="137"/>
                  </a:lnTo>
                  <a:lnTo>
                    <a:pt x="651" y="146"/>
                  </a:lnTo>
                  <a:lnTo>
                    <a:pt x="649" y="156"/>
                  </a:lnTo>
                  <a:lnTo>
                    <a:pt x="646" y="166"/>
                  </a:lnTo>
                  <a:lnTo>
                    <a:pt x="644" y="176"/>
                  </a:lnTo>
                  <a:lnTo>
                    <a:pt x="641" y="188"/>
                  </a:lnTo>
                  <a:lnTo>
                    <a:pt x="639" y="200"/>
                  </a:lnTo>
                  <a:lnTo>
                    <a:pt x="636" y="213"/>
                  </a:lnTo>
                  <a:lnTo>
                    <a:pt x="633" y="227"/>
                  </a:lnTo>
                  <a:lnTo>
                    <a:pt x="629" y="240"/>
                  </a:lnTo>
                  <a:lnTo>
                    <a:pt x="627" y="256"/>
                  </a:lnTo>
                  <a:lnTo>
                    <a:pt x="624" y="269"/>
                  </a:lnTo>
                  <a:lnTo>
                    <a:pt x="621" y="284"/>
                  </a:lnTo>
                  <a:lnTo>
                    <a:pt x="617" y="298"/>
                  </a:lnTo>
                  <a:lnTo>
                    <a:pt x="614" y="311"/>
                  </a:lnTo>
                  <a:lnTo>
                    <a:pt x="612" y="325"/>
                  </a:lnTo>
                  <a:lnTo>
                    <a:pt x="609" y="338"/>
                  </a:lnTo>
                  <a:lnTo>
                    <a:pt x="605" y="350"/>
                  </a:lnTo>
                  <a:lnTo>
                    <a:pt x="604" y="362"/>
                  </a:lnTo>
                  <a:lnTo>
                    <a:pt x="600" y="374"/>
                  </a:lnTo>
                  <a:lnTo>
                    <a:pt x="599" y="384"/>
                  </a:lnTo>
                  <a:lnTo>
                    <a:pt x="597" y="393"/>
                  </a:lnTo>
                  <a:lnTo>
                    <a:pt x="595" y="401"/>
                  </a:lnTo>
                  <a:lnTo>
                    <a:pt x="594" y="408"/>
                  </a:lnTo>
                  <a:lnTo>
                    <a:pt x="592" y="415"/>
                  </a:lnTo>
                  <a:lnTo>
                    <a:pt x="590" y="418"/>
                  </a:lnTo>
                  <a:lnTo>
                    <a:pt x="590" y="420"/>
                  </a:lnTo>
                  <a:lnTo>
                    <a:pt x="590" y="421"/>
                  </a:lnTo>
                  <a:lnTo>
                    <a:pt x="585" y="438"/>
                  </a:lnTo>
                  <a:lnTo>
                    <a:pt x="590" y="450"/>
                  </a:lnTo>
                  <a:lnTo>
                    <a:pt x="590" y="462"/>
                  </a:lnTo>
                  <a:lnTo>
                    <a:pt x="587" y="476"/>
                  </a:lnTo>
                  <a:lnTo>
                    <a:pt x="589" y="487"/>
                  </a:lnTo>
                  <a:lnTo>
                    <a:pt x="421" y="445"/>
                  </a:lnTo>
                  <a:lnTo>
                    <a:pt x="419" y="445"/>
                  </a:lnTo>
                  <a:lnTo>
                    <a:pt x="418" y="445"/>
                  </a:lnTo>
                  <a:lnTo>
                    <a:pt x="414" y="445"/>
                  </a:lnTo>
                  <a:lnTo>
                    <a:pt x="411" y="445"/>
                  </a:lnTo>
                  <a:lnTo>
                    <a:pt x="407" y="447"/>
                  </a:lnTo>
                  <a:lnTo>
                    <a:pt x="402" y="447"/>
                  </a:lnTo>
                  <a:lnTo>
                    <a:pt x="399" y="447"/>
                  </a:lnTo>
                  <a:lnTo>
                    <a:pt x="394" y="447"/>
                  </a:lnTo>
                  <a:lnTo>
                    <a:pt x="389" y="447"/>
                  </a:lnTo>
                  <a:lnTo>
                    <a:pt x="384" y="447"/>
                  </a:lnTo>
                  <a:lnTo>
                    <a:pt x="379" y="445"/>
                  </a:lnTo>
                  <a:lnTo>
                    <a:pt x="374" y="445"/>
                  </a:lnTo>
                  <a:lnTo>
                    <a:pt x="369" y="443"/>
                  </a:lnTo>
                  <a:lnTo>
                    <a:pt x="363" y="442"/>
                  </a:lnTo>
                  <a:lnTo>
                    <a:pt x="358" y="440"/>
                  </a:lnTo>
                  <a:lnTo>
                    <a:pt x="357" y="440"/>
                  </a:lnTo>
                  <a:lnTo>
                    <a:pt x="355" y="440"/>
                  </a:lnTo>
                  <a:lnTo>
                    <a:pt x="353" y="440"/>
                  </a:lnTo>
                  <a:lnTo>
                    <a:pt x="352" y="442"/>
                  </a:lnTo>
                  <a:lnTo>
                    <a:pt x="348" y="443"/>
                  </a:lnTo>
                  <a:lnTo>
                    <a:pt x="347" y="445"/>
                  </a:lnTo>
                  <a:lnTo>
                    <a:pt x="345" y="445"/>
                  </a:lnTo>
                  <a:lnTo>
                    <a:pt x="323" y="445"/>
                  </a:lnTo>
                  <a:lnTo>
                    <a:pt x="321" y="445"/>
                  </a:lnTo>
                  <a:lnTo>
                    <a:pt x="316" y="445"/>
                  </a:lnTo>
                  <a:lnTo>
                    <a:pt x="308" y="447"/>
                  </a:lnTo>
                  <a:lnTo>
                    <a:pt x="297" y="448"/>
                  </a:lnTo>
                  <a:lnTo>
                    <a:pt x="289" y="448"/>
                  </a:lnTo>
                  <a:lnTo>
                    <a:pt x="279" y="448"/>
                  </a:lnTo>
                  <a:lnTo>
                    <a:pt x="272" y="445"/>
                  </a:lnTo>
                  <a:lnTo>
                    <a:pt x="265" y="442"/>
                  </a:lnTo>
                  <a:lnTo>
                    <a:pt x="262" y="442"/>
                  </a:lnTo>
                  <a:lnTo>
                    <a:pt x="259" y="442"/>
                  </a:lnTo>
                  <a:lnTo>
                    <a:pt x="253" y="442"/>
                  </a:lnTo>
                  <a:lnTo>
                    <a:pt x="248" y="442"/>
                  </a:lnTo>
                  <a:lnTo>
                    <a:pt x="245" y="443"/>
                  </a:lnTo>
                  <a:lnTo>
                    <a:pt x="242" y="443"/>
                  </a:lnTo>
                  <a:lnTo>
                    <a:pt x="233" y="442"/>
                  </a:lnTo>
                  <a:lnTo>
                    <a:pt x="220" y="445"/>
                  </a:lnTo>
                  <a:lnTo>
                    <a:pt x="220" y="443"/>
                  </a:lnTo>
                  <a:lnTo>
                    <a:pt x="215" y="440"/>
                  </a:lnTo>
                  <a:lnTo>
                    <a:pt x="209" y="435"/>
                  </a:lnTo>
                  <a:lnTo>
                    <a:pt x="201" y="430"/>
                  </a:lnTo>
                  <a:lnTo>
                    <a:pt x="194" y="425"/>
                  </a:lnTo>
                  <a:lnTo>
                    <a:pt x="186" y="421"/>
                  </a:lnTo>
                  <a:lnTo>
                    <a:pt x="177" y="418"/>
                  </a:lnTo>
                  <a:lnTo>
                    <a:pt x="171" y="418"/>
                  </a:lnTo>
                  <a:lnTo>
                    <a:pt x="169" y="418"/>
                  </a:lnTo>
                  <a:lnTo>
                    <a:pt x="167" y="418"/>
                  </a:lnTo>
                  <a:lnTo>
                    <a:pt x="164" y="420"/>
                  </a:lnTo>
                  <a:lnTo>
                    <a:pt x="160" y="420"/>
                  </a:lnTo>
                  <a:lnTo>
                    <a:pt x="157" y="421"/>
                  </a:lnTo>
                  <a:lnTo>
                    <a:pt x="152" y="421"/>
                  </a:lnTo>
                  <a:lnTo>
                    <a:pt x="145" y="423"/>
                  </a:lnTo>
                  <a:lnTo>
                    <a:pt x="140" y="423"/>
                  </a:lnTo>
                  <a:lnTo>
                    <a:pt x="135" y="423"/>
                  </a:lnTo>
                  <a:lnTo>
                    <a:pt x="128" y="423"/>
                  </a:lnTo>
                  <a:lnTo>
                    <a:pt x="123" y="423"/>
                  </a:lnTo>
                  <a:lnTo>
                    <a:pt x="118" y="423"/>
                  </a:lnTo>
                  <a:lnTo>
                    <a:pt x="113" y="421"/>
                  </a:lnTo>
                  <a:lnTo>
                    <a:pt x="108" y="420"/>
                  </a:lnTo>
                  <a:lnTo>
                    <a:pt x="105" y="418"/>
                  </a:lnTo>
                  <a:lnTo>
                    <a:pt x="103" y="415"/>
                  </a:lnTo>
                  <a:lnTo>
                    <a:pt x="101" y="413"/>
                  </a:lnTo>
                  <a:lnTo>
                    <a:pt x="99" y="413"/>
                  </a:lnTo>
                  <a:lnTo>
                    <a:pt x="98" y="411"/>
                  </a:lnTo>
                  <a:lnTo>
                    <a:pt x="94" y="408"/>
                  </a:lnTo>
                  <a:lnTo>
                    <a:pt x="93" y="406"/>
                  </a:lnTo>
                  <a:lnTo>
                    <a:pt x="91" y="404"/>
                  </a:lnTo>
                  <a:lnTo>
                    <a:pt x="89" y="404"/>
                  </a:lnTo>
                  <a:lnTo>
                    <a:pt x="84" y="393"/>
                  </a:lnTo>
                  <a:lnTo>
                    <a:pt x="84" y="391"/>
                  </a:lnTo>
                  <a:lnTo>
                    <a:pt x="86" y="388"/>
                  </a:lnTo>
                  <a:lnTo>
                    <a:pt x="86" y="384"/>
                  </a:lnTo>
                  <a:lnTo>
                    <a:pt x="88" y="379"/>
                  </a:lnTo>
                  <a:lnTo>
                    <a:pt x="88" y="374"/>
                  </a:lnTo>
                  <a:lnTo>
                    <a:pt x="88" y="369"/>
                  </a:lnTo>
                  <a:lnTo>
                    <a:pt x="88" y="364"/>
                  </a:lnTo>
                  <a:lnTo>
                    <a:pt x="88" y="357"/>
                  </a:lnTo>
                  <a:lnTo>
                    <a:pt x="86" y="352"/>
                  </a:lnTo>
                  <a:lnTo>
                    <a:pt x="86" y="347"/>
                  </a:lnTo>
                  <a:lnTo>
                    <a:pt x="83" y="342"/>
                  </a:lnTo>
                  <a:lnTo>
                    <a:pt x="79" y="337"/>
                  </a:lnTo>
                  <a:lnTo>
                    <a:pt x="76" y="333"/>
                  </a:lnTo>
                  <a:lnTo>
                    <a:pt x="71" y="330"/>
                  </a:lnTo>
                  <a:lnTo>
                    <a:pt x="64" y="328"/>
                  </a:lnTo>
                  <a:lnTo>
                    <a:pt x="62" y="328"/>
                  </a:lnTo>
                  <a:lnTo>
                    <a:pt x="61" y="328"/>
                  </a:lnTo>
                  <a:lnTo>
                    <a:pt x="57" y="327"/>
                  </a:lnTo>
                  <a:lnTo>
                    <a:pt x="55" y="327"/>
                  </a:lnTo>
                  <a:lnTo>
                    <a:pt x="54" y="327"/>
                  </a:lnTo>
                  <a:lnTo>
                    <a:pt x="52" y="327"/>
                  </a:lnTo>
                  <a:lnTo>
                    <a:pt x="52" y="325"/>
                  </a:lnTo>
                  <a:lnTo>
                    <a:pt x="54" y="323"/>
                  </a:lnTo>
                  <a:lnTo>
                    <a:pt x="54" y="322"/>
                  </a:lnTo>
                  <a:lnTo>
                    <a:pt x="52" y="318"/>
                  </a:lnTo>
                  <a:lnTo>
                    <a:pt x="52" y="315"/>
                  </a:lnTo>
                  <a:lnTo>
                    <a:pt x="49" y="311"/>
                  </a:lnTo>
                  <a:lnTo>
                    <a:pt x="45" y="310"/>
                  </a:lnTo>
                  <a:lnTo>
                    <a:pt x="40" y="308"/>
                  </a:lnTo>
                  <a:lnTo>
                    <a:pt x="39" y="306"/>
                  </a:lnTo>
                  <a:lnTo>
                    <a:pt x="37" y="305"/>
                  </a:lnTo>
                  <a:lnTo>
                    <a:pt x="33" y="303"/>
                  </a:lnTo>
                  <a:lnTo>
                    <a:pt x="32" y="301"/>
                  </a:lnTo>
                  <a:lnTo>
                    <a:pt x="23" y="303"/>
                  </a:lnTo>
                  <a:lnTo>
                    <a:pt x="22" y="300"/>
                  </a:lnTo>
                  <a:lnTo>
                    <a:pt x="18" y="303"/>
                  </a:lnTo>
                  <a:lnTo>
                    <a:pt x="11" y="300"/>
                  </a:lnTo>
                  <a:lnTo>
                    <a:pt x="6" y="291"/>
                  </a:lnTo>
                  <a:lnTo>
                    <a:pt x="6" y="293"/>
                  </a:lnTo>
                  <a:lnTo>
                    <a:pt x="3" y="293"/>
                  </a:lnTo>
                  <a:lnTo>
                    <a:pt x="0" y="294"/>
                  </a:lnTo>
                  <a:lnTo>
                    <a:pt x="0" y="293"/>
                  </a:lnTo>
                  <a:lnTo>
                    <a:pt x="0" y="291"/>
                  </a:lnTo>
                  <a:lnTo>
                    <a:pt x="0" y="289"/>
                  </a:lnTo>
                  <a:lnTo>
                    <a:pt x="1" y="288"/>
                  </a:lnTo>
                  <a:lnTo>
                    <a:pt x="1" y="284"/>
                  </a:lnTo>
                  <a:lnTo>
                    <a:pt x="3" y="281"/>
                  </a:lnTo>
                  <a:lnTo>
                    <a:pt x="3" y="278"/>
                  </a:lnTo>
                  <a:lnTo>
                    <a:pt x="5" y="271"/>
                  </a:lnTo>
                  <a:lnTo>
                    <a:pt x="6" y="266"/>
                  </a:lnTo>
                  <a:lnTo>
                    <a:pt x="8" y="261"/>
                  </a:lnTo>
                  <a:lnTo>
                    <a:pt x="10" y="256"/>
                  </a:lnTo>
                  <a:lnTo>
                    <a:pt x="11" y="252"/>
                  </a:lnTo>
                  <a:lnTo>
                    <a:pt x="15" y="252"/>
                  </a:lnTo>
                  <a:lnTo>
                    <a:pt x="15" y="256"/>
                  </a:lnTo>
                  <a:lnTo>
                    <a:pt x="15" y="257"/>
                  </a:lnTo>
                  <a:lnTo>
                    <a:pt x="13" y="261"/>
                  </a:lnTo>
                  <a:lnTo>
                    <a:pt x="13" y="264"/>
                  </a:lnTo>
                  <a:lnTo>
                    <a:pt x="11" y="267"/>
                  </a:lnTo>
                  <a:lnTo>
                    <a:pt x="11" y="271"/>
                  </a:lnTo>
                  <a:lnTo>
                    <a:pt x="11" y="276"/>
                  </a:lnTo>
                  <a:lnTo>
                    <a:pt x="10" y="279"/>
                  </a:lnTo>
                  <a:lnTo>
                    <a:pt x="8" y="281"/>
                  </a:lnTo>
                  <a:lnTo>
                    <a:pt x="8" y="284"/>
                  </a:lnTo>
                  <a:lnTo>
                    <a:pt x="10" y="284"/>
                  </a:lnTo>
                  <a:lnTo>
                    <a:pt x="13" y="284"/>
                  </a:lnTo>
                  <a:lnTo>
                    <a:pt x="15" y="283"/>
                  </a:lnTo>
                  <a:lnTo>
                    <a:pt x="17" y="283"/>
                  </a:lnTo>
                  <a:lnTo>
                    <a:pt x="17" y="278"/>
                  </a:lnTo>
                  <a:lnTo>
                    <a:pt x="22" y="271"/>
                  </a:lnTo>
                  <a:lnTo>
                    <a:pt x="25" y="266"/>
                  </a:lnTo>
                  <a:lnTo>
                    <a:pt x="25" y="254"/>
                  </a:lnTo>
                  <a:lnTo>
                    <a:pt x="27" y="250"/>
                  </a:lnTo>
                  <a:lnTo>
                    <a:pt x="33" y="249"/>
                  </a:lnTo>
                  <a:lnTo>
                    <a:pt x="30" y="240"/>
                  </a:lnTo>
                  <a:lnTo>
                    <a:pt x="25" y="244"/>
                  </a:lnTo>
                  <a:lnTo>
                    <a:pt x="15" y="244"/>
                  </a:lnTo>
                  <a:lnTo>
                    <a:pt x="17" y="218"/>
                  </a:lnTo>
                  <a:lnTo>
                    <a:pt x="18" y="218"/>
                  </a:lnTo>
                  <a:lnTo>
                    <a:pt x="20" y="223"/>
                  </a:lnTo>
                  <a:lnTo>
                    <a:pt x="27" y="220"/>
                  </a:lnTo>
                  <a:lnTo>
                    <a:pt x="42" y="222"/>
                  </a:lnTo>
                  <a:lnTo>
                    <a:pt x="42" y="217"/>
                  </a:lnTo>
                  <a:lnTo>
                    <a:pt x="30" y="212"/>
                  </a:lnTo>
                  <a:lnTo>
                    <a:pt x="30" y="205"/>
                  </a:lnTo>
                  <a:lnTo>
                    <a:pt x="22" y="203"/>
                  </a:lnTo>
                  <a:lnTo>
                    <a:pt x="18" y="213"/>
                  </a:lnTo>
                  <a:lnTo>
                    <a:pt x="17" y="212"/>
                  </a:lnTo>
                  <a:lnTo>
                    <a:pt x="17" y="200"/>
                  </a:lnTo>
                  <a:lnTo>
                    <a:pt x="18" y="198"/>
                  </a:lnTo>
                  <a:lnTo>
                    <a:pt x="18" y="195"/>
                  </a:lnTo>
                  <a:lnTo>
                    <a:pt x="20" y="190"/>
                  </a:lnTo>
                  <a:lnTo>
                    <a:pt x="20" y="184"/>
                  </a:lnTo>
                  <a:lnTo>
                    <a:pt x="22" y="179"/>
                  </a:lnTo>
                  <a:lnTo>
                    <a:pt x="22" y="173"/>
                  </a:lnTo>
                  <a:lnTo>
                    <a:pt x="22" y="168"/>
                  </a:lnTo>
                  <a:lnTo>
                    <a:pt x="20" y="164"/>
                  </a:lnTo>
                  <a:lnTo>
                    <a:pt x="20" y="161"/>
                  </a:lnTo>
                  <a:lnTo>
                    <a:pt x="20" y="154"/>
                  </a:lnTo>
                  <a:lnTo>
                    <a:pt x="20" y="146"/>
                  </a:lnTo>
                  <a:lnTo>
                    <a:pt x="20" y="135"/>
                  </a:lnTo>
                  <a:lnTo>
                    <a:pt x="22" y="125"/>
                  </a:lnTo>
                  <a:lnTo>
                    <a:pt x="22" y="115"/>
                  </a:lnTo>
                  <a:lnTo>
                    <a:pt x="22" y="108"/>
                  </a:lnTo>
                  <a:lnTo>
                    <a:pt x="22" y="107"/>
                  </a:lnTo>
                  <a:lnTo>
                    <a:pt x="22" y="105"/>
                  </a:lnTo>
                  <a:lnTo>
                    <a:pt x="20" y="102"/>
                  </a:lnTo>
                  <a:lnTo>
                    <a:pt x="17" y="96"/>
                  </a:lnTo>
                  <a:lnTo>
                    <a:pt x="13" y="91"/>
                  </a:lnTo>
                  <a:lnTo>
                    <a:pt x="11" y="83"/>
                  </a:lnTo>
                  <a:lnTo>
                    <a:pt x="10" y="74"/>
                  </a:lnTo>
                  <a:lnTo>
                    <a:pt x="11" y="64"/>
                  </a:lnTo>
                  <a:lnTo>
                    <a:pt x="15" y="54"/>
                  </a:lnTo>
                  <a:lnTo>
                    <a:pt x="15" y="52"/>
                  </a:lnTo>
                  <a:lnTo>
                    <a:pt x="17" y="51"/>
                  </a:lnTo>
                  <a:lnTo>
                    <a:pt x="18" y="47"/>
                  </a:lnTo>
                  <a:lnTo>
                    <a:pt x="20" y="46"/>
                  </a:lnTo>
                  <a:lnTo>
                    <a:pt x="20" y="42"/>
                  </a:lnTo>
                  <a:lnTo>
                    <a:pt x="22" y="42"/>
                  </a:lnTo>
                  <a:lnTo>
                    <a:pt x="22" y="41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4" name="Freeform 172"/>
            <p:cNvSpPr>
              <a:spLocks/>
            </p:cNvSpPr>
            <p:nvPr/>
          </p:nvSpPr>
          <p:spPr bwMode="auto">
            <a:xfrm>
              <a:off x="2993" y="1379"/>
              <a:ext cx="508" cy="539"/>
            </a:xfrm>
            <a:custGeom>
              <a:avLst/>
              <a:gdLst>
                <a:gd name="T0" fmla="*/ 144 w 522"/>
                <a:gd name="T1" fmla="*/ 355 h 555"/>
                <a:gd name="T2" fmla="*/ 124 w 522"/>
                <a:gd name="T3" fmla="*/ 351 h 555"/>
                <a:gd name="T4" fmla="*/ 121 w 522"/>
                <a:gd name="T5" fmla="*/ 340 h 555"/>
                <a:gd name="T6" fmla="*/ 115 w 522"/>
                <a:gd name="T7" fmla="*/ 323 h 555"/>
                <a:gd name="T8" fmla="*/ 118 w 522"/>
                <a:gd name="T9" fmla="*/ 302 h 555"/>
                <a:gd name="T10" fmla="*/ 109 w 522"/>
                <a:gd name="T11" fmla="*/ 286 h 555"/>
                <a:gd name="T12" fmla="*/ 103 w 522"/>
                <a:gd name="T13" fmla="*/ 256 h 555"/>
                <a:gd name="T14" fmla="*/ 72 w 522"/>
                <a:gd name="T15" fmla="*/ 232 h 555"/>
                <a:gd name="T16" fmla="*/ 42 w 522"/>
                <a:gd name="T17" fmla="*/ 202 h 555"/>
                <a:gd name="T18" fmla="*/ 37 w 522"/>
                <a:gd name="T19" fmla="*/ 201 h 555"/>
                <a:gd name="T20" fmla="*/ 18 w 522"/>
                <a:gd name="T21" fmla="*/ 195 h 555"/>
                <a:gd name="T22" fmla="*/ 18 w 522"/>
                <a:gd name="T23" fmla="*/ 174 h 555"/>
                <a:gd name="T24" fmla="*/ 12 w 522"/>
                <a:gd name="T25" fmla="*/ 159 h 555"/>
                <a:gd name="T26" fmla="*/ 18 w 522"/>
                <a:gd name="T27" fmla="*/ 132 h 555"/>
                <a:gd name="T28" fmla="*/ 2 w 522"/>
                <a:gd name="T29" fmla="*/ 106 h 555"/>
                <a:gd name="T30" fmla="*/ 7 w 522"/>
                <a:gd name="T31" fmla="*/ 102 h 555"/>
                <a:gd name="T32" fmla="*/ 24 w 522"/>
                <a:gd name="T33" fmla="*/ 81 h 555"/>
                <a:gd name="T34" fmla="*/ 34 w 522"/>
                <a:gd name="T35" fmla="*/ 30 h 555"/>
                <a:gd name="T36" fmla="*/ 45 w 522"/>
                <a:gd name="T37" fmla="*/ 17 h 555"/>
                <a:gd name="T38" fmla="*/ 55 w 522"/>
                <a:gd name="T39" fmla="*/ 23 h 555"/>
                <a:gd name="T40" fmla="*/ 73 w 522"/>
                <a:gd name="T41" fmla="*/ 17 h 555"/>
                <a:gd name="T42" fmla="*/ 87 w 522"/>
                <a:gd name="T43" fmla="*/ 17 h 555"/>
                <a:gd name="T44" fmla="*/ 96 w 522"/>
                <a:gd name="T45" fmla="*/ 13 h 555"/>
                <a:gd name="T46" fmla="*/ 112 w 522"/>
                <a:gd name="T47" fmla="*/ 7 h 555"/>
                <a:gd name="T48" fmla="*/ 124 w 522"/>
                <a:gd name="T49" fmla="*/ 7 h 555"/>
                <a:gd name="T50" fmla="*/ 118 w 522"/>
                <a:gd name="T51" fmla="*/ 25 h 555"/>
                <a:gd name="T52" fmla="*/ 121 w 522"/>
                <a:gd name="T53" fmla="*/ 28 h 555"/>
                <a:gd name="T54" fmla="*/ 129 w 522"/>
                <a:gd name="T55" fmla="*/ 20 h 555"/>
                <a:gd name="T56" fmla="*/ 149 w 522"/>
                <a:gd name="T57" fmla="*/ 32 h 555"/>
                <a:gd name="T58" fmla="*/ 163 w 522"/>
                <a:gd name="T59" fmla="*/ 46 h 555"/>
                <a:gd name="T60" fmla="*/ 170 w 522"/>
                <a:gd name="T61" fmla="*/ 50 h 555"/>
                <a:gd name="T62" fmla="*/ 184 w 522"/>
                <a:gd name="T63" fmla="*/ 51 h 555"/>
                <a:gd name="T64" fmla="*/ 217 w 522"/>
                <a:gd name="T65" fmla="*/ 59 h 555"/>
                <a:gd name="T66" fmla="*/ 243 w 522"/>
                <a:gd name="T67" fmla="*/ 69 h 555"/>
                <a:gd name="T68" fmla="*/ 278 w 522"/>
                <a:gd name="T69" fmla="*/ 74 h 555"/>
                <a:gd name="T70" fmla="*/ 292 w 522"/>
                <a:gd name="T71" fmla="*/ 84 h 555"/>
                <a:gd name="T72" fmla="*/ 303 w 522"/>
                <a:gd name="T73" fmla="*/ 108 h 555"/>
                <a:gd name="T74" fmla="*/ 300 w 522"/>
                <a:gd name="T75" fmla="*/ 121 h 555"/>
                <a:gd name="T76" fmla="*/ 312 w 522"/>
                <a:gd name="T77" fmla="*/ 131 h 555"/>
                <a:gd name="T78" fmla="*/ 320 w 522"/>
                <a:gd name="T79" fmla="*/ 142 h 555"/>
                <a:gd name="T80" fmla="*/ 307 w 522"/>
                <a:gd name="T81" fmla="*/ 163 h 555"/>
                <a:gd name="T82" fmla="*/ 299 w 522"/>
                <a:gd name="T83" fmla="*/ 182 h 555"/>
                <a:gd name="T84" fmla="*/ 308 w 522"/>
                <a:gd name="T85" fmla="*/ 184 h 555"/>
                <a:gd name="T86" fmla="*/ 318 w 522"/>
                <a:gd name="T87" fmla="*/ 168 h 555"/>
                <a:gd name="T88" fmla="*/ 336 w 522"/>
                <a:gd name="T89" fmla="*/ 155 h 555"/>
                <a:gd name="T90" fmla="*/ 337 w 522"/>
                <a:gd name="T91" fmla="*/ 139 h 555"/>
                <a:gd name="T92" fmla="*/ 349 w 522"/>
                <a:gd name="T93" fmla="*/ 124 h 555"/>
                <a:gd name="T94" fmla="*/ 354 w 522"/>
                <a:gd name="T95" fmla="*/ 128 h 555"/>
                <a:gd name="T96" fmla="*/ 346 w 522"/>
                <a:gd name="T97" fmla="*/ 148 h 555"/>
                <a:gd name="T98" fmla="*/ 345 w 522"/>
                <a:gd name="T99" fmla="*/ 159 h 555"/>
                <a:gd name="T100" fmla="*/ 336 w 522"/>
                <a:gd name="T101" fmla="*/ 174 h 555"/>
                <a:gd name="T102" fmla="*/ 333 w 522"/>
                <a:gd name="T103" fmla="*/ 207 h 555"/>
                <a:gd name="T104" fmla="*/ 328 w 522"/>
                <a:gd name="T105" fmla="*/ 219 h 555"/>
                <a:gd name="T106" fmla="*/ 323 w 522"/>
                <a:gd name="T107" fmla="*/ 236 h 555"/>
                <a:gd name="T108" fmla="*/ 326 w 522"/>
                <a:gd name="T109" fmla="*/ 260 h 555"/>
                <a:gd name="T110" fmla="*/ 318 w 522"/>
                <a:gd name="T111" fmla="*/ 276 h 555"/>
                <a:gd name="T112" fmla="*/ 318 w 522"/>
                <a:gd name="T113" fmla="*/ 306 h 555"/>
                <a:gd name="T114" fmla="*/ 324 w 522"/>
                <a:gd name="T115" fmla="*/ 325 h 555"/>
                <a:gd name="T116" fmla="*/ 327 w 522"/>
                <a:gd name="T117" fmla="*/ 335 h 555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w 522"/>
                <a:gd name="T178" fmla="*/ 0 h 555"/>
                <a:gd name="T179" fmla="*/ 522 w 522"/>
                <a:gd name="T180" fmla="*/ 555 h 555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T177" t="T178" r="T179" b="T180"/>
              <a:pathLst>
                <a:path w="522" h="555">
                  <a:moveTo>
                    <a:pt x="220" y="555"/>
                  </a:moveTo>
                  <a:lnTo>
                    <a:pt x="219" y="550"/>
                  </a:lnTo>
                  <a:lnTo>
                    <a:pt x="217" y="545"/>
                  </a:lnTo>
                  <a:lnTo>
                    <a:pt x="215" y="541"/>
                  </a:lnTo>
                  <a:lnTo>
                    <a:pt x="212" y="538"/>
                  </a:lnTo>
                  <a:lnTo>
                    <a:pt x="210" y="536"/>
                  </a:lnTo>
                  <a:lnTo>
                    <a:pt x="207" y="536"/>
                  </a:lnTo>
                  <a:lnTo>
                    <a:pt x="205" y="535"/>
                  </a:lnTo>
                  <a:lnTo>
                    <a:pt x="181" y="528"/>
                  </a:lnTo>
                  <a:lnTo>
                    <a:pt x="181" y="526"/>
                  </a:lnTo>
                  <a:lnTo>
                    <a:pt x="181" y="525"/>
                  </a:lnTo>
                  <a:lnTo>
                    <a:pt x="181" y="521"/>
                  </a:lnTo>
                  <a:lnTo>
                    <a:pt x="181" y="519"/>
                  </a:lnTo>
                  <a:lnTo>
                    <a:pt x="180" y="514"/>
                  </a:lnTo>
                  <a:lnTo>
                    <a:pt x="176" y="511"/>
                  </a:lnTo>
                  <a:lnTo>
                    <a:pt x="175" y="506"/>
                  </a:lnTo>
                  <a:lnTo>
                    <a:pt x="171" y="503"/>
                  </a:lnTo>
                  <a:lnTo>
                    <a:pt x="170" y="499"/>
                  </a:lnTo>
                  <a:lnTo>
                    <a:pt x="168" y="494"/>
                  </a:lnTo>
                  <a:lnTo>
                    <a:pt x="168" y="491"/>
                  </a:lnTo>
                  <a:lnTo>
                    <a:pt x="166" y="486"/>
                  </a:lnTo>
                  <a:lnTo>
                    <a:pt x="168" y="482"/>
                  </a:lnTo>
                  <a:lnTo>
                    <a:pt x="170" y="477"/>
                  </a:lnTo>
                  <a:lnTo>
                    <a:pt x="173" y="469"/>
                  </a:lnTo>
                  <a:lnTo>
                    <a:pt x="175" y="464"/>
                  </a:lnTo>
                  <a:lnTo>
                    <a:pt x="175" y="459"/>
                  </a:lnTo>
                  <a:lnTo>
                    <a:pt x="173" y="455"/>
                  </a:lnTo>
                  <a:lnTo>
                    <a:pt x="171" y="453"/>
                  </a:lnTo>
                  <a:lnTo>
                    <a:pt x="170" y="453"/>
                  </a:lnTo>
                  <a:lnTo>
                    <a:pt x="170" y="452"/>
                  </a:lnTo>
                  <a:lnTo>
                    <a:pt x="168" y="452"/>
                  </a:lnTo>
                  <a:lnTo>
                    <a:pt x="159" y="431"/>
                  </a:lnTo>
                  <a:lnTo>
                    <a:pt x="159" y="430"/>
                  </a:lnTo>
                  <a:lnTo>
                    <a:pt x="161" y="428"/>
                  </a:lnTo>
                  <a:lnTo>
                    <a:pt x="161" y="421"/>
                  </a:lnTo>
                  <a:lnTo>
                    <a:pt x="158" y="413"/>
                  </a:lnTo>
                  <a:lnTo>
                    <a:pt x="156" y="403"/>
                  </a:lnTo>
                  <a:lnTo>
                    <a:pt x="153" y="394"/>
                  </a:lnTo>
                  <a:lnTo>
                    <a:pt x="151" y="386"/>
                  </a:lnTo>
                  <a:lnTo>
                    <a:pt x="148" y="379"/>
                  </a:lnTo>
                  <a:lnTo>
                    <a:pt x="146" y="377"/>
                  </a:lnTo>
                  <a:lnTo>
                    <a:pt x="132" y="372"/>
                  </a:lnTo>
                  <a:lnTo>
                    <a:pt x="120" y="365"/>
                  </a:lnTo>
                  <a:lnTo>
                    <a:pt x="112" y="357"/>
                  </a:lnTo>
                  <a:lnTo>
                    <a:pt x="104" y="349"/>
                  </a:lnTo>
                  <a:lnTo>
                    <a:pt x="98" y="340"/>
                  </a:lnTo>
                  <a:lnTo>
                    <a:pt x="93" y="332"/>
                  </a:lnTo>
                  <a:lnTo>
                    <a:pt x="90" y="328"/>
                  </a:lnTo>
                  <a:lnTo>
                    <a:pt x="90" y="325"/>
                  </a:lnTo>
                  <a:lnTo>
                    <a:pt x="60" y="313"/>
                  </a:lnTo>
                  <a:lnTo>
                    <a:pt x="58" y="305"/>
                  </a:lnTo>
                  <a:lnTo>
                    <a:pt x="56" y="305"/>
                  </a:lnTo>
                  <a:lnTo>
                    <a:pt x="56" y="303"/>
                  </a:lnTo>
                  <a:lnTo>
                    <a:pt x="54" y="303"/>
                  </a:lnTo>
                  <a:lnTo>
                    <a:pt x="51" y="303"/>
                  </a:lnTo>
                  <a:lnTo>
                    <a:pt x="49" y="303"/>
                  </a:lnTo>
                  <a:lnTo>
                    <a:pt x="46" y="305"/>
                  </a:lnTo>
                  <a:lnTo>
                    <a:pt x="43" y="303"/>
                  </a:lnTo>
                  <a:lnTo>
                    <a:pt x="38" y="301"/>
                  </a:lnTo>
                  <a:lnTo>
                    <a:pt x="31" y="299"/>
                  </a:lnTo>
                  <a:lnTo>
                    <a:pt x="26" y="294"/>
                  </a:lnTo>
                  <a:lnTo>
                    <a:pt x="21" y="289"/>
                  </a:lnTo>
                  <a:lnTo>
                    <a:pt x="17" y="286"/>
                  </a:lnTo>
                  <a:lnTo>
                    <a:pt x="16" y="281"/>
                  </a:lnTo>
                  <a:lnTo>
                    <a:pt x="16" y="276"/>
                  </a:lnTo>
                  <a:lnTo>
                    <a:pt x="19" y="267"/>
                  </a:lnTo>
                  <a:lnTo>
                    <a:pt x="21" y="262"/>
                  </a:lnTo>
                  <a:lnTo>
                    <a:pt x="21" y="257"/>
                  </a:lnTo>
                  <a:lnTo>
                    <a:pt x="21" y="254"/>
                  </a:lnTo>
                  <a:lnTo>
                    <a:pt x="19" y="250"/>
                  </a:lnTo>
                  <a:lnTo>
                    <a:pt x="17" y="247"/>
                  </a:lnTo>
                  <a:lnTo>
                    <a:pt x="16" y="244"/>
                  </a:lnTo>
                  <a:lnTo>
                    <a:pt x="12" y="240"/>
                  </a:lnTo>
                  <a:lnTo>
                    <a:pt x="12" y="235"/>
                  </a:lnTo>
                  <a:lnTo>
                    <a:pt x="12" y="227"/>
                  </a:lnTo>
                  <a:lnTo>
                    <a:pt x="12" y="220"/>
                  </a:lnTo>
                  <a:lnTo>
                    <a:pt x="16" y="211"/>
                  </a:lnTo>
                  <a:lnTo>
                    <a:pt x="17" y="205"/>
                  </a:lnTo>
                  <a:lnTo>
                    <a:pt x="21" y="198"/>
                  </a:lnTo>
                  <a:lnTo>
                    <a:pt x="21" y="193"/>
                  </a:lnTo>
                  <a:lnTo>
                    <a:pt x="22" y="193"/>
                  </a:lnTo>
                  <a:lnTo>
                    <a:pt x="14" y="179"/>
                  </a:lnTo>
                  <a:lnTo>
                    <a:pt x="0" y="179"/>
                  </a:lnTo>
                  <a:lnTo>
                    <a:pt x="0" y="159"/>
                  </a:lnTo>
                  <a:lnTo>
                    <a:pt x="2" y="159"/>
                  </a:lnTo>
                  <a:lnTo>
                    <a:pt x="4" y="157"/>
                  </a:lnTo>
                  <a:lnTo>
                    <a:pt x="5" y="157"/>
                  </a:lnTo>
                  <a:lnTo>
                    <a:pt x="7" y="154"/>
                  </a:lnTo>
                  <a:lnTo>
                    <a:pt x="7" y="152"/>
                  </a:lnTo>
                  <a:lnTo>
                    <a:pt x="9" y="149"/>
                  </a:lnTo>
                  <a:lnTo>
                    <a:pt x="10" y="144"/>
                  </a:lnTo>
                  <a:lnTo>
                    <a:pt x="17" y="139"/>
                  </a:lnTo>
                  <a:lnTo>
                    <a:pt x="22" y="134"/>
                  </a:lnTo>
                  <a:lnTo>
                    <a:pt x="31" y="127"/>
                  </a:lnTo>
                  <a:lnTo>
                    <a:pt x="38" y="122"/>
                  </a:lnTo>
                  <a:lnTo>
                    <a:pt x="44" y="118"/>
                  </a:lnTo>
                  <a:lnTo>
                    <a:pt x="48" y="115"/>
                  </a:lnTo>
                  <a:lnTo>
                    <a:pt x="51" y="115"/>
                  </a:lnTo>
                  <a:lnTo>
                    <a:pt x="49" y="44"/>
                  </a:lnTo>
                  <a:lnTo>
                    <a:pt x="48" y="44"/>
                  </a:lnTo>
                  <a:lnTo>
                    <a:pt x="48" y="42"/>
                  </a:lnTo>
                  <a:lnTo>
                    <a:pt x="49" y="41"/>
                  </a:lnTo>
                  <a:lnTo>
                    <a:pt x="51" y="37"/>
                  </a:lnTo>
                  <a:lnTo>
                    <a:pt x="56" y="34"/>
                  </a:lnTo>
                  <a:lnTo>
                    <a:pt x="63" y="29"/>
                  </a:lnTo>
                  <a:lnTo>
                    <a:pt x="65" y="27"/>
                  </a:lnTo>
                  <a:lnTo>
                    <a:pt x="68" y="30"/>
                  </a:lnTo>
                  <a:lnTo>
                    <a:pt x="73" y="32"/>
                  </a:lnTo>
                  <a:lnTo>
                    <a:pt x="78" y="35"/>
                  </a:lnTo>
                  <a:lnTo>
                    <a:pt x="83" y="37"/>
                  </a:lnTo>
                  <a:lnTo>
                    <a:pt x="90" y="39"/>
                  </a:lnTo>
                  <a:lnTo>
                    <a:pt x="97" y="37"/>
                  </a:lnTo>
                  <a:lnTo>
                    <a:pt x="102" y="34"/>
                  </a:lnTo>
                  <a:lnTo>
                    <a:pt x="102" y="32"/>
                  </a:lnTo>
                  <a:lnTo>
                    <a:pt x="104" y="30"/>
                  </a:lnTo>
                  <a:lnTo>
                    <a:pt x="105" y="30"/>
                  </a:lnTo>
                  <a:lnTo>
                    <a:pt x="109" y="27"/>
                  </a:lnTo>
                  <a:lnTo>
                    <a:pt x="112" y="27"/>
                  </a:lnTo>
                  <a:lnTo>
                    <a:pt x="115" y="25"/>
                  </a:lnTo>
                  <a:lnTo>
                    <a:pt x="119" y="25"/>
                  </a:lnTo>
                  <a:lnTo>
                    <a:pt x="124" y="25"/>
                  </a:lnTo>
                  <a:lnTo>
                    <a:pt x="126" y="25"/>
                  </a:lnTo>
                  <a:lnTo>
                    <a:pt x="127" y="24"/>
                  </a:lnTo>
                  <a:lnTo>
                    <a:pt x="129" y="22"/>
                  </a:lnTo>
                  <a:lnTo>
                    <a:pt x="131" y="20"/>
                  </a:lnTo>
                  <a:lnTo>
                    <a:pt x="132" y="19"/>
                  </a:lnTo>
                  <a:lnTo>
                    <a:pt x="136" y="17"/>
                  </a:lnTo>
                  <a:lnTo>
                    <a:pt x="141" y="13"/>
                  </a:lnTo>
                  <a:lnTo>
                    <a:pt x="148" y="12"/>
                  </a:lnTo>
                  <a:lnTo>
                    <a:pt x="154" y="10"/>
                  </a:lnTo>
                  <a:lnTo>
                    <a:pt x="158" y="8"/>
                  </a:lnTo>
                  <a:lnTo>
                    <a:pt x="161" y="8"/>
                  </a:lnTo>
                  <a:lnTo>
                    <a:pt x="163" y="7"/>
                  </a:lnTo>
                  <a:lnTo>
                    <a:pt x="164" y="5"/>
                  </a:lnTo>
                  <a:lnTo>
                    <a:pt x="168" y="3"/>
                  </a:lnTo>
                  <a:lnTo>
                    <a:pt x="173" y="0"/>
                  </a:lnTo>
                  <a:lnTo>
                    <a:pt x="176" y="0"/>
                  </a:lnTo>
                  <a:lnTo>
                    <a:pt x="180" y="3"/>
                  </a:lnTo>
                  <a:lnTo>
                    <a:pt x="181" y="7"/>
                  </a:lnTo>
                  <a:lnTo>
                    <a:pt x="183" y="8"/>
                  </a:lnTo>
                  <a:lnTo>
                    <a:pt x="176" y="20"/>
                  </a:lnTo>
                  <a:lnTo>
                    <a:pt x="175" y="29"/>
                  </a:lnTo>
                  <a:lnTo>
                    <a:pt x="173" y="37"/>
                  </a:lnTo>
                  <a:lnTo>
                    <a:pt x="173" y="39"/>
                  </a:lnTo>
                  <a:lnTo>
                    <a:pt x="171" y="41"/>
                  </a:lnTo>
                  <a:lnTo>
                    <a:pt x="171" y="44"/>
                  </a:lnTo>
                  <a:lnTo>
                    <a:pt x="171" y="46"/>
                  </a:lnTo>
                  <a:lnTo>
                    <a:pt x="175" y="44"/>
                  </a:lnTo>
                  <a:lnTo>
                    <a:pt x="178" y="42"/>
                  </a:lnTo>
                  <a:lnTo>
                    <a:pt x="180" y="41"/>
                  </a:lnTo>
                  <a:lnTo>
                    <a:pt x="181" y="39"/>
                  </a:lnTo>
                  <a:lnTo>
                    <a:pt x="185" y="39"/>
                  </a:lnTo>
                  <a:lnTo>
                    <a:pt x="186" y="37"/>
                  </a:lnTo>
                  <a:lnTo>
                    <a:pt x="188" y="35"/>
                  </a:lnTo>
                  <a:lnTo>
                    <a:pt x="190" y="34"/>
                  </a:lnTo>
                  <a:lnTo>
                    <a:pt x="192" y="34"/>
                  </a:lnTo>
                  <a:lnTo>
                    <a:pt x="210" y="46"/>
                  </a:lnTo>
                  <a:lnTo>
                    <a:pt x="212" y="46"/>
                  </a:lnTo>
                  <a:lnTo>
                    <a:pt x="214" y="46"/>
                  </a:lnTo>
                  <a:lnTo>
                    <a:pt x="217" y="46"/>
                  </a:lnTo>
                  <a:lnTo>
                    <a:pt x="220" y="46"/>
                  </a:lnTo>
                  <a:lnTo>
                    <a:pt x="225" y="47"/>
                  </a:lnTo>
                  <a:lnTo>
                    <a:pt x="229" y="52"/>
                  </a:lnTo>
                  <a:lnTo>
                    <a:pt x="234" y="57"/>
                  </a:lnTo>
                  <a:lnTo>
                    <a:pt x="237" y="66"/>
                  </a:lnTo>
                  <a:lnTo>
                    <a:pt x="239" y="68"/>
                  </a:lnTo>
                  <a:lnTo>
                    <a:pt x="239" y="69"/>
                  </a:lnTo>
                  <a:lnTo>
                    <a:pt x="242" y="71"/>
                  </a:lnTo>
                  <a:lnTo>
                    <a:pt x="244" y="73"/>
                  </a:lnTo>
                  <a:lnTo>
                    <a:pt x="246" y="74"/>
                  </a:lnTo>
                  <a:lnTo>
                    <a:pt x="247" y="76"/>
                  </a:lnTo>
                  <a:lnTo>
                    <a:pt x="249" y="76"/>
                  </a:lnTo>
                  <a:lnTo>
                    <a:pt x="249" y="78"/>
                  </a:lnTo>
                  <a:lnTo>
                    <a:pt x="252" y="78"/>
                  </a:lnTo>
                  <a:lnTo>
                    <a:pt x="256" y="78"/>
                  </a:lnTo>
                  <a:lnTo>
                    <a:pt x="261" y="78"/>
                  </a:lnTo>
                  <a:lnTo>
                    <a:pt x="268" y="79"/>
                  </a:lnTo>
                  <a:lnTo>
                    <a:pt x="274" y="79"/>
                  </a:lnTo>
                  <a:lnTo>
                    <a:pt x="283" y="81"/>
                  </a:lnTo>
                  <a:lnTo>
                    <a:pt x="291" y="83"/>
                  </a:lnTo>
                  <a:lnTo>
                    <a:pt x="300" y="85"/>
                  </a:lnTo>
                  <a:lnTo>
                    <a:pt x="308" y="86"/>
                  </a:lnTo>
                  <a:lnTo>
                    <a:pt x="317" y="88"/>
                  </a:lnTo>
                  <a:lnTo>
                    <a:pt x="325" y="91"/>
                  </a:lnTo>
                  <a:lnTo>
                    <a:pt x="334" y="93"/>
                  </a:lnTo>
                  <a:lnTo>
                    <a:pt x="340" y="96"/>
                  </a:lnTo>
                  <a:lnTo>
                    <a:pt x="347" y="100"/>
                  </a:lnTo>
                  <a:lnTo>
                    <a:pt x="354" y="103"/>
                  </a:lnTo>
                  <a:lnTo>
                    <a:pt x="356" y="103"/>
                  </a:lnTo>
                  <a:lnTo>
                    <a:pt x="362" y="105"/>
                  </a:lnTo>
                  <a:lnTo>
                    <a:pt x="373" y="107"/>
                  </a:lnTo>
                  <a:lnTo>
                    <a:pt x="383" y="107"/>
                  </a:lnTo>
                  <a:lnTo>
                    <a:pt x="393" y="108"/>
                  </a:lnTo>
                  <a:lnTo>
                    <a:pt x="401" y="110"/>
                  </a:lnTo>
                  <a:lnTo>
                    <a:pt x="408" y="110"/>
                  </a:lnTo>
                  <a:lnTo>
                    <a:pt x="412" y="110"/>
                  </a:lnTo>
                  <a:lnTo>
                    <a:pt x="415" y="115"/>
                  </a:lnTo>
                  <a:lnTo>
                    <a:pt x="418" y="127"/>
                  </a:lnTo>
                  <a:lnTo>
                    <a:pt x="420" y="127"/>
                  </a:lnTo>
                  <a:lnTo>
                    <a:pt x="422" y="127"/>
                  </a:lnTo>
                  <a:lnTo>
                    <a:pt x="427" y="127"/>
                  </a:lnTo>
                  <a:lnTo>
                    <a:pt x="430" y="129"/>
                  </a:lnTo>
                  <a:lnTo>
                    <a:pt x="435" y="132"/>
                  </a:lnTo>
                  <a:lnTo>
                    <a:pt x="439" y="139"/>
                  </a:lnTo>
                  <a:lnTo>
                    <a:pt x="442" y="147"/>
                  </a:lnTo>
                  <a:lnTo>
                    <a:pt x="444" y="159"/>
                  </a:lnTo>
                  <a:lnTo>
                    <a:pt x="444" y="161"/>
                  </a:lnTo>
                  <a:lnTo>
                    <a:pt x="442" y="164"/>
                  </a:lnTo>
                  <a:lnTo>
                    <a:pt x="442" y="167"/>
                  </a:lnTo>
                  <a:lnTo>
                    <a:pt x="442" y="173"/>
                  </a:lnTo>
                  <a:lnTo>
                    <a:pt x="440" y="176"/>
                  </a:lnTo>
                  <a:lnTo>
                    <a:pt x="440" y="179"/>
                  </a:lnTo>
                  <a:lnTo>
                    <a:pt x="439" y="183"/>
                  </a:lnTo>
                  <a:lnTo>
                    <a:pt x="461" y="183"/>
                  </a:lnTo>
                  <a:lnTo>
                    <a:pt x="461" y="184"/>
                  </a:lnTo>
                  <a:lnTo>
                    <a:pt x="459" y="188"/>
                  </a:lnTo>
                  <a:lnTo>
                    <a:pt x="459" y="191"/>
                  </a:lnTo>
                  <a:lnTo>
                    <a:pt x="457" y="196"/>
                  </a:lnTo>
                  <a:lnTo>
                    <a:pt x="459" y="201"/>
                  </a:lnTo>
                  <a:lnTo>
                    <a:pt x="461" y="205"/>
                  </a:lnTo>
                  <a:lnTo>
                    <a:pt x="464" y="208"/>
                  </a:lnTo>
                  <a:lnTo>
                    <a:pt x="469" y="210"/>
                  </a:lnTo>
                  <a:lnTo>
                    <a:pt x="469" y="211"/>
                  </a:lnTo>
                  <a:lnTo>
                    <a:pt x="469" y="213"/>
                  </a:lnTo>
                  <a:lnTo>
                    <a:pt x="471" y="217"/>
                  </a:lnTo>
                  <a:lnTo>
                    <a:pt x="471" y="218"/>
                  </a:lnTo>
                  <a:lnTo>
                    <a:pt x="457" y="228"/>
                  </a:lnTo>
                  <a:lnTo>
                    <a:pt x="450" y="239"/>
                  </a:lnTo>
                  <a:lnTo>
                    <a:pt x="449" y="244"/>
                  </a:lnTo>
                  <a:lnTo>
                    <a:pt x="449" y="245"/>
                  </a:lnTo>
                  <a:lnTo>
                    <a:pt x="447" y="247"/>
                  </a:lnTo>
                  <a:lnTo>
                    <a:pt x="444" y="250"/>
                  </a:lnTo>
                  <a:lnTo>
                    <a:pt x="442" y="255"/>
                  </a:lnTo>
                  <a:lnTo>
                    <a:pt x="439" y="261"/>
                  </a:lnTo>
                  <a:lnTo>
                    <a:pt x="437" y="267"/>
                  </a:lnTo>
                  <a:lnTo>
                    <a:pt x="437" y="274"/>
                  </a:lnTo>
                  <a:lnTo>
                    <a:pt x="439" y="283"/>
                  </a:lnTo>
                  <a:lnTo>
                    <a:pt x="440" y="284"/>
                  </a:lnTo>
                  <a:lnTo>
                    <a:pt x="442" y="284"/>
                  </a:lnTo>
                  <a:lnTo>
                    <a:pt x="444" y="283"/>
                  </a:lnTo>
                  <a:lnTo>
                    <a:pt x="447" y="279"/>
                  </a:lnTo>
                  <a:lnTo>
                    <a:pt x="450" y="276"/>
                  </a:lnTo>
                  <a:lnTo>
                    <a:pt x="454" y="271"/>
                  </a:lnTo>
                  <a:lnTo>
                    <a:pt x="459" y="266"/>
                  </a:lnTo>
                  <a:lnTo>
                    <a:pt x="462" y="261"/>
                  </a:lnTo>
                  <a:lnTo>
                    <a:pt x="464" y="259"/>
                  </a:lnTo>
                  <a:lnTo>
                    <a:pt x="464" y="255"/>
                  </a:lnTo>
                  <a:lnTo>
                    <a:pt x="464" y="252"/>
                  </a:lnTo>
                  <a:lnTo>
                    <a:pt x="466" y="247"/>
                  </a:lnTo>
                  <a:lnTo>
                    <a:pt x="469" y="244"/>
                  </a:lnTo>
                  <a:lnTo>
                    <a:pt x="474" y="240"/>
                  </a:lnTo>
                  <a:lnTo>
                    <a:pt x="481" y="237"/>
                  </a:lnTo>
                  <a:lnTo>
                    <a:pt x="491" y="235"/>
                  </a:lnTo>
                  <a:lnTo>
                    <a:pt x="491" y="232"/>
                  </a:lnTo>
                  <a:lnTo>
                    <a:pt x="491" y="228"/>
                  </a:lnTo>
                  <a:lnTo>
                    <a:pt x="491" y="223"/>
                  </a:lnTo>
                  <a:lnTo>
                    <a:pt x="491" y="217"/>
                  </a:lnTo>
                  <a:lnTo>
                    <a:pt x="494" y="208"/>
                  </a:lnTo>
                  <a:lnTo>
                    <a:pt x="500" y="198"/>
                  </a:lnTo>
                  <a:lnTo>
                    <a:pt x="501" y="198"/>
                  </a:lnTo>
                  <a:lnTo>
                    <a:pt x="503" y="196"/>
                  </a:lnTo>
                  <a:lnTo>
                    <a:pt x="506" y="193"/>
                  </a:lnTo>
                  <a:lnTo>
                    <a:pt x="508" y="189"/>
                  </a:lnTo>
                  <a:lnTo>
                    <a:pt x="511" y="186"/>
                  </a:lnTo>
                  <a:lnTo>
                    <a:pt x="513" y="183"/>
                  </a:lnTo>
                  <a:lnTo>
                    <a:pt x="515" y="181"/>
                  </a:lnTo>
                  <a:lnTo>
                    <a:pt x="516" y="181"/>
                  </a:lnTo>
                  <a:lnTo>
                    <a:pt x="522" y="181"/>
                  </a:lnTo>
                  <a:lnTo>
                    <a:pt x="522" y="191"/>
                  </a:lnTo>
                  <a:lnTo>
                    <a:pt x="518" y="193"/>
                  </a:lnTo>
                  <a:lnTo>
                    <a:pt x="518" y="206"/>
                  </a:lnTo>
                  <a:lnTo>
                    <a:pt x="516" y="206"/>
                  </a:lnTo>
                  <a:lnTo>
                    <a:pt x="515" y="210"/>
                  </a:lnTo>
                  <a:lnTo>
                    <a:pt x="513" y="213"/>
                  </a:lnTo>
                  <a:lnTo>
                    <a:pt x="510" y="217"/>
                  </a:lnTo>
                  <a:lnTo>
                    <a:pt x="508" y="222"/>
                  </a:lnTo>
                  <a:lnTo>
                    <a:pt x="506" y="227"/>
                  </a:lnTo>
                  <a:lnTo>
                    <a:pt x="506" y="232"/>
                  </a:lnTo>
                  <a:lnTo>
                    <a:pt x="508" y="235"/>
                  </a:lnTo>
                  <a:lnTo>
                    <a:pt x="506" y="235"/>
                  </a:lnTo>
                  <a:lnTo>
                    <a:pt x="506" y="237"/>
                  </a:lnTo>
                  <a:lnTo>
                    <a:pt x="505" y="239"/>
                  </a:lnTo>
                  <a:lnTo>
                    <a:pt x="503" y="240"/>
                  </a:lnTo>
                  <a:lnTo>
                    <a:pt x="501" y="244"/>
                  </a:lnTo>
                  <a:lnTo>
                    <a:pt x="500" y="247"/>
                  </a:lnTo>
                  <a:lnTo>
                    <a:pt x="498" y="252"/>
                  </a:lnTo>
                  <a:lnTo>
                    <a:pt x="494" y="257"/>
                  </a:lnTo>
                  <a:lnTo>
                    <a:pt x="493" y="262"/>
                  </a:lnTo>
                  <a:lnTo>
                    <a:pt x="491" y="269"/>
                  </a:lnTo>
                  <a:lnTo>
                    <a:pt x="489" y="276"/>
                  </a:lnTo>
                  <a:lnTo>
                    <a:pt x="488" y="284"/>
                  </a:lnTo>
                  <a:lnTo>
                    <a:pt x="486" y="293"/>
                  </a:lnTo>
                  <a:lnTo>
                    <a:pt x="486" y="303"/>
                  </a:lnTo>
                  <a:lnTo>
                    <a:pt x="486" y="311"/>
                  </a:lnTo>
                  <a:lnTo>
                    <a:pt x="486" y="323"/>
                  </a:lnTo>
                  <a:lnTo>
                    <a:pt x="486" y="325"/>
                  </a:lnTo>
                  <a:lnTo>
                    <a:pt x="484" y="325"/>
                  </a:lnTo>
                  <a:lnTo>
                    <a:pt x="483" y="328"/>
                  </a:lnTo>
                  <a:lnTo>
                    <a:pt x="481" y="330"/>
                  </a:lnTo>
                  <a:lnTo>
                    <a:pt x="479" y="333"/>
                  </a:lnTo>
                  <a:lnTo>
                    <a:pt x="478" y="337"/>
                  </a:lnTo>
                  <a:lnTo>
                    <a:pt x="476" y="340"/>
                  </a:lnTo>
                  <a:lnTo>
                    <a:pt x="474" y="345"/>
                  </a:lnTo>
                  <a:lnTo>
                    <a:pt x="472" y="349"/>
                  </a:lnTo>
                  <a:lnTo>
                    <a:pt x="472" y="355"/>
                  </a:lnTo>
                  <a:lnTo>
                    <a:pt x="471" y="360"/>
                  </a:lnTo>
                  <a:lnTo>
                    <a:pt x="471" y="367"/>
                  </a:lnTo>
                  <a:lnTo>
                    <a:pt x="472" y="374"/>
                  </a:lnTo>
                  <a:lnTo>
                    <a:pt x="474" y="381"/>
                  </a:lnTo>
                  <a:lnTo>
                    <a:pt x="476" y="389"/>
                  </a:lnTo>
                  <a:lnTo>
                    <a:pt x="476" y="391"/>
                  </a:lnTo>
                  <a:lnTo>
                    <a:pt x="474" y="393"/>
                  </a:lnTo>
                  <a:lnTo>
                    <a:pt x="474" y="396"/>
                  </a:lnTo>
                  <a:lnTo>
                    <a:pt x="472" y="399"/>
                  </a:lnTo>
                  <a:lnTo>
                    <a:pt x="471" y="404"/>
                  </a:lnTo>
                  <a:lnTo>
                    <a:pt x="469" y="409"/>
                  </a:lnTo>
                  <a:lnTo>
                    <a:pt x="467" y="415"/>
                  </a:lnTo>
                  <a:lnTo>
                    <a:pt x="466" y="421"/>
                  </a:lnTo>
                  <a:lnTo>
                    <a:pt x="464" y="428"/>
                  </a:lnTo>
                  <a:lnTo>
                    <a:pt x="464" y="437"/>
                  </a:lnTo>
                  <a:lnTo>
                    <a:pt x="462" y="443"/>
                  </a:lnTo>
                  <a:lnTo>
                    <a:pt x="462" y="452"/>
                  </a:lnTo>
                  <a:lnTo>
                    <a:pt x="464" y="460"/>
                  </a:lnTo>
                  <a:lnTo>
                    <a:pt x="466" y="469"/>
                  </a:lnTo>
                  <a:lnTo>
                    <a:pt x="467" y="477"/>
                  </a:lnTo>
                  <a:lnTo>
                    <a:pt x="471" y="484"/>
                  </a:lnTo>
                  <a:lnTo>
                    <a:pt x="472" y="486"/>
                  </a:lnTo>
                  <a:lnTo>
                    <a:pt x="472" y="487"/>
                  </a:lnTo>
                  <a:lnTo>
                    <a:pt x="474" y="491"/>
                  </a:lnTo>
                  <a:lnTo>
                    <a:pt x="476" y="492"/>
                  </a:lnTo>
                  <a:lnTo>
                    <a:pt x="478" y="496"/>
                  </a:lnTo>
                  <a:lnTo>
                    <a:pt x="478" y="497"/>
                  </a:lnTo>
                  <a:lnTo>
                    <a:pt x="479" y="499"/>
                  </a:lnTo>
                  <a:lnTo>
                    <a:pt x="479" y="506"/>
                  </a:lnTo>
                  <a:lnTo>
                    <a:pt x="478" y="525"/>
                  </a:lnTo>
                  <a:lnTo>
                    <a:pt x="479" y="536"/>
                  </a:lnTo>
                  <a:lnTo>
                    <a:pt x="220" y="555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55" name="Group 173"/>
            <p:cNvGrpSpPr>
              <a:grpSpLocks/>
            </p:cNvGrpSpPr>
            <p:nvPr/>
          </p:nvGrpSpPr>
          <p:grpSpPr bwMode="auto">
            <a:xfrm>
              <a:off x="4170" y="1392"/>
              <a:ext cx="723" cy="540"/>
              <a:chOff x="4407" y="988"/>
              <a:chExt cx="743" cy="556"/>
            </a:xfrm>
          </p:grpSpPr>
          <p:sp>
            <p:nvSpPr>
              <p:cNvPr id="71" name="Freeform 174"/>
              <p:cNvSpPr>
                <a:spLocks/>
              </p:cNvSpPr>
              <p:nvPr/>
            </p:nvSpPr>
            <p:spPr bwMode="auto">
              <a:xfrm>
                <a:off x="4972" y="1435"/>
                <a:ext cx="178" cy="109"/>
              </a:xfrm>
              <a:custGeom>
                <a:avLst/>
                <a:gdLst>
                  <a:gd name="T0" fmla="*/ 2 w 178"/>
                  <a:gd name="T1" fmla="*/ 109 h 109"/>
                  <a:gd name="T2" fmla="*/ 0 w 178"/>
                  <a:gd name="T3" fmla="*/ 107 h 109"/>
                  <a:gd name="T4" fmla="*/ 0 w 178"/>
                  <a:gd name="T5" fmla="*/ 102 h 109"/>
                  <a:gd name="T6" fmla="*/ 0 w 178"/>
                  <a:gd name="T7" fmla="*/ 95 h 109"/>
                  <a:gd name="T8" fmla="*/ 4 w 178"/>
                  <a:gd name="T9" fmla="*/ 88 h 109"/>
                  <a:gd name="T10" fmla="*/ 9 w 178"/>
                  <a:gd name="T11" fmla="*/ 81 h 109"/>
                  <a:gd name="T12" fmla="*/ 12 w 178"/>
                  <a:gd name="T13" fmla="*/ 80 h 109"/>
                  <a:gd name="T14" fmla="*/ 21 w 178"/>
                  <a:gd name="T15" fmla="*/ 73 h 109"/>
                  <a:gd name="T16" fmla="*/ 24 w 178"/>
                  <a:gd name="T17" fmla="*/ 65 h 109"/>
                  <a:gd name="T18" fmla="*/ 26 w 178"/>
                  <a:gd name="T19" fmla="*/ 61 h 109"/>
                  <a:gd name="T20" fmla="*/ 28 w 178"/>
                  <a:gd name="T21" fmla="*/ 59 h 109"/>
                  <a:gd name="T22" fmla="*/ 38 w 178"/>
                  <a:gd name="T23" fmla="*/ 56 h 109"/>
                  <a:gd name="T24" fmla="*/ 41 w 178"/>
                  <a:gd name="T25" fmla="*/ 53 h 109"/>
                  <a:gd name="T26" fmla="*/ 63 w 178"/>
                  <a:gd name="T27" fmla="*/ 53 h 109"/>
                  <a:gd name="T28" fmla="*/ 65 w 178"/>
                  <a:gd name="T29" fmla="*/ 49 h 109"/>
                  <a:gd name="T30" fmla="*/ 68 w 178"/>
                  <a:gd name="T31" fmla="*/ 43 h 109"/>
                  <a:gd name="T32" fmla="*/ 77 w 178"/>
                  <a:gd name="T33" fmla="*/ 39 h 109"/>
                  <a:gd name="T34" fmla="*/ 83 w 178"/>
                  <a:gd name="T35" fmla="*/ 37 h 109"/>
                  <a:gd name="T36" fmla="*/ 105 w 178"/>
                  <a:gd name="T37" fmla="*/ 31 h 109"/>
                  <a:gd name="T38" fmla="*/ 116 w 178"/>
                  <a:gd name="T39" fmla="*/ 24 h 109"/>
                  <a:gd name="T40" fmla="*/ 132 w 178"/>
                  <a:gd name="T41" fmla="*/ 4 h 109"/>
                  <a:gd name="T42" fmla="*/ 138 w 178"/>
                  <a:gd name="T43" fmla="*/ 2 h 109"/>
                  <a:gd name="T44" fmla="*/ 131 w 178"/>
                  <a:gd name="T45" fmla="*/ 14 h 109"/>
                  <a:gd name="T46" fmla="*/ 127 w 178"/>
                  <a:gd name="T47" fmla="*/ 19 h 109"/>
                  <a:gd name="T48" fmla="*/ 122 w 178"/>
                  <a:gd name="T49" fmla="*/ 26 h 109"/>
                  <a:gd name="T50" fmla="*/ 116 w 178"/>
                  <a:gd name="T51" fmla="*/ 34 h 109"/>
                  <a:gd name="T52" fmla="*/ 116 w 178"/>
                  <a:gd name="T53" fmla="*/ 37 h 109"/>
                  <a:gd name="T54" fmla="*/ 122 w 178"/>
                  <a:gd name="T55" fmla="*/ 36 h 109"/>
                  <a:gd name="T56" fmla="*/ 122 w 178"/>
                  <a:gd name="T57" fmla="*/ 39 h 109"/>
                  <a:gd name="T58" fmla="*/ 122 w 178"/>
                  <a:gd name="T59" fmla="*/ 43 h 109"/>
                  <a:gd name="T60" fmla="*/ 122 w 178"/>
                  <a:gd name="T61" fmla="*/ 48 h 109"/>
                  <a:gd name="T62" fmla="*/ 129 w 178"/>
                  <a:gd name="T63" fmla="*/ 43 h 109"/>
                  <a:gd name="T64" fmla="*/ 129 w 178"/>
                  <a:gd name="T65" fmla="*/ 34 h 109"/>
                  <a:gd name="T66" fmla="*/ 136 w 178"/>
                  <a:gd name="T67" fmla="*/ 22 h 109"/>
                  <a:gd name="T68" fmla="*/ 148 w 178"/>
                  <a:gd name="T69" fmla="*/ 14 h 109"/>
                  <a:gd name="T70" fmla="*/ 160 w 178"/>
                  <a:gd name="T71" fmla="*/ 14 h 109"/>
                  <a:gd name="T72" fmla="*/ 165 w 178"/>
                  <a:gd name="T73" fmla="*/ 9 h 109"/>
                  <a:gd name="T74" fmla="*/ 175 w 178"/>
                  <a:gd name="T75" fmla="*/ 0 h 109"/>
                  <a:gd name="T76" fmla="*/ 178 w 178"/>
                  <a:gd name="T77" fmla="*/ 4 h 109"/>
                  <a:gd name="T78" fmla="*/ 175 w 178"/>
                  <a:gd name="T79" fmla="*/ 9 h 109"/>
                  <a:gd name="T80" fmla="*/ 160 w 178"/>
                  <a:gd name="T81" fmla="*/ 22 h 109"/>
                  <a:gd name="T82" fmla="*/ 143 w 178"/>
                  <a:gd name="T83" fmla="*/ 36 h 109"/>
                  <a:gd name="T84" fmla="*/ 127 w 178"/>
                  <a:gd name="T85" fmla="*/ 48 h 109"/>
                  <a:gd name="T86" fmla="*/ 116 w 178"/>
                  <a:gd name="T87" fmla="*/ 58 h 109"/>
                  <a:gd name="T88" fmla="*/ 109 w 178"/>
                  <a:gd name="T89" fmla="*/ 63 h 109"/>
                  <a:gd name="T90" fmla="*/ 88 w 178"/>
                  <a:gd name="T91" fmla="*/ 76 h 109"/>
                  <a:gd name="T92" fmla="*/ 85 w 178"/>
                  <a:gd name="T93" fmla="*/ 76 h 109"/>
                  <a:gd name="T94" fmla="*/ 90 w 178"/>
                  <a:gd name="T95" fmla="*/ 70 h 109"/>
                  <a:gd name="T96" fmla="*/ 97 w 178"/>
                  <a:gd name="T97" fmla="*/ 58 h 109"/>
                  <a:gd name="T98" fmla="*/ 80 w 178"/>
                  <a:gd name="T99" fmla="*/ 68 h 109"/>
                  <a:gd name="T100" fmla="*/ 61 w 178"/>
                  <a:gd name="T101" fmla="*/ 76 h 109"/>
                  <a:gd name="T102" fmla="*/ 55 w 178"/>
                  <a:gd name="T103" fmla="*/ 81 h 109"/>
                  <a:gd name="T104" fmla="*/ 44 w 178"/>
                  <a:gd name="T105" fmla="*/ 90 h 109"/>
                  <a:gd name="T106" fmla="*/ 29 w 178"/>
                  <a:gd name="T107" fmla="*/ 100 h 109"/>
                  <a:gd name="T108" fmla="*/ 14 w 178"/>
                  <a:gd name="T109" fmla="*/ 109 h 109"/>
                  <a:gd name="T110" fmla="*/ 14 w 178"/>
                  <a:gd name="T111" fmla="*/ 105 h 109"/>
                  <a:gd name="T112" fmla="*/ 17 w 178"/>
                  <a:gd name="T113" fmla="*/ 102 h 109"/>
                  <a:gd name="T114" fmla="*/ 19 w 178"/>
                  <a:gd name="T115" fmla="*/ 95 h 109"/>
                  <a:gd name="T116" fmla="*/ 7 w 178"/>
                  <a:gd name="T117" fmla="*/ 105 h 109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178"/>
                  <a:gd name="T178" fmla="*/ 0 h 109"/>
                  <a:gd name="T179" fmla="*/ 178 w 178"/>
                  <a:gd name="T180" fmla="*/ 109 h 109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178" h="109">
                    <a:moveTo>
                      <a:pt x="7" y="105"/>
                    </a:moveTo>
                    <a:lnTo>
                      <a:pt x="4" y="107"/>
                    </a:lnTo>
                    <a:lnTo>
                      <a:pt x="2" y="109"/>
                    </a:lnTo>
                    <a:lnTo>
                      <a:pt x="0" y="107"/>
                    </a:lnTo>
                    <a:lnTo>
                      <a:pt x="0" y="105"/>
                    </a:lnTo>
                    <a:lnTo>
                      <a:pt x="0" y="103"/>
                    </a:lnTo>
                    <a:lnTo>
                      <a:pt x="0" y="102"/>
                    </a:lnTo>
                    <a:lnTo>
                      <a:pt x="0" y="98"/>
                    </a:lnTo>
                    <a:lnTo>
                      <a:pt x="0" y="97"/>
                    </a:lnTo>
                    <a:lnTo>
                      <a:pt x="0" y="95"/>
                    </a:lnTo>
                    <a:lnTo>
                      <a:pt x="2" y="92"/>
                    </a:lnTo>
                    <a:lnTo>
                      <a:pt x="4" y="88"/>
                    </a:lnTo>
                    <a:lnTo>
                      <a:pt x="6" y="85"/>
                    </a:lnTo>
                    <a:lnTo>
                      <a:pt x="7" y="83"/>
                    </a:lnTo>
                    <a:lnTo>
                      <a:pt x="9" y="81"/>
                    </a:lnTo>
                    <a:lnTo>
                      <a:pt x="11" y="80"/>
                    </a:lnTo>
                    <a:lnTo>
                      <a:pt x="12" y="80"/>
                    </a:lnTo>
                    <a:lnTo>
                      <a:pt x="16" y="78"/>
                    </a:lnTo>
                    <a:lnTo>
                      <a:pt x="19" y="76"/>
                    </a:lnTo>
                    <a:lnTo>
                      <a:pt x="21" y="73"/>
                    </a:lnTo>
                    <a:lnTo>
                      <a:pt x="22" y="70"/>
                    </a:lnTo>
                    <a:lnTo>
                      <a:pt x="22" y="68"/>
                    </a:lnTo>
                    <a:lnTo>
                      <a:pt x="24" y="65"/>
                    </a:lnTo>
                    <a:lnTo>
                      <a:pt x="24" y="61"/>
                    </a:lnTo>
                    <a:lnTo>
                      <a:pt x="26" y="61"/>
                    </a:lnTo>
                    <a:lnTo>
                      <a:pt x="26" y="59"/>
                    </a:lnTo>
                    <a:lnTo>
                      <a:pt x="28" y="59"/>
                    </a:lnTo>
                    <a:lnTo>
                      <a:pt x="31" y="58"/>
                    </a:lnTo>
                    <a:lnTo>
                      <a:pt x="34" y="58"/>
                    </a:lnTo>
                    <a:lnTo>
                      <a:pt x="38" y="56"/>
                    </a:lnTo>
                    <a:lnTo>
                      <a:pt x="39" y="54"/>
                    </a:lnTo>
                    <a:lnTo>
                      <a:pt x="41" y="53"/>
                    </a:lnTo>
                    <a:lnTo>
                      <a:pt x="43" y="51"/>
                    </a:lnTo>
                    <a:lnTo>
                      <a:pt x="63" y="53"/>
                    </a:lnTo>
                    <a:lnTo>
                      <a:pt x="63" y="51"/>
                    </a:lnTo>
                    <a:lnTo>
                      <a:pt x="65" y="49"/>
                    </a:lnTo>
                    <a:lnTo>
                      <a:pt x="65" y="48"/>
                    </a:lnTo>
                    <a:lnTo>
                      <a:pt x="66" y="46"/>
                    </a:lnTo>
                    <a:lnTo>
                      <a:pt x="68" y="43"/>
                    </a:lnTo>
                    <a:lnTo>
                      <a:pt x="70" y="41"/>
                    </a:lnTo>
                    <a:lnTo>
                      <a:pt x="73" y="39"/>
                    </a:lnTo>
                    <a:lnTo>
                      <a:pt x="77" y="39"/>
                    </a:lnTo>
                    <a:lnTo>
                      <a:pt x="80" y="39"/>
                    </a:lnTo>
                    <a:lnTo>
                      <a:pt x="82" y="37"/>
                    </a:lnTo>
                    <a:lnTo>
                      <a:pt x="83" y="37"/>
                    </a:lnTo>
                    <a:lnTo>
                      <a:pt x="94" y="36"/>
                    </a:lnTo>
                    <a:lnTo>
                      <a:pt x="100" y="34"/>
                    </a:lnTo>
                    <a:lnTo>
                      <a:pt x="105" y="31"/>
                    </a:lnTo>
                    <a:lnTo>
                      <a:pt x="109" y="29"/>
                    </a:lnTo>
                    <a:lnTo>
                      <a:pt x="112" y="27"/>
                    </a:lnTo>
                    <a:lnTo>
                      <a:pt x="116" y="24"/>
                    </a:lnTo>
                    <a:lnTo>
                      <a:pt x="119" y="19"/>
                    </a:lnTo>
                    <a:lnTo>
                      <a:pt x="124" y="12"/>
                    </a:lnTo>
                    <a:lnTo>
                      <a:pt x="132" y="4"/>
                    </a:lnTo>
                    <a:lnTo>
                      <a:pt x="138" y="0"/>
                    </a:lnTo>
                    <a:lnTo>
                      <a:pt x="138" y="2"/>
                    </a:lnTo>
                    <a:lnTo>
                      <a:pt x="136" y="7"/>
                    </a:lnTo>
                    <a:lnTo>
                      <a:pt x="132" y="10"/>
                    </a:lnTo>
                    <a:lnTo>
                      <a:pt x="131" y="14"/>
                    </a:lnTo>
                    <a:lnTo>
                      <a:pt x="129" y="15"/>
                    </a:lnTo>
                    <a:lnTo>
                      <a:pt x="129" y="17"/>
                    </a:lnTo>
                    <a:lnTo>
                      <a:pt x="127" y="19"/>
                    </a:lnTo>
                    <a:lnTo>
                      <a:pt x="127" y="21"/>
                    </a:lnTo>
                    <a:lnTo>
                      <a:pt x="126" y="21"/>
                    </a:lnTo>
                    <a:lnTo>
                      <a:pt x="122" y="26"/>
                    </a:lnTo>
                    <a:lnTo>
                      <a:pt x="119" y="29"/>
                    </a:lnTo>
                    <a:lnTo>
                      <a:pt x="117" y="32"/>
                    </a:lnTo>
                    <a:lnTo>
                      <a:pt x="116" y="34"/>
                    </a:lnTo>
                    <a:lnTo>
                      <a:pt x="116" y="36"/>
                    </a:lnTo>
                    <a:lnTo>
                      <a:pt x="116" y="37"/>
                    </a:lnTo>
                    <a:lnTo>
                      <a:pt x="119" y="36"/>
                    </a:lnTo>
                    <a:lnTo>
                      <a:pt x="122" y="36"/>
                    </a:lnTo>
                    <a:lnTo>
                      <a:pt x="124" y="37"/>
                    </a:lnTo>
                    <a:lnTo>
                      <a:pt x="122" y="39"/>
                    </a:lnTo>
                    <a:lnTo>
                      <a:pt x="122" y="41"/>
                    </a:lnTo>
                    <a:lnTo>
                      <a:pt x="122" y="43"/>
                    </a:lnTo>
                    <a:lnTo>
                      <a:pt x="121" y="48"/>
                    </a:lnTo>
                    <a:lnTo>
                      <a:pt x="122" y="48"/>
                    </a:lnTo>
                    <a:lnTo>
                      <a:pt x="124" y="46"/>
                    </a:lnTo>
                    <a:lnTo>
                      <a:pt x="126" y="46"/>
                    </a:lnTo>
                    <a:lnTo>
                      <a:pt x="129" y="43"/>
                    </a:lnTo>
                    <a:lnTo>
                      <a:pt x="132" y="41"/>
                    </a:lnTo>
                    <a:lnTo>
                      <a:pt x="132" y="39"/>
                    </a:lnTo>
                    <a:lnTo>
                      <a:pt x="129" y="34"/>
                    </a:lnTo>
                    <a:lnTo>
                      <a:pt x="129" y="31"/>
                    </a:lnTo>
                    <a:lnTo>
                      <a:pt x="131" y="26"/>
                    </a:lnTo>
                    <a:lnTo>
                      <a:pt x="136" y="22"/>
                    </a:lnTo>
                    <a:lnTo>
                      <a:pt x="139" y="19"/>
                    </a:lnTo>
                    <a:lnTo>
                      <a:pt x="144" y="15"/>
                    </a:lnTo>
                    <a:lnTo>
                      <a:pt x="148" y="14"/>
                    </a:lnTo>
                    <a:lnTo>
                      <a:pt x="149" y="12"/>
                    </a:lnTo>
                    <a:lnTo>
                      <a:pt x="154" y="12"/>
                    </a:lnTo>
                    <a:lnTo>
                      <a:pt x="160" y="14"/>
                    </a:lnTo>
                    <a:lnTo>
                      <a:pt x="161" y="14"/>
                    </a:lnTo>
                    <a:lnTo>
                      <a:pt x="163" y="12"/>
                    </a:lnTo>
                    <a:lnTo>
                      <a:pt x="165" y="9"/>
                    </a:lnTo>
                    <a:lnTo>
                      <a:pt x="166" y="9"/>
                    </a:lnTo>
                    <a:lnTo>
                      <a:pt x="171" y="4"/>
                    </a:lnTo>
                    <a:lnTo>
                      <a:pt x="175" y="0"/>
                    </a:lnTo>
                    <a:lnTo>
                      <a:pt x="176" y="0"/>
                    </a:lnTo>
                    <a:lnTo>
                      <a:pt x="178" y="2"/>
                    </a:lnTo>
                    <a:lnTo>
                      <a:pt x="178" y="4"/>
                    </a:lnTo>
                    <a:lnTo>
                      <a:pt x="176" y="7"/>
                    </a:lnTo>
                    <a:lnTo>
                      <a:pt x="175" y="9"/>
                    </a:lnTo>
                    <a:lnTo>
                      <a:pt x="170" y="14"/>
                    </a:lnTo>
                    <a:lnTo>
                      <a:pt x="165" y="17"/>
                    </a:lnTo>
                    <a:lnTo>
                      <a:pt x="160" y="22"/>
                    </a:lnTo>
                    <a:lnTo>
                      <a:pt x="154" y="27"/>
                    </a:lnTo>
                    <a:lnTo>
                      <a:pt x="148" y="31"/>
                    </a:lnTo>
                    <a:lnTo>
                      <a:pt x="143" y="36"/>
                    </a:lnTo>
                    <a:lnTo>
                      <a:pt x="138" y="39"/>
                    </a:lnTo>
                    <a:lnTo>
                      <a:pt x="132" y="44"/>
                    </a:lnTo>
                    <a:lnTo>
                      <a:pt x="127" y="48"/>
                    </a:lnTo>
                    <a:lnTo>
                      <a:pt x="122" y="51"/>
                    </a:lnTo>
                    <a:lnTo>
                      <a:pt x="119" y="54"/>
                    </a:lnTo>
                    <a:lnTo>
                      <a:pt x="116" y="58"/>
                    </a:lnTo>
                    <a:lnTo>
                      <a:pt x="112" y="59"/>
                    </a:lnTo>
                    <a:lnTo>
                      <a:pt x="110" y="61"/>
                    </a:lnTo>
                    <a:lnTo>
                      <a:pt x="109" y="63"/>
                    </a:lnTo>
                    <a:lnTo>
                      <a:pt x="97" y="71"/>
                    </a:lnTo>
                    <a:lnTo>
                      <a:pt x="88" y="76"/>
                    </a:lnTo>
                    <a:lnTo>
                      <a:pt x="85" y="78"/>
                    </a:lnTo>
                    <a:lnTo>
                      <a:pt x="85" y="76"/>
                    </a:lnTo>
                    <a:lnTo>
                      <a:pt x="87" y="73"/>
                    </a:lnTo>
                    <a:lnTo>
                      <a:pt x="88" y="71"/>
                    </a:lnTo>
                    <a:lnTo>
                      <a:pt x="90" y="70"/>
                    </a:lnTo>
                    <a:lnTo>
                      <a:pt x="97" y="61"/>
                    </a:lnTo>
                    <a:lnTo>
                      <a:pt x="100" y="58"/>
                    </a:lnTo>
                    <a:lnTo>
                      <a:pt x="97" y="58"/>
                    </a:lnTo>
                    <a:lnTo>
                      <a:pt x="94" y="59"/>
                    </a:lnTo>
                    <a:lnTo>
                      <a:pt x="87" y="65"/>
                    </a:lnTo>
                    <a:lnTo>
                      <a:pt x="80" y="68"/>
                    </a:lnTo>
                    <a:lnTo>
                      <a:pt x="75" y="71"/>
                    </a:lnTo>
                    <a:lnTo>
                      <a:pt x="73" y="73"/>
                    </a:lnTo>
                    <a:lnTo>
                      <a:pt x="61" y="76"/>
                    </a:lnTo>
                    <a:lnTo>
                      <a:pt x="61" y="78"/>
                    </a:lnTo>
                    <a:lnTo>
                      <a:pt x="58" y="80"/>
                    </a:lnTo>
                    <a:lnTo>
                      <a:pt x="55" y="81"/>
                    </a:lnTo>
                    <a:lnTo>
                      <a:pt x="51" y="85"/>
                    </a:lnTo>
                    <a:lnTo>
                      <a:pt x="48" y="87"/>
                    </a:lnTo>
                    <a:lnTo>
                      <a:pt x="44" y="90"/>
                    </a:lnTo>
                    <a:lnTo>
                      <a:pt x="41" y="92"/>
                    </a:lnTo>
                    <a:lnTo>
                      <a:pt x="39" y="92"/>
                    </a:lnTo>
                    <a:lnTo>
                      <a:pt x="29" y="100"/>
                    </a:lnTo>
                    <a:lnTo>
                      <a:pt x="21" y="105"/>
                    </a:lnTo>
                    <a:lnTo>
                      <a:pt x="16" y="109"/>
                    </a:lnTo>
                    <a:lnTo>
                      <a:pt x="14" y="109"/>
                    </a:lnTo>
                    <a:lnTo>
                      <a:pt x="12" y="109"/>
                    </a:lnTo>
                    <a:lnTo>
                      <a:pt x="12" y="107"/>
                    </a:lnTo>
                    <a:lnTo>
                      <a:pt x="14" y="105"/>
                    </a:lnTo>
                    <a:lnTo>
                      <a:pt x="16" y="103"/>
                    </a:lnTo>
                    <a:lnTo>
                      <a:pt x="17" y="102"/>
                    </a:lnTo>
                    <a:lnTo>
                      <a:pt x="19" y="98"/>
                    </a:lnTo>
                    <a:lnTo>
                      <a:pt x="19" y="97"/>
                    </a:lnTo>
                    <a:lnTo>
                      <a:pt x="19" y="95"/>
                    </a:lnTo>
                    <a:lnTo>
                      <a:pt x="16" y="97"/>
                    </a:lnTo>
                    <a:lnTo>
                      <a:pt x="12" y="98"/>
                    </a:lnTo>
                    <a:lnTo>
                      <a:pt x="7" y="105"/>
                    </a:lnTo>
                    <a:close/>
                  </a:path>
                </a:pathLst>
              </a:custGeom>
              <a:solidFill>
                <a:srgbClr val="8B3102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72" name="Freeform 175"/>
              <p:cNvSpPr>
                <a:spLocks/>
              </p:cNvSpPr>
              <p:nvPr/>
            </p:nvSpPr>
            <p:spPr bwMode="auto">
              <a:xfrm>
                <a:off x="4407" y="988"/>
                <a:ext cx="591" cy="534"/>
              </a:xfrm>
              <a:custGeom>
                <a:avLst/>
                <a:gdLst>
                  <a:gd name="T0" fmla="*/ 17 w 591"/>
                  <a:gd name="T1" fmla="*/ 486 h 534"/>
                  <a:gd name="T2" fmla="*/ 54 w 591"/>
                  <a:gd name="T3" fmla="*/ 478 h 534"/>
                  <a:gd name="T4" fmla="*/ 112 w 591"/>
                  <a:gd name="T5" fmla="*/ 468 h 534"/>
                  <a:gd name="T6" fmla="*/ 181 w 591"/>
                  <a:gd name="T7" fmla="*/ 454 h 534"/>
                  <a:gd name="T8" fmla="*/ 252 w 591"/>
                  <a:gd name="T9" fmla="*/ 440 h 534"/>
                  <a:gd name="T10" fmla="*/ 317 w 591"/>
                  <a:gd name="T11" fmla="*/ 427 h 534"/>
                  <a:gd name="T12" fmla="*/ 366 w 591"/>
                  <a:gd name="T13" fmla="*/ 417 h 534"/>
                  <a:gd name="T14" fmla="*/ 391 w 591"/>
                  <a:gd name="T15" fmla="*/ 412 h 534"/>
                  <a:gd name="T16" fmla="*/ 410 w 591"/>
                  <a:gd name="T17" fmla="*/ 413 h 534"/>
                  <a:gd name="T18" fmla="*/ 418 w 591"/>
                  <a:gd name="T19" fmla="*/ 425 h 534"/>
                  <a:gd name="T20" fmla="*/ 433 w 591"/>
                  <a:gd name="T21" fmla="*/ 432 h 534"/>
                  <a:gd name="T22" fmla="*/ 437 w 591"/>
                  <a:gd name="T23" fmla="*/ 442 h 534"/>
                  <a:gd name="T24" fmla="*/ 449 w 591"/>
                  <a:gd name="T25" fmla="*/ 459 h 534"/>
                  <a:gd name="T26" fmla="*/ 459 w 591"/>
                  <a:gd name="T27" fmla="*/ 468 h 534"/>
                  <a:gd name="T28" fmla="*/ 564 w 591"/>
                  <a:gd name="T29" fmla="*/ 534 h 534"/>
                  <a:gd name="T30" fmla="*/ 591 w 591"/>
                  <a:gd name="T31" fmla="*/ 468 h 534"/>
                  <a:gd name="T32" fmla="*/ 567 w 591"/>
                  <a:gd name="T33" fmla="*/ 278 h 534"/>
                  <a:gd name="T34" fmla="*/ 564 w 591"/>
                  <a:gd name="T35" fmla="*/ 263 h 534"/>
                  <a:gd name="T36" fmla="*/ 557 w 591"/>
                  <a:gd name="T37" fmla="*/ 232 h 534"/>
                  <a:gd name="T38" fmla="*/ 552 w 591"/>
                  <a:gd name="T39" fmla="*/ 202 h 534"/>
                  <a:gd name="T40" fmla="*/ 547 w 591"/>
                  <a:gd name="T41" fmla="*/ 185 h 534"/>
                  <a:gd name="T42" fmla="*/ 537 w 591"/>
                  <a:gd name="T43" fmla="*/ 170 h 534"/>
                  <a:gd name="T44" fmla="*/ 532 w 591"/>
                  <a:gd name="T45" fmla="*/ 176 h 534"/>
                  <a:gd name="T46" fmla="*/ 510 w 591"/>
                  <a:gd name="T47" fmla="*/ 73 h 534"/>
                  <a:gd name="T48" fmla="*/ 484 w 591"/>
                  <a:gd name="T49" fmla="*/ 4 h 534"/>
                  <a:gd name="T50" fmla="*/ 452 w 591"/>
                  <a:gd name="T51" fmla="*/ 12 h 534"/>
                  <a:gd name="T52" fmla="*/ 413 w 591"/>
                  <a:gd name="T53" fmla="*/ 21 h 534"/>
                  <a:gd name="T54" fmla="*/ 389 w 591"/>
                  <a:gd name="T55" fmla="*/ 28 h 534"/>
                  <a:gd name="T56" fmla="*/ 364 w 591"/>
                  <a:gd name="T57" fmla="*/ 38 h 534"/>
                  <a:gd name="T58" fmla="*/ 335 w 591"/>
                  <a:gd name="T59" fmla="*/ 66 h 534"/>
                  <a:gd name="T60" fmla="*/ 313 w 591"/>
                  <a:gd name="T61" fmla="*/ 99 h 534"/>
                  <a:gd name="T62" fmla="*/ 305 w 591"/>
                  <a:gd name="T63" fmla="*/ 117 h 534"/>
                  <a:gd name="T64" fmla="*/ 261 w 591"/>
                  <a:gd name="T65" fmla="*/ 173 h 534"/>
                  <a:gd name="T66" fmla="*/ 278 w 591"/>
                  <a:gd name="T67" fmla="*/ 198 h 534"/>
                  <a:gd name="T68" fmla="*/ 278 w 591"/>
                  <a:gd name="T69" fmla="*/ 209 h 534"/>
                  <a:gd name="T70" fmla="*/ 285 w 591"/>
                  <a:gd name="T71" fmla="*/ 231 h 534"/>
                  <a:gd name="T72" fmla="*/ 276 w 591"/>
                  <a:gd name="T73" fmla="*/ 241 h 534"/>
                  <a:gd name="T74" fmla="*/ 252 w 591"/>
                  <a:gd name="T75" fmla="*/ 263 h 534"/>
                  <a:gd name="T76" fmla="*/ 244 w 591"/>
                  <a:gd name="T77" fmla="*/ 275 h 534"/>
                  <a:gd name="T78" fmla="*/ 230 w 591"/>
                  <a:gd name="T79" fmla="*/ 283 h 534"/>
                  <a:gd name="T80" fmla="*/ 215 w 591"/>
                  <a:gd name="T81" fmla="*/ 285 h 534"/>
                  <a:gd name="T82" fmla="*/ 191 w 591"/>
                  <a:gd name="T83" fmla="*/ 292 h 534"/>
                  <a:gd name="T84" fmla="*/ 181 w 591"/>
                  <a:gd name="T85" fmla="*/ 298 h 534"/>
                  <a:gd name="T86" fmla="*/ 158 w 591"/>
                  <a:gd name="T87" fmla="*/ 293 h 534"/>
                  <a:gd name="T88" fmla="*/ 109 w 591"/>
                  <a:gd name="T89" fmla="*/ 297 h 534"/>
                  <a:gd name="T90" fmla="*/ 70 w 591"/>
                  <a:gd name="T91" fmla="*/ 307 h 534"/>
                  <a:gd name="T92" fmla="*/ 51 w 591"/>
                  <a:gd name="T93" fmla="*/ 319 h 534"/>
                  <a:gd name="T94" fmla="*/ 44 w 591"/>
                  <a:gd name="T95" fmla="*/ 327 h 534"/>
                  <a:gd name="T96" fmla="*/ 49 w 591"/>
                  <a:gd name="T97" fmla="*/ 342 h 534"/>
                  <a:gd name="T98" fmla="*/ 59 w 591"/>
                  <a:gd name="T99" fmla="*/ 354 h 534"/>
                  <a:gd name="T100" fmla="*/ 66 w 591"/>
                  <a:gd name="T101" fmla="*/ 363 h 534"/>
                  <a:gd name="T102" fmla="*/ 66 w 591"/>
                  <a:gd name="T103" fmla="*/ 380 h 534"/>
                  <a:gd name="T104" fmla="*/ 59 w 591"/>
                  <a:gd name="T105" fmla="*/ 388 h 534"/>
                  <a:gd name="T106" fmla="*/ 31 w 591"/>
                  <a:gd name="T107" fmla="*/ 427 h 534"/>
                  <a:gd name="T108" fmla="*/ 31 w 591"/>
                  <a:gd name="T109" fmla="*/ 425 h 534"/>
                  <a:gd name="T110" fmla="*/ 9 w 591"/>
                  <a:gd name="T111" fmla="*/ 451 h 534"/>
                  <a:gd name="T112" fmla="*/ 0 w 591"/>
                  <a:gd name="T113" fmla="*/ 456 h 534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591"/>
                  <a:gd name="T172" fmla="*/ 0 h 534"/>
                  <a:gd name="T173" fmla="*/ 591 w 591"/>
                  <a:gd name="T174" fmla="*/ 534 h 534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591" h="534">
                    <a:moveTo>
                      <a:pt x="9" y="488"/>
                    </a:moveTo>
                    <a:lnTo>
                      <a:pt x="9" y="486"/>
                    </a:lnTo>
                    <a:lnTo>
                      <a:pt x="12" y="486"/>
                    </a:lnTo>
                    <a:lnTo>
                      <a:pt x="17" y="486"/>
                    </a:lnTo>
                    <a:lnTo>
                      <a:pt x="24" y="484"/>
                    </a:lnTo>
                    <a:lnTo>
                      <a:pt x="32" y="483"/>
                    </a:lnTo>
                    <a:lnTo>
                      <a:pt x="43" y="481"/>
                    </a:lnTo>
                    <a:lnTo>
                      <a:pt x="54" y="478"/>
                    </a:lnTo>
                    <a:lnTo>
                      <a:pt x="68" y="476"/>
                    </a:lnTo>
                    <a:lnTo>
                      <a:pt x="81" y="473"/>
                    </a:lnTo>
                    <a:lnTo>
                      <a:pt x="97" y="471"/>
                    </a:lnTo>
                    <a:lnTo>
                      <a:pt x="112" y="468"/>
                    </a:lnTo>
                    <a:lnTo>
                      <a:pt x="129" y="464"/>
                    </a:lnTo>
                    <a:lnTo>
                      <a:pt x="146" y="461"/>
                    </a:lnTo>
                    <a:lnTo>
                      <a:pt x="164" y="457"/>
                    </a:lnTo>
                    <a:lnTo>
                      <a:pt x="181" y="454"/>
                    </a:lnTo>
                    <a:lnTo>
                      <a:pt x="200" y="451"/>
                    </a:lnTo>
                    <a:lnTo>
                      <a:pt x="217" y="447"/>
                    </a:lnTo>
                    <a:lnTo>
                      <a:pt x="235" y="444"/>
                    </a:lnTo>
                    <a:lnTo>
                      <a:pt x="252" y="440"/>
                    </a:lnTo>
                    <a:lnTo>
                      <a:pt x="269" y="437"/>
                    </a:lnTo>
                    <a:lnTo>
                      <a:pt x="286" y="434"/>
                    </a:lnTo>
                    <a:lnTo>
                      <a:pt x="301" y="430"/>
                    </a:lnTo>
                    <a:lnTo>
                      <a:pt x="317" y="427"/>
                    </a:lnTo>
                    <a:lnTo>
                      <a:pt x="332" y="424"/>
                    </a:lnTo>
                    <a:lnTo>
                      <a:pt x="344" y="422"/>
                    </a:lnTo>
                    <a:lnTo>
                      <a:pt x="356" y="420"/>
                    </a:lnTo>
                    <a:lnTo>
                      <a:pt x="366" y="417"/>
                    </a:lnTo>
                    <a:lnTo>
                      <a:pt x="376" y="415"/>
                    </a:lnTo>
                    <a:lnTo>
                      <a:pt x="383" y="415"/>
                    </a:lnTo>
                    <a:lnTo>
                      <a:pt x="388" y="413"/>
                    </a:lnTo>
                    <a:lnTo>
                      <a:pt x="391" y="412"/>
                    </a:lnTo>
                    <a:lnTo>
                      <a:pt x="393" y="412"/>
                    </a:lnTo>
                    <a:lnTo>
                      <a:pt x="400" y="412"/>
                    </a:lnTo>
                    <a:lnTo>
                      <a:pt x="405" y="412"/>
                    </a:lnTo>
                    <a:lnTo>
                      <a:pt x="410" y="413"/>
                    </a:lnTo>
                    <a:lnTo>
                      <a:pt x="413" y="417"/>
                    </a:lnTo>
                    <a:lnTo>
                      <a:pt x="415" y="420"/>
                    </a:lnTo>
                    <a:lnTo>
                      <a:pt x="417" y="424"/>
                    </a:lnTo>
                    <a:lnTo>
                      <a:pt x="418" y="425"/>
                    </a:lnTo>
                    <a:lnTo>
                      <a:pt x="420" y="427"/>
                    </a:lnTo>
                    <a:lnTo>
                      <a:pt x="427" y="427"/>
                    </a:lnTo>
                    <a:lnTo>
                      <a:pt x="430" y="429"/>
                    </a:lnTo>
                    <a:lnTo>
                      <a:pt x="433" y="432"/>
                    </a:lnTo>
                    <a:lnTo>
                      <a:pt x="435" y="434"/>
                    </a:lnTo>
                    <a:lnTo>
                      <a:pt x="437" y="437"/>
                    </a:lnTo>
                    <a:lnTo>
                      <a:pt x="437" y="440"/>
                    </a:lnTo>
                    <a:lnTo>
                      <a:pt x="437" y="442"/>
                    </a:lnTo>
                    <a:lnTo>
                      <a:pt x="439" y="444"/>
                    </a:lnTo>
                    <a:lnTo>
                      <a:pt x="442" y="451"/>
                    </a:lnTo>
                    <a:lnTo>
                      <a:pt x="445" y="456"/>
                    </a:lnTo>
                    <a:lnTo>
                      <a:pt x="449" y="459"/>
                    </a:lnTo>
                    <a:lnTo>
                      <a:pt x="452" y="462"/>
                    </a:lnTo>
                    <a:lnTo>
                      <a:pt x="454" y="466"/>
                    </a:lnTo>
                    <a:lnTo>
                      <a:pt x="457" y="468"/>
                    </a:lnTo>
                    <a:lnTo>
                      <a:pt x="459" y="468"/>
                    </a:lnTo>
                    <a:lnTo>
                      <a:pt x="477" y="474"/>
                    </a:lnTo>
                    <a:lnTo>
                      <a:pt x="562" y="501"/>
                    </a:lnTo>
                    <a:lnTo>
                      <a:pt x="564" y="534"/>
                    </a:lnTo>
                    <a:lnTo>
                      <a:pt x="574" y="520"/>
                    </a:lnTo>
                    <a:lnTo>
                      <a:pt x="584" y="496"/>
                    </a:lnTo>
                    <a:lnTo>
                      <a:pt x="577" y="484"/>
                    </a:lnTo>
                    <a:lnTo>
                      <a:pt x="591" y="468"/>
                    </a:lnTo>
                    <a:lnTo>
                      <a:pt x="584" y="459"/>
                    </a:lnTo>
                    <a:lnTo>
                      <a:pt x="571" y="364"/>
                    </a:lnTo>
                    <a:lnTo>
                      <a:pt x="565" y="364"/>
                    </a:lnTo>
                    <a:lnTo>
                      <a:pt x="567" y="278"/>
                    </a:lnTo>
                    <a:lnTo>
                      <a:pt x="567" y="276"/>
                    </a:lnTo>
                    <a:lnTo>
                      <a:pt x="567" y="275"/>
                    </a:lnTo>
                    <a:lnTo>
                      <a:pt x="565" y="270"/>
                    </a:lnTo>
                    <a:lnTo>
                      <a:pt x="564" y="263"/>
                    </a:lnTo>
                    <a:lnTo>
                      <a:pt x="562" y="256"/>
                    </a:lnTo>
                    <a:lnTo>
                      <a:pt x="562" y="249"/>
                    </a:lnTo>
                    <a:lnTo>
                      <a:pt x="560" y="241"/>
                    </a:lnTo>
                    <a:lnTo>
                      <a:pt x="557" y="232"/>
                    </a:lnTo>
                    <a:lnTo>
                      <a:pt x="555" y="224"/>
                    </a:lnTo>
                    <a:lnTo>
                      <a:pt x="554" y="215"/>
                    </a:lnTo>
                    <a:lnTo>
                      <a:pt x="552" y="209"/>
                    </a:lnTo>
                    <a:lnTo>
                      <a:pt x="552" y="202"/>
                    </a:lnTo>
                    <a:lnTo>
                      <a:pt x="550" y="195"/>
                    </a:lnTo>
                    <a:lnTo>
                      <a:pt x="549" y="190"/>
                    </a:lnTo>
                    <a:lnTo>
                      <a:pt x="549" y="187"/>
                    </a:lnTo>
                    <a:lnTo>
                      <a:pt x="547" y="185"/>
                    </a:lnTo>
                    <a:lnTo>
                      <a:pt x="543" y="176"/>
                    </a:lnTo>
                    <a:lnTo>
                      <a:pt x="540" y="171"/>
                    </a:lnTo>
                    <a:lnTo>
                      <a:pt x="538" y="170"/>
                    </a:lnTo>
                    <a:lnTo>
                      <a:pt x="537" y="170"/>
                    </a:lnTo>
                    <a:lnTo>
                      <a:pt x="535" y="171"/>
                    </a:lnTo>
                    <a:lnTo>
                      <a:pt x="533" y="175"/>
                    </a:lnTo>
                    <a:lnTo>
                      <a:pt x="532" y="176"/>
                    </a:lnTo>
                    <a:lnTo>
                      <a:pt x="528" y="173"/>
                    </a:lnTo>
                    <a:lnTo>
                      <a:pt x="520" y="124"/>
                    </a:lnTo>
                    <a:lnTo>
                      <a:pt x="516" y="88"/>
                    </a:lnTo>
                    <a:lnTo>
                      <a:pt x="510" y="73"/>
                    </a:lnTo>
                    <a:lnTo>
                      <a:pt x="494" y="0"/>
                    </a:lnTo>
                    <a:lnTo>
                      <a:pt x="493" y="2"/>
                    </a:lnTo>
                    <a:lnTo>
                      <a:pt x="489" y="2"/>
                    </a:lnTo>
                    <a:lnTo>
                      <a:pt x="484" y="4"/>
                    </a:lnTo>
                    <a:lnTo>
                      <a:pt x="477" y="6"/>
                    </a:lnTo>
                    <a:lnTo>
                      <a:pt x="471" y="7"/>
                    </a:lnTo>
                    <a:lnTo>
                      <a:pt x="461" y="9"/>
                    </a:lnTo>
                    <a:lnTo>
                      <a:pt x="452" y="12"/>
                    </a:lnTo>
                    <a:lnTo>
                      <a:pt x="442" y="14"/>
                    </a:lnTo>
                    <a:lnTo>
                      <a:pt x="432" y="17"/>
                    </a:lnTo>
                    <a:lnTo>
                      <a:pt x="423" y="19"/>
                    </a:lnTo>
                    <a:lnTo>
                      <a:pt x="413" y="21"/>
                    </a:lnTo>
                    <a:lnTo>
                      <a:pt x="406" y="22"/>
                    </a:lnTo>
                    <a:lnTo>
                      <a:pt x="400" y="26"/>
                    </a:lnTo>
                    <a:lnTo>
                      <a:pt x="393" y="26"/>
                    </a:lnTo>
                    <a:lnTo>
                      <a:pt x="389" y="28"/>
                    </a:lnTo>
                    <a:lnTo>
                      <a:pt x="388" y="28"/>
                    </a:lnTo>
                    <a:lnTo>
                      <a:pt x="379" y="29"/>
                    </a:lnTo>
                    <a:lnTo>
                      <a:pt x="371" y="33"/>
                    </a:lnTo>
                    <a:lnTo>
                      <a:pt x="364" y="38"/>
                    </a:lnTo>
                    <a:lnTo>
                      <a:pt x="356" y="43"/>
                    </a:lnTo>
                    <a:lnTo>
                      <a:pt x="349" y="50"/>
                    </a:lnTo>
                    <a:lnTo>
                      <a:pt x="342" y="58"/>
                    </a:lnTo>
                    <a:lnTo>
                      <a:pt x="335" y="66"/>
                    </a:lnTo>
                    <a:lnTo>
                      <a:pt x="329" y="75"/>
                    </a:lnTo>
                    <a:lnTo>
                      <a:pt x="323" y="83"/>
                    </a:lnTo>
                    <a:lnTo>
                      <a:pt x="318" y="90"/>
                    </a:lnTo>
                    <a:lnTo>
                      <a:pt x="313" y="99"/>
                    </a:lnTo>
                    <a:lnTo>
                      <a:pt x="310" y="105"/>
                    </a:lnTo>
                    <a:lnTo>
                      <a:pt x="308" y="110"/>
                    </a:lnTo>
                    <a:lnTo>
                      <a:pt x="305" y="116"/>
                    </a:lnTo>
                    <a:lnTo>
                      <a:pt x="305" y="117"/>
                    </a:lnTo>
                    <a:lnTo>
                      <a:pt x="303" y="119"/>
                    </a:lnTo>
                    <a:lnTo>
                      <a:pt x="288" y="139"/>
                    </a:lnTo>
                    <a:lnTo>
                      <a:pt x="290" y="139"/>
                    </a:lnTo>
                    <a:lnTo>
                      <a:pt x="261" y="173"/>
                    </a:lnTo>
                    <a:lnTo>
                      <a:pt x="274" y="173"/>
                    </a:lnTo>
                    <a:lnTo>
                      <a:pt x="285" y="182"/>
                    </a:lnTo>
                    <a:lnTo>
                      <a:pt x="279" y="197"/>
                    </a:lnTo>
                    <a:lnTo>
                      <a:pt x="278" y="198"/>
                    </a:lnTo>
                    <a:lnTo>
                      <a:pt x="274" y="200"/>
                    </a:lnTo>
                    <a:lnTo>
                      <a:pt x="271" y="202"/>
                    </a:lnTo>
                    <a:lnTo>
                      <a:pt x="271" y="204"/>
                    </a:lnTo>
                    <a:lnTo>
                      <a:pt x="278" y="209"/>
                    </a:lnTo>
                    <a:lnTo>
                      <a:pt x="281" y="214"/>
                    </a:lnTo>
                    <a:lnTo>
                      <a:pt x="285" y="219"/>
                    </a:lnTo>
                    <a:lnTo>
                      <a:pt x="285" y="226"/>
                    </a:lnTo>
                    <a:lnTo>
                      <a:pt x="285" y="231"/>
                    </a:lnTo>
                    <a:lnTo>
                      <a:pt x="285" y="236"/>
                    </a:lnTo>
                    <a:lnTo>
                      <a:pt x="285" y="239"/>
                    </a:lnTo>
                    <a:lnTo>
                      <a:pt x="276" y="241"/>
                    </a:lnTo>
                    <a:lnTo>
                      <a:pt x="269" y="244"/>
                    </a:lnTo>
                    <a:lnTo>
                      <a:pt x="263" y="251"/>
                    </a:lnTo>
                    <a:lnTo>
                      <a:pt x="257" y="256"/>
                    </a:lnTo>
                    <a:lnTo>
                      <a:pt x="252" y="263"/>
                    </a:lnTo>
                    <a:lnTo>
                      <a:pt x="249" y="268"/>
                    </a:lnTo>
                    <a:lnTo>
                      <a:pt x="246" y="271"/>
                    </a:lnTo>
                    <a:lnTo>
                      <a:pt x="246" y="273"/>
                    </a:lnTo>
                    <a:lnTo>
                      <a:pt x="244" y="275"/>
                    </a:lnTo>
                    <a:lnTo>
                      <a:pt x="242" y="276"/>
                    </a:lnTo>
                    <a:lnTo>
                      <a:pt x="239" y="278"/>
                    </a:lnTo>
                    <a:lnTo>
                      <a:pt x="235" y="281"/>
                    </a:lnTo>
                    <a:lnTo>
                      <a:pt x="230" y="283"/>
                    </a:lnTo>
                    <a:lnTo>
                      <a:pt x="227" y="286"/>
                    </a:lnTo>
                    <a:lnTo>
                      <a:pt x="224" y="288"/>
                    </a:lnTo>
                    <a:lnTo>
                      <a:pt x="222" y="288"/>
                    </a:lnTo>
                    <a:lnTo>
                      <a:pt x="215" y="285"/>
                    </a:lnTo>
                    <a:lnTo>
                      <a:pt x="208" y="285"/>
                    </a:lnTo>
                    <a:lnTo>
                      <a:pt x="202" y="286"/>
                    </a:lnTo>
                    <a:lnTo>
                      <a:pt x="197" y="288"/>
                    </a:lnTo>
                    <a:lnTo>
                      <a:pt x="191" y="292"/>
                    </a:lnTo>
                    <a:lnTo>
                      <a:pt x="186" y="293"/>
                    </a:lnTo>
                    <a:lnTo>
                      <a:pt x="183" y="295"/>
                    </a:lnTo>
                    <a:lnTo>
                      <a:pt x="183" y="297"/>
                    </a:lnTo>
                    <a:lnTo>
                      <a:pt x="181" y="298"/>
                    </a:lnTo>
                    <a:lnTo>
                      <a:pt x="163" y="297"/>
                    </a:lnTo>
                    <a:lnTo>
                      <a:pt x="161" y="295"/>
                    </a:lnTo>
                    <a:lnTo>
                      <a:pt x="158" y="293"/>
                    </a:lnTo>
                    <a:lnTo>
                      <a:pt x="156" y="293"/>
                    </a:lnTo>
                    <a:lnTo>
                      <a:pt x="139" y="293"/>
                    </a:lnTo>
                    <a:lnTo>
                      <a:pt x="122" y="295"/>
                    </a:lnTo>
                    <a:lnTo>
                      <a:pt x="109" y="297"/>
                    </a:lnTo>
                    <a:lnTo>
                      <a:pt x="97" y="298"/>
                    </a:lnTo>
                    <a:lnTo>
                      <a:pt x="87" y="300"/>
                    </a:lnTo>
                    <a:lnTo>
                      <a:pt x="76" y="303"/>
                    </a:lnTo>
                    <a:lnTo>
                      <a:pt x="70" y="307"/>
                    </a:lnTo>
                    <a:lnTo>
                      <a:pt x="63" y="310"/>
                    </a:lnTo>
                    <a:lnTo>
                      <a:pt x="58" y="312"/>
                    </a:lnTo>
                    <a:lnTo>
                      <a:pt x="54" y="315"/>
                    </a:lnTo>
                    <a:lnTo>
                      <a:pt x="51" y="319"/>
                    </a:lnTo>
                    <a:lnTo>
                      <a:pt x="48" y="320"/>
                    </a:lnTo>
                    <a:lnTo>
                      <a:pt x="48" y="324"/>
                    </a:lnTo>
                    <a:lnTo>
                      <a:pt x="46" y="325"/>
                    </a:lnTo>
                    <a:lnTo>
                      <a:pt x="44" y="327"/>
                    </a:lnTo>
                    <a:lnTo>
                      <a:pt x="46" y="332"/>
                    </a:lnTo>
                    <a:lnTo>
                      <a:pt x="48" y="337"/>
                    </a:lnTo>
                    <a:lnTo>
                      <a:pt x="49" y="342"/>
                    </a:lnTo>
                    <a:lnTo>
                      <a:pt x="53" y="347"/>
                    </a:lnTo>
                    <a:lnTo>
                      <a:pt x="54" y="351"/>
                    </a:lnTo>
                    <a:lnTo>
                      <a:pt x="58" y="354"/>
                    </a:lnTo>
                    <a:lnTo>
                      <a:pt x="59" y="354"/>
                    </a:lnTo>
                    <a:lnTo>
                      <a:pt x="59" y="356"/>
                    </a:lnTo>
                    <a:lnTo>
                      <a:pt x="61" y="358"/>
                    </a:lnTo>
                    <a:lnTo>
                      <a:pt x="65" y="359"/>
                    </a:lnTo>
                    <a:lnTo>
                      <a:pt x="66" y="363"/>
                    </a:lnTo>
                    <a:lnTo>
                      <a:pt x="68" y="364"/>
                    </a:lnTo>
                    <a:lnTo>
                      <a:pt x="68" y="371"/>
                    </a:lnTo>
                    <a:lnTo>
                      <a:pt x="66" y="376"/>
                    </a:lnTo>
                    <a:lnTo>
                      <a:pt x="66" y="380"/>
                    </a:lnTo>
                    <a:lnTo>
                      <a:pt x="65" y="383"/>
                    </a:lnTo>
                    <a:lnTo>
                      <a:pt x="63" y="385"/>
                    </a:lnTo>
                    <a:lnTo>
                      <a:pt x="61" y="386"/>
                    </a:lnTo>
                    <a:lnTo>
                      <a:pt x="59" y="388"/>
                    </a:lnTo>
                    <a:lnTo>
                      <a:pt x="54" y="395"/>
                    </a:lnTo>
                    <a:lnTo>
                      <a:pt x="46" y="412"/>
                    </a:lnTo>
                    <a:lnTo>
                      <a:pt x="31" y="427"/>
                    </a:lnTo>
                    <a:lnTo>
                      <a:pt x="32" y="425"/>
                    </a:lnTo>
                    <a:lnTo>
                      <a:pt x="31" y="425"/>
                    </a:lnTo>
                    <a:lnTo>
                      <a:pt x="24" y="435"/>
                    </a:lnTo>
                    <a:lnTo>
                      <a:pt x="17" y="442"/>
                    </a:lnTo>
                    <a:lnTo>
                      <a:pt x="12" y="447"/>
                    </a:lnTo>
                    <a:lnTo>
                      <a:pt x="9" y="451"/>
                    </a:lnTo>
                    <a:lnTo>
                      <a:pt x="5" y="452"/>
                    </a:lnTo>
                    <a:lnTo>
                      <a:pt x="2" y="454"/>
                    </a:lnTo>
                    <a:lnTo>
                      <a:pt x="0" y="456"/>
                    </a:lnTo>
                    <a:lnTo>
                      <a:pt x="9" y="488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56" name="Freeform 176"/>
            <p:cNvSpPr>
              <a:spLocks/>
            </p:cNvSpPr>
            <p:nvPr/>
          </p:nvSpPr>
          <p:spPr bwMode="auto">
            <a:xfrm>
              <a:off x="4773" y="1315"/>
              <a:ext cx="156" cy="330"/>
            </a:xfrm>
            <a:custGeom>
              <a:avLst/>
              <a:gdLst>
                <a:gd name="T0" fmla="*/ 88 w 160"/>
                <a:gd name="T1" fmla="*/ 205 h 340"/>
                <a:gd name="T2" fmla="*/ 90 w 160"/>
                <a:gd name="T3" fmla="*/ 201 h 340"/>
                <a:gd name="T4" fmla="*/ 99 w 160"/>
                <a:gd name="T5" fmla="*/ 190 h 340"/>
                <a:gd name="T6" fmla="*/ 108 w 160"/>
                <a:gd name="T7" fmla="*/ 189 h 340"/>
                <a:gd name="T8" fmla="*/ 109 w 160"/>
                <a:gd name="T9" fmla="*/ 186 h 340"/>
                <a:gd name="T10" fmla="*/ 110 w 160"/>
                <a:gd name="T11" fmla="*/ 178 h 340"/>
                <a:gd name="T12" fmla="*/ 113 w 160"/>
                <a:gd name="T13" fmla="*/ 174 h 340"/>
                <a:gd name="T14" fmla="*/ 109 w 160"/>
                <a:gd name="T15" fmla="*/ 171 h 340"/>
                <a:gd name="T16" fmla="*/ 104 w 160"/>
                <a:gd name="T17" fmla="*/ 168 h 340"/>
                <a:gd name="T18" fmla="*/ 100 w 160"/>
                <a:gd name="T19" fmla="*/ 157 h 340"/>
                <a:gd name="T20" fmla="*/ 96 w 160"/>
                <a:gd name="T21" fmla="*/ 153 h 340"/>
                <a:gd name="T22" fmla="*/ 89 w 160"/>
                <a:gd name="T23" fmla="*/ 147 h 340"/>
                <a:gd name="T24" fmla="*/ 33 w 160"/>
                <a:gd name="T25" fmla="*/ 0 h 340"/>
                <a:gd name="T26" fmla="*/ 20 w 160"/>
                <a:gd name="T27" fmla="*/ 8 h 340"/>
                <a:gd name="T28" fmla="*/ 20 w 160"/>
                <a:gd name="T29" fmla="*/ 13 h 340"/>
                <a:gd name="T30" fmla="*/ 20 w 160"/>
                <a:gd name="T31" fmla="*/ 17 h 340"/>
                <a:gd name="T32" fmla="*/ 20 w 160"/>
                <a:gd name="T33" fmla="*/ 25 h 340"/>
                <a:gd name="T34" fmla="*/ 20 w 160"/>
                <a:gd name="T35" fmla="*/ 35 h 340"/>
                <a:gd name="T36" fmla="*/ 20 w 160"/>
                <a:gd name="T37" fmla="*/ 39 h 340"/>
                <a:gd name="T38" fmla="*/ 20 w 160"/>
                <a:gd name="T39" fmla="*/ 45 h 340"/>
                <a:gd name="T40" fmla="*/ 20 w 160"/>
                <a:gd name="T41" fmla="*/ 48 h 340"/>
                <a:gd name="T42" fmla="*/ 20 w 160"/>
                <a:gd name="T43" fmla="*/ 55 h 340"/>
                <a:gd name="T44" fmla="*/ 25 w 160"/>
                <a:gd name="T45" fmla="*/ 62 h 340"/>
                <a:gd name="T46" fmla="*/ 25 w 160"/>
                <a:gd name="T47" fmla="*/ 71 h 340"/>
                <a:gd name="T48" fmla="*/ 20 w 160"/>
                <a:gd name="T49" fmla="*/ 81 h 340"/>
                <a:gd name="T50" fmla="*/ 17 w 160"/>
                <a:gd name="T51" fmla="*/ 88 h 340"/>
                <a:gd name="T52" fmla="*/ 17 w 160"/>
                <a:gd name="T53" fmla="*/ 86 h 340"/>
                <a:gd name="T54" fmla="*/ 10 w 160"/>
                <a:gd name="T55" fmla="*/ 92 h 340"/>
                <a:gd name="T56" fmla="*/ 11 w 160"/>
                <a:gd name="T57" fmla="*/ 101 h 340"/>
                <a:gd name="T58" fmla="*/ 11 w 160"/>
                <a:gd name="T59" fmla="*/ 110 h 340"/>
                <a:gd name="T60" fmla="*/ 11 w 160"/>
                <a:gd name="T61" fmla="*/ 123 h 340"/>
                <a:gd name="T62" fmla="*/ 8 w 160"/>
                <a:gd name="T63" fmla="*/ 134 h 340"/>
                <a:gd name="T64" fmla="*/ 6 w 160"/>
                <a:gd name="T65" fmla="*/ 142 h 340"/>
                <a:gd name="T66" fmla="*/ 5 w 160"/>
                <a:gd name="T67" fmla="*/ 147 h 340"/>
                <a:gd name="T68" fmla="*/ 1 w 160"/>
                <a:gd name="T69" fmla="*/ 153 h 340"/>
                <a:gd name="T70" fmla="*/ 0 w 160"/>
                <a:gd name="T71" fmla="*/ 168 h 340"/>
                <a:gd name="T72" fmla="*/ 6 w 160"/>
                <a:gd name="T73" fmla="*/ 176 h 340"/>
                <a:gd name="T74" fmla="*/ 6 w 160"/>
                <a:gd name="T75" fmla="*/ 182 h 340"/>
                <a:gd name="T76" fmla="*/ 6 w 160"/>
                <a:gd name="T77" fmla="*/ 189 h 340"/>
                <a:gd name="T78" fmla="*/ 8 w 160"/>
                <a:gd name="T79" fmla="*/ 190 h 340"/>
                <a:gd name="T80" fmla="*/ 10 w 160"/>
                <a:gd name="T81" fmla="*/ 196 h 340"/>
                <a:gd name="T82" fmla="*/ 6 w 160"/>
                <a:gd name="T83" fmla="*/ 205 h 340"/>
                <a:gd name="T84" fmla="*/ 6 w 160"/>
                <a:gd name="T85" fmla="*/ 211 h 340"/>
                <a:gd name="T86" fmla="*/ 8 w 160"/>
                <a:gd name="T87" fmla="*/ 219 h 340"/>
                <a:gd name="T88" fmla="*/ 82 w 160"/>
                <a:gd name="T89" fmla="*/ 209 h 340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w 160"/>
                <a:gd name="T136" fmla="*/ 0 h 340"/>
                <a:gd name="T137" fmla="*/ 160 w 160"/>
                <a:gd name="T138" fmla="*/ 340 h 340"/>
              </a:gdLst>
              <a:ahLst/>
              <a:cxnLst>
                <a:cxn ang="T90">
                  <a:pos x="T0" y="T1"/>
                </a:cxn>
                <a:cxn ang="T91">
                  <a:pos x="T2" y="T3"/>
                </a:cxn>
                <a:cxn ang="T92">
                  <a:pos x="T4" y="T5"/>
                </a:cxn>
                <a:cxn ang="T93">
                  <a:pos x="T6" y="T7"/>
                </a:cxn>
                <a:cxn ang="T94">
                  <a:pos x="T8" y="T9"/>
                </a:cxn>
                <a:cxn ang="T95">
                  <a:pos x="T10" y="T11"/>
                </a:cxn>
                <a:cxn ang="T96">
                  <a:pos x="T12" y="T13"/>
                </a:cxn>
                <a:cxn ang="T97">
                  <a:pos x="T14" y="T15"/>
                </a:cxn>
                <a:cxn ang="T98">
                  <a:pos x="T16" y="T17"/>
                </a:cxn>
                <a:cxn ang="T99">
                  <a:pos x="T18" y="T19"/>
                </a:cxn>
                <a:cxn ang="T100">
                  <a:pos x="T20" y="T21"/>
                </a:cxn>
                <a:cxn ang="T101">
                  <a:pos x="T22" y="T23"/>
                </a:cxn>
                <a:cxn ang="T102">
                  <a:pos x="T24" y="T25"/>
                </a:cxn>
                <a:cxn ang="T103">
                  <a:pos x="T26" y="T27"/>
                </a:cxn>
                <a:cxn ang="T104">
                  <a:pos x="T28" y="T29"/>
                </a:cxn>
                <a:cxn ang="T105">
                  <a:pos x="T30" y="T31"/>
                </a:cxn>
                <a:cxn ang="T106">
                  <a:pos x="T32" y="T33"/>
                </a:cxn>
                <a:cxn ang="T107">
                  <a:pos x="T34" y="T35"/>
                </a:cxn>
                <a:cxn ang="T108">
                  <a:pos x="T36" y="T37"/>
                </a:cxn>
                <a:cxn ang="T109">
                  <a:pos x="T38" y="T39"/>
                </a:cxn>
                <a:cxn ang="T110">
                  <a:pos x="T40" y="T41"/>
                </a:cxn>
                <a:cxn ang="T111">
                  <a:pos x="T42" y="T43"/>
                </a:cxn>
                <a:cxn ang="T112">
                  <a:pos x="T44" y="T45"/>
                </a:cxn>
                <a:cxn ang="T113">
                  <a:pos x="T46" y="T47"/>
                </a:cxn>
                <a:cxn ang="T114">
                  <a:pos x="T48" y="T49"/>
                </a:cxn>
                <a:cxn ang="T115">
                  <a:pos x="T50" y="T51"/>
                </a:cxn>
                <a:cxn ang="T116">
                  <a:pos x="T52" y="T53"/>
                </a:cxn>
                <a:cxn ang="T117">
                  <a:pos x="T54" y="T55"/>
                </a:cxn>
                <a:cxn ang="T118">
                  <a:pos x="T56" y="T57"/>
                </a:cxn>
                <a:cxn ang="T119">
                  <a:pos x="T58" y="T59"/>
                </a:cxn>
                <a:cxn ang="T120">
                  <a:pos x="T60" y="T61"/>
                </a:cxn>
                <a:cxn ang="T121">
                  <a:pos x="T62" y="T63"/>
                </a:cxn>
                <a:cxn ang="T122">
                  <a:pos x="T64" y="T65"/>
                </a:cxn>
                <a:cxn ang="T123">
                  <a:pos x="T66" y="T67"/>
                </a:cxn>
                <a:cxn ang="T124">
                  <a:pos x="T68" y="T69"/>
                </a:cxn>
                <a:cxn ang="T125">
                  <a:pos x="T70" y="T71"/>
                </a:cxn>
                <a:cxn ang="T126">
                  <a:pos x="T72" y="T73"/>
                </a:cxn>
                <a:cxn ang="T127">
                  <a:pos x="T74" y="T75"/>
                </a:cxn>
                <a:cxn ang="T128">
                  <a:pos x="T76" y="T77"/>
                </a:cxn>
                <a:cxn ang="T129">
                  <a:pos x="T78" y="T79"/>
                </a:cxn>
                <a:cxn ang="T130">
                  <a:pos x="T80" y="T81"/>
                </a:cxn>
                <a:cxn ang="T131">
                  <a:pos x="T82" y="T83"/>
                </a:cxn>
                <a:cxn ang="T132">
                  <a:pos x="T84" y="T85"/>
                </a:cxn>
                <a:cxn ang="T133">
                  <a:pos x="T86" y="T87"/>
                </a:cxn>
                <a:cxn ang="T134">
                  <a:pos x="T88" y="T89"/>
                </a:cxn>
              </a:cxnLst>
              <a:rect l="T135" t="T136" r="T137" b="T138"/>
              <a:pathLst>
                <a:path w="160" h="340">
                  <a:moveTo>
                    <a:pt x="116" y="318"/>
                  </a:moveTo>
                  <a:lnTo>
                    <a:pt x="123" y="311"/>
                  </a:lnTo>
                  <a:lnTo>
                    <a:pt x="125" y="311"/>
                  </a:lnTo>
                  <a:lnTo>
                    <a:pt x="125" y="308"/>
                  </a:lnTo>
                  <a:lnTo>
                    <a:pt x="127" y="306"/>
                  </a:lnTo>
                  <a:lnTo>
                    <a:pt x="128" y="305"/>
                  </a:lnTo>
                  <a:lnTo>
                    <a:pt x="132" y="298"/>
                  </a:lnTo>
                  <a:lnTo>
                    <a:pt x="137" y="293"/>
                  </a:lnTo>
                  <a:lnTo>
                    <a:pt x="142" y="289"/>
                  </a:lnTo>
                  <a:lnTo>
                    <a:pt x="147" y="286"/>
                  </a:lnTo>
                  <a:lnTo>
                    <a:pt x="150" y="286"/>
                  </a:lnTo>
                  <a:lnTo>
                    <a:pt x="154" y="286"/>
                  </a:lnTo>
                  <a:lnTo>
                    <a:pt x="155" y="286"/>
                  </a:lnTo>
                  <a:lnTo>
                    <a:pt x="157" y="286"/>
                  </a:lnTo>
                  <a:lnTo>
                    <a:pt x="155" y="283"/>
                  </a:lnTo>
                  <a:lnTo>
                    <a:pt x="155" y="279"/>
                  </a:lnTo>
                  <a:lnTo>
                    <a:pt x="157" y="274"/>
                  </a:lnTo>
                  <a:lnTo>
                    <a:pt x="157" y="271"/>
                  </a:lnTo>
                  <a:lnTo>
                    <a:pt x="159" y="269"/>
                  </a:lnTo>
                  <a:lnTo>
                    <a:pt x="159" y="266"/>
                  </a:lnTo>
                  <a:lnTo>
                    <a:pt x="160" y="264"/>
                  </a:lnTo>
                  <a:lnTo>
                    <a:pt x="157" y="261"/>
                  </a:lnTo>
                  <a:lnTo>
                    <a:pt x="155" y="259"/>
                  </a:lnTo>
                  <a:lnTo>
                    <a:pt x="154" y="257"/>
                  </a:lnTo>
                  <a:lnTo>
                    <a:pt x="150" y="255"/>
                  </a:lnTo>
                  <a:lnTo>
                    <a:pt x="149" y="254"/>
                  </a:lnTo>
                  <a:lnTo>
                    <a:pt x="149" y="247"/>
                  </a:lnTo>
                  <a:lnTo>
                    <a:pt x="147" y="242"/>
                  </a:lnTo>
                  <a:lnTo>
                    <a:pt x="143" y="239"/>
                  </a:lnTo>
                  <a:lnTo>
                    <a:pt x="142" y="235"/>
                  </a:lnTo>
                  <a:lnTo>
                    <a:pt x="138" y="233"/>
                  </a:lnTo>
                  <a:lnTo>
                    <a:pt x="137" y="233"/>
                  </a:lnTo>
                  <a:lnTo>
                    <a:pt x="133" y="232"/>
                  </a:lnTo>
                  <a:lnTo>
                    <a:pt x="127" y="223"/>
                  </a:lnTo>
                  <a:lnTo>
                    <a:pt x="61" y="5"/>
                  </a:lnTo>
                  <a:lnTo>
                    <a:pt x="54" y="2"/>
                  </a:lnTo>
                  <a:lnTo>
                    <a:pt x="47" y="0"/>
                  </a:lnTo>
                  <a:lnTo>
                    <a:pt x="42" y="2"/>
                  </a:lnTo>
                  <a:lnTo>
                    <a:pt x="37" y="5"/>
                  </a:lnTo>
                  <a:lnTo>
                    <a:pt x="33" y="8"/>
                  </a:lnTo>
                  <a:lnTo>
                    <a:pt x="32" y="10"/>
                  </a:lnTo>
                  <a:lnTo>
                    <a:pt x="30" y="13"/>
                  </a:lnTo>
                  <a:lnTo>
                    <a:pt x="33" y="15"/>
                  </a:lnTo>
                  <a:lnTo>
                    <a:pt x="37" y="24"/>
                  </a:lnTo>
                  <a:lnTo>
                    <a:pt x="32" y="25"/>
                  </a:lnTo>
                  <a:lnTo>
                    <a:pt x="33" y="32"/>
                  </a:lnTo>
                  <a:lnTo>
                    <a:pt x="28" y="34"/>
                  </a:lnTo>
                  <a:lnTo>
                    <a:pt x="28" y="39"/>
                  </a:lnTo>
                  <a:lnTo>
                    <a:pt x="30" y="39"/>
                  </a:lnTo>
                  <a:lnTo>
                    <a:pt x="32" y="49"/>
                  </a:lnTo>
                  <a:lnTo>
                    <a:pt x="32" y="51"/>
                  </a:lnTo>
                  <a:lnTo>
                    <a:pt x="33" y="54"/>
                  </a:lnTo>
                  <a:lnTo>
                    <a:pt x="33" y="56"/>
                  </a:lnTo>
                  <a:lnTo>
                    <a:pt x="33" y="61"/>
                  </a:lnTo>
                  <a:lnTo>
                    <a:pt x="33" y="64"/>
                  </a:lnTo>
                  <a:lnTo>
                    <a:pt x="32" y="68"/>
                  </a:lnTo>
                  <a:lnTo>
                    <a:pt x="28" y="73"/>
                  </a:lnTo>
                  <a:lnTo>
                    <a:pt x="28" y="74"/>
                  </a:lnTo>
                  <a:lnTo>
                    <a:pt x="30" y="74"/>
                  </a:lnTo>
                  <a:lnTo>
                    <a:pt x="32" y="76"/>
                  </a:lnTo>
                  <a:lnTo>
                    <a:pt x="32" y="79"/>
                  </a:lnTo>
                  <a:lnTo>
                    <a:pt x="33" y="83"/>
                  </a:lnTo>
                  <a:lnTo>
                    <a:pt x="35" y="85"/>
                  </a:lnTo>
                  <a:lnTo>
                    <a:pt x="37" y="90"/>
                  </a:lnTo>
                  <a:lnTo>
                    <a:pt x="39" y="93"/>
                  </a:lnTo>
                  <a:lnTo>
                    <a:pt x="39" y="98"/>
                  </a:lnTo>
                  <a:lnTo>
                    <a:pt x="39" y="101"/>
                  </a:lnTo>
                  <a:lnTo>
                    <a:pt x="39" y="107"/>
                  </a:lnTo>
                  <a:lnTo>
                    <a:pt x="37" y="112"/>
                  </a:lnTo>
                  <a:lnTo>
                    <a:pt x="33" y="117"/>
                  </a:lnTo>
                  <a:lnTo>
                    <a:pt x="30" y="122"/>
                  </a:lnTo>
                  <a:lnTo>
                    <a:pt x="23" y="127"/>
                  </a:lnTo>
                  <a:lnTo>
                    <a:pt x="17" y="132"/>
                  </a:lnTo>
                  <a:lnTo>
                    <a:pt x="17" y="134"/>
                  </a:lnTo>
                  <a:lnTo>
                    <a:pt x="17" y="132"/>
                  </a:lnTo>
                  <a:lnTo>
                    <a:pt x="10" y="139"/>
                  </a:lnTo>
                  <a:lnTo>
                    <a:pt x="10" y="140"/>
                  </a:lnTo>
                  <a:lnTo>
                    <a:pt x="10" y="144"/>
                  </a:lnTo>
                  <a:lnTo>
                    <a:pt x="11" y="147"/>
                  </a:lnTo>
                  <a:lnTo>
                    <a:pt x="11" y="152"/>
                  </a:lnTo>
                  <a:lnTo>
                    <a:pt x="11" y="157"/>
                  </a:lnTo>
                  <a:lnTo>
                    <a:pt x="11" y="162"/>
                  </a:lnTo>
                  <a:lnTo>
                    <a:pt x="11" y="167"/>
                  </a:lnTo>
                  <a:lnTo>
                    <a:pt x="11" y="174"/>
                  </a:lnTo>
                  <a:lnTo>
                    <a:pt x="11" y="179"/>
                  </a:lnTo>
                  <a:lnTo>
                    <a:pt x="11" y="186"/>
                  </a:lnTo>
                  <a:lnTo>
                    <a:pt x="10" y="193"/>
                  </a:lnTo>
                  <a:lnTo>
                    <a:pt x="10" y="198"/>
                  </a:lnTo>
                  <a:lnTo>
                    <a:pt x="8" y="203"/>
                  </a:lnTo>
                  <a:lnTo>
                    <a:pt x="8" y="208"/>
                  </a:lnTo>
                  <a:lnTo>
                    <a:pt x="6" y="211"/>
                  </a:lnTo>
                  <a:lnTo>
                    <a:pt x="6" y="215"/>
                  </a:lnTo>
                  <a:lnTo>
                    <a:pt x="5" y="218"/>
                  </a:lnTo>
                  <a:lnTo>
                    <a:pt x="5" y="222"/>
                  </a:lnTo>
                  <a:lnTo>
                    <a:pt x="5" y="223"/>
                  </a:lnTo>
                  <a:lnTo>
                    <a:pt x="3" y="228"/>
                  </a:lnTo>
                  <a:lnTo>
                    <a:pt x="1" y="233"/>
                  </a:lnTo>
                  <a:lnTo>
                    <a:pt x="0" y="240"/>
                  </a:lnTo>
                  <a:lnTo>
                    <a:pt x="0" y="247"/>
                  </a:lnTo>
                  <a:lnTo>
                    <a:pt x="0" y="254"/>
                  </a:lnTo>
                  <a:lnTo>
                    <a:pt x="1" y="261"/>
                  </a:lnTo>
                  <a:lnTo>
                    <a:pt x="5" y="267"/>
                  </a:lnTo>
                  <a:lnTo>
                    <a:pt x="6" y="267"/>
                  </a:lnTo>
                  <a:lnTo>
                    <a:pt x="6" y="271"/>
                  </a:lnTo>
                  <a:lnTo>
                    <a:pt x="6" y="274"/>
                  </a:lnTo>
                  <a:lnTo>
                    <a:pt x="6" y="277"/>
                  </a:lnTo>
                  <a:lnTo>
                    <a:pt x="6" y="281"/>
                  </a:lnTo>
                  <a:lnTo>
                    <a:pt x="6" y="284"/>
                  </a:lnTo>
                  <a:lnTo>
                    <a:pt x="6" y="286"/>
                  </a:lnTo>
                  <a:lnTo>
                    <a:pt x="6" y="288"/>
                  </a:lnTo>
                  <a:lnTo>
                    <a:pt x="8" y="289"/>
                  </a:lnTo>
                  <a:lnTo>
                    <a:pt x="8" y="293"/>
                  </a:lnTo>
                  <a:lnTo>
                    <a:pt x="10" y="296"/>
                  </a:lnTo>
                  <a:lnTo>
                    <a:pt x="10" y="299"/>
                  </a:lnTo>
                  <a:lnTo>
                    <a:pt x="10" y="305"/>
                  </a:lnTo>
                  <a:lnTo>
                    <a:pt x="10" y="308"/>
                  </a:lnTo>
                  <a:lnTo>
                    <a:pt x="6" y="311"/>
                  </a:lnTo>
                  <a:lnTo>
                    <a:pt x="6" y="313"/>
                  </a:lnTo>
                  <a:lnTo>
                    <a:pt x="6" y="315"/>
                  </a:lnTo>
                  <a:lnTo>
                    <a:pt x="6" y="320"/>
                  </a:lnTo>
                  <a:lnTo>
                    <a:pt x="6" y="323"/>
                  </a:lnTo>
                  <a:lnTo>
                    <a:pt x="6" y="328"/>
                  </a:lnTo>
                  <a:lnTo>
                    <a:pt x="8" y="333"/>
                  </a:lnTo>
                  <a:lnTo>
                    <a:pt x="10" y="337"/>
                  </a:lnTo>
                  <a:lnTo>
                    <a:pt x="15" y="340"/>
                  </a:lnTo>
                  <a:lnTo>
                    <a:pt x="116" y="318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57" name="Group 177"/>
            <p:cNvGrpSpPr>
              <a:grpSpLocks/>
            </p:cNvGrpSpPr>
            <p:nvPr/>
          </p:nvGrpSpPr>
          <p:grpSpPr bwMode="auto">
            <a:xfrm>
              <a:off x="3502" y="2791"/>
              <a:ext cx="368" cy="598"/>
              <a:chOff x="3720" y="2429"/>
              <a:chExt cx="378" cy="616"/>
            </a:xfrm>
          </p:grpSpPr>
          <p:sp>
            <p:nvSpPr>
              <p:cNvPr id="69" name="Freeform 178"/>
              <p:cNvSpPr>
                <a:spLocks/>
              </p:cNvSpPr>
              <p:nvPr/>
            </p:nvSpPr>
            <p:spPr bwMode="auto">
              <a:xfrm>
                <a:off x="3720" y="2429"/>
                <a:ext cx="378" cy="616"/>
              </a:xfrm>
              <a:custGeom>
                <a:avLst/>
                <a:gdLst>
                  <a:gd name="T0" fmla="*/ 51 w 378"/>
                  <a:gd name="T1" fmla="*/ 607 h 616"/>
                  <a:gd name="T2" fmla="*/ 54 w 378"/>
                  <a:gd name="T3" fmla="*/ 592 h 616"/>
                  <a:gd name="T4" fmla="*/ 75 w 378"/>
                  <a:gd name="T5" fmla="*/ 548 h 616"/>
                  <a:gd name="T6" fmla="*/ 97 w 378"/>
                  <a:gd name="T7" fmla="*/ 605 h 616"/>
                  <a:gd name="T8" fmla="*/ 92 w 378"/>
                  <a:gd name="T9" fmla="*/ 607 h 616"/>
                  <a:gd name="T10" fmla="*/ 81 w 378"/>
                  <a:gd name="T11" fmla="*/ 611 h 616"/>
                  <a:gd name="T12" fmla="*/ 73 w 378"/>
                  <a:gd name="T13" fmla="*/ 614 h 616"/>
                  <a:gd name="T14" fmla="*/ 70 w 378"/>
                  <a:gd name="T15" fmla="*/ 616 h 616"/>
                  <a:gd name="T16" fmla="*/ 83 w 378"/>
                  <a:gd name="T17" fmla="*/ 614 h 616"/>
                  <a:gd name="T18" fmla="*/ 98 w 378"/>
                  <a:gd name="T19" fmla="*/ 611 h 616"/>
                  <a:gd name="T20" fmla="*/ 110 w 378"/>
                  <a:gd name="T21" fmla="*/ 607 h 616"/>
                  <a:gd name="T22" fmla="*/ 115 w 378"/>
                  <a:gd name="T23" fmla="*/ 607 h 616"/>
                  <a:gd name="T24" fmla="*/ 114 w 378"/>
                  <a:gd name="T25" fmla="*/ 604 h 616"/>
                  <a:gd name="T26" fmla="*/ 112 w 378"/>
                  <a:gd name="T27" fmla="*/ 600 h 616"/>
                  <a:gd name="T28" fmla="*/ 122 w 378"/>
                  <a:gd name="T29" fmla="*/ 590 h 616"/>
                  <a:gd name="T30" fmla="*/ 125 w 378"/>
                  <a:gd name="T31" fmla="*/ 585 h 616"/>
                  <a:gd name="T32" fmla="*/ 125 w 378"/>
                  <a:gd name="T33" fmla="*/ 582 h 616"/>
                  <a:gd name="T34" fmla="*/ 125 w 378"/>
                  <a:gd name="T35" fmla="*/ 582 h 616"/>
                  <a:gd name="T36" fmla="*/ 125 w 378"/>
                  <a:gd name="T37" fmla="*/ 580 h 616"/>
                  <a:gd name="T38" fmla="*/ 125 w 378"/>
                  <a:gd name="T39" fmla="*/ 577 h 616"/>
                  <a:gd name="T40" fmla="*/ 124 w 378"/>
                  <a:gd name="T41" fmla="*/ 572 h 616"/>
                  <a:gd name="T42" fmla="*/ 124 w 378"/>
                  <a:gd name="T43" fmla="*/ 570 h 616"/>
                  <a:gd name="T44" fmla="*/ 127 w 378"/>
                  <a:gd name="T45" fmla="*/ 558 h 616"/>
                  <a:gd name="T46" fmla="*/ 119 w 378"/>
                  <a:gd name="T47" fmla="*/ 548 h 616"/>
                  <a:gd name="T48" fmla="*/ 109 w 378"/>
                  <a:gd name="T49" fmla="*/ 539 h 616"/>
                  <a:gd name="T50" fmla="*/ 103 w 378"/>
                  <a:gd name="T51" fmla="*/ 538 h 616"/>
                  <a:gd name="T52" fmla="*/ 378 w 378"/>
                  <a:gd name="T53" fmla="*/ 489 h 616"/>
                  <a:gd name="T54" fmla="*/ 361 w 378"/>
                  <a:gd name="T55" fmla="*/ 455 h 616"/>
                  <a:gd name="T56" fmla="*/ 361 w 378"/>
                  <a:gd name="T57" fmla="*/ 445 h 616"/>
                  <a:gd name="T58" fmla="*/ 361 w 378"/>
                  <a:gd name="T59" fmla="*/ 431 h 616"/>
                  <a:gd name="T60" fmla="*/ 359 w 378"/>
                  <a:gd name="T61" fmla="*/ 421 h 616"/>
                  <a:gd name="T62" fmla="*/ 354 w 378"/>
                  <a:gd name="T63" fmla="*/ 413 h 616"/>
                  <a:gd name="T64" fmla="*/ 349 w 378"/>
                  <a:gd name="T65" fmla="*/ 399 h 616"/>
                  <a:gd name="T66" fmla="*/ 349 w 378"/>
                  <a:gd name="T67" fmla="*/ 385 h 616"/>
                  <a:gd name="T68" fmla="*/ 351 w 378"/>
                  <a:gd name="T69" fmla="*/ 377 h 616"/>
                  <a:gd name="T70" fmla="*/ 351 w 378"/>
                  <a:gd name="T71" fmla="*/ 367 h 616"/>
                  <a:gd name="T72" fmla="*/ 351 w 378"/>
                  <a:gd name="T73" fmla="*/ 355 h 616"/>
                  <a:gd name="T74" fmla="*/ 352 w 378"/>
                  <a:gd name="T75" fmla="*/ 348 h 616"/>
                  <a:gd name="T76" fmla="*/ 354 w 378"/>
                  <a:gd name="T77" fmla="*/ 345 h 616"/>
                  <a:gd name="T78" fmla="*/ 361 w 378"/>
                  <a:gd name="T79" fmla="*/ 336 h 616"/>
                  <a:gd name="T80" fmla="*/ 364 w 378"/>
                  <a:gd name="T81" fmla="*/ 328 h 616"/>
                  <a:gd name="T82" fmla="*/ 361 w 378"/>
                  <a:gd name="T83" fmla="*/ 323 h 616"/>
                  <a:gd name="T84" fmla="*/ 357 w 378"/>
                  <a:gd name="T85" fmla="*/ 321 h 616"/>
                  <a:gd name="T86" fmla="*/ 356 w 378"/>
                  <a:gd name="T87" fmla="*/ 314 h 616"/>
                  <a:gd name="T88" fmla="*/ 352 w 378"/>
                  <a:gd name="T89" fmla="*/ 304 h 616"/>
                  <a:gd name="T90" fmla="*/ 349 w 378"/>
                  <a:gd name="T91" fmla="*/ 297 h 616"/>
                  <a:gd name="T92" fmla="*/ 347 w 378"/>
                  <a:gd name="T93" fmla="*/ 296 h 616"/>
                  <a:gd name="T94" fmla="*/ 329 w 378"/>
                  <a:gd name="T95" fmla="*/ 257 h 616"/>
                  <a:gd name="T96" fmla="*/ 257 w 378"/>
                  <a:gd name="T97" fmla="*/ 0 h 616"/>
                  <a:gd name="T98" fmla="*/ 0 w 378"/>
                  <a:gd name="T99" fmla="*/ 414 h 616"/>
                  <a:gd name="T100" fmla="*/ 44 w 378"/>
                  <a:gd name="T101" fmla="*/ 599 h 61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w 378"/>
                  <a:gd name="T154" fmla="*/ 0 h 616"/>
                  <a:gd name="T155" fmla="*/ 378 w 378"/>
                  <a:gd name="T156" fmla="*/ 616 h 616"/>
                </a:gdLst>
                <a:ahLst/>
                <a:cxnLst>
                  <a:cxn ang="T102">
                    <a:pos x="T0" y="T1"/>
                  </a:cxn>
                  <a:cxn ang="T103">
                    <a:pos x="T2" y="T3"/>
                  </a:cxn>
                  <a:cxn ang="T104">
                    <a:pos x="T4" y="T5"/>
                  </a:cxn>
                  <a:cxn ang="T105">
                    <a:pos x="T6" y="T7"/>
                  </a:cxn>
                  <a:cxn ang="T106">
                    <a:pos x="T8" y="T9"/>
                  </a:cxn>
                  <a:cxn ang="T107">
                    <a:pos x="T10" y="T11"/>
                  </a:cxn>
                  <a:cxn ang="T108">
                    <a:pos x="T12" y="T13"/>
                  </a:cxn>
                  <a:cxn ang="T109">
                    <a:pos x="T14" y="T15"/>
                  </a:cxn>
                  <a:cxn ang="T110">
                    <a:pos x="T16" y="T17"/>
                  </a:cxn>
                  <a:cxn ang="T111">
                    <a:pos x="T18" y="T19"/>
                  </a:cxn>
                  <a:cxn ang="T112">
                    <a:pos x="T20" y="T21"/>
                  </a:cxn>
                  <a:cxn ang="T113">
                    <a:pos x="T22" y="T23"/>
                  </a:cxn>
                  <a:cxn ang="T114">
                    <a:pos x="T24" y="T25"/>
                  </a:cxn>
                  <a:cxn ang="T115">
                    <a:pos x="T26" y="T27"/>
                  </a:cxn>
                  <a:cxn ang="T116">
                    <a:pos x="T28" y="T29"/>
                  </a:cxn>
                  <a:cxn ang="T117">
                    <a:pos x="T30" y="T31"/>
                  </a:cxn>
                  <a:cxn ang="T118">
                    <a:pos x="T32" y="T33"/>
                  </a:cxn>
                  <a:cxn ang="T119">
                    <a:pos x="T34" y="T35"/>
                  </a:cxn>
                  <a:cxn ang="T120">
                    <a:pos x="T36" y="T37"/>
                  </a:cxn>
                  <a:cxn ang="T121">
                    <a:pos x="T38" y="T39"/>
                  </a:cxn>
                  <a:cxn ang="T122">
                    <a:pos x="T40" y="T41"/>
                  </a:cxn>
                  <a:cxn ang="T123">
                    <a:pos x="T42" y="T43"/>
                  </a:cxn>
                  <a:cxn ang="T124">
                    <a:pos x="T44" y="T45"/>
                  </a:cxn>
                  <a:cxn ang="T125">
                    <a:pos x="T46" y="T47"/>
                  </a:cxn>
                  <a:cxn ang="T126">
                    <a:pos x="T48" y="T49"/>
                  </a:cxn>
                  <a:cxn ang="T127">
                    <a:pos x="T50" y="T51"/>
                  </a:cxn>
                  <a:cxn ang="T128">
                    <a:pos x="T52" y="T53"/>
                  </a:cxn>
                  <a:cxn ang="T129">
                    <a:pos x="T54" y="T55"/>
                  </a:cxn>
                  <a:cxn ang="T130">
                    <a:pos x="T56" y="T57"/>
                  </a:cxn>
                  <a:cxn ang="T131">
                    <a:pos x="T58" y="T59"/>
                  </a:cxn>
                  <a:cxn ang="T132">
                    <a:pos x="T60" y="T61"/>
                  </a:cxn>
                  <a:cxn ang="T133">
                    <a:pos x="T62" y="T63"/>
                  </a:cxn>
                  <a:cxn ang="T134">
                    <a:pos x="T64" y="T65"/>
                  </a:cxn>
                  <a:cxn ang="T135">
                    <a:pos x="T66" y="T67"/>
                  </a:cxn>
                  <a:cxn ang="T136">
                    <a:pos x="T68" y="T69"/>
                  </a:cxn>
                  <a:cxn ang="T137">
                    <a:pos x="T70" y="T71"/>
                  </a:cxn>
                  <a:cxn ang="T138">
                    <a:pos x="T72" y="T73"/>
                  </a:cxn>
                  <a:cxn ang="T139">
                    <a:pos x="T74" y="T75"/>
                  </a:cxn>
                  <a:cxn ang="T140">
                    <a:pos x="T76" y="T77"/>
                  </a:cxn>
                  <a:cxn ang="T141">
                    <a:pos x="T78" y="T79"/>
                  </a:cxn>
                  <a:cxn ang="T142">
                    <a:pos x="T80" y="T81"/>
                  </a:cxn>
                  <a:cxn ang="T143">
                    <a:pos x="T82" y="T83"/>
                  </a:cxn>
                  <a:cxn ang="T144">
                    <a:pos x="T84" y="T85"/>
                  </a:cxn>
                  <a:cxn ang="T145">
                    <a:pos x="T86" y="T87"/>
                  </a:cxn>
                  <a:cxn ang="T146">
                    <a:pos x="T88" y="T89"/>
                  </a:cxn>
                  <a:cxn ang="T147">
                    <a:pos x="T90" y="T91"/>
                  </a:cxn>
                  <a:cxn ang="T148">
                    <a:pos x="T92" y="T93"/>
                  </a:cxn>
                  <a:cxn ang="T149">
                    <a:pos x="T94" y="T95"/>
                  </a:cxn>
                  <a:cxn ang="T150">
                    <a:pos x="T96" y="T97"/>
                  </a:cxn>
                  <a:cxn ang="T151">
                    <a:pos x="T98" y="T99"/>
                  </a:cxn>
                  <a:cxn ang="T152">
                    <a:pos x="T100" y="T101"/>
                  </a:cxn>
                </a:cxnLst>
                <a:rect l="T153" t="T154" r="T155" b="T156"/>
                <a:pathLst>
                  <a:path w="378" h="616">
                    <a:moveTo>
                      <a:pt x="44" y="599"/>
                    </a:moveTo>
                    <a:lnTo>
                      <a:pt x="51" y="607"/>
                    </a:lnTo>
                    <a:lnTo>
                      <a:pt x="58" y="600"/>
                    </a:lnTo>
                    <a:lnTo>
                      <a:pt x="54" y="592"/>
                    </a:lnTo>
                    <a:lnTo>
                      <a:pt x="61" y="550"/>
                    </a:lnTo>
                    <a:lnTo>
                      <a:pt x="75" y="548"/>
                    </a:lnTo>
                    <a:lnTo>
                      <a:pt x="73" y="587"/>
                    </a:lnTo>
                    <a:lnTo>
                      <a:pt x="97" y="605"/>
                    </a:lnTo>
                    <a:lnTo>
                      <a:pt x="95" y="605"/>
                    </a:lnTo>
                    <a:lnTo>
                      <a:pt x="92" y="607"/>
                    </a:lnTo>
                    <a:lnTo>
                      <a:pt x="87" y="609"/>
                    </a:lnTo>
                    <a:lnTo>
                      <a:pt x="81" y="611"/>
                    </a:lnTo>
                    <a:lnTo>
                      <a:pt x="76" y="612"/>
                    </a:lnTo>
                    <a:lnTo>
                      <a:pt x="73" y="614"/>
                    </a:lnTo>
                    <a:lnTo>
                      <a:pt x="70" y="616"/>
                    </a:lnTo>
                    <a:lnTo>
                      <a:pt x="76" y="616"/>
                    </a:lnTo>
                    <a:lnTo>
                      <a:pt x="83" y="614"/>
                    </a:lnTo>
                    <a:lnTo>
                      <a:pt x="92" y="612"/>
                    </a:lnTo>
                    <a:lnTo>
                      <a:pt x="98" y="611"/>
                    </a:lnTo>
                    <a:lnTo>
                      <a:pt x="105" y="609"/>
                    </a:lnTo>
                    <a:lnTo>
                      <a:pt x="110" y="607"/>
                    </a:lnTo>
                    <a:lnTo>
                      <a:pt x="114" y="607"/>
                    </a:lnTo>
                    <a:lnTo>
                      <a:pt x="115" y="607"/>
                    </a:lnTo>
                    <a:lnTo>
                      <a:pt x="115" y="605"/>
                    </a:lnTo>
                    <a:lnTo>
                      <a:pt x="114" y="604"/>
                    </a:lnTo>
                    <a:lnTo>
                      <a:pt x="112" y="602"/>
                    </a:lnTo>
                    <a:lnTo>
                      <a:pt x="112" y="600"/>
                    </a:lnTo>
                    <a:lnTo>
                      <a:pt x="117" y="595"/>
                    </a:lnTo>
                    <a:lnTo>
                      <a:pt x="122" y="590"/>
                    </a:lnTo>
                    <a:lnTo>
                      <a:pt x="124" y="587"/>
                    </a:lnTo>
                    <a:lnTo>
                      <a:pt x="125" y="585"/>
                    </a:lnTo>
                    <a:lnTo>
                      <a:pt x="125" y="583"/>
                    </a:lnTo>
                    <a:lnTo>
                      <a:pt x="125" y="582"/>
                    </a:lnTo>
                    <a:lnTo>
                      <a:pt x="125" y="580"/>
                    </a:lnTo>
                    <a:lnTo>
                      <a:pt x="125" y="578"/>
                    </a:lnTo>
                    <a:lnTo>
                      <a:pt x="125" y="577"/>
                    </a:lnTo>
                    <a:lnTo>
                      <a:pt x="124" y="573"/>
                    </a:lnTo>
                    <a:lnTo>
                      <a:pt x="124" y="572"/>
                    </a:lnTo>
                    <a:lnTo>
                      <a:pt x="124" y="570"/>
                    </a:lnTo>
                    <a:lnTo>
                      <a:pt x="127" y="565"/>
                    </a:lnTo>
                    <a:lnTo>
                      <a:pt x="127" y="558"/>
                    </a:lnTo>
                    <a:lnTo>
                      <a:pt x="124" y="553"/>
                    </a:lnTo>
                    <a:lnTo>
                      <a:pt x="119" y="548"/>
                    </a:lnTo>
                    <a:lnTo>
                      <a:pt x="114" y="545"/>
                    </a:lnTo>
                    <a:lnTo>
                      <a:pt x="109" y="539"/>
                    </a:lnTo>
                    <a:lnTo>
                      <a:pt x="105" y="538"/>
                    </a:lnTo>
                    <a:lnTo>
                      <a:pt x="103" y="538"/>
                    </a:lnTo>
                    <a:lnTo>
                      <a:pt x="102" y="516"/>
                    </a:lnTo>
                    <a:lnTo>
                      <a:pt x="378" y="489"/>
                    </a:lnTo>
                    <a:lnTo>
                      <a:pt x="361" y="457"/>
                    </a:lnTo>
                    <a:lnTo>
                      <a:pt x="361" y="455"/>
                    </a:lnTo>
                    <a:lnTo>
                      <a:pt x="361" y="450"/>
                    </a:lnTo>
                    <a:lnTo>
                      <a:pt x="361" y="445"/>
                    </a:lnTo>
                    <a:lnTo>
                      <a:pt x="361" y="438"/>
                    </a:lnTo>
                    <a:lnTo>
                      <a:pt x="361" y="431"/>
                    </a:lnTo>
                    <a:lnTo>
                      <a:pt x="359" y="424"/>
                    </a:lnTo>
                    <a:lnTo>
                      <a:pt x="359" y="421"/>
                    </a:lnTo>
                    <a:lnTo>
                      <a:pt x="359" y="418"/>
                    </a:lnTo>
                    <a:lnTo>
                      <a:pt x="354" y="413"/>
                    </a:lnTo>
                    <a:lnTo>
                      <a:pt x="351" y="406"/>
                    </a:lnTo>
                    <a:lnTo>
                      <a:pt x="349" y="399"/>
                    </a:lnTo>
                    <a:lnTo>
                      <a:pt x="349" y="391"/>
                    </a:lnTo>
                    <a:lnTo>
                      <a:pt x="349" y="385"/>
                    </a:lnTo>
                    <a:lnTo>
                      <a:pt x="349" y="380"/>
                    </a:lnTo>
                    <a:lnTo>
                      <a:pt x="351" y="377"/>
                    </a:lnTo>
                    <a:lnTo>
                      <a:pt x="351" y="374"/>
                    </a:lnTo>
                    <a:lnTo>
                      <a:pt x="351" y="367"/>
                    </a:lnTo>
                    <a:lnTo>
                      <a:pt x="351" y="360"/>
                    </a:lnTo>
                    <a:lnTo>
                      <a:pt x="351" y="355"/>
                    </a:lnTo>
                    <a:lnTo>
                      <a:pt x="352" y="350"/>
                    </a:lnTo>
                    <a:lnTo>
                      <a:pt x="352" y="348"/>
                    </a:lnTo>
                    <a:lnTo>
                      <a:pt x="352" y="345"/>
                    </a:lnTo>
                    <a:lnTo>
                      <a:pt x="354" y="345"/>
                    </a:lnTo>
                    <a:lnTo>
                      <a:pt x="354" y="343"/>
                    </a:lnTo>
                    <a:lnTo>
                      <a:pt x="361" y="336"/>
                    </a:lnTo>
                    <a:lnTo>
                      <a:pt x="364" y="331"/>
                    </a:lnTo>
                    <a:lnTo>
                      <a:pt x="364" y="328"/>
                    </a:lnTo>
                    <a:lnTo>
                      <a:pt x="364" y="325"/>
                    </a:lnTo>
                    <a:lnTo>
                      <a:pt x="361" y="323"/>
                    </a:lnTo>
                    <a:lnTo>
                      <a:pt x="359" y="323"/>
                    </a:lnTo>
                    <a:lnTo>
                      <a:pt x="357" y="321"/>
                    </a:lnTo>
                    <a:lnTo>
                      <a:pt x="356" y="319"/>
                    </a:lnTo>
                    <a:lnTo>
                      <a:pt x="356" y="314"/>
                    </a:lnTo>
                    <a:lnTo>
                      <a:pt x="356" y="308"/>
                    </a:lnTo>
                    <a:lnTo>
                      <a:pt x="352" y="304"/>
                    </a:lnTo>
                    <a:lnTo>
                      <a:pt x="351" y="301"/>
                    </a:lnTo>
                    <a:lnTo>
                      <a:pt x="349" y="297"/>
                    </a:lnTo>
                    <a:lnTo>
                      <a:pt x="347" y="296"/>
                    </a:lnTo>
                    <a:lnTo>
                      <a:pt x="345" y="294"/>
                    </a:lnTo>
                    <a:lnTo>
                      <a:pt x="329" y="257"/>
                    </a:lnTo>
                    <a:lnTo>
                      <a:pt x="256" y="0"/>
                    </a:lnTo>
                    <a:lnTo>
                      <a:pt x="257" y="0"/>
                    </a:lnTo>
                    <a:lnTo>
                      <a:pt x="5" y="22"/>
                    </a:lnTo>
                    <a:lnTo>
                      <a:pt x="0" y="414"/>
                    </a:lnTo>
                    <a:lnTo>
                      <a:pt x="24" y="599"/>
                    </a:lnTo>
                    <a:lnTo>
                      <a:pt x="44" y="59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70" name="Freeform 179"/>
              <p:cNvSpPr>
                <a:spLocks/>
              </p:cNvSpPr>
              <p:nvPr/>
            </p:nvSpPr>
            <p:spPr bwMode="auto">
              <a:xfrm>
                <a:off x="3720" y="2429"/>
                <a:ext cx="378" cy="616"/>
              </a:xfrm>
              <a:custGeom>
                <a:avLst/>
                <a:gdLst>
                  <a:gd name="T0" fmla="*/ 51 w 378"/>
                  <a:gd name="T1" fmla="*/ 607 h 616"/>
                  <a:gd name="T2" fmla="*/ 54 w 378"/>
                  <a:gd name="T3" fmla="*/ 592 h 616"/>
                  <a:gd name="T4" fmla="*/ 75 w 378"/>
                  <a:gd name="T5" fmla="*/ 548 h 616"/>
                  <a:gd name="T6" fmla="*/ 97 w 378"/>
                  <a:gd name="T7" fmla="*/ 605 h 616"/>
                  <a:gd name="T8" fmla="*/ 95 w 378"/>
                  <a:gd name="T9" fmla="*/ 605 h 616"/>
                  <a:gd name="T10" fmla="*/ 87 w 378"/>
                  <a:gd name="T11" fmla="*/ 609 h 616"/>
                  <a:gd name="T12" fmla="*/ 76 w 378"/>
                  <a:gd name="T13" fmla="*/ 612 h 616"/>
                  <a:gd name="T14" fmla="*/ 70 w 378"/>
                  <a:gd name="T15" fmla="*/ 616 h 616"/>
                  <a:gd name="T16" fmla="*/ 70 w 378"/>
                  <a:gd name="T17" fmla="*/ 616 h 616"/>
                  <a:gd name="T18" fmla="*/ 83 w 378"/>
                  <a:gd name="T19" fmla="*/ 614 h 616"/>
                  <a:gd name="T20" fmla="*/ 98 w 378"/>
                  <a:gd name="T21" fmla="*/ 611 h 616"/>
                  <a:gd name="T22" fmla="*/ 110 w 378"/>
                  <a:gd name="T23" fmla="*/ 607 h 616"/>
                  <a:gd name="T24" fmla="*/ 115 w 378"/>
                  <a:gd name="T25" fmla="*/ 607 h 616"/>
                  <a:gd name="T26" fmla="*/ 115 w 378"/>
                  <a:gd name="T27" fmla="*/ 605 h 616"/>
                  <a:gd name="T28" fmla="*/ 112 w 378"/>
                  <a:gd name="T29" fmla="*/ 602 h 616"/>
                  <a:gd name="T30" fmla="*/ 112 w 378"/>
                  <a:gd name="T31" fmla="*/ 600 h 616"/>
                  <a:gd name="T32" fmla="*/ 122 w 378"/>
                  <a:gd name="T33" fmla="*/ 590 h 616"/>
                  <a:gd name="T34" fmla="*/ 125 w 378"/>
                  <a:gd name="T35" fmla="*/ 585 h 616"/>
                  <a:gd name="T36" fmla="*/ 125 w 378"/>
                  <a:gd name="T37" fmla="*/ 582 h 616"/>
                  <a:gd name="T38" fmla="*/ 125 w 378"/>
                  <a:gd name="T39" fmla="*/ 582 h 616"/>
                  <a:gd name="T40" fmla="*/ 125 w 378"/>
                  <a:gd name="T41" fmla="*/ 582 h 616"/>
                  <a:gd name="T42" fmla="*/ 125 w 378"/>
                  <a:gd name="T43" fmla="*/ 578 h 616"/>
                  <a:gd name="T44" fmla="*/ 124 w 378"/>
                  <a:gd name="T45" fmla="*/ 573 h 616"/>
                  <a:gd name="T46" fmla="*/ 124 w 378"/>
                  <a:gd name="T47" fmla="*/ 570 h 616"/>
                  <a:gd name="T48" fmla="*/ 124 w 378"/>
                  <a:gd name="T49" fmla="*/ 570 h 616"/>
                  <a:gd name="T50" fmla="*/ 127 w 378"/>
                  <a:gd name="T51" fmla="*/ 558 h 616"/>
                  <a:gd name="T52" fmla="*/ 119 w 378"/>
                  <a:gd name="T53" fmla="*/ 548 h 616"/>
                  <a:gd name="T54" fmla="*/ 109 w 378"/>
                  <a:gd name="T55" fmla="*/ 539 h 616"/>
                  <a:gd name="T56" fmla="*/ 103 w 378"/>
                  <a:gd name="T57" fmla="*/ 538 h 616"/>
                  <a:gd name="T58" fmla="*/ 378 w 378"/>
                  <a:gd name="T59" fmla="*/ 489 h 616"/>
                  <a:gd name="T60" fmla="*/ 361 w 378"/>
                  <a:gd name="T61" fmla="*/ 457 h 616"/>
                  <a:gd name="T62" fmla="*/ 361 w 378"/>
                  <a:gd name="T63" fmla="*/ 450 h 616"/>
                  <a:gd name="T64" fmla="*/ 361 w 378"/>
                  <a:gd name="T65" fmla="*/ 438 h 616"/>
                  <a:gd name="T66" fmla="*/ 359 w 378"/>
                  <a:gd name="T67" fmla="*/ 424 h 616"/>
                  <a:gd name="T68" fmla="*/ 359 w 378"/>
                  <a:gd name="T69" fmla="*/ 418 h 616"/>
                  <a:gd name="T70" fmla="*/ 354 w 378"/>
                  <a:gd name="T71" fmla="*/ 413 h 616"/>
                  <a:gd name="T72" fmla="*/ 349 w 378"/>
                  <a:gd name="T73" fmla="*/ 399 h 616"/>
                  <a:gd name="T74" fmla="*/ 349 w 378"/>
                  <a:gd name="T75" fmla="*/ 385 h 616"/>
                  <a:gd name="T76" fmla="*/ 351 w 378"/>
                  <a:gd name="T77" fmla="*/ 377 h 616"/>
                  <a:gd name="T78" fmla="*/ 351 w 378"/>
                  <a:gd name="T79" fmla="*/ 374 h 616"/>
                  <a:gd name="T80" fmla="*/ 351 w 378"/>
                  <a:gd name="T81" fmla="*/ 360 h 616"/>
                  <a:gd name="T82" fmla="*/ 352 w 378"/>
                  <a:gd name="T83" fmla="*/ 350 h 616"/>
                  <a:gd name="T84" fmla="*/ 352 w 378"/>
                  <a:gd name="T85" fmla="*/ 345 h 616"/>
                  <a:gd name="T86" fmla="*/ 354 w 378"/>
                  <a:gd name="T87" fmla="*/ 343 h 616"/>
                  <a:gd name="T88" fmla="*/ 361 w 378"/>
                  <a:gd name="T89" fmla="*/ 336 h 616"/>
                  <a:gd name="T90" fmla="*/ 364 w 378"/>
                  <a:gd name="T91" fmla="*/ 328 h 616"/>
                  <a:gd name="T92" fmla="*/ 361 w 378"/>
                  <a:gd name="T93" fmla="*/ 323 h 616"/>
                  <a:gd name="T94" fmla="*/ 357 w 378"/>
                  <a:gd name="T95" fmla="*/ 321 h 616"/>
                  <a:gd name="T96" fmla="*/ 356 w 378"/>
                  <a:gd name="T97" fmla="*/ 319 h 616"/>
                  <a:gd name="T98" fmla="*/ 356 w 378"/>
                  <a:gd name="T99" fmla="*/ 308 h 616"/>
                  <a:gd name="T100" fmla="*/ 351 w 378"/>
                  <a:gd name="T101" fmla="*/ 301 h 616"/>
                  <a:gd name="T102" fmla="*/ 347 w 378"/>
                  <a:gd name="T103" fmla="*/ 296 h 616"/>
                  <a:gd name="T104" fmla="*/ 345 w 378"/>
                  <a:gd name="T105" fmla="*/ 294 h 616"/>
                  <a:gd name="T106" fmla="*/ 256 w 378"/>
                  <a:gd name="T107" fmla="*/ 0 h 616"/>
                  <a:gd name="T108" fmla="*/ 5 w 378"/>
                  <a:gd name="T109" fmla="*/ 22 h 616"/>
                  <a:gd name="T110" fmla="*/ 24 w 378"/>
                  <a:gd name="T111" fmla="*/ 599 h 61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378"/>
                  <a:gd name="T169" fmla="*/ 0 h 616"/>
                  <a:gd name="T170" fmla="*/ 378 w 378"/>
                  <a:gd name="T171" fmla="*/ 616 h 616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378" h="616">
                    <a:moveTo>
                      <a:pt x="44" y="599"/>
                    </a:moveTo>
                    <a:lnTo>
                      <a:pt x="51" y="607"/>
                    </a:lnTo>
                    <a:lnTo>
                      <a:pt x="58" y="600"/>
                    </a:lnTo>
                    <a:lnTo>
                      <a:pt x="54" y="592"/>
                    </a:lnTo>
                    <a:lnTo>
                      <a:pt x="61" y="550"/>
                    </a:lnTo>
                    <a:lnTo>
                      <a:pt x="75" y="548"/>
                    </a:lnTo>
                    <a:lnTo>
                      <a:pt x="73" y="587"/>
                    </a:lnTo>
                    <a:lnTo>
                      <a:pt x="97" y="605"/>
                    </a:lnTo>
                    <a:lnTo>
                      <a:pt x="95" y="605"/>
                    </a:lnTo>
                    <a:lnTo>
                      <a:pt x="92" y="607"/>
                    </a:lnTo>
                    <a:lnTo>
                      <a:pt x="87" y="609"/>
                    </a:lnTo>
                    <a:lnTo>
                      <a:pt x="81" y="611"/>
                    </a:lnTo>
                    <a:lnTo>
                      <a:pt x="76" y="612"/>
                    </a:lnTo>
                    <a:lnTo>
                      <a:pt x="73" y="614"/>
                    </a:lnTo>
                    <a:lnTo>
                      <a:pt x="70" y="616"/>
                    </a:lnTo>
                    <a:lnTo>
                      <a:pt x="76" y="616"/>
                    </a:lnTo>
                    <a:lnTo>
                      <a:pt x="83" y="614"/>
                    </a:lnTo>
                    <a:lnTo>
                      <a:pt x="92" y="612"/>
                    </a:lnTo>
                    <a:lnTo>
                      <a:pt x="98" y="611"/>
                    </a:lnTo>
                    <a:lnTo>
                      <a:pt x="105" y="609"/>
                    </a:lnTo>
                    <a:lnTo>
                      <a:pt x="110" y="607"/>
                    </a:lnTo>
                    <a:lnTo>
                      <a:pt x="114" y="607"/>
                    </a:lnTo>
                    <a:lnTo>
                      <a:pt x="115" y="607"/>
                    </a:lnTo>
                    <a:lnTo>
                      <a:pt x="115" y="605"/>
                    </a:lnTo>
                    <a:lnTo>
                      <a:pt x="114" y="604"/>
                    </a:lnTo>
                    <a:lnTo>
                      <a:pt x="112" y="602"/>
                    </a:lnTo>
                    <a:lnTo>
                      <a:pt x="112" y="600"/>
                    </a:lnTo>
                    <a:lnTo>
                      <a:pt x="117" y="595"/>
                    </a:lnTo>
                    <a:lnTo>
                      <a:pt x="122" y="590"/>
                    </a:lnTo>
                    <a:lnTo>
                      <a:pt x="124" y="587"/>
                    </a:lnTo>
                    <a:lnTo>
                      <a:pt x="125" y="585"/>
                    </a:lnTo>
                    <a:lnTo>
                      <a:pt x="125" y="583"/>
                    </a:lnTo>
                    <a:lnTo>
                      <a:pt x="125" y="582"/>
                    </a:lnTo>
                    <a:lnTo>
                      <a:pt x="125" y="580"/>
                    </a:lnTo>
                    <a:lnTo>
                      <a:pt x="125" y="578"/>
                    </a:lnTo>
                    <a:lnTo>
                      <a:pt x="125" y="577"/>
                    </a:lnTo>
                    <a:lnTo>
                      <a:pt x="124" y="573"/>
                    </a:lnTo>
                    <a:lnTo>
                      <a:pt x="124" y="572"/>
                    </a:lnTo>
                    <a:lnTo>
                      <a:pt x="124" y="570"/>
                    </a:lnTo>
                    <a:lnTo>
                      <a:pt x="127" y="565"/>
                    </a:lnTo>
                    <a:lnTo>
                      <a:pt x="127" y="558"/>
                    </a:lnTo>
                    <a:lnTo>
                      <a:pt x="124" y="553"/>
                    </a:lnTo>
                    <a:lnTo>
                      <a:pt x="119" y="548"/>
                    </a:lnTo>
                    <a:lnTo>
                      <a:pt x="114" y="545"/>
                    </a:lnTo>
                    <a:lnTo>
                      <a:pt x="109" y="539"/>
                    </a:lnTo>
                    <a:lnTo>
                      <a:pt x="105" y="538"/>
                    </a:lnTo>
                    <a:lnTo>
                      <a:pt x="103" y="538"/>
                    </a:lnTo>
                    <a:lnTo>
                      <a:pt x="102" y="516"/>
                    </a:lnTo>
                    <a:lnTo>
                      <a:pt x="378" y="489"/>
                    </a:lnTo>
                    <a:lnTo>
                      <a:pt x="361" y="457"/>
                    </a:lnTo>
                    <a:lnTo>
                      <a:pt x="361" y="455"/>
                    </a:lnTo>
                    <a:lnTo>
                      <a:pt x="361" y="450"/>
                    </a:lnTo>
                    <a:lnTo>
                      <a:pt x="361" y="445"/>
                    </a:lnTo>
                    <a:lnTo>
                      <a:pt x="361" y="438"/>
                    </a:lnTo>
                    <a:lnTo>
                      <a:pt x="361" y="431"/>
                    </a:lnTo>
                    <a:lnTo>
                      <a:pt x="359" y="424"/>
                    </a:lnTo>
                    <a:lnTo>
                      <a:pt x="359" y="421"/>
                    </a:lnTo>
                    <a:lnTo>
                      <a:pt x="359" y="418"/>
                    </a:lnTo>
                    <a:lnTo>
                      <a:pt x="354" y="413"/>
                    </a:lnTo>
                    <a:lnTo>
                      <a:pt x="351" y="406"/>
                    </a:lnTo>
                    <a:lnTo>
                      <a:pt x="349" y="399"/>
                    </a:lnTo>
                    <a:lnTo>
                      <a:pt x="349" y="391"/>
                    </a:lnTo>
                    <a:lnTo>
                      <a:pt x="349" y="385"/>
                    </a:lnTo>
                    <a:lnTo>
                      <a:pt x="349" y="380"/>
                    </a:lnTo>
                    <a:lnTo>
                      <a:pt x="351" y="377"/>
                    </a:lnTo>
                    <a:lnTo>
                      <a:pt x="351" y="374"/>
                    </a:lnTo>
                    <a:lnTo>
                      <a:pt x="351" y="367"/>
                    </a:lnTo>
                    <a:lnTo>
                      <a:pt x="351" y="360"/>
                    </a:lnTo>
                    <a:lnTo>
                      <a:pt x="351" y="355"/>
                    </a:lnTo>
                    <a:lnTo>
                      <a:pt x="352" y="350"/>
                    </a:lnTo>
                    <a:lnTo>
                      <a:pt x="352" y="348"/>
                    </a:lnTo>
                    <a:lnTo>
                      <a:pt x="352" y="345"/>
                    </a:lnTo>
                    <a:lnTo>
                      <a:pt x="354" y="345"/>
                    </a:lnTo>
                    <a:lnTo>
                      <a:pt x="354" y="343"/>
                    </a:lnTo>
                    <a:lnTo>
                      <a:pt x="361" y="336"/>
                    </a:lnTo>
                    <a:lnTo>
                      <a:pt x="364" y="331"/>
                    </a:lnTo>
                    <a:lnTo>
                      <a:pt x="364" y="328"/>
                    </a:lnTo>
                    <a:lnTo>
                      <a:pt x="364" y="325"/>
                    </a:lnTo>
                    <a:lnTo>
                      <a:pt x="361" y="323"/>
                    </a:lnTo>
                    <a:lnTo>
                      <a:pt x="359" y="323"/>
                    </a:lnTo>
                    <a:lnTo>
                      <a:pt x="357" y="321"/>
                    </a:lnTo>
                    <a:lnTo>
                      <a:pt x="356" y="319"/>
                    </a:lnTo>
                    <a:lnTo>
                      <a:pt x="356" y="314"/>
                    </a:lnTo>
                    <a:lnTo>
                      <a:pt x="356" y="308"/>
                    </a:lnTo>
                    <a:lnTo>
                      <a:pt x="352" y="304"/>
                    </a:lnTo>
                    <a:lnTo>
                      <a:pt x="351" y="301"/>
                    </a:lnTo>
                    <a:lnTo>
                      <a:pt x="349" y="297"/>
                    </a:lnTo>
                    <a:lnTo>
                      <a:pt x="347" y="296"/>
                    </a:lnTo>
                    <a:lnTo>
                      <a:pt x="345" y="294"/>
                    </a:lnTo>
                    <a:lnTo>
                      <a:pt x="329" y="257"/>
                    </a:lnTo>
                    <a:lnTo>
                      <a:pt x="256" y="0"/>
                    </a:lnTo>
                    <a:lnTo>
                      <a:pt x="257" y="0"/>
                    </a:lnTo>
                    <a:lnTo>
                      <a:pt x="5" y="22"/>
                    </a:lnTo>
                    <a:lnTo>
                      <a:pt x="0" y="414"/>
                    </a:lnTo>
                    <a:lnTo>
                      <a:pt x="24" y="599"/>
                    </a:lnTo>
                    <a:lnTo>
                      <a:pt x="44" y="599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58" name="Group 180"/>
            <p:cNvGrpSpPr>
              <a:grpSpLocks/>
            </p:cNvGrpSpPr>
            <p:nvPr/>
          </p:nvGrpSpPr>
          <p:grpSpPr bwMode="auto">
            <a:xfrm>
              <a:off x="3751" y="2759"/>
              <a:ext cx="502" cy="541"/>
              <a:chOff x="3976" y="2396"/>
              <a:chExt cx="516" cy="557"/>
            </a:xfrm>
          </p:grpSpPr>
          <p:sp>
            <p:nvSpPr>
              <p:cNvPr id="67" name="Freeform 181"/>
              <p:cNvSpPr>
                <a:spLocks/>
              </p:cNvSpPr>
              <p:nvPr/>
            </p:nvSpPr>
            <p:spPr bwMode="auto">
              <a:xfrm>
                <a:off x="3976" y="2396"/>
                <a:ext cx="516" cy="557"/>
              </a:xfrm>
              <a:custGeom>
                <a:avLst/>
                <a:gdLst>
                  <a:gd name="T0" fmla="*/ 490 w 516"/>
                  <a:gd name="T1" fmla="*/ 488 h 557"/>
                  <a:gd name="T2" fmla="*/ 490 w 516"/>
                  <a:gd name="T3" fmla="*/ 464 h 557"/>
                  <a:gd name="T4" fmla="*/ 487 w 516"/>
                  <a:gd name="T5" fmla="*/ 468 h 557"/>
                  <a:gd name="T6" fmla="*/ 485 w 516"/>
                  <a:gd name="T7" fmla="*/ 464 h 557"/>
                  <a:gd name="T8" fmla="*/ 480 w 516"/>
                  <a:gd name="T9" fmla="*/ 444 h 557"/>
                  <a:gd name="T10" fmla="*/ 489 w 516"/>
                  <a:gd name="T11" fmla="*/ 451 h 557"/>
                  <a:gd name="T12" fmla="*/ 485 w 516"/>
                  <a:gd name="T13" fmla="*/ 425 h 557"/>
                  <a:gd name="T14" fmla="*/ 494 w 516"/>
                  <a:gd name="T15" fmla="*/ 427 h 557"/>
                  <a:gd name="T16" fmla="*/ 497 w 516"/>
                  <a:gd name="T17" fmla="*/ 418 h 557"/>
                  <a:gd name="T18" fmla="*/ 497 w 516"/>
                  <a:gd name="T19" fmla="*/ 400 h 557"/>
                  <a:gd name="T20" fmla="*/ 504 w 516"/>
                  <a:gd name="T21" fmla="*/ 398 h 557"/>
                  <a:gd name="T22" fmla="*/ 507 w 516"/>
                  <a:gd name="T23" fmla="*/ 391 h 557"/>
                  <a:gd name="T24" fmla="*/ 499 w 516"/>
                  <a:gd name="T25" fmla="*/ 386 h 557"/>
                  <a:gd name="T26" fmla="*/ 499 w 516"/>
                  <a:gd name="T27" fmla="*/ 380 h 557"/>
                  <a:gd name="T28" fmla="*/ 501 w 516"/>
                  <a:gd name="T29" fmla="*/ 371 h 557"/>
                  <a:gd name="T30" fmla="*/ 506 w 516"/>
                  <a:gd name="T31" fmla="*/ 354 h 557"/>
                  <a:gd name="T32" fmla="*/ 509 w 516"/>
                  <a:gd name="T33" fmla="*/ 344 h 557"/>
                  <a:gd name="T34" fmla="*/ 502 w 516"/>
                  <a:gd name="T35" fmla="*/ 324 h 557"/>
                  <a:gd name="T36" fmla="*/ 502 w 516"/>
                  <a:gd name="T37" fmla="*/ 319 h 557"/>
                  <a:gd name="T38" fmla="*/ 502 w 516"/>
                  <a:gd name="T39" fmla="*/ 312 h 557"/>
                  <a:gd name="T40" fmla="*/ 490 w 516"/>
                  <a:gd name="T41" fmla="*/ 280 h 557"/>
                  <a:gd name="T42" fmla="*/ 467 w 516"/>
                  <a:gd name="T43" fmla="*/ 259 h 557"/>
                  <a:gd name="T44" fmla="*/ 453 w 516"/>
                  <a:gd name="T45" fmla="*/ 224 h 557"/>
                  <a:gd name="T46" fmla="*/ 430 w 516"/>
                  <a:gd name="T47" fmla="*/ 212 h 557"/>
                  <a:gd name="T48" fmla="*/ 419 w 516"/>
                  <a:gd name="T49" fmla="*/ 204 h 557"/>
                  <a:gd name="T50" fmla="*/ 402 w 516"/>
                  <a:gd name="T51" fmla="*/ 187 h 557"/>
                  <a:gd name="T52" fmla="*/ 389 w 516"/>
                  <a:gd name="T53" fmla="*/ 163 h 557"/>
                  <a:gd name="T54" fmla="*/ 374 w 516"/>
                  <a:gd name="T55" fmla="*/ 160 h 557"/>
                  <a:gd name="T56" fmla="*/ 367 w 516"/>
                  <a:gd name="T57" fmla="*/ 153 h 557"/>
                  <a:gd name="T58" fmla="*/ 355 w 516"/>
                  <a:gd name="T59" fmla="*/ 134 h 557"/>
                  <a:gd name="T60" fmla="*/ 343 w 516"/>
                  <a:gd name="T61" fmla="*/ 132 h 557"/>
                  <a:gd name="T62" fmla="*/ 328 w 516"/>
                  <a:gd name="T63" fmla="*/ 124 h 557"/>
                  <a:gd name="T64" fmla="*/ 318 w 516"/>
                  <a:gd name="T65" fmla="*/ 107 h 557"/>
                  <a:gd name="T66" fmla="*/ 301 w 516"/>
                  <a:gd name="T67" fmla="*/ 88 h 557"/>
                  <a:gd name="T68" fmla="*/ 287 w 516"/>
                  <a:gd name="T69" fmla="*/ 65 h 557"/>
                  <a:gd name="T70" fmla="*/ 282 w 516"/>
                  <a:gd name="T71" fmla="*/ 61 h 557"/>
                  <a:gd name="T72" fmla="*/ 262 w 516"/>
                  <a:gd name="T73" fmla="*/ 56 h 557"/>
                  <a:gd name="T74" fmla="*/ 252 w 516"/>
                  <a:gd name="T75" fmla="*/ 50 h 557"/>
                  <a:gd name="T76" fmla="*/ 235 w 516"/>
                  <a:gd name="T77" fmla="*/ 34 h 557"/>
                  <a:gd name="T78" fmla="*/ 252 w 516"/>
                  <a:gd name="T79" fmla="*/ 2 h 557"/>
                  <a:gd name="T80" fmla="*/ 73 w 516"/>
                  <a:gd name="T81" fmla="*/ 290 h 557"/>
                  <a:gd name="T82" fmla="*/ 93 w 516"/>
                  <a:gd name="T83" fmla="*/ 330 h 557"/>
                  <a:gd name="T84" fmla="*/ 100 w 516"/>
                  <a:gd name="T85" fmla="*/ 347 h 557"/>
                  <a:gd name="T86" fmla="*/ 105 w 516"/>
                  <a:gd name="T87" fmla="*/ 356 h 557"/>
                  <a:gd name="T88" fmla="*/ 105 w 516"/>
                  <a:gd name="T89" fmla="*/ 369 h 557"/>
                  <a:gd name="T90" fmla="*/ 96 w 516"/>
                  <a:gd name="T91" fmla="*/ 381 h 557"/>
                  <a:gd name="T92" fmla="*/ 95 w 516"/>
                  <a:gd name="T93" fmla="*/ 400 h 557"/>
                  <a:gd name="T94" fmla="*/ 93 w 516"/>
                  <a:gd name="T95" fmla="*/ 418 h 557"/>
                  <a:gd name="T96" fmla="*/ 98 w 516"/>
                  <a:gd name="T97" fmla="*/ 446 h 557"/>
                  <a:gd name="T98" fmla="*/ 105 w 516"/>
                  <a:gd name="T99" fmla="*/ 464 h 557"/>
                  <a:gd name="T100" fmla="*/ 105 w 516"/>
                  <a:gd name="T101" fmla="*/ 488 h 557"/>
                  <a:gd name="T102" fmla="*/ 418 w 516"/>
                  <a:gd name="T103" fmla="*/ 535 h 557"/>
                  <a:gd name="T104" fmla="*/ 441 w 516"/>
                  <a:gd name="T105" fmla="*/ 552 h 557"/>
                  <a:gd name="T106" fmla="*/ 440 w 516"/>
                  <a:gd name="T107" fmla="*/ 534 h 557"/>
                  <a:gd name="T108" fmla="*/ 435 w 516"/>
                  <a:gd name="T109" fmla="*/ 512 h 557"/>
                  <a:gd name="T110" fmla="*/ 443 w 516"/>
                  <a:gd name="T111" fmla="*/ 498 h 557"/>
                  <a:gd name="T112" fmla="*/ 462 w 516"/>
                  <a:gd name="T113" fmla="*/ 503 h 557"/>
                  <a:gd name="T114" fmla="*/ 485 w 516"/>
                  <a:gd name="T115" fmla="*/ 506 h 557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516"/>
                  <a:gd name="T175" fmla="*/ 0 h 557"/>
                  <a:gd name="T176" fmla="*/ 516 w 516"/>
                  <a:gd name="T177" fmla="*/ 557 h 557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516" h="557">
                    <a:moveTo>
                      <a:pt x="492" y="498"/>
                    </a:moveTo>
                    <a:lnTo>
                      <a:pt x="487" y="493"/>
                    </a:lnTo>
                    <a:lnTo>
                      <a:pt x="485" y="490"/>
                    </a:lnTo>
                    <a:lnTo>
                      <a:pt x="490" y="488"/>
                    </a:lnTo>
                    <a:lnTo>
                      <a:pt x="492" y="474"/>
                    </a:lnTo>
                    <a:lnTo>
                      <a:pt x="489" y="474"/>
                    </a:lnTo>
                    <a:lnTo>
                      <a:pt x="489" y="471"/>
                    </a:lnTo>
                    <a:lnTo>
                      <a:pt x="490" y="464"/>
                    </a:lnTo>
                    <a:lnTo>
                      <a:pt x="485" y="462"/>
                    </a:lnTo>
                    <a:lnTo>
                      <a:pt x="487" y="464"/>
                    </a:lnTo>
                    <a:lnTo>
                      <a:pt x="487" y="466"/>
                    </a:lnTo>
                    <a:lnTo>
                      <a:pt x="487" y="468"/>
                    </a:lnTo>
                    <a:lnTo>
                      <a:pt x="487" y="469"/>
                    </a:lnTo>
                    <a:lnTo>
                      <a:pt x="487" y="468"/>
                    </a:lnTo>
                    <a:lnTo>
                      <a:pt x="485" y="464"/>
                    </a:lnTo>
                    <a:lnTo>
                      <a:pt x="482" y="457"/>
                    </a:lnTo>
                    <a:lnTo>
                      <a:pt x="480" y="449"/>
                    </a:lnTo>
                    <a:lnTo>
                      <a:pt x="480" y="446"/>
                    </a:lnTo>
                    <a:lnTo>
                      <a:pt x="480" y="444"/>
                    </a:lnTo>
                    <a:lnTo>
                      <a:pt x="482" y="444"/>
                    </a:lnTo>
                    <a:lnTo>
                      <a:pt x="485" y="446"/>
                    </a:lnTo>
                    <a:lnTo>
                      <a:pt x="487" y="449"/>
                    </a:lnTo>
                    <a:lnTo>
                      <a:pt x="489" y="451"/>
                    </a:lnTo>
                    <a:lnTo>
                      <a:pt x="489" y="432"/>
                    </a:lnTo>
                    <a:lnTo>
                      <a:pt x="485" y="425"/>
                    </a:lnTo>
                    <a:lnTo>
                      <a:pt x="487" y="427"/>
                    </a:lnTo>
                    <a:lnTo>
                      <a:pt x="489" y="427"/>
                    </a:lnTo>
                    <a:lnTo>
                      <a:pt x="490" y="427"/>
                    </a:lnTo>
                    <a:lnTo>
                      <a:pt x="494" y="427"/>
                    </a:lnTo>
                    <a:lnTo>
                      <a:pt x="496" y="427"/>
                    </a:lnTo>
                    <a:lnTo>
                      <a:pt x="497" y="427"/>
                    </a:lnTo>
                    <a:lnTo>
                      <a:pt x="497" y="418"/>
                    </a:lnTo>
                    <a:lnTo>
                      <a:pt x="497" y="412"/>
                    </a:lnTo>
                    <a:lnTo>
                      <a:pt x="497" y="407"/>
                    </a:lnTo>
                    <a:lnTo>
                      <a:pt x="497" y="403"/>
                    </a:lnTo>
                    <a:lnTo>
                      <a:pt x="497" y="400"/>
                    </a:lnTo>
                    <a:lnTo>
                      <a:pt x="499" y="398"/>
                    </a:lnTo>
                    <a:lnTo>
                      <a:pt x="504" y="398"/>
                    </a:lnTo>
                    <a:lnTo>
                      <a:pt x="506" y="396"/>
                    </a:lnTo>
                    <a:lnTo>
                      <a:pt x="507" y="395"/>
                    </a:lnTo>
                    <a:lnTo>
                      <a:pt x="507" y="393"/>
                    </a:lnTo>
                    <a:lnTo>
                      <a:pt x="507" y="391"/>
                    </a:lnTo>
                    <a:lnTo>
                      <a:pt x="506" y="391"/>
                    </a:lnTo>
                    <a:lnTo>
                      <a:pt x="506" y="390"/>
                    </a:lnTo>
                    <a:lnTo>
                      <a:pt x="504" y="390"/>
                    </a:lnTo>
                    <a:lnTo>
                      <a:pt x="499" y="386"/>
                    </a:lnTo>
                    <a:lnTo>
                      <a:pt x="497" y="385"/>
                    </a:lnTo>
                    <a:lnTo>
                      <a:pt x="496" y="383"/>
                    </a:lnTo>
                    <a:lnTo>
                      <a:pt x="497" y="381"/>
                    </a:lnTo>
                    <a:lnTo>
                      <a:pt x="499" y="380"/>
                    </a:lnTo>
                    <a:lnTo>
                      <a:pt x="501" y="380"/>
                    </a:lnTo>
                    <a:lnTo>
                      <a:pt x="502" y="380"/>
                    </a:lnTo>
                    <a:lnTo>
                      <a:pt x="504" y="378"/>
                    </a:lnTo>
                    <a:lnTo>
                      <a:pt x="501" y="371"/>
                    </a:lnTo>
                    <a:lnTo>
                      <a:pt x="501" y="364"/>
                    </a:lnTo>
                    <a:lnTo>
                      <a:pt x="502" y="361"/>
                    </a:lnTo>
                    <a:lnTo>
                      <a:pt x="504" y="356"/>
                    </a:lnTo>
                    <a:lnTo>
                      <a:pt x="506" y="354"/>
                    </a:lnTo>
                    <a:lnTo>
                      <a:pt x="507" y="352"/>
                    </a:lnTo>
                    <a:lnTo>
                      <a:pt x="509" y="352"/>
                    </a:lnTo>
                    <a:lnTo>
                      <a:pt x="509" y="351"/>
                    </a:lnTo>
                    <a:lnTo>
                      <a:pt x="509" y="344"/>
                    </a:lnTo>
                    <a:lnTo>
                      <a:pt x="516" y="339"/>
                    </a:lnTo>
                    <a:lnTo>
                      <a:pt x="514" y="330"/>
                    </a:lnTo>
                    <a:lnTo>
                      <a:pt x="506" y="329"/>
                    </a:lnTo>
                    <a:lnTo>
                      <a:pt x="502" y="324"/>
                    </a:lnTo>
                    <a:lnTo>
                      <a:pt x="504" y="324"/>
                    </a:lnTo>
                    <a:lnTo>
                      <a:pt x="504" y="322"/>
                    </a:lnTo>
                    <a:lnTo>
                      <a:pt x="502" y="320"/>
                    </a:lnTo>
                    <a:lnTo>
                      <a:pt x="502" y="319"/>
                    </a:lnTo>
                    <a:lnTo>
                      <a:pt x="502" y="317"/>
                    </a:lnTo>
                    <a:lnTo>
                      <a:pt x="502" y="315"/>
                    </a:lnTo>
                    <a:lnTo>
                      <a:pt x="502" y="314"/>
                    </a:lnTo>
                    <a:lnTo>
                      <a:pt x="502" y="312"/>
                    </a:lnTo>
                    <a:lnTo>
                      <a:pt x="501" y="298"/>
                    </a:lnTo>
                    <a:lnTo>
                      <a:pt x="496" y="288"/>
                    </a:lnTo>
                    <a:lnTo>
                      <a:pt x="490" y="280"/>
                    </a:lnTo>
                    <a:lnTo>
                      <a:pt x="484" y="271"/>
                    </a:lnTo>
                    <a:lnTo>
                      <a:pt x="477" y="266"/>
                    </a:lnTo>
                    <a:lnTo>
                      <a:pt x="470" y="263"/>
                    </a:lnTo>
                    <a:lnTo>
                      <a:pt x="467" y="259"/>
                    </a:lnTo>
                    <a:lnTo>
                      <a:pt x="465" y="258"/>
                    </a:lnTo>
                    <a:lnTo>
                      <a:pt x="463" y="242"/>
                    </a:lnTo>
                    <a:lnTo>
                      <a:pt x="460" y="232"/>
                    </a:lnTo>
                    <a:lnTo>
                      <a:pt x="453" y="224"/>
                    </a:lnTo>
                    <a:lnTo>
                      <a:pt x="446" y="219"/>
                    </a:lnTo>
                    <a:lnTo>
                      <a:pt x="440" y="215"/>
                    </a:lnTo>
                    <a:lnTo>
                      <a:pt x="435" y="214"/>
                    </a:lnTo>
                    <a:lnTo>
                      <a:pt x="430" y="212"/>
                    </a:lnTo>
                    <a:lnTo>
                      <a:pt x="428" y="212"/>
                    </a:lnTo>
                    <a:lnTo>
                      <a:pt x="428" y="210"/>
                    </a:lnTo>
                    <a:lnTo>
                      <a:pt x="424" y="209"/>
                    </a:lnTo>
                    <a:lnTo>
                      <a:pt x="419" y="204"/>
                    </a:lnTo>
                    <a:lnTo>
                      <a:pt x="414" y="200"/>
                    </a:lnTo>
                    <a:lnTo>
                      <a:pt x="409" y="195"/>
                    </a:lnTo>
                    <a:lnTo>
                      <a:pt x="406" y="190"/>
                    </a:lnTo>
                    <a:lnTo>
                      <a:pt x="402" y="187"/>
                    </a:lnTo>
                    <a:lnTo>
                      <a:pt x="401" y="183"/>
                    </a:lnTo>
                    <a:lnTo>
                      <a:pt x="397" y="175"/>
                    </a:lnTo>
                    <a:lnTo>
                      <a:pt x="392" y="168"/>
                    </a:lnTo>
                    <a:lnTo>
                      <a:pt x="389" y="163"/>
                    </a:lnTo>
                    <a:lnTo>
                      <a:pt x="384" y="161"/>
                    </a:lnTo>
                    <a:lnTo>
                      <a:pt x="380" y="160"/>
                    </a:lnTo>
                    <a:lnTo>
                      <a:pt x="377" y="160"/>
                    </a:lnTo>
                    <a:lnTo>
                      <a:pt x="374" y="160"/>
                    </a:lnTo>
                    <a:lnTo>
                      <a:pt x="372" y="158"/>
                    </a:lnTo>
                    <a:lnTo>
                      <a:pt x="370" y="154"/>
                    </a:lnTo>
                    <a:lnTo>
                      <a:pt x="367" y="153"/>
                    </a:lnTo>
                    <a:lnTo>
                      <a:pt x="365" y="149"/>
                    </a:lnTo>
                    <a:lnTo>
                      <a:pt x="362" y="143"/>
                    </a:lnTo>
                    <a:lnTo>
                      <a:pt x="358" y="138"/>
                    </a:lnTo>
                    <a:lnTo>
                      <a:pt x="355" y="134"/>
                    </a:lnTo>
                    <a:lnTo>
                      <a:pt x="352" y="132"/>
                    </a:lnTo>
                    <a:lnTo>
                      <a:pt x="348" y="131"/>
                    </a:lnTo>
                    <a:lnTo>
                      <a:pt x="347" y="132"/>
                    </a:lnTo>
                    <a:lnTo>
                      <a:pt x="343" y="132"/>
                    </a:lnTo>
                    <a:lnTo>
                      <a:pt x="336" y="131"/>
                    </a:lnTo>
                    <a:lnTo>
                      <a:pt x="331" y="129"/>
                    </a:lnTo>
                    <a:lnTo>
                      <a:pt x="328" y="124"/>
                    </a:lnTo>
                    <a:lnTo>
                      <a:pt x="325" y="119"/>
                    </a:lnTo>
                    <a:lnTo>
                      <a:pt x="321" y="114"/>
                    </a:lnTo>
                    <a:lnTo>
                      <a:pt x="320" y="110"/>
                    </a:lnTo>
                    <a:lnTo>
                      <a:pt x="318" y="107"/>
                    </a:lnTo>
                    <a:lnTo>
                      <a:pt x="318" y="105"/>
                    </a:lnTo>
                    <a:lnTo>
                      <a:pt x="313" y="102"/>
                    </a:lnTo>
                    <a:lnTo>
                      <a:pt x="306" y="95"/>
                    </a:lnTo>
                    <a:lnTo>
                      <a:pt x="301" y="88"/>
                    </a:lnTo>
                    <a:lnTo>
                      <a:pt x="296" y="82"/>
                    </a:lnTo>
                    <a:lnTo>
                      <a:pt x="292" y="75"/>
                    </a:lnTo>
                    <a:lnTo>
                      <a:pt x="291" y="68"/>
                    </a:lnTo>
                    <a:lnTo>
                      <a:pt x="287" y="65"/>
                    </a:lnTo>
                    <a:lnTo>
                      <a:pt x="287" y="63"/>
                    </a:lnTo>
                    <a:lnTo>
                      <a:pt x="287" y="61"/>
                    </a:lnTo>
                    <a:lnTo>
                      <a:pt x="284" y="61"/>
                    </a:lnTo>
                    <a:lnTo>
                      <a:pt x="282" y="61"/>
                    </a:lnTo>
                    <a:lnTo>
                      <a:pt x="281" y="60"/>
                    </a:lnTo>
                    <a:lnTo>
                      <a:pt x="274" y="60"/>
                    </a:lnTo>
                    <a:lnTo>
                      <a:pt x="267" y="58"/>
                    </a:lnTo>
                    <a:lnTo>
                      <a:pt x="262" y="56"/>
                    </a:lnTo>
                    <a:lnTo>
                      <a:pt x="259" y="55"/>
                    </a:lnTo>
                    <a:lnTo>
                      <a:pt x="255" y="53"/>
                    </a:lnTo>
                    <a:lnTo>
                      <a:pt x="254" y="51"/>
                    </a:lnTo>
                    <a:lnTo>
                      <a:pt x="252" y="50"/>
                    </a:lnTo>
                    <a:lnTo>
                      <a:pt x="240" y="48"/>
                    </a:lnTo>
                    <a:lnTo>
                      <a:pt x="235" y="43"/>
                    </a:lnTo>
                    <a:lnTo>
                      <a:pt x="235" y="34"/>
                    </a:lnTo>
                    <a:lnTo>
                      <a:pt x="237" y="24"/>
                    </a:lnTo>
                    <a:lnTo>
                      <a:pt x="242" y="16"/>
                    </a:lnTo>
                    <a:lnTo>
                      <a:pt x="248" y="7"/>
                    </a:lnTo>
                    <a:lnTo>
                      <a:pt x="252" y="2"/>
                    </a:lnTo>
                    <a:lnTo>
                      <a:pt x="254" y="0"/>
                    </a:lnTo>
                    <a:lnTo>
                      <a:pt x="130" y="19"/>
                    </a:lnTo>
                    <a:lnTo>
                      <a:pt x="0" y="33"/>
                    </a:lnTo>
                    <a:lnTo>
                      <a:pt x="73" y="290"/>
                    </a:lnTo>
                    <a:lnTo>
                      <a:pt x="89" y="327"/>
                    </a:lnTo>
                    <a:lnTo>
                      <a:pt x="91" y="329"/>
                    </a:lnTo>
                    <a:lnTo>
                      <a:pt x="93" y="330"/>
                    </a:lnTo>
                    <a:lnTo>
                      <a:pt x="95" y="334"/>
                    </a:lnTo>
                    <a:lnTo>
                      <a:pt x="96" y="337"/>
                    </a:lnTo>
                    <a:lnTo>
                      <a:pt x="100" y="341"/>
                    </a:lnTo>
                    <a:lnTo>
                      <a:pt x="100" y="347"/>
                    </a:lnTo>
                    <a:lnTo>
                      <a:pt x="100" y="352"/>
                    </a:lnTo>
                    <a:lnTo>
                      <a:pt x="101" y="354"/>
                    </a:lnTo>
                    <a:lnTo>
                      <a:pt x="103" y="356"/>
                    </a:lnTo>
                    <a:lnTo>
                      <a:pt x="105" y="356"/>
                    </a:lnTo>
                    <a:lnTo>
                      <a:pt x="108" y="358"/>
                    </a:lnTo>
                    <a:lnTo>
                      <a:pt x="108" y="361"/>
                    </a:lnTo>
                    <a:lnTo>
                      <a:pt x="108" y="364"/>
                    </a:lnTo>
                    <a:lnTo>
                      <a:pt x="105" y="369"/>
                    </a:lnTo>
                    <a:lnTo>
                      <a:pt x="98" y="376"/>
                    </a:lnTo>
                    <a:lnTo>
                      <a:pt x="98" y="378"/>
                    </a:lnTo>
                    <a:lnTo>
                      <a:pt x="96" y="378"/>
                    </a:lnTo>
                    <a:lnTo>
                      <a:pt x="96" y="381"/>
                    </a:lnTo>
                    <a:lnTo>
                      <a:pt x="96" y="383"/>
                    </a:lnTo>
                    <a:lnTo>
                      <a:pt x="95" y="388"/>
                    </a:lnTo>
                    <a:lnTo>
                      <a:pt x="95" y="393"/>
                    </a:lnTo>
                    <a:lnTo>
                      <a:pt x="95" y="400"/>
                    </a:lnTo>
                    <a:lnTo>
                      <a:pt x="95" y="407"/>
                    </a:lnTo>
                    <a:lnTo>
                      <a:pt x="95" y="410"/>
                    </a:lnTo>
                    <a:lnTo>
                      <a:pt x="93" y="413"/>
                    </a:lnTo>
                    <a:lnTo>
                      <a:pt x="93" y="418"/>
                    </a:lnTo>
                    <a:lnTo>
                      <a:pt x="93" y="424"/>
                    </a:lnTo>
                    <a:lnTo>
                      <a:pt x="93" y="432"/>
                    </a:lnTo>
                    <a:lnTo>
                      <a:pt x="95" y="439"/>
                    </a:lnTo>
                    <a:lnTo>
                      <a:pt x="98" y="446"/>
                    </a:lnTo>
                    <a:lnTo>
                      <a:pt x="103" y="451"/>
                    </a:lnTo>
                    <a:lnTo>
                      <a:pt x="103" y="454"/>
                    </a:lnTo>
                    <a:lnTo>
                      <a:pt x="103" y="457"/>
                    </a:lnTo>
                    <a:lnTo>
                      <a:pt x="105" y="464"/>
                    </a:lnTo>
                    <a:lnTo>
                      <a:pt x="105" y="471"/>
                    </a:lnTo>
                    <a:lnTo>
                      <a:pt x="105" y="478"/>
                    </a:lnTo>
                    <a:lnTo>
                      <a:pt x="105" y="483"/>
                    </a:lnTo>
                    <a:lnTo>
                      <a:pt x="105" y="488"/>
                    </a:lnTo>
                    <a:lnTo>
                      <a:pt x="105" y="490"/>
                    </a:lnTo>
                    <a:lnTo>
                      <a:pt x="122" y="522"/>
                    </a:lnTo>
                    <a:lnTo>
                      <a:pt x="139" y="554"/>
                    </a:lnTo>
                    <a:lnTo>
                      <a:pt x="418" y="535"/>
                    </a:lnTo>
                    <a:lnTo>
                      <a:pt x="428" y="557"/>
                    </a:lnTo>
                    <a:lnTo>
                      <a:pt x="443" y="557"/>
                    </a:lnTo>
                    <a:lnTo>
                      <a:pt x="443" y="556"/>
                    </a:lnTo>
                    <a:lnTo>
                      <a:pt x="441" y="552"/>
                    </a:lnTo>
                    <a:lnTo>
                      <a:pt x="441" y="549"/>
                    </a:lnTo>
                    <a:lnTo>
                      <a:pt x="441" y="544"/>
                    </a:lnTo>
                    <a:lnTo>
                      <a:pt x="440" y="539"/>
                    </a:lnTo>
                    <a:lnTo>
                      <a:pt x="440" y="534"/>
                    </a:lnTo>
                    <a:lnTo>
                      <a:pt x="440" y="530"/>
                    </a:lnTo>
                    <a:lnTo>
                      <a:pt x="440" y="528"/>
                    </a:lnTo>
                    <a:lnTo>
                      <a:pt x="435" y="520"/>
                    </a:lnTo>
                    <a:lnTo>
                      <a:pt x="435" y="512"/>
                    </a:lnTo>
                    <a:lnTo>
                      <a:pt x="435" y="506"/>
                    </a:lnTo>
                    <a:lnTo>
                      <a:pt x="438" y="503"/>
                    </a:lnTo>
                    <a:lnTo>
                      <a:pt x="441" y="500"/>
                    </a:lnTo>
                    <a:lnTo>
                      <a:pt x="443" y="498"/>
                    </a:lnTo>
                    <a:lnTo>
                      <a:pt x="446" y="498"/>
                    </a:lnTo>
                    <a:lnTo>
                      <a:pt x="448" y="498"/>
                    </a:lnTo>
                    <a:lnTo>
                      <a:pt x="453" y="501"/>
                    </a:lnTo>
                    <a:lnTo>
                      <a:pt x="462" y="503"/>
                    </a:lnTo>
                    <a:lnTo>
                      <a:pt x="468" y="505"/>
                    </a:lnTo>
                    <a:lnTo>
                      <a:pt x="475" y="506"/>
                    </a:lnTo>
                    <a:lnTo>
                      <a:pt x="482" y="506"/>
                    </a:lnTo>
                    <a:lnTo>
                      <a:pt x="485" y="506"/>
                    </a:lnTo>
                    <a:lnTo>
                      <a:pt x="489" y="506"/>
                    </a:lnTo>
                    <a:lnTo>
                      <a:pt x="490" y="506"/>
                    </a:lnTo>
                    <a:lnTo>
                      <a:pt x="492" y="49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8" name="Freeform 182"/>
              <p:cNvSpPr>
                <a:spLocks/>
              </p:cNvSpPr>
              <p:nvPr/>
            </p:nvSpPr>
            <p:spPr bwMode="auto">
              <a:xfrm>
                <a:off x="3976" y="2396"/>
                <a:ext cx="516" cy="557"/>
              </a:xfrm>
              <a:custGeom>
                <a:avLst/>
                <a:gdLst>
                  <a:gd name="T0" fmla="*/ 492 w 516"/>
                  <a:gd name="T1" fmla="*/ 474 h 557"/>
                  <a:gd name="T2" fmla="*/ 485 w 516"/>
                  <a:gd name="T3" fmla="*/ 462 h 557"/>
                  <a:gd name="T4" fmla="*/ 487 w 516"/>
                  <a:gd name="T5" fmla="*/ 469 h 557"/>
                  <a:gd name="T6" fmla="*/ 480 w 516"/>
                  <a:gd name="T7" fmla="*/ 449 h 557"/>
                  <a:gd name="T8" fmla="*/ 487 w 516"/>
                  <a:gd name="T9" fmla="*/ 449 h 557"/>
                  <a:gd name="T10" fmla="*/ 485 w 516"/>
                  <a:gd name="T11" fmla="*/ 425 h 557"/>
                  <a:gd name="T12" fmla="*/ 494 w 516"/>
                  <a:gd name="T13" fmla="*/ 427 h 557"/>
                  <a:gd name="T14" fmla="*/ 497 w 516"/>
                  <a:gd name="T15" fmla="*/ 418 h 557"/>
                  <a:gd name="T16" fmla="*/ 499 w 516"/>
                  <a:gd name="T17" fmla="*/ 398 h 557"/>
                  <a:gd name="T18" fmla="*/ 506 w 516"/>
                  <a:gd name="T19" fmla="*/ 396 h 557"/>
                  <a:gd name="T20" fmla="*/ 506 w 516"/>
                  <a:gd name="T21" fmla="*/ 390 h 557"/>
                  <a:gd name="T22" fmla="*/ 496 w 516"/>
                  <a:gd name="T23" fmla="*/ 383 h 557"/>
                  <a:gd name="T24" fmla="*/ 504 w 516"/>
                  <a:gd name="T25" fmla="*/ 378 h 557"/>
                  <a:gd name="T26" fmla="*/ 504 w 516"/>
                  <a:gd name="T27" fmla="*/ 356 h 557"/>
                  <a:gd name="T28" fmla="*/ 509 w 516"/>
                  <a:gd name="T29" fmla="*/ 344 h 557"/>
                  <a:gd name="T30" fmla="*/ 504 w 516"/>
                  <a:gd name="T31" fmla="*/ 324 h 557"/>
                  <a:gd name="T32" fmla="*/ 502 w 516"/>
                  <a:gd name="T33" fmla="*/ 317 h 557"/>
                  <a:gd name="T34" fmla="*/ 502 w 516"/>
                  <a:gd name="T35" fmla="*/ 312 h 557"/>
                  <a:gd name="T36" fmla="*/ 477 w 516"/>
                  <a:gd name="T37" fmla="*/ 266 h 557"/>
                  <a:gd name="T38" fmla="*/ 463 w 516"/>
                  <a:gd name="T39" fmla="*/ 242 h 557"/>
                  <a:gd name="T40" fmla="*/ 435 w 516"/>
                  <a:gd name="T41" fmla="*/ 214 h 557"/>
                  <a:gd name="T42" fmla="*/ 424 w 516"/>
                  <a:gd name="T43" fmla="*/ 209 h 557"/>
                  <a:gd name="T44" fmla="*/ 402 w 516"/>
                  <a:gd name="T45" fmla="*/ 187 h 557"/>
                  <a:gd name="T46" fmla="*/ 389 w 516"/>
                  <a:gd name="T47" fmla="*/ 163 h 557"/>
                  <a:gd name="T48" fmla="*/ 374 w 516"/>
                  <a:gd name="T49" fmla="*/ 160 h 557"/>
                  <a:gd name="T50" fmla="*/ 365 w 516"/>
                  <a:gd name="T51" fmla="*/ 149 h 557"/>
                  <a:gd name="T52" fmla="*/ 352 w 516"/>
                  <a:gd name="T53" fmla="*/ 132 h 557"/>
                  <a:gd name="T54" fmla="*/ 343 w 516"/>
                  <a:gd name="T55" fmla="*/ 132 h 557"/>
                  <a:gd name="T56" fmla="*/ 321 w 516"/>
                  <a:gd name="T57" fmla="*/ 114 h 557"/>
                  <a:gd name="T58" fmla="*/ 313 w 516"/>
                  <a:gd name="T59" fmla="*/ 102 h 557"/>
                  <a:gd name="T60" fmla="*/ 291 w 516"/>
                  <a:gd name="T61" fmla="*/ 68 h 557"/>
                  <a:gd name="T62" fmla="*/ 284 w 516"/>
                  <a:gd name="T63" fmla="*/ 61 h 557"/>
                  <a:gd name="T64" fmla="*/ 267 w 516"/>
                  <a:gd name="T65" fmla="*/ 58 h 557"/>
                  <a:gd name="T66" fmla="*/ 252 w 516"/>
                  <a:gd name="T67" fmla="*/ 50 h 557"/>
                  <a:gd name="T68" fmla="*/ 235 w 516"/>
                  <a:gd name="T69" fmla="*/ 34 h 557"/>
                  <a:gd name="T70" fmla="*/ 254 w 516"/>
                  <a:gd name="T71" fmla="*/ 0 h 557"/>
                  <a:gd name="T72" fmla="*/ 89 w 516"/>
                  <a:gd name="T73" fmla="*/ 327 h 557"/>
                  <a:gd name="T74" fmla="*/ 96 w 516"/>
                  <a:gd name="T75" fmla="*/ 337 h 557"/>
                  <a:gd name="T76" fmla="*/ 101 w 516"/>
                  <a:gd name="T77" fmla="*/ 354 h 557"/>
                  <a:gd name="T78" fmla="*/ 108 w 516"/>
                  <a:gd name="T79" fmla="*/ 364 h 557"/>
                  <a:gd name="T80" fmla="*/ 96 w 516"/>
                  <a:gd name="T81" fmla="*/ 378 h 557"/>
                  <a:gd name="T82" fmla="*/ 95 w 516"/>
                  <a:gd name="T83" fmla="*/ 400 h 557"/>
                  <a:gd name="T84" fmla="*/ 93 w 516"/>
                  <a:gd name="T85" fmla="*/ 418 h 557"/>
                  <a:gd name="T86" fmla="*/ 103 w 516"/>
                  <a:gd name="T87" fmla="*/ 451 h 557"/>
                  <a:gd name="T88" fmla="*/ 105 w 516"/>
                  <a:gd name="T89" fmla="*/ 471 h 557"/>
                  <a:gd name="T90" fmla="*/ 122 w 516"/>
                  <a:gd name="T91" fmla="*/ 522 h 557"/>
                  <a:gd name="T92" fmla="*/ 443 w 516"/>
                  <a:gd name="T93" fmla="*/ 557 h 557"/>
                  <a:gd name="T94" fmla="*/ 440 w 516"/>
                  <a:gd name="T95" fmla="*/ 539 h 557"/>
                  <a:gd name="T96" fmla="*/ 435 w 516"/>
                  <a:gd name="T97" fmla="*/ 520 h 557"/>
                  <a:gd name="T98" fmla="*/ 443 w 516"/>
                  <a:gd name="T99" fmla="*/ 498 h 557"/>
                  <a:gd name="T100" fmla="*/ 462 w 516"/>
                  <a:gd name="T101" fmla="*/ 503 h 557"/>
                  <a:gd name="T102" fmla="*/ 489 w 516"/>
                  <a:gd name="T103" fmla="*/ 506 h 557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w 516"/>
                  <a:gd name="T157" fmla="*/ 0 h 557"/>
                  <a:gd name="T158" fmla="*/ 516 w 516"/>
                  <a:gd name="T159" fmla="*/ 557 h 557"/>
                </a:gdLst>
                <a:ahLst/>
                <a:cxnLst>
                  <a:cxn ang="T104">
                    <a:pos x="T0" y="T1"/>
                  </a:cxn>
                  <a:cxn ang="T105">
                    <a:pos x="T2" y="T3"/>
                  </a:cxn>
                  <a:cxn ang="T106">
                    <a:pos x="T4" y="T5"/>
                  </a:cxn>
                  <a:cxn ang="T107">
                    <a:pos x="T6" y="T7"/>
                  </a:cxn>
                  <a:cxn ang="T108">
                    <a:pos x="T8" y="T9"/>
                  </a:cxn>
                  <a:cxn ang="T109">
                    <a:pos x="T10" y="T11"/>
                  </a:cxn>
                  <a:cxn ang="T110">
                    <a:pos x="T12" y="T13"/>
                  </a:cxn>
                  <a:cxn ang="T111">
                    <a:pos x="T14" y="T15"/>
                  </a:cxn>
                  <a:cxn ang="T112">
                    <a:pos x="T16" y="T17"/>
                  </a:cxn>
                  <a:cxn ang="T113">
                    <a:pos x="T18" y="T19"/>
                  </a:cxn>
                  <a:cxn ang="T114">
                    <a:pos x="T20" y="T21"/>
                  </a:cxn>
                  <a:cxn ang="T115">
                    <a:pos x="T22" y="T23"/>
                  </a:cxn>
                  <a:cxn ang="T116">
                    <a:pos x="T24" y="T25"/>
                  </a:cxn>
                  <a:cxn ang="T117">
                    <a:pos x="T26" y="T27"/>
                  </a:cxn>
                  <a:cxn ang="T118">
                    <a:pos x="T28" y="T29"/>
                  </a:cxn>
                  <a:cxn ang="T119">
                    <a:pos x="T30" y="T31"/>
                  </a:cxn>
                  <a:cxn ang="T120">
                    <a:pos x="T32" y="T33"/>
                  </a:cxn>
                  <a:cxn ang="T121">
                    <a:pos x="T34" y="T35"/>
                  </a:cxn>
                  <a:cxn ang="T122">
                    <a:pos x="T36" y="T37"/>
                  </a:cxn>
                  <a:cxn ang="T123">
                    <a:pos x="T38" y="T39"/>
                  </a:cxn>
                  <a:cxn ang="T124">
                    <a:pos x="T40" y="T41"/>
                  </a:cxn>
                  <a:cxn ang="T125">
                    <a:pos x="T42" y="T43"/>
                  </a:cxn>
                  <a:cxn ang="T126">
                    <a:pos x="T44" y="T45"/>
                  </a:cxn>
                  <a:cxn ang="T127">
                    <a:pos x="T46" y="T47"/>
                  </a:cxn>
                  <a:cxn ang="T128">
                    <a:pos x="T48" y="T49"/>
                  </a:cxn>
                  <a:cxn ang="T129">
                    <a:pos x="T50" y="T51"/>
                  </a:cxn>
                  <a:cxn ang="T130">
                    <a:pos x="T52" y="T53"/>
                  </a:cxn>
                  <a:cxn ang="T131">
                    <a:pos x="T54" y="T55"/>
                  </a:cxn>
                  <a:cxn ang="T132">
                    <a:pos x="T56" y="T57"/>
                  </a:cxn>
                  <a:cxn ang="T133">
                    <a:pos x="T58" y="T59"/>
                  </a:cxn>
                  <a:cxn ang="T134">
                    <a:pos x="T60" y="T61"/>
                  </a:cxn>
                  <a:cxn ang="T135">
                    <a:pos x="T62" y="T63"/>
                  </a:cxn>
                  <a:cxn ang="T136">
                    <a:pos x="T64" y="T65"/>
                  </a:cxn>
                  <a:cxn ang="T137">
                    <a:pos x="T66" y="T67"/>
                  </a:cxn>
                  <a:cxn ang="T138">
                    <a:pos x="T68" y="T69"/>
                  </a:cxn>
                  <a:cxn ang="T139">
                    <a:pos x="T70" y="T71"/>
                  </a:cxn>
                  <a:cxn ang="T140">
                    <a:pos x="T72" y="T73"/>
                  </a:cxn>
                  <a:cxn ang="T141">
                    <a:pos x="T74" y="T75"/>
                  </a:cxn>
                  <a:cxn ang="T142">
                    <a:pos x="T76" y="T77"/>
                  </a:cxn>
                  <a:cxn ang="T143">
                    <a:pos x="T78" y="T79"/>
                  </a:cxn>
                  <a:cxn ang="T144">
                    <a:pos x="T80" y="T81"/>
                  </a:cxn>
                  <a:cxn ang="T145">
                    <a:pos x="T82" y="T83"/>
                  </a:cxn>
                  <a:cxn ang="T146">
                    <a:pos x="T84" y="T85"/>
                  </a:cxn>
                  <a:cxn ang="T147">
                    <a:pos x="T86" y="T87"/>
                  </a:cxn>
                  <a:cxn ang="T148">
                    <a:pos x="T88" y="T89"/>
                  </a:cxn>
                  <a:cxn ang="T149">
                    <a:pos x="T90" y="T91"/>
                  </a:cxn>
                  <a:cxn ang="T150">
                    <a:pos x="T92" y="T93"/>
                  </a:cxn>
                  <a:cxn ang="T151">
                    <a:pos x="T94" y="T95"/>
                  </a:cxn>
                  <a:cxn ang="T152">
                    <a:pos x="T96" y="T97"/>
                  </a:cxn>
                  <a:cxn ang="T153">
                    <a:pos x="T98" y="T99"/>
                  </a:cxn>
                  <a:cxn ang="T154">
                    <a:pos x="T100" y="T101"/>
                  </a:cxn>
                  <a:cxn ang="T155">
                    <a:pos x="T102" y="T103"/>
                  </a:cxn>
                </a:cxnLst>
                <a:rect l="T156" t="T157" r="T158" b="T159"/>
                <a:pathLst>
                  <a:path w="516" h="557">
                    <a:moveTo>
                      <a:pt x="492" y="498"/>
                    </a:moveTo>
                    <a:lnTo>
                      <a:pt x="487" y="493"/>
                    </a:lnTo>
                    <a:lnTo>
                      <a:pt x="485" y="490"/>
                    </a:lnTo>
                    <a:lnTo>
                      <a:pt x="490" y="488"/>
                    </a:lnTo>
                    <a:lnTo>
                      <a:pt x="492" y="474"/>
                    </a:lnTo>
                    <a:lnTo>
                      <a:pt x="489" y="474"/>
                    </a:lnTo>
                    <a:lnTo>
                      <a:pt x="489" y="471"/>
                    </a:lnTo>
                    <a:lnTo>
                      <a:pt x="490" y="464"/>
                    </a:lnTo>
                    <a:lnTo>
                      <a:pt x="485" y="462"/>
                    </a:lnTo>
                    <a:lnTo>
                      <a:pt x="487" y="464"/>
                    </a:lnTo>
                    <a:lnTo>
                      <a:pt x="487" y="466"/>
                    </a:lnTo>
                    <a:lnTo>
                      <a:pt x="487" y="468"/>
                    </a:lnTo>
                    <a:lnTo>
                      <a:pt x="487" y="469"/>
                    </a:lnTo>
                    <a:lnTo>
                      <a:pt x="487" y="468"/>
                    </a:lnTo>
                    <a:lnTo>
                      <a:pt x="485" y="464"/>
                    </a:lnTo>
                    <a:lnTo>
                      <a:pt x="482" y="457"/>
                    </a:lnTo>
                    <a:lnTo>
                      <a:pt x="480" y="449"/>
                    </a:lnTo>
                    <a:lnTo>
                      <a:pt x="480" y="446"/>
                    </a:lnTo>
                    <a:lnTo>
                      <a:pt x="480" y="444"/>
                    </a:lnTo>
                    <a:lnTo>
                      <a:pt x="482" y="444"/>
                    </a:lnTo>
                    <a:lnTo>
                      <a:pt x="485" y="446"/>
                    </a:lnTo>
                    <a:lnTo>
                      <a:pt x="487" y="449"/>
                    </a:lnTo>
                    <a:lnTo>
                      <a:pt x="489" y="451"/>
                    </a:lnTo>
                    <a:lnTo>
                      <a:pt x="489" y="432"/>
                    </a:lnTo>
                    <a:lnTo>
                      <a:pt x="485" y="425"/>
                    </a:lnTo>
                    <a:lnTo>
                      <a:pt x="487" y="427"/>
                    </a:lnTo>
                    <a:lnTo>
                      <a:pt x="489" y="427"/>
                    </a:lnTo>
                    <a:lnTo>
                      <a:pt x="490" y="427"/>
                    </a:lnTo>
                    <a:lnTo>
                      <a:pt x="494" y="427"/>
                    </a:lnTo>
                    <a:lnTo>
                      <a:pt x="496" y="427"/>
                    </a:lnTo>
                    <a:lnTo>
                      <a:pt x="497" y="427"/>
                    </a:lnTo>
                    <a:lnTo>
                      <a:pt x="497" y="418"/>
                    </a:lnTo>
                    <a:lnTo>
                      <a:pt x="497" y="412"/>
                    </a:lnTo>
                    <a:lnTo>
                      <a:pt x="497" y="407"/>
                    </a:lnTo>
                    <a:lnTo>
                      <a:pt x="497" y="403"/>
                    </a:lnTo>
                    <a:lnTo>
                      <a:pt x="497" y="400"/>
                    </a:lnTo>
                    <a:lnTo>
                      <a:pt x="499" y="398"/>
                    </a:lnTo>
                    <a:lnTo>
                      <a:pt x="504" y="398"/>
                    </a:lnTo>
                    <a:lnTo>
                      <a:pt x="506" y="396"/>
                    </a:lnTo>
                    <a:lnTo>
                      <a:pt x="507" y="395"/>
                    </a:lnTo>
                    <a:lnTo>
                      <a:pt x="507" y="393"/>
                    </a:lnTo>
                    <a:lnTo>
                      <a:pt x="507" y="391"/>
                    </a:lnTo>
                    <a:lnTo>
                      <a:pt x="506" y="391"/>
                    </a:lnTo>
                    <a:lnTo>
                      <a:pt x="506" y="390"/>
                    </a:lnTo>
                    <a:lnTo>
                      <a:pt x="504" y="390"/>
                    </a:lnTo>
                    <a:lnTo>
                      <a:pt x="499" y="386"/>
                    </a:lnTo>
                    <a:lnTo>
                      <a:pt x="497" y="385"/>
                    </a:lnTo>
                    <a:lnTo>
                      <a:pt x="496" y="383"/>
                    </a:lnTo>
                    <a:lnTo>
                      <a:pt x="497" y="381"/>
                    </a:lnTo>
                    <a:lnTo>
                      <a:pt x="499" y="380"/>
                    </a:lnTo>
                    <a:lnTo>
                      <a:pt x="501" y="380"/>
                    </a:lnTo>
                    <a:lnTo>
                      <a:pt x="502" y="380"/>
                    </a:lnTo>
                    <a:lnTo>
                      <a:pt x="504" y="378"/>
                    </a:lnTo>
                    <a:lnTo>
                      <a:pt x="501" y="371"/>
                    </a:lnTo>
                    <a:lnTo>
                      <a:pt x="501" y="364"/>
                    </a:lnTo>
                    <a:lnTo>
                      <a:pt x="502" y="361"/>
                    </a:lnTo>
                    <a:lnTo>
                      <a:pt x="504" y="356"/>
                    </a:lnTo>
                    <a:lnTo>
                      <a:pt x="506" y="354"/>
                    </a:lnTo>
                    <a:lnTo>
                      <a:pt x="507" y="352"/>
                    </a:lnTo>
                    <a:lnTo>
                      <a:pt x="509" y="352"/>
                    </a:lnTo>
                    <a:lnTo>
                      <a:pt x="509" y="351"/>
                    </a:lnTo>
                    <a:lnTo>
                      <a:pt x="509" y="344"/>
                    </a:lnTo>
                    <a:lnTo>
                      <a:pt x="516" y="339"/>
                    </a:lnTo>
                    <a:lnTo>
                      <a:pt x="514" y="330"/>
                    </a:lnTo>
                    <a:lnTo>
                      <a:pt x="506" y="329"/>
                    </a:lnTo>
                    <a:lnTo>
                      <a:pt x="502" y="324"/>
                    </a:lnTo>
                    <a:lnTo>
                      <a:pt x="504" y="324"/>
                    </a:lnTo>
                    <a:lnTo>
                      <a:pt x="504" y="322"/>
                    </a:lnTo>
                    <a:lnTo>
                      <a:pt x="502" y="320"/>
                    </a:lnTo>
                    <a:lnTo>
                      <a:pt x="502" y="319"/>
                    </a:lnTo>
                    <a:lnTo>
                      <a:pt x="502" y="317"/>
                    </a:lnTo>
                    <a:lnTo>
                      <a:pt x="502" y="315"/>
                    </a:lnTo>
                    <a:lnTo>
                      <a:pt x="502" y="314"/>
                    </a:lnTo>
                    <a:lnTo>
                      <a:pt x="502" y="312"/>
                    </a:lnTo>
                    <a:lnTo>
                      <a:pt x="501" y="298"/>
                    </a:lnTo>
                    <a:lnTo>
                      <a:pt x="496" y="288"/>
                    </a:lnTo>
                    <a:lnTo>
                      <a:pt x="490" y="280"/>
                    </a:lnTo>
                    <a:lnTo>
                      <a:pt x="484" y="271"/>
                    </a:lnTo>
                    <a:lnTo>
                      <a:pt x="477" y="266"/>
                    </a:lnTo>
                    <a:lnTo>
                      <a:pt x="470" y="263"/>
                    </a:lnTo>
                    <a:lnTo>
                      <a:pt x="467" y="259"/>
                    </a:lnTo>
                    <a:lnTo>
                      <a:pt x="465" y="258"/>
                    </a:lnTo>
                    <a:lnTo>
                      <a:pt x="463" y="242"/>
                    </a:lnTo>
                    <a:lnTo>
                      <a:pt x="460" y="232"/>
                    </a:lnTo>
                    <a:lnTo>
                      <a:pt x="453" y="224"/>
                    </a:lnTo>
                    <a:lnTo>
                      <a:pt x="446" y="219"/>
                    </a:lnTo>
                    <a:lnTo>
                      <a:pt x="440" y="215"/>
                    </a:lnTo>
                    <a:lnTo>
                      <a:pt x="435" y="214"/>
                    </a:lnTo>
                    <a:lnTo>
                      <a:pt x="430" y="212"/>
                    </a:lnTo>
                    <a:lnTo>
                      <a:pt x="428" y="212"/>
                    </a:lnTo>
                    <a:lnTo>
                      <a:pt x="428" y="210"/>
                    </a:lnTo>
                    <a:lnTo>
                      <a:pt x="424" y="209"/>
                    </a:lnTo>
                    <a:lnTo>
                      <a:pt x="419" y="204"/>
                    </a:lnTo>
                    <a:lnTo>
                      <a:pt x="414" y="200"/>
                    </a:lnTo>
                    <a:lnTo>
                      <a:pt x="409" y="195"/>
                    </a:lnTo>
                    <a:lnTo>
                      <a:pt x="406" y="190"/>
                    </a:lnTo>
                    <a:lnTo>
                      <a:pt x="402" y="187"/>
                    </a:lnTo>
                    <a:lnTo>
                      <a:pt x="401" y="183"/>
                    </a:lnTo>
                    <a:lnTo>
                      <a:pt x="397" y="175"/>
                    </a:lnTo>
                    <a:lnTo>
                      <a:pt x="392" y="168"/>
                    </a:lnTo>
                    <a:lnTo>
                      <a:pt x="389" y="163"/>
                    </a:lnTo>
                    <a:lnTo>
                      <a:pt x="384" y="161"/>
                    </a:lnTo>
                    <a:lnTo>
                      <a:pt x="380" y="160"/>
                    </a:lnTo>
                    <a:lnTo>
                      <a:pt x="377" y="160"/>
                    </a:lnTo>
                    <a:lnTo>
                      <a:pt x="374" y="160"/>
                    </a:lnTo>
                    <a:lnTo>
                      <a:pt x="372" y="158"/>
                    </a:lnTo>
                    <a:lnTo>
                      <a:pt x="370" y="154"/>
                    </a:lnTo>
                    <a:lnTo>
                      <a:pt x="367" y="153"/>
                    </a:lnTo>
                    <a:lnTo>
                      <a:pt x="365" y="149"/>
                    </a:lnTo>
                    <a:lnTo>
                      <a:pt x="362" y="143"/>
                    </a:lnTo>
                    <a:lnTo>
                      <a:pt x="358" y="138"/>
                    </a:lnTo>
                    <a:lnTo>
                      <a:pt x="355" y="134"/>
                    </a:lnTo>
                    <a:lnTo>
                      <a:pt x="352" y="132"/>
                    </a:lnTo>
                    <a:lnTo>
                      <a:pt x="348" y="131"/>
                    </a:lnTo>
                    <a:lnTo>
                      <a:pt x="347" y="132"/>
                    </a:lnTo>
                    <a:lnTo>
                      <a:pt x="343" y="132"/>
                    </a:lnTo>
                    <a:lnTo>
                      <a:pt x="336" y="131"/>
                    </a:lnTo>
                    <a:lnTo>
                      <a:pt x="331" y="129"/>
                    </a:lnTo>
                    <a:lnTo>
                      <a:pt x="328" y="124"/>
                    </a:lnTo>
                    <a:lnTo>
                      <a:pt x="325" y="119"/>
                    </a:lnTo>
                    <a:lnTo>
                      <a:pt x="321" y="114"/>
                    </a:lnTo>
                    <a:lnTo>
                      <a:pt x="320" y="110"/>
                    </a:lnTo>
                    <a:lnTo>
                      <a:pt x="318" y="107"/>
                    </a:lnTo>
                    <a:lnTo>
                      <a:pt x="318" y="105"/>
                    </a:lnTo>
                    <a:lnTo>
                      <a:pt x="313" y="102"/>
                    </a:lnTo>
                    <a:lnTo>
                      <a:pt x="306" y="95"/>
                    </a:lnTo>
                    <a:lnTo>
                      <a:pt x="301" y="88"/>
                    </a:lnTo>
                    <a:lnTo>
                      <a:pt x="296" y="82"/>
                    </a:lnTo>
                    <a:lnTo>
                      <a:pt x="292" y="75"/>
                    </a:lnTo>
                    <a:lnTo>
                      <a:pt x="291" y="68"/>
                    </a:lnTo>
                    <a:lnTo>
                      <a:pt x="287" y="65"/>
                    </a:lnTo>
                    <a:lnTo>
                      <a:pt x="287" y="63"/>
                    </a:lnTo>
                    <a:lnTo>
                      <a:pt x="287" y="61"/>
                    </a:lnTo>
                    <a:lnTo>
                      <a:pt x="284" y="61"/>
                    </a:lnTo>
                    <a:lnTo>
                      <a:pt x="282" y="61"/>
                    </a:lnTo>
                    <a:lnTo>
                      <a:pt x="281" y="60"/>
                    </a:lnTo>
                    <a:lnTo>
                      <a:pt x="274" y="60"/>
                    </a:lnTo>
                    <a:lnTo>
                      <a:pt x="267" y="58"/>
                    </a:lnTo>
                    <a:lnTo>
                      <a:pt x="262" y="56"/>
                    </a:lnTo>
                    <a:lnTo>
                      <a:pt x="259" y="55"/>
                    </a:lnTo>
                    <a:lnTo>
                      <a:pt x="255" y="53"/>
                    </a:lnTo>
                    <a:lnTo>
                      <a:pt x="254" y="51"/>
                    </a:lnTo>
                    <a:lnTo>
                      <a:pt x="252" y="50"/>
                    </a:lnTo>
                    <a:lnTo>
                      <a:pt x="240" y="48"/>
                    </a:lnTo>
                    <a:lnTo>
                      <a:pt x="235" y="43"/>
                    </a:lnTo>
                    <a:lnTo>
                      <a:pt x="235" y="34"/>
                    </a:lnTo>
                    <a:lnTo>
                      <a:pt x="237" y="24"/>
                    </a:lnTo>
                    <a:lnTo>
                      <a:pt x="242" y="16"/>
                    </a:lnTo>
                    <a:lnTo>
                      <a:pt x="248" y="7"/>
                    </a:lnTo>
                    <a:lnTo>
                      <a:pt x="252" y="2"/>
                    </a:lnTo>
                    <a:lnTo>
                      <a:pt x="254" y="0"/>
                    </a:lnTo>
                    <a:lnTo>
                      <a:pt x="130" y="19"/>
                    </a:lnTo>
                    <a:lnTo>
                      <a:pt x="0" y="33"/>
                    </a:lnTo>
                    <a:lnTo>
                      <a:pt x="73" y="290"/>
                    </a:lnTo>
                    <a:lnTo>
                      <a:pt x="89" y="327"/>
                    </a:lnTo>
                    <a:lnTo>
                      <a:pt x="91" y="329"/>
                    </a:lnTo>
                    <a:lnTo>
                      <a:pt x="93" y="330"/>
                    </a:lnTo>
                    <a:lnTo>
                      <a:pt x="95" y="334"/>
                    </a:lnTo>
                    <a:lnTo>
                      <a:pt x="96" y="337"/>
                    </a:lnTo>
                    <a:lnTo>
                      <a:pt x="100" y="341"/>
                    </a:lnTo>
                    <a:lnTo>
                      <a:pt x="100" y="347"/>
                    </a:lnTo>
                    <a:lnTo>
                      <a:pt x="100" y="352"/>
                    </a:lnTo>
                    <a:lnTo>
                      <a:pt x="101" y="354"/>
                    </a:lnTo>
                    <a:lnTo>
                      <a:pt x="103" y="356"/>
                    </a:lnTo>
                    <a:lnTo>
                      <a:pt x="105" y="356"/>
                    </a:lnTo>
                    <a:lnTo>
                      <a:pt x="108" y="358"/>
                    </a:lnTo>
                    <a:lnTo>
                      <a:pt x="108" y="361"/>
                    </a:lnTo>
                    <a:lnTo>
                      <a:pt x="108" y="364"/>
                    </a:lnTo>
                    <a:lnTo>
                      <a:pt x="105" y="369"/>
                    </a:lnTo>
                    <a:lnTo>
                      <a:pt x="98" y="376"/>
                    </a:lnTo>
                    <a:lnTo>
                      <a:pt x="98" y="378"/>
                    </a:lnTo>
                    <a:lnTo>
                      <a:pt x="96" y="378"/>
                    </a:lnTo>
                    <a:lnTo>
                      <a:pt x="96" y="381"/>
                    </a:lnTo>
                    <a:lnTo>
                      <a:pt x="96" y="383"/>
                    </a:lnTo>
                    <a:lnTo>
                      <a:pt x="95" y="388"/>
                    </a:lnTo>
                    <a:lnTo>
                      <a:pt x="95" y="393"/>
                    </a:lnTo>
                    <a:lnTo>
                      <a:pt x="95" y="400"/>
                    </a:lnTo>
                    <a:lnTo>
                      <a:pt x="95" y="407"/>
                    </a:lnTo>
                    <a:lnTo>
                      <a:pt x="95" y="410"/>
                    </a:lnTo>
                    <a:lnTo>
                      <a:pt x="93" y="413"/>
                    </a:lnTo>
                    <a:lnTo>
                      <a:pt x="93" y="418"/>
                    </a:lnTo>
                    <a:lnTo>
                      <a:pt x="93" y="424"/>
                    </a:lnTo>
                    <a:lnTo>
                      <a:pt x="93" y="432"/>
                    </a:lnTo>
                    <a:lnTo>
                      <a:pt x="95" y="439"/>
                    </a:lnTo>
                    <a:lnTo>
                      <a:pt x="98" y="446"/>
                    </a:lnTo>
                    <a:lnTo>
                      <a:pt x="103" y="451"/>
                    </a:lnTo>
                    <a:lnTo>
                      <a:pt x="103" y="454"/>
                    </a:lnTo>
                    <a:lnTo>
                      <a:pt x="103" y="457"/>
                    </a:lnTo>
                    <a:lnTo>
                      <a:pt x="105" y="464"/>
                    </a:lnTo>
                    <a:lnTo>
                      <a:pt x="105" y="471"/>
                    </a:lnTo>
                    <a:lnTo>
                      <a:pt x="105" y="478"/>
                    </a:lnTo>
                    <a:lnTo>
                      <a:pt x="105" y="483"/>
                    </a:lnTo>
                    <a:lnTo>
                      <a:pt x="105" y="488"/>
                    </a:lnTo>
                    <a:lnTo>
                      <a:pt x="105" y="490"/>
                    </a:lnTo>
                    <a:lnTo>
                      <a:pt x="122" y="522"/>
                    </a:lnTo>
                    <a:lnTo>
                      <a:pt x="139" y="554"/>
                    </a:lnTo>
                    <a:lnTo>
                      <a:pt x="418" y="535"/>
                    </a:lnTo>
                    <a:lnTo>
                      <a:pt x="428" y="557"/>
                    </a:lnTo>
                    <a:lnTo>
                      <a:pt x="443" y="557"/>
                    </a:lnTo>
                    <a:lnTo>
                      <a:pt x="443" y="556"/>
                    </a:lnTo>
                    <a:lnTo>
                      <a:pt x="441" y="552"/>
                    </a:lnTo>
                    <a:lnTo>
                      <a:pt x="441" y="549"/>
                    </a:lnTo>
                    <a:lnTo>
                      <a:pt x="441" y="544"/>
                    </a:lnTo>
                    <a:lnTo>
                      <a:pt x="440" y="539"/>
                    </a:lnTo>
                    <a:lnTo>
                      <a:pt x="440" y="534"/>
                    </a:lnTo>
                    <a:lnTo>
                      <a:pt x="440" y="530"/>
                    </a:lnTo>
                    <a:lnTo>
                      <a:pt x="440" y="528"/>
                    </a:lnTo>
                    <a:lnTo>
                      <a:pt x="435" y="520"/>
                    </a:lnTo>
                    <a:lnTo>
                      <a:pt x="435" y="512"/>
                    </a:lnTo>
                    <a:lnTo>
                      <a:pt x="435" y="506"/>
                    </a:lnTo>
                    <a:lnTo>
                      <a:pt x="438" y="503"/>
                    </a:lnTo>
                    <a:lnTo>
                      <a:pt x="441" y="500"/>
                    </a:lnTo>
                    <a:lnTo>
                      <a:pt x="443" y="498"/>
                    </a:lnTo>
                    <a:lnTo>
                      <a:pt x="446" y="498"/>
                    </a:lnTo>
                    <a:lnTo>
                      <a:pt x="448" y="498"/>
                    </a:lnTo>
                    <a:lnTo>
                      <a:pt x="453" y="501"/>
                    </a:lnTo>
                    <a:lnTo>
                      <a:pt x="462" y="503"/>
                    </a:lnTo>
                    <a:lnTo>
                      <a:pt x="468" y="505"/>
                    </a:lnTo>
                    <a:lnTo>
                      <a:pt x="475" y="506"/>
                    </a:lnTo>
                    <a:lnTo>
                      <a:pt x="482" y="506"/>
                    </a:lnTo>
                    <a:lnTo>
                      <a:pt x="485" y="506"/>
                    </a:lnTo>
                    <a:lnTo>
                      <a:pt x="489" y="506"/>
                    </a:lnTo>
                    <a:lnTo>
                      <a:pt x="490" y="506"/>
                    </a:lnTo>
                    <a:lnTo>
                      <a:pt x="492" y="498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59" name="Group 183"/>
            <p:cNvGrpSpPr>
              <a:grpSpLocks/>
            </p:cNvGrpSpPr>
            <p:nvPr/>
          </p:nvGrpSpPr>
          <p:grpSpPr bwMode="auto">
            <a:xfrm>
              <a:off x="4720" y="1593"/>
              <a:ext cx="332" cy="182"/>
              <a:chOff x="4972" y="1195"/>
              <a:chExt cx="342" cy="188"/>
            </a:xfrm>
          </p:grpSpPr>
          <p:sp>
            <p:nvSpPr>
              <p:cNvPr id="62" name="Freeform 184"/>
              <p:cNvSpPr>
                <a:spLocks/>
              </p:cNvSpPr>
              <p:nvPr/>
            </p:nvSpPr>
            <p:spPr bwMode="auto">
              <a:xfrm>
                <a:off x="5289" y="1356"/>
                <a:ext cx="25" cy="17"/>
              </a:xfrm>
              <a:custGeom>
                <a:avLst/>
                <a:gdLst>
                  <a:gd name="T0" fmla="*/ 0 w 25"/>
                  <a:gd name="T1" fmla="*/ 17 h 17"/>
                  <a:gd name="T2" fmla="*/ 2 w 25"/>
                  <a:gd name="T3" fmla="*/ 17 h 17"/>
                  <a:gd name="T4" fmla="*/ 7 w 25"/>
                  <a:gd name="T5" fmla="*/ 17 h 17"/>
                  <a:gd name="T6" fmla="*/ 12 w 25"/>
                  <a:gd name="T7" fmla="*/ 17 h 17"/>
                  <a:gd name="T8" fmla="*/ 19 w 25"/>
                  <a:gd name="T9" fmla="*/ 15 h 17"/>
                  <a:gd name="T10" fmla="*/ 24 w 25"/>
                  <a:gd name="T11" fmla="*/ 13 h 17"/>
                  <a:gd name="T12" fmla="*/ 25 w 25"/>
                  <a:gd name="T13" fmla="*/ 10 h 17"/>
                  <a:gd name="T14" fmla="*/ 24 w 25"/>
                  <a:gd name="T15" fmla="*/ 6 h 17"/>
                  <a:gd name="T16" fmla="*/ 19 w 25"/>
                  <a:gd name="T17" fmla="*/ 1 h 17"/>
                  <a:gd name="T18" fmla="*/ 19 w 25"/>
                  <a:gd name="T19" fmla="*/ 0 h 17"/>
                  <a:gd name="T20" fmla="*/ 17 w 25"/>
                  <a:gd name="T21" fmla="*/ 0 h 17"/>
                  <a:gd name="T22" fmla="*/ 15 w 25"/>
                  <a:gd name="T23" fmla="*/ 3 h 17"/>
                  <a:gd name="T24" fmla="*/ 15 w 25"/>
                  <a:gd name="T25" fmla="*/ 8 h 17"/>
                  <a:gd name="T26" fmla="*/ 13 w 25"/>
                  <a:gd name="T27" fmla="*/ 8 h 17"/>
                  <a:gd name="T28" fmla="*/ 12 w 25"/>
                  <a:gd name="T29" fmla="*/ 8 h 17"/>
                  <a:gd name="T30" fmla="*/ 8 w 25"/>
                  <a:gd name="T31" fmla="*/ 8 h 17"/>
                  <a:gd name="T32" fmla="*/ 7 w 25"/>
                  <a:gd name="T33" fmla="*/ 8 h 17"/>
                  <a:gd name="T34" fmla="*/ 3 w 25"/>
                  <a:gd name="T35" fmla="*/ 10 h 17"/>
                  <a:gd name="T36" fmla="*/ 0 w 25"/>
                  <a:gd name="T37" fmla="*/ 12 h 17"/>
                  <a:gd name="T38" fmla="*/ 0 w 25"/>
                  <a:gd name="T39" fmla="*/ 13 h 17"/>
                  <a:gd name="T40" fmla="*/ 0 w 25"/>
                  <a:gd name="T41" fmla="*/ 17 h 17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25"/>
                  <a:gd name="T64" fmla="*/ 0 h 17"/>
                  <a:gd name="T65" fmla="*/ 25 w 25"/>
                  <a:gd name="T66" fmla="*/ 17 h 17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25" h="17">
                    <a:moveTo>
                      <a:pt x="0" y="17"/>
                    </a:moveTo>
                    <a:lnTo>
                      <a:pt x="2" y="17"/>
                    </a:lnTo>
                    <a:lnTo>
                      <a:pt x="7" y="17"/>
                    </a:lnTo>
                    <a:lnTo>
                      <a:pt x="12" y="17"/>
                    </a:lnTo>
                    <a:lnTo>
                      <a:pt x="19" y="15"/>
                    </a:lnTo>
                    <a:lnTo>
                      <a:pt x="24" y="13"/>
                    </a:lnTo>
                    <a:lnTo>
                      <a:pt x="25" y="10"/>
                    </a:lnTo>
                    <a:lnTo>
                      <a:pt x="24" y="6"/>
                    </a:lnTo>
                    <a:lnTo>
                      <a:pt x="19" y="1"/>
                    </a:lnTo>
                    <a:lnTo>
                      <a:pt x="19" y="0"/>
                    </a:lnTo>
                    <a:lnTo>
                      <a:pt x="17" y="0"/>
                    </a:lnTo>
                    <a:lnTo>
                      <a:pt x="15" y="3"/>
                    </a:lnTo>
                    <a:lnTo>
                      <a:pt x="15" y="8"/>
                    </a:lnTo>
                    <a:lnTo>
                      <a:pt x="13" y="8"/>
                    </a:lnTo>
                    <a:lnTo>
                      <a:pt x="12" y="8"/>
                    </a:lnTo>
                    <a:lnTo>
                      <a:pt x="8" y="8"/>
                    </a:lnTo>
                    <a:lnTo>
                      <a:pt x="7" y="8"/>
                    </a:lnTo>
                    <a:lnTo>
                      <a:pt x="3" y="10"/>
                    </a:lnTo>
                    <a:lnTo>
                      <a:pt x="0" y="12"/>
                    </a:lnTo>
                    <a:lnTo>
                      <a:pt x="0" y="13"/>
                    </a:lnTo>
                    <a:lnTo>
                      <a:pt x="0" y="1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3" name="Freeform 185"/>
              <p:cNvSpPr>
                <a:spLocks/>
              </p:cNvSpPr>
              <p:nvPr/>
            </p:nvSpPr>
            <p:spPr bwMode="auto">
              <a:xfrm>
                <a:off x="5289" y="1356"/>
                <a:ext cx="25" cy="17"/>
              </a:xfrm>
              <a:custGeom>
                <a:avLst/>
                <a:gdLst>
                  <a:gd name="T0" fmla="*/ 0 w 25"/>
                  <a:gd name="T1" fmla="*/ 17 h 17"/>
                  <a:gd name="T2" fmla="*/ 0 w 25"/>
                  <a:gd name="T3" fmla="*/ 17 h 17"/>
                  <a:gd name="T4" fmla="*/ 2 w 25"/>
                  <a:gd name="T5" fmla="*/ 17 h 17"/>
                  <a:gd name="T6" fmla="*/ 7 w 25"/>
                  <a:gd name="T7" fmla="*/ 17 h 17"/>
                  <a:gd name="T8" fmla="*/ 12 w 25"/>
                  <a:gd name="T9" fmla="*/ 17 h 17"/>
                  <a:gd name="T10" fmla="*/ 19 w 25"/>
                  <a:gd name="T11" fmla="*/ 15 h 17"/>
                  <a:gd name="T12" fmla="*/ 24 w 25"/>
                  <a:gd name="T13" fmla="*/ 13 h 17"/>
                  <a:gd name="T14" fmla="*/ 25 w 25"/>
                  <a:gd name="T15" fmla="*/ 10 h 17"/>
                  <a:gd name="T16" fmla="*/ 24 w 25"/>
                  <a:gd name="T17" fmla="*/ 6 h 17"/>
                  <a:gd name="T18" fmla="*/ 19 w 25"/>
                  <a:gd name="T19" fmla="*/ 1 h 17"/>
                  <a:gd name="T20" fmla="*/ 19 w 25"/>
                  <a:gd name="T21" fmla="*/ 1 h 17"/>
                  <a:gd name="T22" fmla="*/ 19 w 25"/>
                  <a:gd name="T23" fmla="*/ 0 h 17"/>
                  <a:gd name="T24" fmla="*/ 17 w 25"/>
                  <a:gd name="T25" fmla="*/ 0 h 17"/>
                  <a:gd name="T26" fmla="*/ 15 w 25"/>
                  <a:gd name="T27" fmla="*/ 3 h 17"/>
                  <a:gd name="T28" fmla="*/ 15 w 25"/>
                  <a:gd name="T29" fmla="*/ 8 h 17"/>
                  <a:gd name="T30" fmla="*/ 15 w 25"/>
                  <a:gd name="T31" fmla="*/ 8 h 17"/>
                  <a:gd name="T32" fmla="*/ 13 w 25"/>
                  <a:gd name="T33" fmla="*/ 8 h 17"/>
                  <a:gd name="T34" fmla="*/ 12 w 25"/>
                  <a:gd name="T35" fmla="*/ 8 h 17"/>
                  <a:gd name="T36" fmla="*/ 8 w 25"/>
                  <a:gd name="T37" fmla="*/ 8 h 17"/>
                  <a:gd name="T38" fmla="*/ 7 w 25"/>
                  <a:gd name="T39" fmla="*/ 8 h 17"/>
                  <a:gd name="T40" fmla="*/ 3 w 25"/>
                  <a:gd name="T41" fmla="*/ 10 h 17"/>
                  <a:gd name="T42" fmla="*/ 0 w 25"/>
                  <a:gd name="T43" fmla="*/ 12 h 17"/>
                  <a:gd name="T44" fmla="*/ 0 w 25"/>
                  <a:gd name="T45" fmla="*/ 13 h 17"/>
                  <a:gd name="T46" fmla="*/ 0 w 25"/>
                  <a:gd name="T47" fmla="*/ 17 h 17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25"/>
                  <a:gd name="T73" fmla="*/ 0 h 17"/>
                  <a:gd name="T74" fmla="*/ 25 w 25"/>
                  <a:gd name="T75" fmla="*/ 17 h 17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25" h="17">
                    <a:moveTo>
                      <a:pt x="0" y="17"/>
                    </a:moveTo>
                    <a:lnTo>
                      <a:pt x="0" y="17"/>
                    </a:lnTo>
                    <a:lnTo>
                      <a:pt x="2" y="17"/>
                    </a:lnTo>
                    <a:lnTo>
                      <a:pt x="7" y="17"/>
                    </a:lnTo>
                    <a:lnTo>
                      <a:pt x="12" y="17"/>
                    </a:lnTo>
                    <a:lnTo>
                      <a:pt x="19" y="15"/>
                    </a:lnTo>
                    <a:lnTo>
                      <a:pt x="24" y="13"/>
                    </a:lnTo>
                    <a:lnTo>
                      <a:pt x="25" y="10"/>
                    </a:lnTo>
                    <a:lnTo>
                      <a:pt x="24" y="6"/>
                    </a:lnTo>
                    <a:lnTo>
                      <a:pt x="19" y="1"/>
                    </a:lnTo>
                    <a:lnTo>
                      <a:pt x="19" y="0"/>
                    </a:lnTo>
                    <a:lnTo>
                      <a:pt x="17" y="0"/>
                    </a:lnTo>
                    <a:lnTo>
                      <a:pt x="15" y="3"/>
                    </a:lnTo>
                    <a:lnTo>
                      <a:pt x="15" y="8"/>
                    </a:lnTo>
                    <a:lnTo>
                      <a:pt x="13" y="8"/>
                    </a:lnTo>
                    <a:lnTo>
                      <a:pt x="12" y="8"/>
                    </a:lnTo>
                    <a:lnTo>
                      <a:pt x="8" y="8"/>
                    </a:lnTo>
                    <a:lnTo>
                      <a:pt x="7" y="8"/>
                    </a:lnTo>
                    <a:lnTo>
                      <a:pt x="3" y="10"/>
                    </a:lnTo>
                    <a:lnTo>
                      <a:pt x="0" y="12"/>
                    </a:lnTo>
                    <a:lnTo>
                      <a:pt x="0" y="13"/>
                    </a:lnTo>
                    <a:lnTo>
                      <a:pt x="0" y="1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4" name="Freeform 186"/>
              <p:cNvSpPr>
                <a:spLocks/>
              </p:cNvSpPr>
              <p:nvPr/>
            </p:nvSpPr>
            <p:spPr bwMode="auto">
              <a:xfrm>
                <a:off x="5235" y="1357"/>
                <a:ext cx="29" cy="26"/>
              </a:xfrm>
              <a:custGeom>
                <a:avLst/>
                <a:gdLst>
                  <a:gd name="T0" fmla="*/ 0 w 29"/>
                  <a:gd name="T1" fmla="*/ 19 h 26"/>
                  <a:gd name="T2" fmla="*/ 3 w 29"/>
                  <a:gd name="T3" fmla="*/ 26 h 26"/>
                  <a:gd name="T4" fmla="*/ 5 w 29"/>
                  <a:gd name="T5" fmla="*/ 26 h 26"/>
                  <a:gd name="T6" fmla="*/ 7 w 29"/>
                  <a:gd name="T7" fmla="*/ 24 h 26"/>
                  <a:gd name="T8" fmla="*/ 8 w 29"/>
                  <a:gd name="T9" fmla="*/ 21 h 26"/>
                  <a:gd name="T10" fmla="*/ 12 w 29"/>
                  <a:gd name="T11" fmla="*/ 19 h 26"/>
                  <a:gd name="T12" fmla="*/ 17 w 29"/>
                  <a:gd name="T13" fmla="*/ 16 h 26"/>
                  <a:gd name="T14" fmla="*/ 20 w 29"/>
                  <a:gd name="T15" fmla="*/ 12 h 26"/>
                  <a:gd name="T16" fmla="*/ 25 w 29"/>
                  <a:gd name="T17" fmla="*/ 12 h 26"/>
                  <a:gd name="T18" fmla="*/ 29 w 29"/>
                  <a:gd name="T19" fmla="*/ 11 h 26"/>
                  <a:gd name="T20" fmla="*/ 29 w 29"/>
                  <a:gd name="T21" fmla="*/ 9 h 26"/>
                  <a:gd name="T22" fmla="*/ 29 w 29"/>
                  <a:gd name="T23" fmla="*/ 5 h 26"/>
                  <a:gd name="T24" fmla="*/ 27 w 29"/>
                  <a:gd name="T25" fmla="*/ 4 h 26"/>
                  <a:gd name="T26" fmla="*/ 22 w 29"/>
                  <a:gd name="T27" fmla="*/ 4 h 26"/>
                  <a:gd name="T28" fmla="*/ 20 w 29"/>
                  <a:gd name="T29" fmla="*/ 4 h 26"/>
                  <a:gd name="T30" fmla="*/ 18 w 29"/>
                  <a:gd name="T31" fmla="*/ 2 h 26"/>
                  <a:gd name="T32" fmla="*/ 15 w 29"/>
                  <a:gd name="T33" fmla="*/ 0 h 26"/>
                  <a:gd name="T34" fmla="*/ 13 w 29"/>
                  <a:gd name="T35" fmla="*/ 0 h 26"/>
                  <a:gd name="T36" fmla="*/ 10 w 29"/>
                  <a:gd name="T37" fmla="*/ 4 h 26"/>
                  <a:gd name="T38" fmla="*/ 10 w 29"/>
                  <a:gd name="T39" fmla="*/ 7 h 26"/>
                  <a:gd name="T40" fmla="*/ 8 w 29"/>
                  <a:gd name="T41" fmla="*/ 11 h 26"/>
                  <a:gd name="T42" fmla="*/ 8 w 29"/>
                  <a:gd name="T43" fmla="*/ 14 h 26"/>
                  <a:gd name="T44" fmla="*/ 3 w 29"/>
                  <a:gd name="T45" fmla="*/ 17 h 26"/>
                  <a:gd name="T46" fmla="*/ 0 w 29"/>
                  <a:gd name="T47" fmla="*/ 19 h 2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29"/>
                  <a:gd name="T73" fmla="*/ 0 h 26"/>
                  <a:gd name="T74" fmla="*/ 29 w 29"/>
                  <a:gd name="T75" fmla="*/ 26 h 26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29" h="26">
                    <a:moveTo>
                      <a:pt x="0" y="19"/>
                    </a:moveTo>
                    <a:lnTo>
                      <a:pt x="3" y="26"/>
                    </a:lnTo>
                    <a:lnTo>
                      <a:pt x="5" y="26"/>
                    </a:lnTo>
                    <a:lnTo>
                      <a:pt x="7" y="24"/>
                    </a:lnTo>
                    <a:lnTo>
                      <a:pt x="8" y="21"/>
                    </a:lnTo>
                    <a:lnTo>
                      <a:pt x="12" y="19"/>
                    </a:lnTo>
                    <a:lnTo>
                      <a:pt x="17" y="16"/>
                    </a:lnTo>
                    <a:lnTo>
                      <a:pt x="20" y="12"/>
                    </a:lnTo>
                    <a:lnTo>
                      <a:pt x="25" y="12"/>
                    </a:lnTo>
                    <a:lnTo>
                      <a:pt x="29" y="11"/>
                    </a:lnTo>
                    <a:lnTo>
                      <a:pt x="29" y="9"/>
                    </a:lnTo>
                    <a:lnTo>
                      <a:pt x="29" y="5"/>
                    </a:lnTo>
                    <a:lnTo>
                      <a:pt x="27" y="4"/>
                    </a:lnTo>
                    <a:lnTo>
                      <a:pt x="22" y="4"/>
                    </a:lnTo>
                    <a:lnTo>
                      <a:pt x="20" y="4"/>
                    </a:lnTo>
                    <a:lnTo>
                      <a:pt x="18" y="2"/>
                    </a:lnTo>
                    <a:lnTo>
                      <a:pt x="15" y="0"/>
                    </a:lnTo>
                    <a:lnTo>
                      <a:pt x="13" y="0"/>
                    </a:lnTo>
                    <a:lnTo>
                      <a:pt x="10" y="4"/>
                    </a:lnTo>
                    <a:lnTo>
                      <a:pt x="10" y="7"/>
                    </a:lnTo>
                    <a:lnTo>
                      <a:pt x="8" y="11"/>
                    </a:lnTo>
                    <a:lnTo>
                      <a:pt x="8" y="14"/>
                    </a:lnTo>
                    <a:lnTo>
                      <a:pt x="3" y="17"/>
                    </a:lnTo>
                    <a:lnTo>
                      <a:pt x="0" y="1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5" name="Freeform 187"/>
              <p:cNvSpPr>
                <a:spLocks/>
              </p:cNvSpPr>
              <p:nvPr/>
            </p:nvSpPr>
            <p:spPr bwMode="auto">
              <a:xfrm>
                <a:off x="5235" y="1357"/>
                <a:ext cx="29" cy="26"/>
              </a:xfrm>
              <a:custGeom>
                <a:avLst/>
                <a:gdLst>
                  <a:gd name="T0" fmla="*/ 0 w 29"/>
                  <a:gd name="T1" fmla="*/ 19 h 26"/>
                  <a:gd name="T2" fmla="*/ 3 w 29"/>
                  <a:gd name="T3" fmla="*/ 26 h 26"/>
                  <a:gd name="T4" fmla="*/ 3 w 29"/>
                  <a:gd name="T5" fmla="*/ 26 h 26"/>
                  <a:gd name="T6" fmla="*/ 5 w 29"/>
                  <a:gd name="T7" fmla="*/ 26 h 26"/>
                  <a:gd name="T8" fmla="*/ 7 w 29"/>
                  <a:gd name="T9" fmla="*/ 24 h 26"/>
                  <a:gd name="T10" fmla="*/ 8 w 29"/>
                  <a:gd name="T11" fmla="*/ 21 h 26"/>
                  <a:gd name="T12" fmla="*/ 12 w 29"/>
                  <a:gd name="T13" fmla="*/ 19 h 26"/>
                  <a:gd name="T14" fmla="*/ 17 w 29"/>
                  <a:gd name="T15" fmla="*/ 16 h 26"/>
                  <a:gd name="T16" fmla="*/ 20 w 29"/>
                  <a:gd name="T17" fmla="*/ 12 h 26"/>
                  <a:gd name="T18" fmla="*/ 25 w 29"/>
                  <a:gd name="T19" fmla="*/ 12 h 26"/>
                  <a:gd name="T20" fmla="*/ 29 w 29"/>
                  <a:gd name="T21" fmla="*/ 11 h 26"/>
                  <a:gd name="T22" fmla="*/ 29 w 29"/>
                  <a:gd name="T23" fmla="*/ 11 h 26"/>
                  <a:gd name="T24" fmla="*/ 29 w 29"/>
                  <a:gd name="T25" fmla="*/ 9 h 26"/>
                  <a:gd name="T26" fmla="*/ 29 w 29"/>
                  <a:gd name="T27" fmla="*/ 5 h 26"/>
                  <a:gd name="T28" fmla="*/ 27 w 29"/>
                  <a:gd name="T29" fmla="*/ 4 h 26"/>
                  <a:gd name="T30" fmla="*/ 22 w 29"/>
                  <a:gd name="T31" fmla="*/ 4 h 26"/>
                  <a:gd name="T32" fmla="*/ 22 w 29"/>
                  <a:gd name="T33" fmla="*/ 4 h 26"/>
                  <a:gd name="T34" fmla="*/ 20 w 29"/>
                  <a:gd name="T35" fmla="*/ 4 h 26"/>
                  <a:gd name="T36" fmla="*/ 18 w 29"/>
                  <a:gd name="T37" fmla="*/ 2 h 26"/>
                  <a:gd name="T38" fmla="*/ 15 w 29"/>
                  <a:gd name="T39" fmla="*/ 0 h 26"/>
                  <a:gd name="T40" fmla="*/ 13 w 29"/>
                  <a:gd name="T41" fmla="*/ 0 h 26"/>
                  <a:gd name="T42" fmla="*/ 10 w 29"/>
                  <a:gd name="T43" fmla="*/ 4 h 26"/>
                  <a:gd name="T44" fmla="*/ 10 w 29"/>
                  <a:gd name="T45" fmla="*/ 7 h 26"/>
                  <a:gd name="T46" fmla="*/ 8 w 29"/>
                  <a:gd name="T47" fmla="*/ 11 h 26"/>
                  <a:gd name="T48" fmla="*/ 8 w 29"/>
                  <a:gd name="T49" fmla="*/ 14 h 26"/>
                  <a:gd name="T50" fmla="*/ 3 w 29"/>
                  <a:gd name="T51" fmla="*/ 17 h 26"/>
                  <a:gd name="T52" fmla="*/ 0 w 29"/>
                  <a:gd name="T53" fmla="*/ 19 h 2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w 29"/>
                  <a:gd name="T82" fmla="*/ 0 h 26"/>
                  <a:gd name="T83" fmla="*/ 29 w 29"/>
                  <a:gd name="T84" fmla="*/ 26 h 2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T81" t="T82" r="T83" b="T84"/>
                <a:pathLst>
                  <a:path w="29" h="26">
                    <a:moveTo>
                      <a:pt x="0" y="19"/>
                    </a:moveTo>
                    <a:lnTo>
                      <a:pt x="3" y="26"/>
                    </a:lnTo>
                    <a:lnTo>
                      <a:pt x="5" y="26"/>
                    </a:lnTo>
                    <a:lnTo>
                      <a:pt x="7" y="24"/>
                    </a:lnTo>
                    <a:lnTo>
                      <a:pt x="8" y="21"/>
                    </a:lnTo>
                    <a:lnTo>
                      <a:pt x="12" y="19"/>
                    </a:lnTo>
                    <a:lnTo>
                      <a:pt x="17" y="16"/>
                    </a:lnTo>
                    <a:lnTo>
                      <a:pt x="20" y="12"/>
                    </a:lnTo>
                    <a:lnTo>
                      <a:pt x="25" y="12"/>
                    </a:lnTo>
                    <a:lnTo>
                      <a:pt x="29" y="11"/>
                    </a:lnTo>
                    <a:lnTo>
                      <a:pt x="29" y="9"/>
                    </a:lnTo>
                    <a:lnTo>
                      <a:pt x="29" y="5"/>
                    </a:lnTo>
                    <a:lnTo>
                      <a:pt x="27" y="4"/>
                    </a:lnTo>
                    <a:lnTo>
                      <a:pt x="22" y="4"/>
                    </a:lnTo>
                    <a:lnTo>
                      <a:pt x="20" y="4"/>
                    </a:lnTo>
                    <a:lnTo>
                      <a:pt x="18" y="2"/>
                    </a:lnTo>
                    <a:lnTo>
                      <a:pt x="15" y="0"/>
                    </a:lnTo>
                    <a:lnTo>
                      <a:pt x="13" y="0"/>
                    </a:lnTo>
                    <a:lnTo>
                      <a:pt x="10" y="4"/>
                    </a:lnTo>
                    <a:lnTo>
                      <a:pt x="10" y="7"/>
                    </a:lnTo>
                    <a:lnTo>
                      <a:pt x="8" y="11"/>
                    </a:lnTo>
                    <a:lnTo>
                      <a:pt x="8" y="14"/>
                    </a:lnTo>
                    <a:lnTo>
                      <a:pt x="3" y="17"/>
                    </a:lnTo>
                    <a:lnTo>
                      <a:pt x="0" y="19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6" name="Freeform 188"/>
              <p:cNvSpPr>
                <a:spLocks/>
              </p:cNvSpPr>
              <p:nvPr/>
            </p:nvSpPr>
            <p:spPr bwMode="auto">
              <a:xfrm>
                <a:off x="4972" y="1195"/>
                <a:ext cx="329" cy="167"/>
              </a:xfrm>
              <a:custGeom>
                <a:avLst/>
                <a:gdLst>
                  <a:gd name="T0" fmla="*/ 2 w 329"/>
                  <a:gd name="T1" fmla="*/ 69 h 167"/>
                  <a:gd name="T2" fmla="*/ 17 w 329"/>
                  <a:gd name="T3" fmla="*/ 68 h 167"/>
                  <a:gd name="T4" fmla="*/ 43 w 329"/>
                  <a:gd name="T5" fmla="*/ 61 h 167"/>
                  <a:gd name="T6" fmla="*/ 63 w 329"/>
                  <a:gd name="T7" fmla="*/ 56 h 167"/>
                  <a:gd name="T8" fmla="*/ 171 w 329"/>
                  <a:gd name="T9" fmla="*/ 32 h 167"/>
                  <a:gd name="T10" fmla="*/ 182 w 329"/>
                  <a:gd name="T11" fmla="*/ 20 h 167"/>
                  <a:gd name="T12" fmla="*/ 197 w 329"/>
                  <a:gd name="T13" fmla="*/ 3 h 167"/>
                  <a:gd name="T14" fmla="*/ 210 w 329"/>
                  <a:gd name="T15" fmla="*/ 0 h 167"/>
                  <a:gd name="T16" fmla="*/ 210 w 329"/>
                  <a:gd name="T17" fmla="*/ 2 h 167"/>
                  <a:gd name="T18" fmla="*/ 215 w 329"/>
                  <a:gd name="T19" fmla="*/ 13 h 167"/>
                  <a:gd name="T20" fmla="*/ 227 w 329"/>
                  <a:gd name="T21" fmla="*/ 22 h 167"/>
                  <a:gd name="T22" fmla="*/ 232 w 329"/>
                  <a:gd name="T23" fmla="*/ 27 h 167"/>
                  <a:gd name="T24" fmla="*/ 220 w 329"/>
                  <a:gd name="T25" fmla="*/ 41 h 167"/>
                  <a:gd name="T26" fmla="*/ 217 w 329"/>
                  <a:gd name="T27" fmla="*/ 52 h 167"/>
                  <a:gd name="T28" fmla="*/ 214 w 329"/>
                  <a:gd name="T29" fmla="*/ 73 h 167"/>
                  <a:gd name="T30" fmla="*/ 242 w 329"/>
                  <a:gd name="T31" fmla="*/ 78 h 167"/>
                  <a:gd name="T32" fmla="*/ 254 w 329"/>
                  <a:gd name="T33" fmla="*/ 91 h 167"/>
                  <a:gd name="T34" fmla="*/ 259 w 329"/>
                  <a:gd name="T35" fmla="*/ 107 h 167"/>
                  <a:gd name="T36" fmla="*/ 268 w 329"/>
                  <a:gd name="T37" fmla="*/ 107 h 167"/>
                  <a:gd name="T38" fmla="*/ 268 w 329"/>
                  <a:gd name="T39" fmla="*/ 112 h 167"/>
                  <a:gd name="T40" fmla="*/ 280 w 329"/>
                  <a:gd name="T41" fmla="*/ 120 h 167"/>
                  <a:gd name="T42" fmla="*/ 305 w 329"/>
                  <a:gd name="T43" fmla="*/ 120 h 167"/>
                  <a:gd name="T44" fmla="*/ 319 w 329"/>
                  <a:gd name="T45" fmla="*/ 105 h 167"/>
                  <a:gd name="T46" fmla="*/ 312 w 329"/>
                  <a:gd name="T47" fmla="*/ 91 h 167"/>
                  <a:gd name="T48" fmla="*/ 298 w 329"/>
                  <a:gd name="T49" fmla="*/ 81 h 167"/>
                  <a:gd name="T50" fmla="*/ 293 w 329"/>
                  <a:gd name="T51" fmla="*/ 85 h 167"/>
                  <a:gd name="T52" fmla="*/ 292 w 329"/>
                  <a:gd name="T53" fmla="*/ 78 h 167"/>
                  <a:gd name="T54" fmla="*/ 310 w 329"/>
                  <a:gd name="T55" fmla="*/ 81 h 167"/>
                  <a:gd name="T56" fmla="*/ 329 w 329"/>
                  <a:gd name="T57" fmla="*/ 113 h 167"/>
                  <a:gd name="T58" fmla="*/ 329 w 329"/>
                  <a:gd name="T59" fmla="*/ 122 h 167"/>
                  <a:gd name="T60" fmla="*/ 329 w 329"/>
                  <a:gd name="T61" fmla="*/ 125 h 167"/>
                  <a:gd name="T62" fmla="*/ 322 w 329"/>
                  <a:gd name="T63" fmla="*/ 123 h 167"/>
                  <a:gd name="T64" fmla="*/ 308 w 329"/>
                  <a:gd name="T65" fmla="*/ 132 h 167"/>
                  <a:gd name="T66" fmla="*/ 297 w 329"/>
                  <a:gd name="T67" fmla="*/ 135 h 167"/>
                  <a:gd name="T68" fmla="*/ 286 w 329"/>
                  <a:gd name="T69" fmla="*/ 147 h 167"/>
                  <a:gd name="T70" fmla="*/ 273 w 329"/>
                  <a:gd name="T71" fmla="*/ 157 h 167"/>
                  <a:gd name="T72" fmla="*/ 270 w 329"/>
                  <a:gd name="T73" fmla="*/ 134 h 167"/>
                  <a:gd name="T74" fmla="*/ 259 w 329"/>
                  <a:gd name="T75" fmla="*/ 130 h 167"/>
                  <a:gd name="T76" fmla="*/ 258 w 329"/>
                  <a:gd name="T77" fmla="*/ 152 h 167"/>
                  <a:gd name="T78" fmla="*/ 258 w 329"/>
                  <a:gd name="T79" fmla="*/ 145 h 167"/>
                  <a:gd name="T80" fmla="*/ 246 w 329"/>
                  <a:gd name="T81" fmla="*/ 151 h 167"/>
                  <a:gd name="T82" fmla="*/ 246 w 329"/>
                  <a:gd name="T83" fmla="*/ 159 h 167"/>
                  <a:gd name="T84" fmla="*/ 232 w 329"/>
                  <a:gd name="T85" fmla="*/ 167 h 167"/>
                  <a:gd name="T86" fmla="*/ 229 w 329"/>
                  <a:gd name="T87" fmla="*/ 161 h 167"/>
                  <a:gd name="T88" fmla="*/ 227 w 329"/>
                  <a:gd name="T89" fmla="*/ 156 h 167"/>
                  <a:gd name="T90" fmla="*/ 200 w 329"/>
                  <a:gd name="T91" fmla="*/ 129 h 167"/>
                  <a:gd name="T92" fmla="*/ 154 w 329"/>
                  <a:gd name="T93" fmla="*/ 122 h 167"/>
                  <a:gd name="T94" fmla="*/ 66 w 329"/>
                  <a:gd name="T95" fmla="*/ 144 h 167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w 329"/>
                  <a:gd name="T145" fmla="*/ 0 h 167"/>
                  <a:gd name="T146" fmla="*/ 329 w 329"/>
                  <a:gd name="T147" fmla="*/ 167 h 167"/>
                </a:gdLst>
                <a:ahLst/>
                <a:cxnLst>
                  <a:cxn ang="T96">
                    <a:pos x="T0" y="T1"/>
                  </a:cxn>
                  <a:cxn ang="T97">
                    <a:pos x="T2" y="T3"/>
                  </a:cxn>
                  <a:cxn ang="T98">
                    <a:pos x="T4" y="T5"/>
                  </a:cxn>
                  <a:cxn ang="T99">
                    <a:pos x="T6" y="T7"/>
                  </a:cxn>
                  <a:cxn ang="T100">
                    <a:pos x="T8" y="T9"/>
                  </a:cxn>
                  <a:cxn ang="T101">
                    <a:pos x="T10" y="T11"/>
                  </a:cxn>
                  <a:cxn ang="T102">
                    <a:pos x="T12" y="T13"/>
                  </a:cxn>
                  <a:cxn ang="T103">
                    <a:pos x="T14" y="T15"/>
                  </a:cxn>
                  <a:cxn ang="T104">
                    <a:pos x="T16" y="T17"/>
                  </a:cxn>
                  <a:cxn ang="T105">
                    <a:pos x="T18" y="T19"/>
                  </a:cxn>
                  <a:cxn ang="T106">
                    <a:pos x="T20" y="T21"/>
                  </a:cxn>
                  <a:cxn ang="T107">
                    <a:pos x="T22" y="T23"/>
                  </a:cxn>
                  <a:cxn ang="T108">
                    <a:pos x="T24" y="T25"/>
                  </a:cxn>
                  <a:cxn ang="T109">
                    <a:pos x="T26" y="T27"/>
                  </a:cxn>
                  <a:cxn ang="T110">
                    <a:pos x="T28" y="T29"/>
                  </a:cxn>
                  <a:cxn ang="T111">
                    <a:pos x="T30" y="T31"/>
                  </a:cxn>
                  <a:cxn ang="T112">
                    <a:pos x="T32" y="T33"/>
                  </a:cxn>
                  <a:cxn ang="T113">
                    <a:pos x="T34" y="T35"/>
                  </a:cxn>
                  <a:cxn ang="T114">
                    <a:pos x="T36" y="T37"/>
                  </a:cxn>
                  <a:cxn ang="T115">
                    <a:pos x="T38" y="T39"/>
                  </a:cxn>
                  <a:cxn ang="T116">
                    <a:pos x="T40" y="T41"/>
                  </a:cxn>
                  <a:cxn ang="T117">
                    <a:pos x="T42" y="T43"/>
                  </a:cxn>
                  <a:cxn ang="T118">
                    <a:pos x="T44" y="T45"/>
                  </a:cxn>
                  <a:cxn ang="T119">
                    <a:pos x="T46" y="T47"/>
                  </a:cxn>
                  <a:cxn ang="T120">
                    <a:pos x="T48" y="T49"/>
                  </a:cxn>
                  <a:cxn ang="T121">
                    <a:pos x="T50" y="T51"/>
                  </a:cxn>
                  <a:cxn ang="T122">
                    <a:pos x="T52" y="T53"/>
                  </a:cxn>
                  <a:cxn ang="T123">
                    <a:pos x="T54" y="T55"/>
                  </a:cxn>
                  <a:cxn ang="T124">
                    <a:pos x="T56" y="T57"/>
                  </a:cxn>
                  <a:cxn ang="T125">
                    <a:pos x="T58" y="T59"/>
                  </a:cxn>
                  <a:cxn ang="T126">
                    <a:pos x="T60" y="T61"/>
                  </a:cxn>
                  <a:cxn ang="T127">
                    <a:pos x="T62" y="T63"/>
                  </a:cxn>
                  <a:cxn ang="T128">
                    <a:pos x="T64" y="T65"/>
                  </a:cxn>
                  <a:cxn ang="T129">
                    <a:pos x="T66" y="T67"/>
                  </a:cxn>
                  <a:cxn ang="T130">
                    <a:pos x="T68" y="T69"/>
                  </a:cxn>
                  <a:cxn ang="T131">
                    <a:pos x="T70" y="T71"/>
                  </a:cxn>
                  <a:cxn ang="T132">
                    <a:pos x="T72" y="T73"/>
                  </a:cxn>
                  <a:cxn ang="T133">
                    <a:pos x="T74" y="T75"/>
                  </a:cxn>
                  <a:cxn ang="T134">
                    <a:pos x="T76" y="T77"/>
                  </a:cxn>
                  <a:cxn ang="T135">
                    <a:pos x="T78" y="T79"/>
                  </a:cxn>
                  <a:cxn ang="T136">
                    <a:pos x="T80" y="T81"/>
                  </a:cxn>
                  <a:cxn ang="T137">
                    <a:pos x="T82" y="T83"/>
                  </a:cxn>
                  <a:cxn ang="T138">
                    <a:pos x="T84" y="T85"/>
                  </a:cxn>
                  <a:cxn ang="T139">
                    <a:pos x="T86" y="T87"/>
                  </a:cxn>
                  <a:cxn ang="T140">
                    <a:pos x="T88" y="T89"/>
                  </a:cxn>
                  <a:cxn ang="T141">
                    <a:pos x="T90" y="T91"/>
                  </a:cxn>
                  <a:cxn ang="T142">
                    <a:pos x="T92" y="T93"/>
                  </a:cxn>
                  <a:cxn ang="T143">
                    <a:pos x="T94" y="T95"/>
                  </a:cxn>
                </a:cxnLst>
                <a:rect l="T144" t="T145" r="T146" b="T147"/>
                <a:pathLst>
                  <a:path w="329" h="167">
                    <a:moveTo>
                      <a:pt x="6" y="157"/>
                    </a:moveTo>
                    <a:lnTo>
                      <a:pt x="0" y="157"/>
                    </a:lnTo>
                    <a:lnTo>
                      <a:pt x="2" y="71"/>
                    </a:lnTo>
                    <a:lnTo>
                      <a:pt x="2" y="69"/>
                    </a:lnTo>
                    <a:lnTo>
                      <a:pt x="6" y="69"/>
                    </a:lnTo>
                    <a:lnTo>
                      <a:pt x="9" y="69"/>
                    </a:lnTo>
                    <a:lnTo>
                      <a:pt x="12" y="68"/>
                    </a:lnTo>
                    <a:lnTo>
                      <a:pt x="17" y="68"/>
                    </a:lnTo>
                    <a:lnTo>
                      <a:pt x="24" y="66"/>
                    </a:lnTo>
                    <a:lnTo>
                      <a:pt x="29" y="64"/>
                    </a:lnTo>
                    <a:lnTo>
                      <a:pt x="36" y="63"/>
                    </a:lnTo>
                    <a:lnTo>
                      <a:pt x="43" y="61"/>
                    </a:lnTo>
                    <a:lnTo>
                      <a:pt x="48" y="59"/>
                    </a:lnTo>
                    <a:lnTo>
                      <a:pt x="55" y="57"/>
                    </a:lnTo>
                    <a:lnTo>
                      <a:pt x="60" y="56"/>
                    </a:lnTo>
                    <a:lnTo>
                      <a:pt x="63" y="56"/>
                    </a:lnTo>
                    <a:lnTo>
                      <a:pt x="66" y="54"/>
                    </a:lnTo>
                    <a:lnTo>
                      <a:pt x="68" y="54"/>
                    </a:lnTo>
                    <a:lnTo>
                      <a:pt x="70" y="54"/>
                    </a:lnTo>
                    <a:lnTo>
                      <a:pt x="171" y="32"/>
                    </a:lnTo>
                    <a:lnTo>
                      <a:pt x="178" y="25"/>
                    </a:lnTo>
                    <a:lnTo>
                      <a:pt x="180" y="25"/>
                    </a:lnTo>
                    <a:lnTo>
                      <a:pt x="180" y="22"/>
                    </a:lnTo>
                    <a:lnTo>
                      <a:pt x="182" y="20"/>
                    </a:lnTo>
                    <a:lnTo>
                      <a:pt x="183" y="19"/>
                    </a:lnTo>
                    <a:lnTo>
                      <a:pt x="187" y="12"/>
                    </a:lnTo>
                    <a:lnTo>
                      <a:pt x="192" y="7"/>
                    </a:lnTo>
                    <a:lnTo>
                      <a:pt x="197" y="3"/>
                    </a:lnTo>
                    <a:lnTo>
                      <a:pt x="202" y="0"/>
                    </a:lnTo>
                    <a:lnTo>
                      <a:pt x="205" y="0"/>
                    </a:lnTo>
                    <a:lnTo>
                      <a:pt x="209" y="0"/>
                    </a:lnTo>
                    <a:lnTo>
                      <a:pt x="210" y="0"/>
                    </a:lnTo>
                    <a:lnTo>
                      <a:pt x="212" y="0"/>
                    </a:lnTo>
                    <a:lnTo>
                      <a:pt x="210" y="0"/>
                    </a:lnTo>
                    <a:lnTo>
                      <a:pt x="210" y="2"/>
                    </a:lnTo>
                    <a:lnTo>
                      <a:pt x="210" y="3"/>
                    </a:lnTo>
                    <a:lnTo>
                      <a:pt x="212" y="7"/>
                    </a:lnTo>
                    <a:lnTo>
                      <a:pt x="214" y="10"/>
                    </a:lnTo>
                    <a:lnTo>
                      <a:pt x="215" y="13"/>
                    </a:lnTo>
                    <a:lnTo>
                      <a:pt x="220" y="17"/>
                    </a:lnTo>
                    <a:lnTo>
                      <a:pt x="226" y="22"/>
                    </a:lnTo>
                    <a:lnTo>
                      <a:pt x="227" y="22"/>
                    </a:lnTo>
                    <a:lnTo>
                      <a:pt x="231" y="22"/>
                    </a:lnTo>
                    <a:lnTo>
                      <a:pt x="232" y="24"/>
                    </a:lnTo>
                    <a:lnTo>
                      <a:pt x="234" y="24"/>
                    </a:lnTo>
                    <a:lnTo>
                      <a:pt x="232" y="27"/>
                    </a:lnTo>
                    <a:lnTo>
                      <a:pt x="229" y="30"/>
                    </a:lnTo>
                    <a:lnTo>
                      <a:pt x="220" y="35"/>
                    </a:lnTo>
                    <a:lnTo>
                      <a:pt x="220" y="37"/>
                    </a:lnTo>
                    <a:lnTo>
                      <a:pt x="220" y="41"/>
                    </a:lnTo>
                    <a:lnTo>
                      <a:pt x="220" y="46"/>
                    </a:lnTo>
                    <a:lnTo>
                      <a:pt x="219" y="47"/>
                    </a:lnTo>
                    <a:lnTo>
                      <a:pt x="217" y="52"/>
                    </a:lnTo>
                    <a:lnTo>
                      <a:pt x="214" y="57"/>
                    </a:lnTo>
                    <a:lnTo>
                      <a:pt x="212" y="64"/>
                    </a:lnTo>
                    <a:lnTo>
                      <a:pt x="212" y="69"/>
                    </a:lnTo>
                    <a:lnTo>
                      <a:pt x="214" y="73"/>
                    </a:lnTo>
                    <a:lnTo>
                      <a:pt x="219" y="73"/>
                    </a:lnTo>
                    <a:lnTo>
                      <a:pt x="227" y="71"/>
                    </a:lnTo>
                    <a:lnTo>
                      <a:pt x="234" y="73"/>
                    </a:lnTo>
                    <a:lnTo>
                      <a:pt x="242" y="78"/>
                    </a:lnTo>
                    <a:lnTo>
                      <a:pt x="248" y="86"/>
                    </a:lnTo>
                    <a:lnTo>
                      <a:pt x="253" y="86"/>
                    </a:lnTo>
                    <a:lnTo>
                      <a:pt x="253" y="88"/>
                    </a:lnTo>
                    <a:lnTo>
                      <a:pt x="254" y="91"/>
                    </a:lnTo>
                    <a:lnTo>
                      <a:pt x="254" y="95"/>
                    </a:lnTo>
                    <a:lnTo>
                      <a:pt x="256" y="100"/>
                    </a:lnTo>
                    <a:lnTo>
                      <a:pt x="258" y="103"/>
                    </a:lnTo>
                    <a:lnTo>
                      <a:pt x="259" y="107"/>
                    </a:lnTo>
                    <a:lnTo>
                      <a:pt x="261" y="107"/>
                    </a:lnTo>
                    <a:lnTo>
                      <a:pt x="264" y="105"/>
                    </a:lnTo>
                    <a:lnTo>
                      <a:pt x="266" y="105"/>
                    </a:lnTo>
                    <a:lnTo>
                      <a:pt x="268" y="107"/>
                    </a:lnTo>
                    <a:lnTo>
                      <a:pt x="268" y="108"/>
                    </a:lnTo>
                    <a:lnTo>
                      <a:pt x="268" y="110"/>
                    </a:lnTo>
                    <a:lnTo>
                      <a:pt x="268" y="112"/>
                    </a:lnTo>
                    <a:lnTo>
                      <a:pt x="270" y="113"/>
                    </a:lnTo>
                    <a:lnTo>
                      <a:pt x="271" y="115"/>
                    </a:lnTo>
                    <a:lnTo>
                      <a:pt x="275" y="118"/>
                    </a:lnTo>
                    <a:lnTo>
                      <a:pt x="280" y="120"/>
                    </a:lnTo>
                    <a:lnTo>
                      <a:pt x="288" y="122"/>
                    </a:lnTo>
                    <a:lnTo>
                      <a:pt x="298" y="122"/>
                    </a:lnTo>
                    <a:lnTo>
                      <a:pt x="302" y="120"/>
                    </a:lnTo>
                    <a:lnTo>
                      <a:pt x="305" y="120"/>
                    </a:lnTo>
                    <a:lnTo>
                      <a:pt x="308" y="117"/>
                    </a:lnTo>
                    <a:lnTo>
                      <a:pt x="314" y="113"/>
                    </a:lnTo>
                    <a:lnTo>
                      <a:pt x="317" y="110"/>
                    </a:lnTo>
                    <a:lnTo>
                      <a:pt x="319" y="105"/>
                    </a:lnTo>
                    <a:lnTo>
                      <a:pt x="319" y="101"/>
                    </a:lnTo>
                    <a:lnTo>
                      <a:pt x="315" y="96"/>
                    </a:lnTo>
                    <a:lnTo>
                      <a:pt x="314" y="95"/>
                    </a:lnTo>
                    <a:lnTo>
                      <a:pt x="312" y="91"/>
                    </a:lnTo>
                    <a:lnTo>
                      <a:pt x="308" y="90"/>
                    </a:lnTo>
                    <a:lnTo>
                      <a:pt x="305" y="85"/>
                    </a:lnTo>
                    <a:lnTo>
                      <a:pt x="302" y="83"/>
                    </a:lnTo>
                    <a:lnTo>
                      <a:pt x="298" y="81"/>
                    </a:lnTo>
                    <a:lnTo>
                      <a:pt x="297" y="81"/>
                    </a:lnTo>
                    <a:lnTo>
                      <a:pt x="293" y="85"/>
                    </a:lnTo>
                    <a:lnTo>
                      <a:pt x="292" y="86"/>
                    </a:lnTo>
                    <a:lnTo>
                      <a:pt x="292" y="78"/>
                    </a:lnTo>
                    <a:lnTo>
                      <a:pt x="295" y="76"/>
                    </a:lnTo>
                    <a:lnTo>
                      <a:pt x="298" y="76"/>
                    </a:lnTo>
                    <a:lnTo>
                      <a:pt x="305" y="78"/>
                    </a:lnTo>
                    <a:lnTo>
                      <a:pt x="310" y="81"/>
                    </a:lnTo>
                    <a:lnTo>
                      <a:pt x="317" y="88"/>
                    </a:lnTo>
                    <a:lnTo>
                      <a:pt x="324" y="98"/>
                    </a:lnTo>
                    <a:lnTo>
                      <a:pt x="329" y="113"/>
                    </a:lnTo>
                    <a:lnTo>
                      <a:pt x="329" y="115"/>
                    </a:lnTo>
                    <a:lnTo>
                      <a:pt x="329" y="117"/>
                    </a:lnTo>
                    <a:lnTo>
                      <a:pt x="329" y="120"/>
                    </a:lnTo>
                    <a:lnTo>
                      <a:pt x="329" y="122"/>
                    </a:lnTo>
                    <a:lnTo>
                      <a:pt x="329" y="123"/>
                    </a:lnTo>
                    <a:lnTo>
                      <a:pt x="329" y="125"/>
                    </a:lnTo>
                    <a:lnTo>
                      <a:pt x="327" y="125"/>
                    </a:lnTo>
                    <a:lnTo>
                      <a:pt x="325" y="123"/>
                    </a:lnTo>
                    <a:lnTo>
                      <a:pt x="324" y="123"/>
                    </a:lnTo>
                    <a:lnTo>
                      <a:pt x="322" y="123"/>
                    </a:lnTo>
                    <a:lnTo>
                      <a:pt x="319" y="125"/>
                    </a:lnTo>
                    <a:lnTo>
                      <a:pt x="314" y="127"/>
                    </a:lnTo>
                    <a:lnTo>
                      <a:pt x="310" y="130"/>
                    </a:lnTo>
                    <a:lnTo>
                      <a:pt x="308" y="132"/>
                    </a:lnTo>
                    <a:lnTo>
                      <a:pt x="307" y="132"/>
                    </a:lnTo>
                    <a:lnTo>
                      <a:pt x="303" y="132"/>
                    </a:lnTo>
                    <a:lnTo>
                      <a:pt x="300" y="134"/>
                    </a:lnTo>
                    <a:lnTo>
                      <a:pt x="297" y="135"/>
                    </a:lnTo>
                    <a:lnTo>
                      <a:pt x="293" y="139"/>
                    </a:lnTo>
                    <a:lnTo>
                      <a:pt x="290" y="142"/>
                    </a:lnTo>
                    <a:lnTo>
                      <a:pt x="286" y="145"/>
                    </a:lnTo>
                    <a:lnTo>
                      <a:pt x="286" y="147"/>
                    </a:lnTo>
                    <a:lnTo>
                      <a:pt x="285" y="147"/>
                    </a:lnTo>
                    <a:lnTo>
                      <a:pt x="283" y="147"/>
                    </a:lnTo>
                    <a:lnTo>
                      <a:pt x="283" y="149"/>
                    </a:lnTo>
                    <a:lnTo>
                      <a:pt x="273" y="157"/>
                    </a:lnTo>
                    <a:lnTo>
                      <a:pt x="268" y="154"/>
                    </a:lnTo>
                    <a:lnTo>
                      <a:pt x="270" y="140"/>
                    </a:lnTo>
                    <a:lnTo>
                      <a:pt x="270" y="137"/>
                    </a:lnTo>
                    <a:lnTo>
                      <a:pt x="270" y="134"/>
                    </a:lnTo>
                    <a:lnTo>
                      <a:pt x="268" y="132"/>
                    </a:lnTo>
                    <a:lnTo>
                      <a:pt x="264" y="129"/>
                    </a:lnTo>
                    <a:lnTo>
                      <a:pt x="263" y="129"/>
                    </a:lnTo>
                    <a:lnTo>
                      <a:pt x="259" y="130"/>
                    </a:lnTo>
                    <a:lnTo>
                      <a:pt x="258" y="135"/>
                    </a:lnTo>
                    <a:lnTo>
                      <a:pt x="258" y="142"/>
                    </a:lnTo>
                    <a:lnTo>
                      <a:pt x="258" y="151"/>
                    </a:lnTo>
                    <a:lnTo>
                      <a:pt x="258" y="152"/>
                    </a:lnTo>
                    <a:lnTo>
                      <a:pt x="258" y="154"/>
                    </a:lnTo>
                    <a:lnTo>
                      <a:pt x="258" y="152"/>
                    </a:lnTo>
                    <a:lnTo>
                      <a:pt x="258" y="149"/>
                    </a:lnTo>
                    <a:lnTo>
                      <a:pt x="258" y="145"/>
                    </a:lnTo>
                    <a:lnTo>
                      <a:pt x="258" y="144"/>
                    </a:lnTo>
                    <a:lnTo>
                      <a:pt x="258" y="142"/>
                    </a:lnTo>
                    <a:lnTo>
                      <a:pt x="249" y="151"/>
                    </a:lnTo>
                    <a:lnTo>
                      <a:pt x="246" y="151"/>
                    </a:lnTo>
                    <a:lnTo>
                      <a:pt x="246" y="152"/>
                    </a:lnTo>
                    <a:lnTo>
                      <a:pt x="246" y="156"/>
                    </a:lnTo>
                    <a:lnTo>
                      <a:pt x="246" y="159"/>
                    </a:lnTo>
                    <a:lnTo>
                      <a:pt x="244" y="162"/>
                    </a:lnTo>
                    <a:lnTo>
                      <a:pt x="241" y="166"/>
                    </a:lnTo>
                    <a:lnTo>
                      <a:pt x="237" y="167"/>
                    </a:lnTo>
                    <a:lnTo>
                      <a:pt x="232" y="167"/>
                    </a:lnTo>
                    <a:lnTo>
                      <a:pt x="231" y="167"/>
                    </a:lnTo>
                    <a:lnTo>
                      <a:pt x="231" y="166"/>
                    </a:lnTo>
                    <a:lnTo>
                      <a:pt x="231" y="164"/>
                    </a:lnTo>
                    <a:lnTo>
                      <a:pt x="229" y="161"/>
                    </a:lnTo>
                    <a:lnTo>
                      <a:pt x="227" y="159"/>
                    </a:lnTo>
                    <a:lnTo>
                      <a:pt x="227" y="157"/>
                    </a:lnTo>
                    <a:lnTo>
                      <a:pt x="227" y="156"/>
                    </a:lnTo>
                    <a:lnTo>
                      <a:pt x="220" y="151"/>
                    </a:lnTo>
                    <a:lnTo>
                      <a:pt x="212" y="145"/>
                    </a:lnTo>
                    <a:lnTo>
                      <a:pt x="205" y="144"/>
                    </a:lnTo>
                    <a:lnTo>
                      <a:pt x="200" y="129"/>
                    </a:lnTo>
                    <a:lnTo>
                      <a:pt x="193" y="129"/>
                    </a:lnTo>
                    <a:lnTo>
                      <a:pt x="188" y="115"/>
                    </a:lnTo>
                    <a:lnTo>
                      <a:pt x="154" y="123"/>
                    </a:lnTo>
                    <a:lnTo>
                      <a:pt x="154" y="122"/>
                    </a:lnTo>
                    <a:lnTo>
                      <a:pt x="70" y="144"/>
                    </a:lnTo>
                    <a:lnTo>
                      <a:pt x="72" y="147"/>
                    </a:lnTo>
                    <a:lnTo>
                      <a:pt x="66" y="149"/>
                    </a:lnTo>
                    <a:lnTo>
                      <a:pt x="66" y="144"/>
                    </a:lnTo>
                    <a:lnTo>
                      <a:pt x="6" y="15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60" name="Freeform 189"/>
            <p:cNvSpPr>
              <a:spLocks/>
            </p:cNvSpPr>
            <p:nvPr/>
          </p:nvSpPr>
          <p:spPr bwMode="auto">
            <a:xfrm>
              <a:off x="4725" y="1711"/>
              <a:ext cx="165" cy="162"/>
            </a:xfrm>
            <a:custGeom>
              <a:avLst/>
              <a:gdLst>
                <a:gd name="T0" fmla="*/ 114 w 169"/>
                <a:gd name="T1" fmla="*/ 57 h 167"/>
                <a:gd name="T2" fmla="*/ 112 w 169"/>
                <a:gd name="T3" fmla="*/ 58 h 167"/>
                <a:gd name="T4" fmla="*/ 110 w 169"/>
                <a:gd name="T5" fmla="*/ 59 h 167"/>
                <a:gd name="T6" fmla="*/ 105 w 169"/>
                <a:gd name="T7" fmla="*/ 60 h 167"/>
                <a:gd name="T8" fmla="*/ 101 w 169"/>
                <a:gd name="T9" fmla="*/ 63 h 167"/>
                <a:gd name="T10" fmla="*/ 97 w 169"/>
                <a:gd name="T11" fmla="*/ 65 h 167"/>
                <a:gd name="T12" fmla="*/ 93 w 169"/>
                <a:gd name="T13" fmla="*/ 66 h 167"/>
                <a:gd name="T14" fmla="*/ 90 w 169"/>
                <a:gd name="T15" fmla="*/ 68 h 167"/>
                <a:gd name="T16" fmla="*/ 89 w 169"/>
                <a:gd name="T17" fmla="*/ 68 h 167"/>
                <a:gd name="T18" fmla="*/ 82 w 169"/>
                <a:gd name="T19" fmla="*/ 71 h 167"/>
                <a:gd name="T20" fmla="*/ 75 w 169"/>
                <a:gd name="T21" fmla="*/ 73 h 167"/>
                <a:gd name="T22" fmla="*/ 66 w 169"/>
                <a:gd name="T23" fmla="*/ 76 h 167"/>
                <a:gd name="T24" fmla="*/ 60 w 169"/>
                <a:gd name="T25" fmla="*/ 77 h 167"/>
                <a:gd name="T26" fmla="*/ 57 w 169"/>
                <a:gd name="T27" fmla="*/ 77 h 167"/>
                <a:gd name="T28" fmla="*/ 54 w 169"/>
                <a:gd name="T29" fmla="*/ 79 h 167"/>
                <a:gd name="T30" fmla="*/ 53 w 169"/>
                <a:gd name="T31" fmla="*/ 79 h 167"/>
                <a:gd name="T32" fmla="*/ 53 w 169"/>
                <a:gd name="T33" fmla="*/ 79 h 167"/>
                <a:gd name="T34" fmla="*/ 30 w 169"/>
                <a:gd name="T35" fmla="*/ 93 h 167"/>
                <a:gd name="T36" fmla="*/ 28 w 169"/>
                <a:gd name="T37" fmla="*/ 93 h 167"/>
                <a:gd name="T38" fmla="*/ 20 w 169"/>
                <a:gd name="T39" fmla="*/ 106 h 167"/>
                <a:gd name="T40" fmla="*/ 13 w 169"/>
                <a:gd name="T41" fmla="*/ 109 h 167"/>
                <a:gd name="T42" fmla="*/ 13 w 169"/>
                <a:gd name="T43" fmla="*/ 109 h 167"/>
                <a:gd name="T44" fmla="*/ 6 w 169"/>
                <a:gd name="T45" fmla="*/ 102 h 167"/>
                <a:gd name="T46" fmla="*/ 20 w 169"/>
                <a:gd name="T47" fmla="*/ 91 h 167"/>
                <a:gd name="T48" fmla="*/ 13 w 169"/>
                <a:gd name="T49" fmla="*/ 84 h 167"/>
                <a:gd name="T50" fmla="*/ 0 w 169"/>
                <a:gd name="T51" fmla="*/ 21 h 167"/>
                <a:gd name="T52" fmla="*/ 46 w 169"/>
                <a:gd name="T53" fmla="*/ 16 h 167"/>
                <a:gd name="T54" fmla="*/ 46 w 169"/>
                <a:gd name="T55" fmla="*/ 16 h 167"/>
                <a:gd name="T56" fmla="*/ 50 w 169"/>
                <a:gd name="T57" fmla="*/ 16 h 167"/>
                <a:gd name="T58" fmla="*/ 49 w 169"/>
                <a:gd name="T59" fmla="*/ 16 h 167"/>
                <a:gd name="T60" fmla="*/ 105 w 169"/>
                <a:gd name="T61" fmla="*/ 0 h 167"/>
                <a:gd name="T62" fmla="*/ 105 w 169"/>
                <a:gd name="T63" fmla="*/ 1 h 167"/>
                <a:gd name="T64" fmla="*/ 121 w 169"/>
                <a:gd name="T65" fmla="*/ 47 h 167"/>
                <a:gd name="T66" fmla="*/ 117 w 169"/>
                <a:gd name="T67" fmla="*/ 49 h 167"/>
                <a:gd name="T68" fmla="*/ 117 w 169"/>
                <a:gd name="T69" fmla="*/ 49 h 167"/>
                <a:gd name="T70" fmla="*/ 117 w 169"/>
                <a:gd name="T71" fmla="*/ 50 h 167"/>
                <a:gd name="T72" fmla="*/ 117 w 169"/>
                <a:gd name="T73" fmla="*/ 51 h 167"/>
                <a:gd name="T74" fmla="*/ 117 w 169"/>
                <a:gd name="T75" fmla="*/ 53 h 167"/>
                <a:gd name="T76" fmla="*/ 117 w 169"/>
                <a:gd name="T77" fmla="*/ 55 h 167"/>
                <a:gd name="T78" fmla="*/ 117 w 169"/>
                <a:gd name="T79" fmla="*/ 57 h 167"/>
                <a:gd name="T80" fmla="*/ 117 w 169"/>
                <a:gd name="T81" fmla="*/ 57 h 167"/>
                <a:gd name="T82" fmla="*/ 118 w 169"/>
                <a:gd name="T83" fmla="*/ 58 h 167"/>
                <a:gd name="T84" fmla="*/ 114 w 169"/>
                <a:gd name="T85" fmla="*/ 57 h 167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169"/>
                <a:gd name="T130" fmla="*/ 0 h 167"/>
                <a:gd name="T131" fmla="*/ 169 w 169"/>
                <a:gd name="T132" fmla="*/ 167 h 167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169" h="167">
                  <a:moveTo>
                    <a:pt x="159" y="86"/>
                  </a:moveTo>
                  <a:lnTo>
                    <a:pt x="157" y="88"/>
                  </a:lnTo>
                  <a:lnTo>
                    <a:pt x="154" y="89"/>
                  </a:lnTo>
                  <a:lnTo>
                    <a:pt x="148" y="91"/>
                  </a:lnTo>
                  <a:lnTo>
                    <a:pt x="142" y="95"/>
                  </a:lnTo>
                  <a:lnTo>
                    <a:pt x="135" y="98"/>
                  </a:lnTo>
                  <a:lnTo>
                    <a:pt x="130" y="100"/>
                  </a:lnTo>
                  <a:lnTo>
                    <a:pt x="125" y="103"/>
                  </a:lnTo>
                  <a:lnTo>
                    <a:pt x="123" y="103"/>
                  </a:lnTo>
                  <a:lnTo>
                    <a:pt x="113" y="108"/>
                  </a:lnTo>
                  <a:lnTo>
                    <a:pt x="103" y="111"/>
                  </a:lnTo>
                  <a:lnTo>
                    <a:pt x="94" y="115"/>
                  </a:lnTo>
                  <a:lnTo>
                    <a:pt x="86" y="117"/>
                  </a:lnTo>
                  <a:lnTo>
                    <a:pt x="79" y="118"/>
                  </a:lnTo>
                  <a:lnTo>
                    <a:pt x="74" y="120"/>
                  </a:lnTo>
                  <a:lnTo>
                    <a:pt x="72" y="120"/>
                  </a:lnTo>
                  <a:lnTo>
                    <a:pt x="71" y="120"/>
                  </a:lnTo>
                  <a:lnTo>
                    <a:pt x="44" y="142"/>
                  </a:lnTo>
                  <a:lnTo>
                    <a:pt x="42" y="142"/>
                  </a:lnTo>
                  <a:lnTo>
                    <a:pt x="20" y="162"/>
                  </a:lnTo>
                  <a:lnTo>
                    <a:pt x="13" y="167"/>
                  </a:lnTo>
                  <a:lnTo>
                    <a:pt x="6" y="155"/>
                  </a:lnTo>
                  <a:lnTo>
                    <a:pt x="20" y="139"/>
                  </a:lnTo>
                  <a:lnTo>
                    <a:pt x="13" y="130"/>
                  </a:lnTo>
                  <a:lnTo>
                    <a:pt x="0" y="35"/>
                  </a:lnTo>
                  <a:lnTo>
                    <a:pt x="60" y="22"/>
                  </a:lnTo>
                  <a:lnTo>
                    <a:pt x="60" y="27"/>
                  </a:lnTo>
                  <a:lnTo>
                    <a:pt x="66" y="25"/>
                  </a:lnTo>
                  <a:lnTo>
                    <a:pt x="64" y="22"/>
                  </a:lnTo>
                  <a:lnTo>
                    <a:pt x="148" y="0"/>
                  </a:lnTo>
                  <a:lnTo>
                    <a:pt x="148" y="1"/>
                  </a:lnTo>
                  <a:lnTo>
                    <a:pt x="169" y="73"/>
                  </a:lnTo>
                  <a:lnTo>
                    <a:pt x="164" y="76"/>
                  </a:lnTo>
                  <a:lnTo>
                    <a:pt x="164" y="78"/>
                  </a:lnTo>
                  <a:lnTo>
                    <a:pt x="164" y="79"/>
                  </a:lnTo>
                  <a:lnTo>
                    <a:pt x="164" y="81"/>
                  </a:lnTo>
                  <a:lnTo>
                    <a:pt x="164" y="83"/>
                  </a:lnTo>
                  <a:lnTo>
                    <a:pt x="164" y="86"/>
                  </a:lnTo>
                  <a:lnTo>
                    <a:pt x="165" y="88"/>
                  </a:lnTo>
                  <a:lnTo>
                    <a:pt x="159" y="86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61" name="Freeform 190"/>
            <p:cNvSpPr>
              <a:spLocks/>
            </p:cNvSpPr>
            <p:nvPr/>
          </p:nvSpPr>
          <p:spPr bwMode="auto">
            <a:xfrm>
              <a:off x="4869" y="1704"/>
              <a:ext cx="76" cy="93"/>
            </a:xfrm>
            <a:custGeom>
              <a:avLst/>
              <a:gdLst>
                <a:gd name="T0" fmla="*/ 19 w 78"/>
                <a:gd name="T1" fmla="*/ 61 h 95"/>
                <a:gd name="T2" fmla="*/ 16 w 78"/>
                <a:gd name="T3" fmla="*/ 63 h 95"/>
                <a:gd name="T4" fmla="*/ 16 w 78"/>
                <a:gd name="T5" fmla="*/ 63 h 95"/>
                <a:gd name="T6" fmla="*/ 16 w 78"/>
                <a:gd name="T7" fmla="*/ 63 h 95"/>
                <a:gd name="T8" fmla="*/ 16 w 78"/>
                <a:gd name="T9" fmla="*/ 64 h 95"/>
                <a:gd name="T10" fmla="*/ 16 w 78"/>
                <a:gd name="T11" fmla="*/ 64 h 95"/>
                <a:gd name="T12" fmla="*/ 16 w 78"/>
                <a:gd name="T13" fmla="*/ 65 h 95"/>
                <a:gd name="T14" fmla="*/ 16 w 78"/>
                <a:gd name="T15" fmla="*/ 66 h 95"/>
                <a:gd name="T16" fmla="*/ 16 w 78"/>
                <a:gd name="T17" fmla="*/ 68 h 95"/>
                <a:gd name="T18" fmla="*/ 16 w 78"/>
                <a:gd name="T19" fmla="*/ 68 h 95"/>
                <a:gd name="T20" fmla="*/ 17 w 78"/>
                <a:gd name="T21" fmla="*/ 69 h 95"/>
                <a:gd name="T22" fmla="*/ 17 w 78"/>
                <a:gd name="T23" fmla="*/ 69 h 95"/>
                <a:gd name="T24" fmla="*/ 19 w 78"/>
                <a:gd name="T25" fmla="*/ 69 h 95"/>
                <a:gd name="T26" fmla="*/ 19 w 78"/>
                <a:gd name="T27" fmla="*/ 68 h 95"/>
                <a:gd name="T28" fmla="*/ 19 w 78"/>
                <a:gd name="T29" fmla="*/ 66 h 95"/>
                <a:gd name="T30" fmla="*/ 22 w 78"/>
                <a:gd name="T31" fmla="*/ 64 h 95"/>
                <a:gd name="T32" fmla="*/ 25 w 78"/>
                <a:gd name="T33" fmla="*/ 63 h 95"/>
                <a:gd name="T34" fmla="*/ 27 w 78"/>
                <a:gd name="T35" fmla="*/ 61 h 95"/>
                <a:gd name="T36" fmla="*/ 29 w 78"/>
                <a:gd name="T37" fmla="*/ 60 h 95"/>
                <a:gd name="T38" fmla="*/ 30 w 78"/>
                <a:gd name="T39" fmla="*/ 59 h 95"/>
                <a:gd name="T40" fmla="*/ 36 w 78"/>
                <a:gd name="T41" fmla="*/ 59 h 95"/>
                <a:gd name="T42" fmla="*/ 36 w 78"/>
                <a:gd name="T43" fmla="*/ 50 h 95"/>
                <a:gd name="T44" fmla="*/ 25 w 78"/>
                <a:gd name="T45" fmla="*/ 23 h 95"/>
                <a:gd name="T46" fmla="*/ 34 w 78"/>
                <a:gd name="T47" fmla="*/ 23 h 95"/>
                <a:gd name="T48" fmla="*/ 41 w 78"/>
                <a:gd name="T49" fmla="*/ 23 h 95"/>
                <a:gd name="T50" fmla="*/ 44 w 78"/>
                <a:gd name="T51" fmla="*/ 23 h 95"/>
                <a:gd name="T52" fmla="*/ 44 w 78"/>
                <a:gd name="T53" fmla="*/ 23 h 95"/>
                <a:gd name="T54" fmla="*/ 45 w 78"/>
                <a:gd name="T55" fmla="*/ 23 h 95"/>
                <a:gd name="T56" fmla="*/ 45 w 78"/>
                <a:gd name="T57" fmla="*/ 23 h 95"/>
                <a:gd name="T58" fmla="*/ 47 w 78"/>
                <a:gd name="T59" fmla="*/ 25 h 95"/>
                <a:gd name="T60" fmla="*/ 48 w 78"/>
                <a:gd name="T61" fmla="*/ 28 h 95"/>
                <a:gd name="T62" fmla="*/ 48 w 78"/>
                <a:gd name="T63" fmla="*/ 28 h 95"/>
                <a:gd name="T64" fmla="*/ 49 w 78"/>
                <a:gd name="T65" fmla="*/ 38 h 95"/>
                <a:gd name="T66" fmla="*/ 51 w 78"/>
                <a:gd name="T67" fmla="*/ 44 h 95"/>
                <a:gd name="T68" fmla="*/ 51 w 78"/>
                <a:gd name="T69" fmla="*/ 47 h 95"/>
                <a:gd name="T70" fmla="*/ 52 w 78"/>
                <a:gd name="T71" fmla="*/ 45 h 95"/>
                <a:gd name="T72" fmla="*/ 53 w 78"/>
                <a:gd name="T73" fmla="*/ 44 h 95"/>
                <a:gd name="T74" fmla="*/ 53 w 78"/>
                <a:gd name="T75" fmla="*/ 40 h 95"/>
                <a:gd name="T76" fmla="*/ 54 w 78"/>
                <a:gd name="T77" fmla="*/ 38 h 95"/>
                <a:gd name="T78" fmla="*/ 54 w 78"/>
                <a:gd name="T79" fmla="*/ 37 h 95"/>
                <a:gd name="T80" fmla="*/ 54 w 78"/>
                <a:gd name="T81" fmla="*/ 38 h 95"/>
                <a:gd name="T82" fmla="*/ 54 w 78"/>
                <a:gd name="T83" fmla="*/ 38 h 95"/>
                <a:gd name="T84" fmla="*/ 53 w 78"/>
                <a:gd name="T85" fmla="*/ 38 h 95"/>
                <a:gd name="T86" fmla="*/ 53 w 78"/>
                <a:gd name="T87" fmla="*/ 37 h 95"/>
                <a:gd name="T88" fmla="*/ 53 w 78"/>
                <a:gd name="T89" fmla="*/ 35 h 95"/>
                <a:gd name="T90" fmla="*/ 52 w 78"/>
                <a:gd name="T91" fmla="*/ 32 h 95"/>
                <a:gd name="T92" fmla="*/ 51 w 78"/>
                <a:gd name="T93" fmla="*/ 30 h 95"/>
                <a:gd name="T94" fmla="*/ 51 w 78"/>
                <a:gd name="T95" fmla="*/ 28 h 95"/>
                <a:gd name="T96" fmla="*/ 51 w 78"/>
                <a:gd name="T97" fmla="*/ 27 h 95"/>
                <a:gd name="T98" fmla="*/ 51 w 78"/>
                <a:gd name="T99" fmla="*/ 27 h 95"/>
                <a:gd name="T100" fmla="*/ 48 w 78"/>
                <a:gd name="T101" fmla="*/ 23 h 95"/>
                <a:gd name="T102" fmla="*/ 44 w 78"/>
                <a:gd name="T103" fmla="*/ 23 h 95"/>
                <a:gd name="T104" fmla="*/ 37 w 78"/>
                <a:gd name="T105" fmla="*/ 23 h 95"/>
                <a:gd name="T106" fmla="*/ 32 w 78"/>
                <a:gd name="T107" fmla="*/ 14 h 95"/>
                <a:gd name="T108" fmla="*/ 25 w 78"/>
                <a:gd name="T109" fmla="*/ 14 h 95"/>
                <a:gd name="T110" fmla="*/ 20 w 78"/>
                <a:gd name="T111" fmla="*/ 0 h 95"/>
                <a:gd name="T112" fmla="*/ 0 w 78"/>
                <a:gd name="T113" fmla="*/ 8 h 95"/>
                <a:gd name="T114" fmla="*/ 19 w 78"/>
                <a:gd name="T115" fmla="*/ 61 h 95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78"/>
                <a:gd name="T175" fmla="*/ 0 h 95"/>
                <a:gd name="T176" fmla="*/ 78 w 78"/>
                <a:gd name="T177" fmla="*/ 95 h 95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78" h="95">
                  <a:moveTo>
                    <a:pt x="21" y="80"/>
                  </a:moveTo>
                  <a:lnTo>
                    <a:pt x="16" y="83"/>
                  </a:lnTo>
                  <a:lnTo>
                    <a:pt x="16" y="85"/>
                  </a:lnTo>
                  <a:lnTo>
                    <a:pt x="16" y="86"/>
                  </a:lnTo>
                  <a:lnTo>
                    <a:pt x="16" y="88"/>
                  </a:lnTo>
                  <a:lnTo>
                    <a:pt x="16" y="90"/>
                  </a:lnTo>
                  <a:lnTo>
                    <a:pt x="16" y="93"/>
                  </a:lnTo>
                  <a:lnTo>
                    <a:pt x="17" y="95"/>
                  </a:lnTo>
                  <a:lnTo>
                    <a:pt x="22" y="95"/>
                  </a:lnTo>
                  <a:lnTo>
                    <a:pt x="28" y="93"/>
                  </a:lnTo>
                  <a:lnTo>
                    <a:pt x="31" y="90"/>
                  </a:lnTo>
                  <a:lnTo>
                    <a:pt x="36" y="86"/>
                  </a:lnTo>
                  <a:lnTo>
                    <a:pt x="39" y="83"/>
                  </a:lnTo>
                  <a:lnTo>
                    <a:pt x="41" y="80"/>
                  </a:lnTo>
                  <a:lnTo>
                    <a:pt x="43" y="78"/>
                  </a:lnTo>
                  <a:lnTo>
                    <a:pt x="44" y="76"/>
                  </a:lnTo>
                  <a:lnTo>
                    <a:pt x="50" y="76"/>
                  </a:lnTo>
                  <a:lnTo>
                    <a:pt x="50" y="64"/>
                  </a:lnTo>
                  <a:lnTo>
                    <a:pt x="39" y="30"/>
                  </a:lnTo>
                  <a:lnTo>
                    <a:pt x="48" y="29"/>
                  </a:lnTo>
                  <a:lnTo>
                    <a:pt x="55" y="36"/>
                  </a:lnTo>
                  <a:lnTo>
                    <a:pt x="58" y="36"/>
                  </a:lnTo>
                  <a:lnTo>
                    <a:pt x="60" y="36"/>
                  </a:lnTo>
                  <a:lnTo>
                    <a:pt x="61" y="37"/>
                  </a:lnTo>
                  <a:lnTo>
                    <a:pt x="65" y="39"/>
                  </a:lnTo>
                  <a:lnTo>
                    <a:pt x="66" y="42"/>
                  </a:lnTo>
                  <a:lnTo>
                    <a:pt x="68" y="52"/>
                  </a:lnTo>
                  <a:lnTo>
                    <a:pt x="72" y="58"/>
                  </a:lnTo>
                  <a:lnTo>
                    <a:pt x="73" y="61"/>
                  </a:lnTo>
                  <a:lnTo>
                    <a:pt x="75" y="59"/>
                  </a:lnTo>
                  <a:lnTo>
                    <a:pt x="77" y="58"/>
                  </a:lnTo>
                  <a:lnTo>
                    <a:pt x="77" y="54"/>
                  </a:lnTo>
                  <a:lnTo>
                    <a:pt x="78" y="52"/>
                  </a:lnTo>
                  <a:lnTo>
                    <a:pt x="78" y="51"/>
                  </a:lnTo>
                  <a:lnTo>
                    <a:pt x="78" y="52"/>
                  </a:lnTo>
                  <a:lnTo>
                    <a:pt x="77" y="52"/>
                  </a:lnTo>
                  <a:lnTo>
                    <a:pt x="77" y="51"/>
                  </a:lnTo>
                  <a:lnTo>
                    <a:pt x="77" y="49"/>
                  </a:lnTo>
                  <a:lnTo>
                    <a:pt x="75" y="46"/>
                  </a:lnTo>
                  <a:lnTo>
                    <a:pt x="73" y="44"/>
                  </a:lnTo>
                  <a:lnTo>
                    <a:pt x="73" y="42"/>
                  </a:lnTo>
                  <a:lnTo>
                    <a:pt x="73" y="41"/>
                  </a:lnTo>
                  <a:lnTo>
                    <a:pt x="66" y="36"/>
                  </a:lnTo>
                  <a:lnTo>
                    <a:pt x="58" y="30"/>
                  </a:lnTo>
                  <a:lnTo>
                    <a:pt x="51" y="29"/>
                  </a:lnTo>
                  <a:lnTo>
                    <a:pt x="46" y="14"/>
                  </a:lnTo>
                  <a:lnTo>
                    <a:pt x="39" y="14"/>
                  </a:lnTo>
                  <a:lnTo>
                    <a:pt x="34" y="0"/>
                  </a:lnTo>
                  <a:lnTo>
                    <a:pt x="0" y="8"/>
                  </a:lnTo>
                  <a:lnTo>
                    <a:pt x="21" y="80"/>
                  </a:lnTo>
                </a:path>
              </a:pathLst>
            </a:custGeom>
            <a:solidFill>
              <a:srgbClr val="DDDDDD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</p:grpSp>
      <p:grpSp>
        <p:nvGrpSpPr>
          <p:cNvPr id="190" name="Group 5" descr="Map of the US showing the three Public Reporting States in 2004. "/>
          <p:cNvGrpSpPr>
            <a:grpSpLocks noChangeAspect="1"/>
          </p:cNvGrpSpPr>
          <p:nvPr/>
        </p:nvGrpSpPr>
        <p:grpSpPr bwMode="auto">
          <a:xfrm>
            <a:off x="3990289" y="2619265"/>
            <a:ext cx="2171700" cy="1461681"/>
            <a:chOff x="192" y="850"/>
            <a:chExt cx="4988" cy="3134"/>
          </a:xfrm>
        </p:grpSpPr>
        <p:sp>
          <p:nvSpPr>
            <p:cNvPr id="191" name="Freeform 9"/>
            <p:cNvSpPr>
              <a:spLocks/>
            </p:cNvSpPr>
            <p:nvPr/>
          </p:nvSpPr>
          <p:spPr bwMode="auto">
            <a:xfrm>
              <a:off x="4479" y="2181"/>
              <a:ext cx="22" cy="24"/>
            </a:xfrm>
            <a:custGeom>
              <a:avLst/>
              <a:gdLst>
                <a:gd name="T0" fmla="*/ 0 w 22"/>
                <a:gd name="T1" fmla="*/ 7 h 25"/>
                <a:gd name="T2" fmla="*/ 9 w 22"/>
                <a:gd name="T3" fmla="*/ 0 h 25"/>
                <a:gd name="T4" fmla="*/ 22 w 22"/>
                <a:gd name="T5" fmla="*/ 10 h 25"/>
                <a:gd name="T6" fmla="*/ 12 w 22"/>
                <a:gd name="T7" fmla="*/ 12 h 25"/>
                <a:gd name="T8" fmla="*/ 12 w 22"/>
                <a:gd name="T9" fmla="*/ 12 h 25"/>
                <a:gd name="T10" fmla="*/ 12 w 22"/>
                <a:gd name="T11" fmla="*/ 12 h 25"/>
                <a:gd name="T12" fmla="*/ 12 w 22"/>
                <a:gd name="T13" fmla="*/ 12 h 25"/>
                <a:gd name="T14" fmla="*/ 12 w 22"/>
                <a:gd name="T15" fmla="*/ 12 h 25"/>
                <a:gd name="T16" fmla="*/ 11 w 22"/>
                <a:gd name="T17" fmla="*/ 12 h 25"/>
                <a:gd name="T18" fmla="*/ 9 w 22"/>
                <a:gd name="T19" fmla="*/ 12 h 25"/>
                <a:gd name="T20" fmla="*/ 7 w 22"/>
                <a:gd name="T21" fmla="*/ 12 h 25"/>
                <a:gd name="T22" fmla="*/ 2 w 22"/>
                <a:gd name="T23" fmla="*/ 8 h 25"/>
                <a:gd name="T24" fmla="*/ 2 w 22"/>
                <a:gd name="T25" fmla="*/ 8 h 25"/>
                <a:gd name="T26" fmla="*/ 0 w 22"/>
                <a:gd name="T27" fmla="*/ 8 h 25"/>
                <a:gd name="T28" fmla="*/ 0 w 22"/>
                <a:gd name="T29" fmla="*/ 7 h 25"/>
                <a:gd name="T30" fmla="*/ 0 w 22"/>
                <a:gd name="T31" fmla="*/ 7 h 25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w 22"/>
                <a:gd name="T49" fmla="*/ 0 h 25"/>
                <a:gd name="T50" fmla="*/ 22 w 22"/>
                <a:gd name="T51" fmla="*/ 25 h 25"/>
              </a:gdLst>
              <a:ahLst/>
              <a:cxnLst>
                <a:cxn ang="T32">
                  <a:pos x="T0" y="T1"/>
                </a:cxn>
                <a:cxn ang="T33">
                  <a:pos x="T2" y="T3"/>
                </a:cxn>
                <a:cxn ang="T34">
                  <a:pos x="T4" y="T5"/>
                </a:cxn>
                <a:cxn ang="T35">
                  <a:pos x="T6" y="T7"/>
                </a:cxn>
                <a:cxn ang="T36">
                  <a:pos x="T8" y="T9"/>
                </a:cxn>
                <a:cxn ang="T37">
                  <a:pos x="T10" y="T11"/>
                </a:cxn>
                <a:cxn ang="T38">
                  <a:pos x="T12" y="T13"/>
                </a:cxn>
                <a:cxn ang="T39">
                  <a:pos x="T14" y="T15"/>
                </a:cxn>
                <a:cxn ang="T40">
                  <a:pos x="T16" y="T17"/>
                </a:cxn>
                <a:cxn ang="T41">
                  <a:pos x="T18" y="T19"/>
                </a:cxn>
                <a:cxn ang="T42">
                  <a:pos x="T20" y="T21"/>
                </a:cxn>
                <a:cxn ang="T43">
                  <a:pos x="T22" y="T23"/>
                </a:cxn>
                <a:cxn ang="T44">
                  <a:pos x="T24" y="T25"/>
                </a:cxn>
                <a:cxn ang="T45">
                  <a:pos x="T26" y="T27"/>
                </a:cxn>
                <a:cxn ang="T46">
                  <a:pos x="T28" y="T29"/>
                </a:cxn>
                <a:cxn ang="T47">
                  <a:pos x="T30" y="T31"/>
                </a:cxn>
              </a:cxnLst>
              <a:rect l="T48" t="T49" r="T50" b="T51"/>
              <a:pathLst>
                <a:path w="22" h="25">
                  <a:moveTo>
                    <a:pt x="0" y="7"/>
                  </a:moveTo>
                  <a:lnTo>
                    <a:pt x="9" y="0"/>
                  </a:lnTo>
                  <a:lnTo>
                    <a:pt x="22" y="10"/>
                  </a:lnTo>
                  <a:lnTo>
                    <a:pt x="12" y="25"/>
                  </a:lnTo>
                  <a:lnTo>
                    <a:pt x="12" y="23"/>
                  </a:lnTo>
                  <a:lnTo>
                    <a:pt x="12" y="22"/>
                  </a:lnTo>
                  <a:lnTo>
                    <a:pt x="12" y="20"/>
                  </a:lnTo>
                  <a:lnTo>
                    <a:pt x="12" y="18"/>
                  </a:lnTo>
                  <a:lnTo>
                    <a:pt x="11" y="17"/>
                  </a:lnTo>
                  <a:lnTo>
                    <a:pt x="9" y="13"/>
                  </a:lnTo>
                  <a:lnTo>
                    <a:pt x="7" y="12"/>
                  </a:lnTo>
                  <a:lnTo>
                    <a:pt x="2" y="8"/>
                  </a:lnTo>
                  <a:lnTo>
                    <a:pt x="0" y="8"/>
                  </a:lnTo>
                  <a:lnTo>
                    <a:pt x="0" y="7"/>
                  </a:lnTo>
                  <a:close/>
                </a:path>
              </a:pathLst>
            </a:custGeom>
            <a:solidFill>
              <a:sysClr val="windowText" lastClr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192" name="Group 10"/>
            <p:cNvGrpSpPr>
              <a:grpSpLocks/>
            </p:cNvGrpSpPr>
            <p:nvPr/>
          </p:nvGrpSpPr>
          <p:grpSpPr bwMode="auto">
            <a:xfrm>
              <a:off x="4431" y="2166"/>
              <a:ext cx="169" cy="106"/>
              <a:chOff x="4655" y="1801"/>
              <a:chExt cx="172" cy="109"/>
            </a:xfrm>
          </p:grpSpPr>
          <p:sp>
            <p:nvSpPr>
              <p:cNvPr id="370" name="Freeform 11"/>
              <p:cNvSpPr>
                <a:spLocks/>
              </p:cNvSpPr>
              <p:nvPr/>
            </p:nvSpPr>
            <p:spPr bwMode="auto">
              <a:xfrm>
                <a:off x="4725" y="1801"/>
                <a:ext cx="22" cy="25"/>
              </a:xfrm>
              <a:custGeom>
                <a:avLst/>
                <a:gdLst>
                  <a:gd name="T0" fmla="*/ 0 w 22"/>
                  <a:gd name="T1" fmla="*/ 7 h 25"/>
                  <a:gd name="T2" fmla="*/ 9 w 22"/>
                  <a:gd name="T3" fmla="*/ 0 h 25"/>
                  <a:gd name="T4" fmla="*/ 22 w 22"/>
                  <a:gd name="T5" fmla="*/ 10 h 25"/>
                  <a:gd name="T6" fmla="*/ 12 w 22"/>
                  <a:gd name="T7" fmla="*/ 25 h 25"/>
                  <a:gd name="T8" fmla="*/ 12 w 22"/>
                  <a:gd name="T9" fmla="*/ 25 h 25"/>
                  <a:gd name="T10" fmla="*/ 12 w 22"/>
                  <a:gd name="T11" fmla="*/ 23 h 25"/>
                  <a:gd name="T12" fmla="*/ 12 w 22"/>
                  <a:gd name="T13" fmla="*/ 22 h 25"/>
                  <a:gd name="T14" fmla="*/ 12 w 22"/>
                  <a:gd name="T15" fmla="*/ 20 h 25"/>
                  <a:gd name="T16" fmla="*/ 12 w 22"/>
                  <a:gd name="T17" fmla="*/ 18 h 25"/>
                  <a:gd name="T18" fmla="*/ 11 w 22"/>
                  <a:gd name="T19" fmla="*/ 17 h 25"/>
                  <a:gd name="T20" fmla="*/ 9 w 22"/>
                  <a:gd name="T21" fmla="*/ 13 h 25"/>
                  <a:gd name="T22" fmla="*/ 7 w 22"/>
                  <a:gd name="T23" fmla="*/ 12 h 25"/>
                  <a:gd name="T24" fmla="*/ 2 w 22"/>
                  <a:gd name="T25" fmla="*/ 8 h 25"/>
                  <a:gd name="T26" fmla="*/ 2 w 22"/>
                  <a:gd name="T27" fmla="*/ 8 h 25"/>
                  <a:gd name="T28" fmla="*/ 2 w 22"/>
                  <a:gd name="T29" fmla="*/ 8 h 25"/>
                  <a:gd name="T30" fmla="*/ 0 w 22"/>
                  <a:gd name="T31" fmla="*/ 8 h 25"/>
                  <a:gd name="T32" fmla="*/ 0 w 22"/>
                  <a:gd name="T33" fmla="*/ 7 h 25"/>
                  <a:gd name="T34" fmla="*/ 0 w 22"/>
                  <a:gd name="T35" fmla="*/ 7 h 25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w 22"/>
                  <a:gd name="T55" fmla="*/ 0 h 25"/>
                  <a:gd name="T56" fmla="*/ 22 w 22"/>
                  <a:gd name="T57" fmla="*/ 25 h 25"/>
                </a:gdLst>
                <a:ahLst/>
                <a:cxnLst>
                  <a:cxn ang="T36">
                    <a:pos x="T0" y="T1"/>
                  </a:cxn>
                  <a:cxn ang="T37">
                    <a:pos x="T2" y="T3"/>
                  </a:cxn>
                  <a:cxn ang="T38">
                    <a:pos x="T4" y="T5"/>
                  </a:cxn>
                  <a:cxn ang="T39">
                    <a:pos x="T6" y="T7"/>
                  </a:cxn>
                  <a:cxn ang="T40">
                    <a:pos x="T8" y="T9"/>
                  </a:cxn>
                  <a:cxn ang="T41">
                    <a:pos x="T10" y="T11"/>
                  </a:cxn>
                  <a:cxn ang="T42">
                    <a:pos x="T12" y="T13"/>
                  </a:cxn>
                  <a:cxn ang="T43">
                    <a:pos x="T14" y="T15"/>
                  </a:cxn>
                  <a:cxn ang="T44">
                    <a:pos x="T16" y="T17"/>
                  </a:cxn>
                  <a:cxn ang="T45">
                    <a:pos x="T18" y="T19"/>
                  </a:cxn>
                  <a:cxn ang="T46">
                    <a:pos x="T20" y="T21"/>
                  </a:cxn>
                  <a:cxn ang="T47">
                    <a:pos x="T22" y="T23"/>
                  </a:cxn>
                  <a:cxn ang="T48">
                    <a:pos x="T24" y="T25"/>
                  </a:cxn>
                  <a:cxn ang="T49">
                    <a:pos x="T26" y="T27"/>
                  </a:cxn>
                  <a:cxn ang="T50">
                    <a:pos x="T28" y="T29"/>
                  </a:cxn>
                  <a:cxn ang="T51">
                    <a:pos x="T30" y="T31"/>
                  </a:cxn>
                  <a:cxn ang="T52">
                    <a:pos x="T32" y="T33"/>
                  </a:cxn>
                  <a:cxn ang="T53">
                    <a:pos x="T34" y="T35"/>
                  </a:cxn>
                </a:cxnLst>
                <a:rect l="T54" t="T55" r="T56" b="T57"/>
                <a:pathLst>
                  <a:path w="22" h="25">
                    <a:moveTo>
                      <a:pt x="0" y="7"/>
                    </a:moveTo>
                    <a:lnTo>
                      <a:pt x="9" y="0"/>
                    </a:lnTo>
                    <a:lnTo>
                      <a:pt x="22" y="10"/>
                    </a:lnTo>
                    <a:lnTo>
                      <a:pt x="12" y="25"/>
                    </a:lnTo>
                    <a:lnTo>
                      <a:pt x="12" y="23"/>
                    </a:lnTo>
                    <a:lnTo>
                      <a:pt x="12" y="22"/>
                    </a:lnTo>
                    <a:lnTo>
                      <a:pt x="12" y="20"/>
                    </a:lnTo>
                    <a:lnTo>
                      <a:pt x="12" y="18"/>
                    </a:lnTo>
                    <a:lnTo>
                      <a:pt x="11" y="17"/>
                    </a:lnTo>
                    <a:lnTo>
                      <a:pt x="9" y="13"/>
                    </a:lnTo>
                    <a:lnTo>
                      <a:pt x="7" y="12"/>
                    </a:lnTo>
                    <a:lnTo>
                      <a:pt x="2" y="8"/>
                    </a:lnTo>
                    <a:lnTo>
                      <a:pt x="0" y="8"/>
                    </a:lnTo>
                    <a:lnTo>
                      <a:pt x="0" y="7"/>
                    </a:lnTo>
                  </a:path>
                </a:pathLst>
              </a:custGeom>
              <a:solidFill>
                <a:sysClr val="windowText" lastClr="000000"/>
              </a:solidFill>
              <a:ln w="3175">
                <a:solidFill>
                  <a:srgbClr val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71" name="Rectangle 12"/>
              <p:cNvSpPr>
                <a:spLocks noChangeArrowheads="1"/>
              </p:cNvSpPr>
              <p:nvPr/>
            </p:nvSpPr>
            <p:spPr bwMode="auto">
              <a:xfrm>
                <a:off x="4655" y="1804"/>
                <a:ext cx="172" cy="106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wrap="none" lIns="0" tIns="0" rIns="0" bIns="0">
                <a:spAutoFit/>
              </a:bodyPr>
              <a:lstStyle/>
              <a:p>
                <a:pPr defTabSz="571486">
                  <a:defRPr/>
                </a:pPr>
                <a:r>
                  <a:rPr lang="en-US" sz="313" b="1" kern="0" dirty="0">
                    <a:solidFill>
                      <a:srgbClr val="FFFFFF"/>
                    </a:solidFill>
                    <a:latin typeface="Helvetica" pitchFamily="34" charset="0"/>
                  </a:rPr>
                  <a:t>DC*</a:t>
                </a:r>
                <a:endParaRPr lang="en-US" sz="313" b="1" kern="0" dirty="0">
                  <a:solidFill>
                    <a:srgbClr val="FFFFFF"/>
                  </a:solidFill>
                  <a:latin typeface="Times New Roman" pitchFamily="18" charset="0"/>
                </a:endParaRPr>
              </a:p>
            </p:txBody>
          </p:sp>
        </p:grpSp>
        <p:sp>
          <p:nvSpPr>
            <p:cNvPr id="193" name="Freeform 13"/>
            <p:cNvSpPr>
              <a:spLocks/>
            </p:cNvSpPr>
            <p:nvPr/>
          </p:nvSpPr>
          <p:spPr bwMode="auto">
            <a:xfrm>
              <a:off x="3980" y="2710"/>
              <a:ext cx="478" cy="363"/>
            </a:xfrm>
            <a:custGeom>
              <a:avLst/>
              <a:gdLst>
                <a:gd name="T0" fmla="*/ 178 w 492"/>
                <a:gd name="T1" fmla="*/ 243 h 374"/>
                <a:gd name="T2" fmla="*/ 178 w 492"/>
                <a:gd name="T3" fmla="*/ 240 h 374"/>
                <a:gd name="T4" fmla="*/ 178 w 492"/>
                <a:gd name="T5" fmla="*/ 239 h 374"/>
                <a:gd name="T6" fmla="*/ 171 w 492"/>
                <a:gd name="T7" fmla="*/ 217 h 374"/>
                <a:gd name="T8" fmla="*/ 157 w 492"/>
                <a:gd name="T9" fmla="*/ 207 h 374"/>
                <a:gd name="T10" fmla="*/ 153 w 492"/>
                <a:gd name="T11" fmla="*/ 192 h 374"/>
                <a:gd name="T12" fmla="*/ 142 w 492"/>
                <a:gd name="T13" fmla="*/ 177 h 374"/>
                <a:gd name="T14" fmla="*/ 130 w 492"/>
                <a:gd name="T15" fmla="*/ 173 h 374"/>
                <a:gd name="T16" fmla="*/ 126 w 492"/>
                <a:gd name="T17" fmla="*/ 171 h 374"/>
                <a:gd name="T18" fmla="*/ 116 w 492"/>
                <a:gd name="T19" fmla="*/ 162 h 374"/>
                <a:gd name="T20" fmla="*/ 111 w 492"/>
                <a:gd name="T21" fmla="*/ 153 h 374"/>
                <a:gd name="T22" fmla="*/ 104 w 492"/>
                <a:gd name="T23" fmla="*/ 141 h 374"/>
                <a:gd name="T24" fmla="*/ 95 w 492"/>
                <a:gd name="T25" fmla="*/ 139 h 374"/>
                <a:gd name="T26" fmla="*/ 91 w 492"/>
                <a:gd name="T27" fmla="*/ 137 h 374"/>
                <a:gd name="T28" fmla="*/ 86 w 492"/>
                <a:gd name="T29" fmla="*/ 132 h 374"/>
                <a:gd name="T30" fmla="*/ 81 w 492"/>
                <a:gd name="T31" fmla="*/ 121 h 374"/>
                <a:gd name="T32" fmla="*/ 75 w 492"/>
                <a:gd name="T33" fmla="*/ 120 h 374"/>
                <a:gd name="T34" fmla="*/ 68 w 492"/>
                <a:gd name="T35" fmla="*/ 119 h 374"/>
                <a:gd name="T36" fmla="*/ 61 w 492"/>
                <a:gd name="T37" fmla="*/ 111 h 374"/>
                <a:gd name="T38" fmla="*/ 55 w 492"/>
                <a:gd name="T39" fmla="*/ 104 h 374"/>
                <a:gd name="T40" fmla="*/ 47 w 492"/>
                <a:gd name="T41" fmla="*/ 96 h 374"/>
                <a:gd name="T42" fmla="*/ 40 w 492"/>
                <a:gd name="T43" fmla="*/ 82 h 374"/>
                <a:gd name="T44" fmla="*/ 38 w 492"/>
                <a:gd name="T45" fmla="*/ 75 h 374"/>
                <a:gd name="T46" fmla="*/ 33 w 492"/>
                <a:gd name="T47" fmla="*/ 74 h 374"/>
                <a:gd name="T48" fmla="*/ 18 w 492"/>
                <a:gd name="T49" fmla="*/ 72 h 374"/>
                <a:gd name="T50" fmla="*/ 17 w 492"/>
                <a:gd name="T51" fmla="*/ 69 h 374"/>
                <a:gd name="T52" fmla="*/ 17 w 492"/>
                <a:gd name="T53" fmla="*/ 67 h 374"/>
                <a:gd name="T54" fmla="*/ 0 w 492"/>
                <a:gd name="T55" fmla="*/ 56 h 374"/>
                <a:gd name="T56" fmla="*/ 13 w 492"/>
                <a:gd name="T57" fmla="*/ 39 h 374"/>
                <a:gd name="T58" fmla="*/ 17 w 492"/>
                <a:gd name="T59" fmla="*/ 37 h 374"/>
                <a:gd name="T60" fmla="*/ 17 w 492"/>
                <a:gd name="T61" fmla="*/ 35 h 374"/>
                <a:gd name="T62" fmla="*/ 21 w 492"/>
                <a:gd name="T63" fmla="*/ 25 h 374"/>
                <a:gd name="T64" fmla="*/ 38 w 492"/>
                <a:gd name="T65" fmla="*/ 17 h 374"/>
                <a:gd name="T66" fmla="*/ 50 w 492"/>
                <a:gd name="T67" fmla="*/ 17 h 374"/>
                <a:gd name="T68" fmla="*/ 71 w 492"/>
                <a:gd name="T69" fmla="*/ 10 h 374"/>
                <a:gd name="T70" fmla="*/ 139 w 492"/>
                <a:gd name="T71" fmla="*/ 1 h 374"/>
                <a:gd name="T72" fmla="*/ 149 w 492"/>
                <a:gd name="T73" fmla="*/ 0 h 374"/>
                <a:gd name="T74" fmla="*/ 162 w 492"/>
                <a:gd name="T75" fmla="*/ 12 h 374"/>
                <a:gd name="T76" fmla="*/ 242 w 492"/>
                <a:gd name="T77" fmla="*/ 17 h 374"/>
                <a:gd name="T78" fmla="*/ 328 w 492"/>
                <a:gd name="T79" fmla="*/ 77 h 374"/>
                <a:gd name="T80" fmla="*/ 323 w 492"/>
                <a:gd name="T81" fmla="*/ 81 h 374"/>
                <a:gd name="T82" fmla="*/ 315 w 492"/>
                <a:gd name="T83" fmla="*/ 87 h 374"/>
                <a:gd name="T84" fmla="*/ 306 w 492"/>
                <a:gd name="T85" fmla="*/ 100 h 374"/>
                <a:gd name="T86" fmla="*/ 298 w 492"/>
                <a:gd name="T87" fmla="*/ 114 h 374"/>
                <a:gd name="T88" fmla="*/ 293 w 492"/>
                <a:gd name="T89" fmla="*/ 126 h 374"/>
                <a:gd name="T90" fmla="*/ 290 w 492"/>
                <a:gd name="T91" fmla="*/ 123 h 374"/>
                <a:gd name="T92" fmla="*/ 288 w 492"/>
                <a:gd name="T93" fmla="*/ 126 h 374"/>
                <a:gd name="T94" fmla="*/ 289 w 492"/>
                <a:gd name="T95" fmla="*/ 132 h 374"/>
                <a:gd name="T96" fmla="*/ 294 w 492"/>
                <a:gd name="T97" fmla="*/ 134 h 374"/>
                <a:gd name="T98" fmla="*/ 295 w 492"/>
                <a:gd name="T99" fmla="*/ 139 h 374"/>
                <a:gd name="T100" fmla="*/ 292 w 492"/>
                <a:gd name="T101" fmla="*/ 145 h 374"/>
                <a:gd name="T102" fmla="*/ 286 w 492"/>
                <a:gd name="T103" fmla="*/ 148 h 374"/>
                <a:gd name="T104" fmla="*/ 276 w 492"/>
                <a:gd name="T105" fmla="*/ 154 h 374"/>
                <a:gd name="T106" fmla="*/ 266 w 492"/>
                <a:gd name="T107" fmla="*/ 171 h 374"/>
                <a:gd name="T108" fmla="*/ 263 w 492"/>
                <a:gd name="T109" fmla="*/ 173 h 374"/>
                <a:gd name="T110" fmla="*/ 259 w 492"/>
                <a:gd name="T111" fmla="*/ 177 h 374"/>
                <a:gd name="T112" fmla="*/ 251 w 492"/>
                <a:gd name="T113" fmla="*/ 179 h 374"/>
                <a:gd name="T114" fmla="*/ 240 w 492"/>
                <a:gd name="T115" fmla="*/ 196 h 374"/>
                <a:gd name="T116" fmla="*/ 236 w 492"/>
                <a:gd name="T117" fmla="*/ 201 h 374"/>
                <a:gd name="T118" fmla="*/ 214 w 492"/>
                <a:gd name="T119" fmla="*/ 207 h 374"/>
                <a:gd name="T120" fmla="*/ 194 w 492"/>
                <a:gd name="T121" fmla="*/ 221 h 374"/>
                <a:gd name="T122" fmla="*/ 187 w 492"/>
                <a:gd name="T123" fmla="*/ 245 h 374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w 492"/>
                <a:gd name="T187" fmla="*/ 0 h 374"/>
                <a:gd name="T188" fmla="*/ 492 w 492"/>
                <a:gd name="T189" fmla="*/ 374 h 374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T186" t="T187" r="T188" b="T189"/>
              <a:pathLst>
                <a:path w="492" h="374">
                  <a:moveTo>
                    <a:pt x="269" y="374"/>
                  </a:moveTo>
                  <a:lnTo>
                    <a:pt x="269" y="372"/>
                  </a:lnTo>
                  <a:lnTo>
                    <a:pt x="267" y="370"/>
                  </a:lnTo>
                  <a:lnTo>
                    <a:pt x="267" y="369"/>
                  </a:lnTo>
                  <a:lnTo>
                    <a:pt x="267" y="367"/>
                  </a:lnTo>
                  <a:lnTo>
                    <a:pt x="267" y="365"/>
                  </a:lnTo>
                  <a:lnTo>
                    <a:pt x="267" y="364"/>
                  </a:lnTo>
                  <a:lnTo>
                    <a:pt x="267" y="362"/>
                  </a:lnTo>
                  <a:lnTo>
                    <a:pt x="266" y="348"/>
                  </a:lnTo>
                  <a:lnTo>
                    <a:pt x="261" y="338"/>
                  </a:lnTo>
                  <a:lnTo>
                    <a:pt x="255" y="330"/>
                  </a:lnTo>
                  <a:lnTo>
                    <a:pt x="249" y="321"/>
                  </a:lnTo>
                  <a:lnTo>
                    <a:pt x="242" y="316"/>
                  </a:lnTo>
                  <a:lnTo>
                    <a:pt x="235" y="313"/>
                  </a:lnTo>
                  <a:lnTo>
                    <a:pt x="232" y="309"/>
                  </a:lnTo>
                  <a:lnTo>
                    <a:pt x="230" y="308"/>
                  </a:lnTo>
                  <a:lnTo>
                    <a:pt x="228" y="292"/>
                  </a:lnTo>
                  <a:lnTo>
                    <a:pt x="225" y="282"/>
                  </a:lnTo>
                  <a:lnTo>
                    <a:pt x="218" y="274"/>
                  </a:lnTo>
                  <a:lnTo>
                    <a:pt x="211" y="269"/>
                  </a:lnTo>
                  <a:lnTo>
                    <a:pt x="205" y="265"/>
                  </a:lnTo>
                  <a:lnTo>
                    <a:pt x="200" y="264"/>
                  </a:lnTo>
                  <a:lnTo>
                    <a:pt x="195" y="262"/>
                  </a:lnTo>
                  <a:lnTo>
                    <a:pt x="193" y="262"/>
                  </a:lnTo>
                  <a:lnTo>
                    <a:pt x="193" y="260"/>
                  </a:lnTo>
                  <a:lnTo>
                    <a:pt x="189" y="259"/>
                  </a:lnTo>
                  <a:lnTo>
                    <a:pt x="184" y="254"/>
                  </a:lnTo>
                  <a:lnTo>
                    <a:pt x="179" y="250"/>
                  </a:lnTo>
                  <a:lnTo>
                    <a:pt x="174" y="245"/>
                  </a:lnTo>
                  <a:lnTo>
                    <a:pt x="171" y="240"/>
                  </a:lnTo>
                  <a:lnTo>
                    <a:pt x="167" y="237"/>
                  </a:lnTo>
                  <a:lnTo>
                    <a:pt x="166" y="233"/>
                  </a:lnTo>
                  <a:lnTo>
                    <a:pt x="162" y="225"/>
                  </a:lnTo>
                  <a:lnTo>
                    <a:pt x="157" y="218"/>
                  </a:lnTo>
                  <a:lnTo>
                    <a:pt x="154" y="213"/>
                  </a:lnTo>
                  <a:lnTo>
                    <a:pt x="149" y="211"/>
                  </a:lnTo>
                  <a:lnTo>
                    <a:pt x="145" y="210"/>
                  </a:lnTo>
                  <a:lnTo>
                    <a:pt x="142" y="210"/>
                  </a:lnTo>
                  <a:lnTo>
                    <a:pt x="139" y="210"/>
                  </a:lnTo>
                  <a:lnTo>
                    <a:pt x="137" y="208"/>
                  </a:lnTo>
                  <a:lnTo>
                    <a:pt x="135" y="204"/>
                  </a:lnTo>
                  <a:lnTo>
                    <a:pt x="132" y="203"/>
                  </a:lnTo>
                  <a:lnTo>
                    <a:pt x="130" y="199"/>
                  </a:lnTo>
                  <a:lnTo>
                    <a:pt x="127" y="193"/>
                  </a:lnTo>
                  <a:lnTo>
                    <a:pt x="123" y="188"/>
                  </a:lnTo>
                  <a:lnTo>
                    <a:pt x="120" y="184"/>
                  </a:lnTo>
                  <a:lnTo>
                    <a:pt x="117" y="182"/>
                  </a:lnTo>
                  <a:lnTo>
                    <a:pt x="113" y="181"/>
                  </a:lnTo>
                  <a:lnTo>
                    <a:pt x="112" y="182"/>
                  </a:lnTo>
                  <a:lnTo>
                    <a:pt x="108" y="182"/>
                  </a:lnTo>
                  <a:lnTo>
                    <a:pt x="101" y="181"/>
                  </a:lnTo>
                  <a:lnTo>
                    <a:pt x="96" y="179"/>
                  </a:lnTo>
                  <a:lnTo>
                    <a:pt x="93" y="174"/>
                  </a:lnTo>
                  <a:lnTo>
                    <a:pt x="90" y="169"/>
                  </a:lnTo>
                  <a:lnTo>
                    <a:pt x="86" y="164"/>
                  </a:lnTo>
                  <a:lnTo>
                    <a:pt x="85" y="160"/>
                  </a:lnTo>
                  <a:lnTo>
                    <a:pt x="83" y="157"/>
                  </a:lnTo>
                  <a:lnTo>
                    <a:pt x="83" y="155"/>
                  </a:lnTo>
                  <a:lnTo>
                    <a:pt x="78" y="152"/>
                  </a:lnTo>
                  <a:lnTo>
                    <a:pt x="71" y="145"/>
                  </a:lnTo>
                  <a:lnTo>
                    <a:pt x="66" y="138"/>
                  </a:lnTo>
                  <a:lnTo>
                    <a:pt x="61" y="132"/>
                  </a:lnTo>
                  <a:lnTo>
                    <a:pt x="57" y="125"/>
                  </a:lnTo>
                  <a:lnTo>
                    <a:pt x="56" y="118"/>
                  </a:lnTo>
                  <a:lnTo>
                    <a:pt x="52" y="115"/>
                  </a:lnTo>
                  <a:lnTo>
                    <a:pt x="52" y="113"/>
                  </a:lnTo>
                  <a:lnTo>
                    <a:pt x="52" y="111"/>
                  </a:lnTo>
                  <a:lnTo>
                    <a:pt x="49" y="111"/>
                  </a:lnTo>
                  <a:lnTo>
                    <a:pt x="47" y="111"/>
                  </a:lnTo>
                  <a:lnTo>
                    <a:pt x="46" y="110"/>
                  </a:lnTo>
                  <a:lnTo>
                    <a:pt x="39" y="110"/>
                  </a:lnTo>
                  <a:lnTo>
                    <a:pt x="32" y="108"/>
                  </a:lnTo>
                  <a:lnTo>
                    <a:pt x="27" y="106"/>
                  </a:lnTo>
                  <a:lnTo>
                    <a:pt x="24" y="105"/>
                  </a:lnTo>
                  <a:lnTo>
                    <a:pt x="20" y="103"/>
                  </a:lnTo>
                  <a:lnTo>
                    <a:pt x="19" y="101"/>
                  </a:lnTo>
                  <a:lnTo>
                    <a:pt x="17" y="100"/>
                  </a:lnTo>
                  <a:lnTo>
                    <a:pt x="5" y="98"/>
                  </a:lnTo>
                  <a:lnTo>
                    <a:pt x="0" y="93"/>
                  </a:lnTo>
                  <a:lnTo>
                    <a:pt x="0" y="84"/>
                  </a:lnTo>
                  <a:lnTo>
                    <a:pt x="2" y="74"/>
                  </a:lnTo>
                  <a:lnTo>
                    <a:pt x="7" y="66"/>
                  </a:lnTo>
                  <a:lnTo>
                    <a:pt x="13" y="57"/>
                  </a:lnTo>
                  <a:lnTo>
                    <a:pt x="17" y="52"/>
                  </a:lnTo>
                  <a:lnTo>
                    <a:pt x="19" y="50"/>
                  </a:lnTo>
                  <a:lnTo>
                    <a:pt x="20" y="52"/>
                  </a:lnTo>
                  <a:lnTo>
                    <a:pt x="22" y="50"/>
                  </a:lnTo>
                  <a:lnTo>
                    <a:pt x="24" y="49"/>
                  </a:lnTo>
                  <a:lnTo>
                    <a:pt x="27" y="45"/>
                  </a:lnTo>
                  <a:lnTo>
                    <a:pt x="30" y="42"/>
                  </a:lnTo>
                  <a:lnTo>
                    <a:pt x="35" y="39"/>
                  </a:lnTo>
                  <a:lnTo>
                    <a:pt x="41" y="35"/>
                  </a:lnTo>
                  <a:lnTo>
                    <a:pt x="47" y="32"/>
                  </a:lnTo>
                  <a:lnTo>
                    <a:pt x="52" y="28"/>
                  </a:lnTo>
                  <a:lnTo>
                    <a:pt x="61" y="23"/>
                  </a:lnTo>
                  <a:lnTo>
                    <a:pt x="68" y="20"/>
                  </a:lnTo>
                  <a:lnTo>
                    <a:pt x="76" y="17"/>
                  </a:lnTo>
                  <a:lnTo>
                    <a:pt x="85" y="15"/>
                  </a:lnTo>
                  <a:lnTo>
                    <a:pt x="95" y="13"/>
                  </a:lnTo>
                  <a:lnTo>
                    <a:pt x="105" y="10"/>
                  </a:lnTo>
                  <a:lnTo>
                    <a:pt x="113" y="10"/>
                  </a:lnTo>
                  <a:lnTo>
                    <a:pt x="206" y="1"/>
                  </a:lnTo>
                  <a:lnTo>
                    <a:pt x="208" y="1"/>
                  </a:lnTo>
                  <a:lnTo>
                    <a:pt x="210" y="0"/>
                  </a:lnTo>
                  <a:lnTo>
                    <a:pt x="215" y="0"/>
                  </a:lnTo>
                  <a:lnTo>
                    <a:pt x="222" y="0"/>
                  </a:lnTo>
                  <a:lnTo>
                    <a:pt x="228" y="1"/>
                  </a:lnTo>
                  <a:lnTo>
                    <a:pt x="235" y="5"/>
                  </a:lnTo>
                  <a:lnTo>
                    <a:pt x="242" y="12"/>
                  </a:lnTo>
                  <a:lnTo>
                    <a:pt x="250" y="23"/>
                  </a:lnTo>
                  <a:lnTo>
                    <a:pt x="254" y="37"/>
                  </a:lnTo>
                  <a:lnTo>
                    <a:pt x="362" y="20"/>
                  </a:lnTo>
                  <a:lnTo>
                    <a:pt x="492" y="115"/>
                  </a:lnTo>
                  <a:lnTo>
                    <a:pt x="491" y="115"/>
                  </a:lnTo>
                  <a:lnTo>
                    <a:pt x="489" y="118"/>
                  </a:lnTo>
                  <a:lnTo>
                    <a:pt x="486" y="120"/>
                  </a:lnTo>
                  <a:lnTo>
                    <a:pt x="484" y="122"/>
                  </a:lnTo>
                  <a:lnTo>
                    <a:pt x="481" y="125"/>
                  </a:lnTo>
                  <a:lnTo>
                    <a:pt x="475" y="130"/>
                  </a:lnTo>
                  <a:lnTo>
                    <a:pt x="472" y="133"/>
                  </a:lnTo>
                  <a:lnTo>
                    <a:pt x="467" y="140"/>
                  </a:lnTo>
                  <a:lnTo>
                    <a:pt x="464" y="145"/>
                  </a:lnTo>
                  <a:lnTo>
                    <a:pt x="459" y="150"/>
                  </a:lnTo>
                  <a:lnTo>
                    <a:pt x="455" y="159"/>
                  </a:lnTo>
                  <a:lnTo>
                    <a:pt x="450" y="166"/>
                  </a:lnTo>
                  <a:lnTo>
                    <a:pt x="447" y="174"/>
                  </a:lnTo>
                  <a:lnTo>
                    <a:pt x="443" y="182"/>
                  </a:lnTo>
                  <a:lnTo>
                    <a:pt x="440" y="191"/>
                  </a:lnTo>
                  <a:lnTo>
                    <a:pt x="437" y="189"/>
                  </a:lnTo>
                  <a:lnTo>
                    <a:pt x="435" y="188"/>
                  </a:lnTo>
                  <a:lnTo>
                    <a:pt x="435" y="186"/>
                  </a:lnTo>
                  <a:lnTo>
                    <a:pt x="433" y="186"/>
                  </a:lnTo>
                  <a:lnTo>
                    <a:pt x="433" y="188"/>
                  </a:lnTo>
                  <a:lnTo>
                    <a:pt x="431" y="191"/>
                  </a:lnTo>
                  <a:lnTo>
                    <a:pt x="431" y="194"/>
                  </a:lnTo>
                  <a:lnTo>
                    <a:pt x="431" y="198"/>
                  </a:lnTo>
                  <a:lnTo>
                    <a:pt x="433" y="199"/>
                  </a:lnTo>
                  <a:lnTo>
                    <a:pt x="435" y="201"/>
                  </a:lnTo>
                  <a:lnTo>
                    <a:pt x="440" y="203"/>
                  </a:lnTo>
                  <a:lnTo>
                    <a:pt x="442" y="203"/>
                  </a:lnTo>
                  <a:lnTo>
                    <a:pt x="442" y="204"/>
                  </a:lnTo>
                  <a:lnTo>
                    <a:pt x="443" y="206"/>
                  </a:lnTo>
                  <a:lnTo>
                    <a:pt x="443" y="210"/>
                  </a:lnTo>
                  <a:lnTo>
                    <a:pt x="443" y="213"/>
                  </a:lnTo>
                  <a:lnTo>
                    <a:pt x="440" y="216"/>
                  </a:lnTo>
                  <a:lnTo>
                    <a:pt x="437" y="221"/>
                  </a:lnTo>
                  <a:lnTo>
                    <a:pt x="431" y="225"/>
                  </a:lnTo>
                  <a:lnTo>
                    <a:pt x="430" y="225"/>
                  </a:lnTo>
                  <a:lnTo>
                    <a:pt x="428" y="225"/>
                  </a:lnTo>
                  <a:lnTo>
                    <a:pt x="423" y="228"/>
                  </a:lnTo>
                  <a:lnTo>
                    <a:pt x="418" y="230"/>
                  </a:lnTo>
                  <a:lnTo>
                    <a:pt x="413" y="235"/>
                  </a:lnTo>
                  <a:lnTo>
                    <a:pt x="408" y="240"/>
                  </a:lnTo>
                  <a:lnTo>
                    <a:pt x="403" y="248"/>
                  </a:lnTo>
                  <a:lnTo>
                    <a:pt x="398" y="259"/>
                  </a:lnTo>
                  <a:lnTo>
                    <a:pt x="396" y="260"/>
                  </a:lnTo>
                  <a:lnTo>
                    <a:pt x="394" y="262"/>
                  </a:lnTo>
                  <a:lnTo>
                    <a:pt x="393" y="265"/>
                  </a:lnTo>
                  <a:lnTo>
                    <a:pt x="391" y="267"/>
                  </a:lnTo>
                  <a:lnTo>
                    <a:pt x="389" y="269"/>
                  </a:lnTo>
                  <a:lnTo>
                    <a:pt x="387" y="270"/>
                  </a:lnTo>
                  <a:lnTo>
                    <a:pt x="376" y="272"/>
                  </a:lnTo>
                  <a:lnTo>
                    <a:pt x="376" y="277"/>
                  </a:lnTo>
                  <a:lnTo>
                    <a:pt x="384" y="279"/>
                  </a:lnTo>
                  <a:lnTo>
                    <a:pt x="359" y="299"/>
                  </a:lnTo>
                  <a:lnTo>
                    <a:pt x="354" y="291"/>
                  </a:lnTo>
                  <a:lnTo>
                    <a:pt x="349" y="299"/>
                  </a:lnTo>
                  <a:lnTo>
                    <a:pt x="354" y="304"/>
                  </a:lnTo>
                  <a:lnTo>
                    <a:pt x="343" y="316"/>
                  </a:lnTo>
                  <a:lnTo>
                    <a:pt x="335" y="314"/>
                  </a:lnTo>
                  <a:lnTo>
                    <a:pt x="320" y="314"/>
                  </a:lnTo>
                  <a:lnTo>
                    <a:pt x="305" y="316"/>
                  </a:lnTo>
                  <a:lnTo>
                    <a:pt x="296" y="320"/>
                  </a:lnTo>
                  <a:lnTo>
                    <a:pt x="291" y="336"/>
                  </a:lnTo>
                  <a:lnTo>
                    <a:pt x="303" y="348"/>
                  </a:lnTo>
                  <a:lnTo>
                    <a:pt x="289" y="374"/>
                  </a:lnTo>
                  <a:lnTo>
                    <a:pt x="281" y="372"/>
                  </a:lnTo>
                  <a:lnTo>
                    <a:pt x="269" y="374"/>
                  </a:lnTo>
                  <a:close/>
                </a:path>
              </a:pathLst>
            </a:custGeom>
            <a:solidFill>
              <a:srgbClr val="0033CC"/>
            </a:solidFill>
            <a:ln w="9525">
              <a:solidFill>
                <a:sysClr val="window" lastClr="FFFFFF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94" name="Freeform 14"/>
            <p:cNvSpPr>
              <a:spLocks/>
            </p:cNvSpPr>
            <p:nvPr/>
          </p:nvSpPr>
          <p:spPr bwMode="auto">
            <a:xfrm>
              <a:off x="4869" y="1704"/>
              <a:ext cx="76" cy="93"/>
            </a:xfrm>
            <a:custGeom>
              <a:avLst/>
              <a:gdLst>
                <a:gd name="T0" fmla="*/ 19 w 78"/>
                <a:gd name="T1" fmla="*/ 61 h 95"/>
                <a:gd name="T2" fmla="*/ 16 w 78"/>
                <a:gd name="T3" fmla="*/ 63 h 95"/>
                <a:gd name="T4" fmla="*/ 16 w 78"/>
                <a:gd name="T5" fmla="*/ 63 h 95"/>
                <a:gd name="T6" fmla="*/ 16 w 78"/>
                <a:gd name="T7" fmla="*/ 64 h 95"/>
                <a:gd name="T8" fmla="*/ 16 w 78"/>
                <a:gd name="T9" fmla="*/ 64 h 95"/>
                <a:gd name="T10" fmla="*/ 16 w 78"/>
                <a:gd name="T11" fmla="*/ 65 h 95"/>
                <a:gd name="T12" fmla="*/ 16 w 78"/>
                <a:gd name="T13" fmla="*/ 66 h 95"/>
                <a:gd name="T14" fmla="*/ 16 w 78"/>
                <a:gd name="T15" fmla="*/ 68 h 95"/>
                <a:gd name="T16" fmla="*/ 16 w 78"/>
                <a:gd name="T17" fmla="*/ 68 h 95"/>
                <a:gd name="T18" fmla="*/ 17 w 78"/>
                <a:gd name="T19" fmla="*/ 69 h 95"/>
                <a:gd name="T20" fmla="*/ 19 w 78"/>
                <a:gd name="T21" fmla="*/ 69 h 95"/>
                <a:gd name="T22" fmla="*/ 19 w 78"/>
                <a:gd name="T23" fmla="*/ 68 h 95"/>
                <a:gd name="T24" fmla="*/ 19 w 78"/>
                <a:gd name="T25" fmla="*/ 66 h 95"/>
                <a:gd name="T26" fmla="*/ 22 w 78"/>
                <a:gd name="T27" fmla="*/ 64 h 95"/>
                <a:gd name="T28" fmla="*/ 25 w 78"/>
                <a:gd name="T29" fmla="*/ 63 h 95"/>
                <a:gd name="T30" fmla="*/ 27 w 78"/>
                <a:gd name="T31" fmla="*/ 61 h 95"/>
                <a:gd name="T32" fmla="*/ 29 w 78"/>
                <a:gd name="T33" fmla="*/ 60 h 95"/>
                <a:gd name="T34" fmla="*/ 30 w 78"/>
                <a:gd name="T35" fmla="*/ 59 h 95"/>
                <a:gd name="T36" fmla="*/ 36 w 78"/>
                <a:gd name="T37" fmla="*/ 59 h 95"/>
                <a:gd name="T38" fmla="*/ 36 w 78"/>
                <a:gd name="T39" fmla="*/ 50 h 95"/>
                <a:gd name="T40" fmla="*/ 25 w 78"/>
                <a:gd name="T41" fmla="*/ 23 h 95"/>
                <a:gd name="T42" fmla="*/ 34 w 78"/>
                <a:gd name="T43" fmla="*/ 23 h 95"/>
                <a:gd name="T44" fmla="*/ 41 w 78"/>
                <a:gd name="T45" fmla="*/ 23 h 95"/>
                <a:gd name="T46" fmla="*/ 44 w 78"/>
                <a:gd name="T47" fmla="*/ 23 h 95"/>
                <a:gd name="T48" fmla="*/ 45 w 78"/>
                <a:gd name="T49" fmla="*/ 23 h 95"/>
                <a:gd name="T50" fmla="*/ 45 w 78"/>
                <a:gd name="T51" fmla="*/ 23 h 95"/>
                <a:gd name="T52" fmla="*/ 47 w 78"/>
                <a:gd name="T53" fmla="*/ 25 h 95"/>
                <a:gd name="T54" fmla="*/ 48 w 78"/>
                <a:gd name="T55" fmla="*/ 28 h 95"/>
                <a:gd name="T56" fmla="*/ 49 w 78"/>
                <a:gd name="T57" fmla="*/ 38 h 95"/>
                <a:gd name="T58" fmla="*/ 51 w 78"/>
                <a:gd name="T59" fmla="*/ 44 h 95"/>
                <a:gd name="T60" fmla="*/ 51 w 78"/>
                <a:gd name="T61" fmla="*/ 47 h 95"/>
                <a:gd name="T62" fmla="*/ 52 w 78"/>
                <a:gd name="T63" fmla="*/ 45 h 95"/>
                <a:gd name="T64" fmla="*/ 53 w 78"/>
                <a:gd name="T65" fmla="*/ 44 h 95"/>
                <a:gd name="T66" fmla="*/ 53 w 78"/>
                <a:gd name="T67" fmla="*/ 40 h 95"/>
                <a:gd name="T68" fmla="*/ 54 w 78"/>
                <a:gd name="T69" fmla="*/ 38 h 95"/>
                <a:gd name="T70" fmla="*/ 54 w 78"/>
                <a:gd name="T71" fmla="*/ 37 h 95"/>
                <a:gd name="T72" fmla="*/ 54 w 78"/>
                <a:gd name="T73" fmla="*/ 38 h 95"/>
                <a:gd name="T74" fmla="*/ 53 w 78"/>
                <a:gd name="T75" fmla="*/ 38 h 95"/>
                <a:gd name="T76" fmla="*/ 53 w 78"/>
                <a:gd name="T77" fmla="*/ 37 h 95"/>
                <a:gd name="T78" fmla="*/ 53 w 78"/>
                <a:gd name="T79" fmla="*/ 35 h 95"/>
                <a:gd name="T80" fmla="*/ 52 w 78"/>
                <a:gd name="T81" fmla="*/ 32 h 95"/>
                <a:gd name="T82" fmla="*/ 51 w 78"/>
                <a:gd name="T83" fmla="*/ 30 h 95"/>
                <a:gd name="T84" fmla="*/ 51 w 78"/>
                <a:gd name="T85" fmla="*/ 28 h 95"/>
                <a:gd name="T86" fmla="*/ 51 w 78"/>
                <a:gd name="T87" fmla="*/ 27 h 95"/>
                <a:gd name="T88" fmla="*/ 51 w 78"/>
                <a:gd name="T89" fmla="*/ 27 h 95"/>
                <a:gd name="T90" fmla="*/ 48 w 78"/>
                <a:gd name="T91" fmla="*/ 23 h 95"/>
                <a:gd name="T92" fmla="*/ 44 w 78"/>
                <a:gd name="T93" fmla="*/ 23 h 95"/>
                <a:gd name="T94" fmla="*/ 37 w 78"/>
                <a:gd name="T95" fmla="*/ 23 h 95"/>
                <a:gd name="T96" fmla="*/ 32 w 78"/>
                <a:gd name="T97" fmla="*/ 14 h 95"/>
                <a:gd name="T98" fmla="*/ 25 w 78"/>
                <a:gd name="T99" fmla="*/ 14 h 95"/>
                <a:gd name="T100" fmla="*/ 20 w 78"/>
                <a:gd name="T101" fmla="*/ 0 h 95"/>
                <a:gd name="T102" fmla="*/ 0 w 78"/>
                <a:gd name="T103" fmla="*/ 8 h 95"/>
                <a:gd name="T104" fmla="*/ 19 w 78"/>
                <a:gd name="T105" fmla="*/ 61 h 95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w 78"/>
                <a:gd name="T160" fmla="*/ 0 h 95"/>
                <a:gd name="T161" fmla="*/ 78 w 78"/>
                <a:gd name="T162" fmla="*/ 95 h 95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T159" t="T160" r="T161" b="T162"/>
              <a:pathLst>
                <a:path w="78" h="95">
                  <a:moveTo>
                    <a:pt x="21" y="80"/>
                  </a:moveTo>
                  <a:lnTo>
                    <a:pt x="16" y="83"/>
                  </a:lnTo>
                  <a:lnTo>
                    <a:pt x="16" y="85"/>
                  </a:lnTo>
                  <a:lnTo>
                    <a:pt x="16" y="86"/>
                  </a:lnTo>
                  <a:lnTo>
                    <a:pt x="16" y="88"/>
                  </a:lnTo>
                  <a:lnTo>
                    <a:pt x="16" y="90"/>
                  </a:lnTo>
                  <a:lnTo>
                    <a:pt x="16" y="93"/>
                  </a:lnTo>
                  <a:lnTo>
                    <a:pt x="17" y="95"/>
                  </a:lnTo>
                  <a:lnTo>
                    <a:pt x="22" y="95"/>
                  </a:lnTo>
                  <a:lnTo>
                    <a:pt x="28" y="93"/>
                  </a:lnTo>
                  <a:lnTo>
                    <a:pt x="31" y="90"/>
                  </a:lnTo>
                  <a:lnTo>
                    <a:pt x="36" y="86"/>
                  </a:lnTo>
                  <a:lnTo>
                    <a:pt x="39" y="83"/>
                  </a:lnTo>
                  <a:lnTo>
                    <a:pt x="41" y="80"/>
                  </a:lnTo>
                  <a:lnTo>
                    <a:pt x="43" y="78"/>
                  </a:lnTo>
                  <a:lnTo>
                    <a:pt x="44" y="76"/>
                  </a:lnTo>
                  <a:lnTo>
                    <a:pt x="50" y="76"/>
                  </a:lnTo>
                  <a:lnTo>
                    <a:pt x="50" y="64"/>
                  </a:lnTo>
                  <a:lnTo>
                    <a:pt x="39" y="30"/>
                  </a:lnTo>
                  <a:lnTo>
                    <a:pt x="48" y="29"/>
                  </a:lnTo>
                  <a:lnTo>
                    <a:pt x="55" y="36"/>
                  </a:lnTo>
                  <a:lnTo>
                    <a:pt x="58" y="36"/>
                  </a:lnTo>
                  <a:lnTo>
                    <a:pt x="60" y="36"/>
                  </a:lnTo>
                  <a:lnTo>
                    <a:pt x="61" y="37"/>
                  </a:lnTo>
                  <a:lnTo>
                    <a:pt x="65" y="39"/>
                  </a:lnTo>
                  <a:lnTo>
                    <a:pt x="66" y="42"/>
                  </a:lnTo>
                  <a:lnTo>
                    <a:pt x="68" y="52"/>
                  </a:lnTo>
                  <a:lnTo>
                    <a:pt x="72" y="58"/>
                  </a:lnTo>
                  <a:lnTo>
                    <a:pt x="73" y="61"/>
                  </a:lnTo>
                  <a:lnTo>
                    <a:pt x="75" y="59"/>
                  </a:lnTo>
                  <a:lnTo>
                    <a:pt x="77" y="58"/>
                  </a:lnTo>
                  <a:lnTo>
                    <a:pt x="77" y="54"/>
                  </a:lnTo>
                  <a:lnTo>
                    <a:pt x="78" y="52"/>
                  </a:lnTo>
                  <a:lnTo>
                    <a:pt x="78" y="51"/>
                  </a:lnTo>
                  <a:lnTo>
                    <a:pt x="78" y="52"/>
                  </a:lnTo>
                  <a:lnTo>
                    <a:pt x="77" y="52"/>
                  </a:lnTo>
                  <a:lnTo>
                    <a:pt x="77" y="51"/>
                  </a:lnTo>
                  <a:lnTo>
                    <a:pt x="77" y="49"/>
                  </a:lnTo>
                  <a:lnTo>
                    <a:pt x="75" y="46"/>
                  </a:lnTo>
                  <a:lnTo>
                    <a:pt x="73" y="44"/>
                  </a:lnTo>
                  <a:lnTo>
                    <a:pt x="73" y="42"/>
                  </a:lnTo>
                  <a:lnTo>
                    <a:pt x="73" y="41"/>
                  </a:lnTo>
                  <a:lnTo>
                    <a:pt x="66" y="36"/>
                  </a:lnTo>
                  <a:lnTo>
                    <a:pt x="58" y="30"/>
                  </a:lnTo>
                  <a:lnTo>
                    <a:pt x="51" y="29"/>
                  </a:lnTo>
                  <a:lnTo>
                    <a:pt x="46" y="14"/>
                  </a:lnTo>
                  <a:lnTo>
                    <a:pt x="39" y="14"/>
                  </a:lnTo>
                  <a:lnTo>
                    <a:pt x="34" y="0"/>
                  </a:lnTo>
                  <a:lnTo>
                    <a:pt x="0" y="8"/>
                  </a:lnTo>
                  <a:lnTo>
                    <a:pt x="21" y="80"/>
                  </a:lnTo>
                  <a:close/>
                </a:path>
              </a:pathLst>
            </a:custGeom>
            <a:solidFill>
              <a:srgbClr val="00FF00"/>
            </a:solidFill>
            <a:ln w="9525">
              <a:solidFill>
                <a:sysClr val="window" lastClr="FFFFFF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195" name="Group 15"/>
            <p:cNvGrpSpPr>
              <a:grpSpLocks/>
            </p:cNvGrpSpPr>
            <p:nvPr/>
          </p:nvGrpSpPr>
          <p:grpSpPr bwMode="auto">
            <a:xfrm>
              <a:off x="2752" y="1791"/>
              <a:ext cx="1909" cy="2193"/>
              <a:chOff x="2691" y="1840"/>
              <a:chExt cx="1909" cy="2193"/>
            </a:xfrm>
          </p:grpSpPr>
          <p:grpSp>
            <p:nvGrpSpPr>
              <p:cNvPr id="336" name="Group 16"/>
              <p:cNvGrpSpPr>
                <a:grpSpLocks/>
              </p:cNvGrpSpPr>
              <p:nvPr/>
            </p:nvGrpSpPr>
            <p:grpSpPr bwMode="auto">
              <a:xfrm>
                <a:off x="3537" y="3290"/>
                <a:ext cx="873" cy="743"/>
                <a:chOff x="3822" y="2894"/>
                <a:chExt cx="897" cy="765"/>
              </a:xfrm>
            </p:grpSpPr>
            <p:sp>
              <p:nvSpPr>
                <p:cNvPr id="342" name="Freeform 17"/>
                <p:cNvSpPr>
                  <a:spLocks/>
                </p:cNvSpPr>
                <p:nvPr/>
              </p:nvSpPr>
              <p:spPr bwMode="auto">
                <a:xfrm>
                  <a:off x="3822" y="2894"/>
                  <a:ext cx="890" cy="684"/>
                </a:xfrm>
                <a:custGeom>
                  <a:avLst/>
                  <a:gdLst>
                    <a:gd name="T0" fmla="*/ 641 w 890"/>
                    <a:gd name="T1" fmla="*/ 49 h 684"/>
                    <a:gd name="T2" fmla="*/ 641 w 890"/>
                    <a:gd name="T3" fmla="*/ 69 h 684"/>
                    <a:gd name="T4" fmla="*/ 682 w 890"/>
                    <a:gd name="T5" fmla="*/ 112 h 684"/>
                    <a:gd name="T6" fmla="*/ 717 w 890"/>
                    <a:gd name="T7" fmla="*/ 161 h 684"/>
                    <a:gd name="T8" fmla="*/ 732 w 890"/>
                    <a:gd name="T9" fmla="*/ 190 h 684"/>
                    <a:gd name="T10" fmla="*/ 721 w 890"/>
                    <a:gd name="T11" fmla="*/ 183 h 684"/>
                    <a:gd name="T12" fmla="*/ 758 w 890"/>
                    <a:gd name="T13" fmla="*/ 235 h 684"/>
                    <a:gd name="T14" fmla="*/ 773 w 890"/>
                    <a:gd name="T15" fmla="*/ 279 h 684"/>
                    <a:gd name="T16" fmla="*/ 832 w 890"/>
                    <a:gd name="T17" fmla="*/ 381 h 684"/>
                    <a:gd name="T18" fmla="*/ 856 w 890"/>
                    <a:gd name="T19" fmla="*/ 420 h 684"/>
                    <a:gd name="T20" fmla="*/ 875 w 890"/>
                    <a:gd name="T21" fmla="*/ 450 h 684"/>
                    <a:gd name="T22" fmla="*/ 888 w 890"/>
                    <a:gd name="T23" fmla="*/ 479 h 684"/>
                    <a:gd name="T24" fmla="*/ 890 w 890"/>
                    <a:gd name="T25" fmla="*/ 564 h 684"/>
                    <a:gd name="T26" fmla="*/ 876 w 890"/>
                    <a:gd name="T27" fmla="*/ 609 h 684"/>
                    <a:gd name="T28" fmla="*/ 878 w 890"/>
                    <a:gd name="T29" fmla="*/ 641 h 684"/>
                    <a:gd name="T30" fmla="*/ 842 w 890"/>
                    <a:gd name="T31" fmla="*/ 674 h 684"/>
                    <a:gd name="T32" fmla="*/ 800 w 890"/>
                    <a:gd name="T33" fmla="*/ 684 h 684"/>
                    <a:gd name="T34" fmla="*/ 798 w 890"/>
                    <a:gd name="T35" fmla="*/ 668 h 684"/>
                    <a:gd name="T36" fmla="*/ 807 w 890"/>
                    <a:gd name="T37" fmla="*/ 635 h 684"/>
                    <a:gd name="T38" fmla="*/ 797 w 890"/>
                    <a:gd name="T39" fmla="*/ 653 h 684"/>
                    <a:gd name="T40" fmla="*/ 749 w 890"/>
                    <a:gd name="T41" fmla="*/ 606 h 684"/>
                    <a:gd name="T42" fmla="*/ 714 w 890"/>
                    <a:gd name="T43" fmla="*/ 597 h 684"/>
                    <a:gd name="T44" fmla="*/ 697 w 890"/>
                    <a:gd name="T45" fmla="*/ 564 h 684"/>
                    <a:gd name="T46" fmla="*/ 661 w 890"/>
                    <a:gd name="T47" fmla="*/ 498 h 684"/>
                    <a:gd name="T48" fmla="*/ 633 w 890"/>
                    <a:gd name="T49" fmla="*/ 472 h 684"/>
                    <a:gd name="T50" fmla="*/ 631 w 890"/>
                    <a:gd name="T51" fmla="*/ 491 h 684"/>
                    <a:gd name="T52" fmla="*/ 584 w 890"/>
                    <a:gd name="T53" fmla="*/ 425 h 684"/>
                    <a:gd name="T54" fmla="*/ 587 w 890"/>
                    <a:gd name="T55" fmla="*/ 408 h 684"/>
                    <a:gd name="T56" fmla="*/ 578 w 890"/>
                    <a:gd name="T57" fmla="*/ 359 h 684"/>
                    <a:gd name="T58" fmla="*/ 575 w 890"/>
                    <a:gd name="T59" fmla="*/ 399 h 684"/>
                    <a:gd name="T60" fmla="*/ 556 w 890"/>
                    <a:gd name="T61" fmla="*/ 374 h 684"/>
                    <a:gd name="T62" fmla="*/ 562 w 890"/>
                    <a:gd name="T63" fmla="*/ 316 h 684"/>
                    <a:gd name="T64" fmla="*/ 560 w 890"/>
                    <a:gd name="T65" fmla="*/ 267 h 684"/>
                    <a:gd name="T66" fmla="*/ 555 w 890"/>
                    <a:gd name="T67" fmla="*/ 247 h 684"/>
                    <a:gd name="T68" fmla="*/ 521 w 890"/>
                    <a:gd name="T69" fmla="*/ 222 h 684"/>
                    <a:gd name="T70" fmla="*/ 467 w 890"/>
                    <a:gd name="T71" fmla="*/ 179 h 684"/>
                    <a:gd name="T72" fmla="*/ 424 w 890"/>
                    <a:gd name="T73" fmla="*/ 139 h 684"/>
                    <a:gd name="T74" fmla="*/ 355 w 890"/>
                    <a:gd name="T75" fmla="*/ 132 h 684"/>
                    <a:gd name="T76" fmla="*/ 320 w 890"/>
                    <a:gd name="T77" fmla="*/ 164 h 684"/>
                    <a:gd name="T78" fmla="*/ 308 w 890"/>
                    <a:gd name="T79" fmla="*/ 168 h 684"/>
                    <a:gd name="T80" fmla="*/ 277 w 890"/>
                    <a:gd name="T81" fmla="*/ 181 h 684"/>
                    <a:gd name="T82" fmla="*/ 245 w 890"/>
                    <a:gd name="T83" fmla="*/ 179 h 684"/>
                    <a:gd name="T84" fmla="*/ 238 w 890"/>
                    <a:gd name="T85" fmla="*/ 142 h 684"/>
                    <a:gd name="T86" fmla="*/ 206 w 890"/>
                    <a:gd name="T87" fmla="*/ 125 h 684"/>
                    <a:gd name="T88" fmla="*/ 172 w 890"/>
                    <a:gd name="T89" fmla="*/ 118 h 684"/>
                    <a:gd name="T90" fmla="*/ 127 w 890"/>
                    <a:gd name="T91" fmla="*/ 113 h 684"/>
                    <a:gd name="T92" fmla="*/ 157 w 890"/>
                    <a:gd name="T93" fmla="*/ 110 h 684"/>
                    <a:gd name="T94" fmla="*/ 101 w 890"/>
                    <a:gd name="T95" fmla="*/ 113 h 684"/>
                    <a:gd name="T96" fmla="*/ 52 w 890"/>
                    <a:gd name="T97" fmla="*/ 125 h 684"/>
                    <a:gd name="T98" fmla="*/ 67 w 890"/>
                    <a:gd name="T99" fmla="*/ 105 h 684"/>
                    <a:gd name="T100" fmla="*/ 51 w 890"/>
                    <a:gd name="T101" fmla="*/ 113 h 684"/>
                    <a:gd name="T102" fmla="*/ 22 w 890"/>
                    <a:gd name="T103" fmla="*/ 137 h 684"/>
                    <a:gd name="T104" fmla="*/ 23 w 890"/>
                    <a:gd name="T105" fmla="*/ 117 h 684"/>
                    <a:gd name="T106" fmla="*/ 25 w 890"/>
                    <a:gd name="T107" fmla="*/ 93 h 684"/>
                    <a:gd name="T108" fmla="*/ 572 w 890"/>
                    <a:gd name="T109" fmla="*/ 37 h 684"/>
                    <a:gd name="T110" fmla="*/ 594 w 890"/>
                    <a:gd name="T111" fmla="*/ 30 h 684"/>
                    <a:gd name="T112" fmla="*/ 616 w 890"/>
                    <a:gd name="T113" fmla="*/ 5 h 684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w 890"/>
                    <a:gd name="T172" fmla="*/ 0 h 684"/>
                    <a:gd name="T173" fmla="*/ 890 w 890"/>
                    <a:gd name="T174" fmla="*/ 684 h 684"/>
                  </a:gdLst>
                  <a:ahLst/>
                  <a:cxnLst>
                    <a:cxn ang="T114">
                      <a:pos x="T0" y="T1"/>
                    </a:cxn>
                    <a:cxn ang="T115">
                      <a:pos x="T2" y="T3"/>
                    </a:cxn>
                    <a:cxn ang="T116">
                      <a:pos x="T4" y="T5"/>
                    </a:cxn>
                    <a:cxn ang="T117">
                      <a:pos x="T6" y="T7"/>
                    </a:cxn>
                    <a:cxn ang="T118">
                      <a:pos x="T8" y="T9"/>
                    </a:cxn>
                    <a:cxn ang="T119">
                      <a:pos x="T10" y="T11"/>
                    </a:cxn>
                    <a:cxn ang="T120">
                      <a:pos x="T12" y="T13"/>
                    </a:cxn>
                    <a:cxn ang="T121">
                      <a:pos x="T14" y="T15"/>
                    </a:cxn>
                    <a:cxn ang="T122">
                      <a:pos x="T16" y="T17"/>
                    </a:cxn>
                    <a:cxn ang="T123">
                      <a:pos x="T18" y="T19"/>
                    </a:cxn>
                    <a:cxn ang="T124">
                      <a:pos x="T20" y="T21"/>
                    </a:cxn>
                    <a:cxn ang="T125">
                      <a:pos x="T22" y="T23"/>
                    </a:cxn>
                    <a:cxn ang="T126">
                      <a:pos x="T24" y="T25"/>
                    </a:cxn>
                    <a:cxn ang="T127">
                      <a:pos x="T26" y="T27"/>
                    </a:cxn>
                    <a:cxn ang="T128">
                      <a:pos x="T28" y="T29"/>
                    </a:cxn>
                    <a:cxn ang="T129">
                      <a:pos x="T30" y="T31"/>
                    </a:cxn>
                    <a:cxn ang="T130">
                      <a:pos x="T32" y="T33"/>
                    </a:cxn>
                    <a:cxn ang="T131">
                      <a:pos x="T34" y="T35"/>
                    </a:cxn>
                    <a:cxn ang="T132">
                      <a:pos x="T36" y="T37"/>
                    </a:cxn>
                    <a:cxn ang="T133">
                      <a:pos x="T38" y="T39"/>
                    </a:cxn>
                    <a:cxn ang="T134">
                      <a:pos x="T40" y="T41"/>
                    </a:cxn>
                    <a:cxn ang="T135">
                      <a:pos x="T42" y="T43"/>
                    </a:cxn>
                    <a:cxn ang="T136">
                      <a:pos x="T44" y="T45"/>
                    </a:cxn>
                    <a:cxn ang="T137">
                      <a:pos x="T46" y="T47"/>
                    </a:cxn>
                    <a:cxn ang="T138">
                      <a:pos x="T48" y="T49"/>
                    </a:cxn>
                    <a:cxn ang="T139">
                      <a:pos x="T50" y="T51"/>
                    </a:cxn>
                    <a:cxn ang="T140">
                      <a:pos x="T52" y="T53"/>
                    </a:cxn>
                    <a:cxn ang="T141">
                      <a:pos x="T54" y="T55"/>
                    </a:cxn>
                    <a:cxn ang="T142">
                      <a:pos x="T56" y="T57"/>
                    </a:cxn>
                    <a:cxn ang="T143">
                      <a:pos x="T58" y="T59"/>
                    </a:cxn>
                    <a:cxn ang="T144">
                      <a:pos x="T60" y="T61"/>
                    </a:cxn>
                    <a:cxn ang="T145">
                      <a:pos x="T62" y="T63"/>
                    </a:cxn>
                    <a:cxn ang="T146">
                      <a:pos x="T64" y="T65"/>
                    </a:cxn>
                    <a:cxn ang="T147">
                      <a:pos x="T66" y="T67"/>
                    </a:cxn>
                    <a:cxn ang="T148">
                      <a:pos x="T68" y="T69"/>
                    </a:cxn>
                    <a:cxn ang="T149">
                      <a:pos x="T70" y="T71"/>
                    </a:cxn>
                    <a:cxn ang="T150">
                      <a:pos x="T72" y="T73"/>
                    </a:cxn>
                    <a:cxn ang="T151">
                      <a:pos x="T74" y="T75"/>
                    </a:cxn>
                    <a:cxn ang="T152">
                      <a:pos x="T76" y="T77"/>
                    </a:cxn>
                    <a:cxn ang="T153">
                      <a:pos x="T78" y="T79"/>
                    </a:cxn>
                    <a:cxn ang="T154">
                      <a:pos x="T80" y="T81"/>
                    </a:cxn>
                    <a:cxn ang="T155">
                      <a:pos x="T82" y="T83"/>
                    </a:cxn>
                    <a:cxn ang="T156">
                      <a:pos x="T84" y="T85"/>
                    </a:cxn>
                    <a:cxn ang="T157">
                      <a:pos x="T86" y="T87"/>
                    </a:cxn>
                    <a:cxn ang="T158">
                      <a:pos x="T88" y="T89"/>
                    </a:cxn>
                    <a:cxn ang="T159">
                      <a:pos x="T90" y="T91"/>
                    </a:cxn>
                    <a:cxn ang="T160">
                      <a:pos x="T92" y="T93"/>
                    </a:cxn>
                    <a:cxn ang="T161">
                      <a:pos x="T94" y="T95"/>
                    </a:cxn>
                    <a:cxn ang="T162">
                      <a:pos x="T96" y="T97"/>
                    </a:cxn>
                    <a:cxn ang="T163">
                      <a:pos x="T98" y="T99"/>
                    </a:cxn>
                    <a:cxn ang="T164">
                      <a:pos x="T100" y="T101"/>
                    </a:cxn>
                    <a:cxn ang="T165">
                      <a:pos x="T102" y="T103"/>
                    </a:cxn>
                    <a:cxn ang="T166">
                      <a:pos x="T104" y="T105"/>
                    </a:cxn>
                    <a:cxn ang="T167">
                      <a:pos x="T106" y="T107"/>
                    </a:cxn>
                    <a:cxn ang="T168">
                      <a:pos x="T108" y="T109"/>
                    </a:cxn>
                    <a:cxn ang="T169">
                      <a:pos x="T110" y="T111"/>
                    </a:cxn>
                    <a:cxn ang="T170">
                      <a:pos x="T112" y="T113"/>
                    </a:cxn>
                  </a:cxnLst>
                  <a:rect l="T171" t="T172" r="T173" b="T174"/>
                  <a:pathLst>
                    <a:path w="890" h="684">
                      <a:moveTo>
                        <a:pt x="650" y="14"/>
                      </a:moveTo>
                      <a:lnTo>
                        <a:pt x="650" y="32"/>
                      </a:lnTo>
                      <a:lnTo>
                        <a:pt x="655" y="32"/>
                      </a:lnTo>
                      <a:lnTo>
                        <a:pt x="656" y="42"/>
                      </a:lnTo>
                      <a:lnTo>
                        <a:pt x="655" y="42"/>
                      </a:lnTo>
                      <a:lnTo>
                        <a:pt x="653" y="44"/>
                      </a:lnTo>
                      <a:lnTo>
                        <a:pt x="651" y="44"/>
                      </a:lnTo>
                      <a:lnTo>
                        <a:pt x="648" y="46"/>
                      </a:lnTo>
                      <a:lnTo>
                        <a:pt x="643" y="46"/>
                      </a:lnTo>
                      <a:lnTo>
                        <a:pt x="641" y="49"/>
                      </a:lnTo>
                      <a:lnTo>
                        <a:pt x="638" y="52"/>
                      </a:lnTo>
                      <a:lnTo>
                        <a:pt x="636" y="58"/>
                      </a:lnTo>
                      <a:lnTo>
                        <a:pt x="636" y="63"/>
                      </a:lnTo>
                      <a:lnTo>
                        <a:pt x="636" y="68"/>
                      </a:lnTo>
                      <a:lnTo>
                        <a:pt x="636" y="69"/>
                      </a:lnTo>
                      <a:lnTo>
                        <a:pt x="636" y="71"/>
                      </a:lnTo>
                      <a:lnTo>
                        <a:pt x="638" y="71"/>
                      </a:lnTo>
                      <a:lnTo>
                        <a:pt x="641" y="71"/>
                      </a:lnTo>
                      <a:lnTo>
                        <a:pt x="641" y="69"/>
                      </a:lnTo>
                      <a:lnTo>
                        <a:pt x="643" y="61"/>
                      </a:lnTo>
                      <a:lnTo>
                        <a:pt x="644" y="54"/>
                      </a:lnTo>
                      <a:lnTo>
                        <a:pt x="648" y="51"/>
                      </a:lnTo>
                      <a:lnTo>
                        <a:pt x="651" y="47"/>
                      </a:lnTo>
                      <a:lnTo>
                        <a:pt x="656" y="47"/>
                      </a:lnTo>
                      <a:lnTo>
                        <a:pt x="660" y="47"/>
                      </a:lnTo>
                      <a:lnTo>
                        <a:pt x="661" y="47"/>
                      </a:lnTo>
                      <a:lnTo>
                        <a:pt x="663" y="49"/>
                      </a:lnTo>
                      <a:lnTo>
                        <a:pt x="683" y="95"/>
                      </a:lnTo>
                      <a:lnTo>
                        <a:pt x="682" y="112"/>
                      </a:lnTo>
                      <a:lnTo>
                        <a:pt x="692" y="132"/>
                      </a:lnTo>
                      <a:lnTo>
                        <a:pt x="697" y="127"/>
                      </a:lnTo>
                      <a:lnTo>
                        <a:pt x="699" y="129"/>
                      </a:lnTo>
                      <a:lnTo>
                        <a:pt x="700" y="132"/>
                      </a:lnTo>
                      <a:lnTo>
                        <a:pt x="704" y="137"/>
                      </a:lnTo>
                      <a:lnTo>
                        <a:pt x="707" y="144"/>
                      </a:lnTo>
                      <a:lnTo>
                        <a:pt x="710" y="149"/>
                      </a:lnTo>
                      <a:lnTo>
                        <a:pt x="714" y="154"/>
                      </a:lnTo>
                      <a:lnTo>
                        <a:pt x="716" y="159"/>
                      </a:lnTo>
                      <a:lnTo>
                        <a:pt x="717" y="161"/>
                      </a:lnTo>
                      <a:lnTo>
                        <a:pt x="726" y="174"/>
                      </a:lnTo>
                      <a:lnTo>
                        <a:pt x="732" y="184"/>
                      </a:lnTo>
                      <a:lnTo>
                        <a:pt x="738" y="191"/>
                      </a:lnTo>
                      <a:lnTo>
                        <a:pt x="741" y="196"/>
                      </a:lnTo>
                      <a:lnTo>
                        <a:pt x="741" y="200"/>
                      </a:lnTo>
                      <a:lnTo>
                        <a:pt x="738" y="196"/>
                      </a:lnTo>
                      <a:lnTo>
                        <a:pt x="736" y="193"/>
                      </a:lnTo>
                      <a:lnTo>
                        <a:pt x="732" y="190"/>
                      </a:lnTo>
                      <a:lnTo>
                        <a:pt x="729" y="186"/>
                      </a:lnTo>
                      <a:lnTo>
                        <a:pt x="726" y="181"/>
                      </a:lnTo>
                      <a:lnTo>
                        <a:pt x="722" y="178"/>
                      </a:lnTo>
                      <a:lnTo>
                        <a:pt x="721" y="174"/>
                      </a:lnTo>
                      <a:lnTo>
                        <a:pt x="719" y="173"/>
                      </a:lnTo>
                      <a:lnTo>
                        <a:pt x="714" y="174"/>
                      </a:lnTo>
                      <a:lnTo>
                        <a:pt x="716" y="174"/>
                      </a:lnTo>
                      <a:lnTo>
                        <a:pt x="717" y="178"/>
                      </a:lnTo>
                      <a:lnTo>
                        <a:pt x="721" y="183"/>
                      </a:lnTo>
                      <a:lnTo>
                        <a:pt x="724" y="188"/>
                      </a:lnTo>
                      <a:lnTo>
                        <a:pt x="729" y="195"/>
                      </a:lnTo>
                      <a:lnTo>
                        <a:pt x="732" y="200"/>
                      </a:lnTo>
                      <a:lnTo>
                        <a:pt x="734" y="203"/>
                      </a:lnTo>
                      <a:lnTo>
                        <a:pt x="736" y="205"/>
                      </a:lnTo>
                      <a:lnTo>
                        <a:pt x="748" y="217"/>
                      </a:lnTo>
                      <a:lnTo>
                        <a:pt x="754" y="225"/>
                      </a:lnTo>
                      <a:lnTo>
                        <a:pt x="760" y="232"/>
                      </a:lnTo>
                      <a:lnTo>
                        <a:pt x="760" y="235"/>
                      </a:lnTo>
                      <a:lnTo>
                        <a:pt x="758" y="235"/>
                      </a:lnTo>
                      <a:lnTo>
                        <a:pt x="756" y="235"/>
                      </a:lnTo>
                      <a:lnTo>
                        <a:pt x="754" y="235"/>
                      </a:lnTo>
                      <a:lnTo>
                        <a:pt x="753" y="235"/>
                      </a:lnTo>
                      <a:lnTo>
                        <a:pt x="754" y="235"/>
                      </a:lnTo>
                      <a:lnTo>
                        <a:pt x="760" y="250"/>
                      </a:lnTo>
                      <a:lnTo>
                        <a:pt x="766" y="266"/>
                      </a:lnTo>
                      <a:lnTo>
                        <a:pt x="773" y="279"/>
                      </a:lnTo>
                      <a:lnTo>
                        <a:pt x="780" y="293"/>
                      </a:lnTo>
                      <a:lnTo>
                        <a:pt x="787" y="305"/>
                      </a:lnTo>
                      <a:lnTo>
                        <a:pt x="793" y="318"/>
                      </a:lnTo>
                      <a:lnTo>
                        <a:pt x="800" y="328"/>
                      </a:lnTo>
                      <a:lnTo>
                        <a:pt x="805" y="338"/>
                      </a:lnTo>
                      <a:lnTo>
                        <a:pt x="812" y="349"/>
                      </a:lnTo>
                      <a:lnTo>
                        <a:pt x="817" y="357"/>
                      </a:lnTo>
                      <a:lnTo>
                        <a:pt x="822" y="366"/>
                      </a:lnTo>
                      <a:lnTo>
                        <a:pt x="827" y="374"/>
                      </a:lnTo>
                      <a:lnTo>
                        <a:pt x="832" y="381"/>
                      </a:lnTo>
                      <a:lnTo>
                        <a:pt x="836" y="386"/>
                      </a:lnTo>
                      <a:lnTo>
                        <a:pt x="837" y="391"/>
                      </a:lnTo>
                      <a:lnTo>
                        <a:pt x="839" y="394"/>
                      </a:lnTo>
                      <a:lnTo>
                        <a:pt x="842" y="398"/>
                      </a:lnTo>
                      <a:lnTo>
                        <a:pt x="846" y="403"/>
                      </a:lnTo>
                      <a:lnTo>
                        <a:pt x="849" y="406"/>
                      </a:lnTo>
                      <a:lnTo>
                        <a:pt x="851" y="411"/>
                      </a:lnTo>
                      <a:lnTo>
                        <a:pt x="853" y="415"/>
                      </a:lnTo>
                      <a:lnTo>
                        <a:pt x="854" y="418"/>
                      </a:lnTo>
                      <a:lnTo>
                        <a:pt x="856" y="420"/>
                      </a:lnTo>
                      <a:lnTo>
                        <a:pt x="858" y="420"/>
                      </a:lnTo>
                      <a:lnTo>
                        <a:pt x="863" y="425"/>
                      </a:lnTo>
                      <a:lnTo>
                        <a:pt x="868" y="428"/>
                      </a:lnTo>
                      <a:lnTo>
                        <a:pt x="870" y="432"/>
                      </a:lnTo>
                      <a:lnTo>
                        <a:pt x="871" y="435"/>
                      </a:lnTo>
                      <a:lnTo>
                        <a:pt x="871" y="438"/>
                      </a:lnTo>
                      <a:lnTo>
                        <a:pt x="870" y="442"/>
                      </a:lnTo>
                      <a:lnTo>
                        <a:pt x="870" y="443"/>
                      </a:lnTo>
                      <a:lnTo>
                        <a:pt x="870" y="445"/>
                      </a:lnTo>
                      <a:lnTo>
                        <a:pt x="875" y="450"/>
                      </a:lnTo>
                      <a:lnTo>
                        <a:pt x="878" y="454"/>
                      </a:lnTo>
                      <a:lnTo>
                        <a:pt x="880" y="457"/>
                      </a:lnTo>
                      <a:lnTo>
                        <a:pt x="880" y="460"/>
                      </a:lnTo>
                      <a:lnTo>
                        <a:pt x="880" y="462"/>
                      </a:lnTo>
                      <a:lnTo>
                        <a:pt x="880" y="464"/>
                      </a:lnTo>
                      <a:lnTo>
                        <a:pt x="878" y="464"/>
                      </a:lnTo>
                      <a:lnTo>
                        <a:pt x="888" y="474"/>
                      </a:lnTo>
                      <a:lnTo>
                        <a:pt x="888" y="476"/>
                      </a:lnTo>
                      <a:lnTo>
                        <a:pt x="888" y="479"/>
                      </a:lnTo>
                      <a:lnTo>
                        <a:pt x="890" y="484"/>
                      </a:lnTo>
                      <a:lnTo>
                        <a:pt x="890" y="491"/>
                      </a:lnTo>
                      <a:lnTo>
                        <a:pt x="890" y="498"/>
                      </a:lnTo>
                      <a:lnTo>
                        <a:pt x="890" y="508"/>
                      </a:lnTo>
                      <a:lnTo>
                        <a:pt x="890" y="518"/>
                      </a:lnTo>
                      <a:lnTo>
                        <a:pt x="890" y="526"/>
                      </a:lnTo>
                      <a:lnTo>
                        <a:pt x="890" y="536"/>
                      </a:lnTo>
                      <a:lnTo>
                        <a:pt x="890" y="547"/>
                      </a:lnTo>
                      <a:lnTo>
                        <a:pt x="890" y="555"/>
                      </a:lnTo>
                      <a:lnTo>
                        <a:pt x="890" y="564"/>
                      </a:lnTo>
                      <a:lnTo>
                        <a:pt x="890" y="570"/>
                      </a:lnTo>
                      <a:lnTo>
                        <a:pt x="890" y="575"/>
                      </a:lnTo>
                      <a:lnTo>
                        <a:pt x="890" y="580"/>
                      </a:lnTo>
                      <a:lnTo>
                        <a:pt x="886" y="586"/>
                      </a:lnTo>
                      <a:lnTo>
                        <a:pt x="883" y="589"/>
                      </a:lnTo>
                      <a:lnTo>
                        <a:pt x="881" y="594"/>
                      </a:lnTo>
                      <a:lnTo>
                        <a:pt x="880" y="599"/>
                      </a:lnTo>
                      <a:lnTo>
                        <a:pt x="878" y="604"/>
                      </a:lnTo>
                      <a:lnTo>
                        <a:pt x="876" y="609"/>
                      </a:lnTo>
                      <a:lnTo>
                        <a:pt x="876" y="614"/>
                      </a:lnTo>
                      <a:lnTo>
                        <a:pt x="876" y="619"/>
                      </a:lnTo>
                      <a:lnTo>
                        <a:pt x="876" y="623"/>
                      </a:lnTo>
                      <a:lnTo>
                        <a:pt x="876" y="628"/>
                      </a:lnTo>
                      <a:lnTo>
                        <a:pt x="876" y="631"/>
                      </a:lnTo>
                      <a:lnTo>
                        <a:pt x="876" y="635"/>
                      </a:lnTo>
                      <a:lnTo>
                        <a:pt x="876" y="638"/>
                      </a:lnTo>
                      <a:lnTo>
                        <a:pt x="876" y="640"/>
                      </a:lnTo>
                      <a:lnTo>
                        <a:pt x="878" y="641"/>
                      </a:lnTo>
                      <a:lnTo>
                        <a:pt x="876" y="650"/>
                      </a:lnTo>
                      <a:lnTo>
                        <a:pt x="875" y="657"/>
                      </a:lnTo>
                      <a:lnTo>
                        <a:pt x="871" y="660"/>
                      </a:lnTo>
                      <a:lnTo>
                        <a:pt x="868" y="662"/>
                      </a:lnTo>
                      <a:lnTo>
                        <a:pt x="864" y="663"/>
                      </a:lnTo>
                      <a:lnTo>
                        <a:pt x="861" y="663"/>
                      </a:lnTo>
                      <a:lnTo>
                        <a:pt x="858" y="663"/>
                      </a:lnTo>
                      <a:lnTo>
                        <a:pt x="856" y="663"/>
                      </a:lnTo>
                      <a:lnTo>
                        <a:pt x="849" y="668"/>
                      </a:lnTo>
                      <a:lnTo>
                        <a:pt x="842" y="674"/>
                      </a:lnTo>
                      <a:lnTo>
                        <a:pt x="837" y="675"/>
                      </a:lnTo>
                      <a:lnTo>
                        <a:pt x="834" y="675"/>
                      </a:lnTo>
                      <a:lnTo>
                        <a:pt x="831" y="675"/>
                      </a:lnTo>
                      <a:lnTo>
                        <a:pt x="827" y="674"/>
                      </a:lnTo>
                      <a:lnTo>
                        <a:pt x="826" y="674"/>
                      </a:lnTo>
                      <a:lnTo>
                        <a:pt x="817" y="680"/>
                      </a:lnTo>
                      <a:lnTo>
                        <a:pt x="810" y="684"/>
                      </a:lnTo>
                      <a:lnTo>
                        <a:pt x="805" y="684"/>
                      </a:lnTo>
                      <a:lnTo>
                        <a:pt x="800" y="684"/>
                      </a:lnTo>
                      <a:lnTo>
                        <a:pt x="797" y="684"/>
                      </a:lnTo>
                      <a:lnTo>
                        <a:pt x="793" y="680"/>
                      </a:lnTo>
                      <a:lnTo>
                        <a:pt x="792" y="680"/>
                      </a:lnTo>
                      <a:lnTo>
                        <a:pt x="792" y="679"/>
                      </a:lnTo>
                      <a:lnTo>
                        <a:pt x="787" y="670"/>
                      </a:lnTo>
                      <a:lnTo>
                        <a:pt x="787" y="667"/>
                      </a:lnTo>
                      <a:lnTo>
                        <a:pt x="788" y="663"/>
                      </a:lnTo>
                      <a:lnTo>
                        <a:pt x="790" y="665"/>
                      </a:lnTo>
                      <a:lnTo>
                        <a:pt x="795" y="667"/>
                      </a:lnTo>
                      <a:lnTo>
                        <a:pt x="798" y="668"/>
                      </a:lnTo>
                      <a:lnTo>
                        <a:pt x="802" y="670"/>
                      </a:lnTo>
                      <a:lnTo>
                        <a:pt x="802" y="672"/>
                      </a:lnTo>
                      <a:lnTo>
                        <a:pt x="820" y="665"/>
                      </a:lnTo>
                      <a:lnTo>
                        <a:pt x="810" y="653"/>
                      </a:lnTo>
                      <a:lnTo>
                        <a:pt x="812" y="652"/>
                      </a:lnTo>
                      <a:lnTo>
                        <a:pt x="814" y="650"/>
                      </a:lnTo>
                      <a:lnTo>
                        <a:pt x="815" y="648"/>
                      </a:lnTo>
                      <a:lnTo>
                        <a:pt x="810" y="640"/>
                      </a:lnTo>
                      <a:lnTo>
                        <a:pt x="807" y="635"/>
                      </a:lnTo>
                      <a:lnTo>
                        <a:pt x="804" y="633"/>
                      </a:lnTo>
                      <a:lnTo>
                        <a:pt x="802" y="631"/>
                      </a:lnTo>
                      <a:lnTo>
                        <a:pt x="800" y="633"/>
                      </a:lnTo>
                      <a:lnTo>
                        <a:pt x="798" y="635"/>
                      </a:lnTo>
                      <a:lnTo>
                        <a:pt x="798" y="636"/>
                      </a:lnTo>
                      <a:lnTo>
                        <a:pt x="798" y="638"/>
                      </a:lnTo>
                      <a:lnTo>
                        <a:pt x="802" y="645"/>
                      </a:lnTo>
                      <a:lnTo>
                        <a:pt x="802" y="650"/>
                      </a:lnTo>
                      <a:lnTo>
                        <a:pt x="800" y="652"/>
                      </a:lnTo>
                      <a:lnTo>
                        <a:pt x="797" y="653"/>
                      </a:lnTo>
                      <a:lnTo>
                        <a:pt x="793" y="653"/>
                      </a:lnTo>
                      <a:lnTo>
                        <a:pt x="790" y="653"/>
                      </a:lnTo>
                      <a:lnTo>
                        <a:pt x="788" y="652"/>
                      </a:lnTo>
                      <a:lnTo>
                        <a:pt x="787" y="652"/>
                      </a:lnTo>
                      <a:lnTo>
                        <a:pt x="780" y="640"/>
                      </a:lnTo>
                      <a:lnTo>
                        <a:pt x="775" y="630"/>
                      </a:lnTo>
                      <a:lnTo>
                        <a:pt x="768" y="621"/>
                      </a:lnTo>
                      <a:lnTo>
                        <a:pt x="763" y="614"/>
                      </a:lnTo>
                      <a:lnTo>
                        <a:pt x="756" y="609"/>
                      </a:lnTo>
                      <a:lnTo>
                        <a:pt x="749" y="606"/>
                      </a:lnTo>
                      <a:lnTo>
                        <a:pt x="744" y="602"/>
                      </a:lnTo>
                      <a:lnTo>
                        <a:pt x="739" y="599"/>
                      </a:lnTo>
                      <a:lnTo>
                        <a:pt x="734" y="597"/>
                      </a:lnTo>
                      <a:lnTo>
                        <a:pt x="729" y="597"/>
                      </a:lnTo>
                      <a:lnTo>
                        <a:pt x="724" y="597"/>
                      </a:lnTo>
                      <a:lnTo>
                        <a:pt x="721" y="597"/>
                      </a:lnTo>
                      <a:lnTo>
                        <a:pt x="719" y="597"/>
                      </a:lnTo>
                      <a:lnTo>
                        <a:pt x="716" y="597"/>
                      </a:lnTo>
                      <a:lnTo>
                        <a:pt x="714" y="597"/>
                      </a:lnTo>
                      <a:lnTo>
                        <a:pt x="714" y="599"/>
                      </a:lnTo>
                      <a:lnTo>
                        <a:pt x="712" y="597"/>
                      </a:lnTo>
                      <a:lnTo>
                        <a:pt x="710" y="594"/>
                      </a:lnTo>
                      <a:lnTo>
                        <a:pt x="707" y="592"/>
                      </a:lnTo>
                      <a:lnTo>
                        <a:pt x="705" y="589"/>
                      </a:lnTo>
                      <a:lnTo>
                        <a:pt x="704" y="586"/>
                      </a:lnTo>
                      <a:lnTo>
                        <a:pt x="702" y="584"/>
                      </a:lnTo>
                      <a:lnTo>
                        <a:pt x="700" y="580"/>
                      </a:lnTo>
                      <a:lnTo>
                        <a:pt x="697" y="564"/>
                      </a:lnTo>
                      <a:lnTo>
                        <a:pt x="692" y="550"/>
                      </a:lnTo>
                      <a:lnTo>
                        <a:pt x="687" y="542"/>
                      </a:lnTo>
                      <a:lnTo>
                        <a:pt x="683" y="536"/>
                      </a:lnTo>
                      <a:lnTo>
                        <a:pt x="680" y="535"/>
                      </a:lnTo>
                      <a:lnTo>
                        <a:pt x="677" y="535"/>
                      </a:lnTo>
                      <a:lnTo>
                        <a:pt x="675" y="535"/>
                      </a:lnTo>
                      <a:lnTo>
                        <a:pt x="666" y="526"/>
                      </a:lnTo>
                      <a:lnTo>
                        <a:pt x="661" y="514"/>
                      </a:lnTo>
                      <a:lnTo>
                        <a:pt x="661" y="498"/>
                      </a:lnTo>
                      <a:lnTo>
                        <a:pt x="653" y="486"/>
                      </a:lnTo>
                      <a:lnTo>
                        <a:pt x="661" y="472"/>
                      </a:lnTo>
                      <a:lnTo>
                        <a:pt x="646" y="481"/>
                      </a:lnTo>
                      <a:lnTo>
                        <a:pt x="646" y="479"/>
                      </a:lnTo>
                      <a:lnTo>
                        <a:pt x="644" y="479"/>
                      </a:lnTo>
                      <a:lnTo>
                        <a:pt x="641" y="477"/>
                      </a:lnTo>
                      <a:lnTo>
                        <a:pt x="639" y="476"/>
                      </a:lnTo>
                      <a:lnTo>
                        <a:pt x="636" y="474"/>
                      </a:lnTo>
                      <a:lnTo>
                        <a:pt x="634" y="474"/>
                      </a:lnTo>
                      <a:lnTo>
                        <a:pt x="633" y="472"/>
                      </a:lnTo>
                      <a:lnTo>
                        <a:pt x="633" y="474"/>
                      </a:lnTo>
                      <a:lnTo>
                        <a:pt x="638" y="482"/>
                      </a:lnTo>
                      <a:lnTo>
                        <a:pt x="643" y="489"/>
                      </a:lnTo>
                      <a:lnTo>
                        <a:pt x="644" y="494"/>
                      </a:lnTo>
                      <a:lnTo>
                        <a:pt x="644" y="498"/>
                      </a:lnTo>
                      <a:lnTo>
                        <a:pt x="643" y="498"/>
                      </a:lnTo>
                      <a:lnTo>
                        <a:pt x="641" y="498"/>
                      </a:lnTo>
                      <a:lnTo>
                        <a:pt x="638" y="496"/>
                      </a:lnTo>
                      <a:lnTo>
                        <a:pt x="636" y="494"/>
                      </a:lnTo>
                      <a:lnTo>
                        <a:pt x="631" y="491"/>
                      </a:lnTo>
                      <a:lnTo>
                        <a:pt x="628" y="487"/>
                      </a:lnTo>
                      <a:lnTo>
                        <a:pt x="622" y="484"/>
                      </a:lnTo>
                      <a:lnTo>
                        <a:pt x="619" y="481"/>
                      </a:lnTo>
                      <a:lnTo>
                        <a:pt x="616" y="477"/>
                      </a:lnTo>
                      <a:lnTo>
                        <a:pt x="612" y="474"/>
                      </a:lnTo>
                      <a:lnTo>
                        <a:pt x="611" y="472"/>
                      </a:lnTo>
                      <a:lnTo>
                        <a:pt x="607" y="457"/>
                      </a:lnTo>
                      <a:lnTo>
                        <a:pt x="582" y="425"/>
                      </a:lnTo>
                      <a:lnTo>
                        <a:pt x="584" y="425"/>
                      </a:lnTo>
                      <a:lnTo>
                        <a:pt x="585" y="423"/>
                      </a:lnTo>
                      <a:lnTo>
                        <a:pt x="587" y="423"/>
                      </a:lnTo>
                      <a:lnTo>
                        <a:pt x="589" y="421"/>
                      </a:lnTo>
                      <a:lnTo>
                        <a:pt x="590" y="421"/>
                      </a:lnTo>
                      <a:lnTo>
                        <a:pt x="592" y="420"/>
                      </a:lnTo>
                      <a:lnTo>
                        <a:pt x="594" y="420"/>
                      </a:lnTo>
                      <a:lnTo>
                        <a:pt x="589" y="418"/>
                      </a:lnTo>
                      <a:lnTo>
                        <a:pt x="587" y="413"/>
                      </a:lnTo>
                      <a:lnTo>
                        <a:pt x="587" y="408"/>
                      </a:lnTo>
                      <a:lnTo>
                        <a:pt x="587" y="401"/>
                      </a:lnTo>
                      <a:lnTo>
                        <a:pt x="589" y="394"/>
                      </a:lnTo>
                      <a:lnTo>
                        <a:pt x="590" y="388"/>
                      </a:lnTo>
                      <a:lnTo>
                        <a:pt x="590" y="382"/>
                      </a:lnTo>
                      <a:lnTo>
                        <a:pt x="590" y="379"/>
                      </a:lnTo>
                      <a:lnTo>
                        <a:pt x="587" y="371"/>
                      </a:lnTo>
                      <a:lnTo>
                        <a:pt x="585" y="364"/>
                      </a:lnTo>
                      <a:lnTo>
                        <a:pt x="582" y="360"/>
                      </a:lnTo>
                      <a:lnTo>
                        <a:pt x="580" y="359"/>
                      </a:lnTo>
                      <a:lnTo>
                        <a:pt x="578" y="359"/>
                      </a:lnTo>
                      <a:lnTo>
                        <a:pt x="577" y="360"/>
                      </a:lnTo>
                      <a:lnTo>
                        <a:pt x="577" y="364"/>
                      </a:lnTo>
                      <a:lnTo>
                        <a:pt x="575" y="367"/>
                      </a:lnTo>
                      <a:lnTo>
                        <a:pt x="575" y="372"/>
                      </a:lnTo>
                      <a:lnTo>
                        <a:pt x="575" y="377"/>
                      </a:lnTo>
                      <a:lnTo>
                        <a:pt x="575" y="382"/>
                      </a:lnTo>
                      <a:lnTo>
                        <a:pt x="575" y="388"/>
                      </a:lnTo>
                      <a:lnTo>
                        <a:pt x="575" y="393"/>
                      </a:lnTo>
                      <a:lnTo>
                        <a:pt x="575" y="396"/>
                      </a:lnTo>
                      <a:lnTo>
                        <a:pt x="575" y="399"/>
                      </a:lnTo>
                      <a:lnTo>
                        <a:pt x="572" y="398"/>
                      </a:lnTo>
                      <a:lnTo>
                        <a:pt x="568" y="394"/>
                      </a:lnTo>
                      <a:lnTo>
                        <a:pt x="565" y="391"/>
                      </a:lnTo>
                      <a:lnTo>
                        <a:pt x="560" y="388"/>
                      </a:lnTo>
                      <a:lnTo>
                        <a:pt x="558" y="384"/>
                      </a:lnTo>
                      <a:lnTo>
                        <a:pt x="555" y="382"/>
                      </a:lnTo>
                      <a:lnTo>
                        <a:pt x="555" y="381"/>
                      </a:lnTo>
                      <a:lnTo>
                        <a:pt x="556" y="374"/>
                      </a:lnTo>
                      <a:lnTo>
                        <a:pt x="558" y="366"/>
                      </a:lnTo>
                      <a:lnTo>
                        <a:pt x="558" y="359"/>
                      </a:lnTo>
                      <a:lnTo>
                        <a:pt x="558" y="352"/>
                      </a:lnTo>
                      <a:lnTo>
                        <a:pt x="556" y="345"/>
                      </a:lnTo>
                      <a:lnTo>
                        <a:pt x="556" y="340"/>
                      </a:lnTo>
                      <a:lnTo>
                        <a:pt x="555" y="337"/>
                      </a:lnTo>
                      <a:lnTo>
                        <a:pt x="555" y="335"/>
                      </a:lnTo>
                      <a:lnTo>
                        <a:pt x="558" y="328"/>
                      </a:lnTo>
                      <a:lnTo>
                        <a:pt x="560" y="323"/>
                      </a:lnTo>
                      <a:lnTo>
                        <a:pt x="562" y="316"/>
                      </a:lnTo>
                      <a:lnTo>
                        <a:pt x="562" y="311"/>
                      </a:lnTo>
                      <a:lnTo>
                        <a:pt x="563" y="305"/>
                      </a:lnTo>
                      <a:lnTo>
                        <a:pt x="563" y="300"/>
                      </a:lnTo>
                      <a:lnTo>
                        <a:pt x="563" y="293"/>
                      </a:lnTo>
                      <a:lnTo>
                        <a:pt x="563" y="288"/>
                      </a:lnTo>
                      <a:lnTo>
                        <a:pt x="562" y="283"/>
                      </a:lnTo>
                      <a:lnTo>
                        <a:pt x="562" y="278"/>
                      </a:lnTo>
                      <a:lnTo>
                        <a:pt x="560" y="274"/>
                      </a:lnTo>
                      <a:lnTo>
                        <a:pt x="560" y="269"/>
                      </a:lnTo>
                      <a:lnTo>
                        <a:pt x="560" y="267"/>
                      </a:lnTo>
                      <a:lnTo>
                        <a:pt x="558" y="264"/>
                      </a:lnTo>
                      <a:lnTo>
                        <a:pt x="558" y="262"/>
                      </a:lnTo>
                      <a:lnTo>
                        <a:pt x="558" y="261"/>
                      </a:lnTo>
                      <a:lnTo>
                        <a:pt x="558" y="257"/>
                      </a:lnTo>
                      <a:lnTo>
                        <a:pt x="558" y="256"/>
                      </a:lnTo>
                      <a:lnTo>
                        <a:pt x="556" y="252"/>
                      </a:lnTo>
                      <a:lnTo>
                        <a:pt x="556" y="249"/>
                      </a:lnTo>
                      <a:lnTo>
                        <a:pt x="555" y="247"/>
                      </a:lnTo>
                      <a:lnTo>
                        <a:pt x="551" y="245"/>
                      </a:lnTo>
                      <a:lnTo>
                        <a:pt x="548" y="242"/>
                      </a:lnTo>
                      <a:lnTo>
                        <a:pt x="545" y="239"/>
                      </a:lnTo>
                      <a:lnTo>
                        <a:pt x="541" y="232"/>
                      </a:lnTo>
                      <a:lnTo>
                        <a:pt x="538" y="227"/>
                      </a:lnTo>
                      <a:lnTo>
                        <a:pt x="534" y="223"/>
                      </a:lnTo>
                      <a:lnTo>
                        <a:pt x="533" y="220"/>
                      </a:lnTo>
                      <a:lnTo>
                        <a:pt x="533" y="218"/>
                      </a:lnTo>
                      <a:lnTo>
                        <a:pt x="521" y="222"/>
                      </a:lnTo>
                      <a:lnTo>
                        <a:pt x="514" y="222"/>
                      </a:lnTo>
                      <a:lnTo>
                        <a:pt x="509" y="222"/>
                      </a:lnTo>
                      <a:lnTo>
                        <a:pt x="507" y="220"/>
                      </a:lnTo>
                      <a:lnTo>
                        <a:pt x="506" y="217"/>
                      </a:lnTo>
                      <a:lnTo>
                        <a:pt x="506" y="215"/>
                      </a:lnTo>
                      <a:lnTo>
                        <a:pt x="507" y="215"/>
                      </a:lnTo>
                      <a:lnTo>
                        <a:pt x="507" y="213"/>
                      </a:lnTo>
                      <a:lnTo>
                        <a:pt x="497" y="206"/>
                      </a:lnTo>
                      <a:lnTo>
                        <a:pt x="484" y="191"/>
                      </a:lnTo>
                      <a:lnTo>
                        <a:pt x="467" y="179"/>
                      </a:lnTo>
                      <a:lnTo>
                        <a:pt x="465" y="179"/>
                      </a:lnTo>
                      <a:lnTo>
                        <a:pt x="463" y="176"/>
                      </a:lnTo>
                      <a:lnTo>
                        <a:pt x="458" y="173"/>
                      </a:lnTo>
                      <a:lnTo>
                        <a:pt x="455" y="168"/>
                      </a:lnTo>
                      <a:lnTo>
                        <a:pt x="450" y="162"/>
                      </a:lnTo>
                      <a:lnTo>
                        <a:pt x="446" y="157"/>
                      </a:lnTo>
                      <a:lnTo>
                        <a:pt x="445" y="154"/>
                      </a:lnTo>
                      <a:lnTo>
                        <a:pt x="443" y="152"/>
                      </a:lnTo>
                      <a:lnTo>
                        <a:pt x="433" y="144"/>
                      </a:lnTo>
                      <a:lnTo>
                        <a:pt x="424" y="139"/>
                      </a:lnTo>
                      <a:lnTo>
                        <a:pt x="418" y="132"/>
                      </a:lnTo>
                      <a:lnTo>
                        <a:pt x="411" y="129"/>
                      </a:lnTo>
                      <a:lnTo>
                        <a:pt x="404" y="125"/>
                      </a:lnTo>
                      <a:lnTo>
                        <a:pt x="399" y="124"/>
                      </a:lnTo>
                      <a:lnTo>
                        <a:pt x="396" y="124"/>
                      </a:lnTo>
                      <a:lnTo>
                        <a:pt x="394" y="122"/>
                      </a:lnTo>
                      <a:lnTo>
                        <a:pt x="377" y="122"/>
                      </a:lnTo>
                      <a:lnTo>
                        <a:pt x="367" y="122"/>
                      </a:lnTo>
                      <a:lnTo>
                        <a:pt x="360" y="127"/>
                      </a:lnTo>
                      <a:lnTo>
                        <a:pt x="355" y="132"/>
                      </a:lnTo>
                      <a:lnTo>
                        <a:pt x="355" y="139"/>
                      </a:lnTo>
                      <a:lnTo>
                        <a:pt x="355" y="144"/>
                      </a:lnTo>
                      <a:lnTo>
                        <a:pt x="357" y="147"/>
                      </a:lnTo>
                      <a:lnTo>
                        <a:pt x="357" y="149"/>
                      </a:lnTo>
                      <a:lnTo>
                        <a:pt x="350" y="147"/>
                      </a:lnTo>
                      <a:lnTo>
                        <a:pt x="342" y="149"/>
                      </a:lnTo>
                      <a:lnTo>
                        <a:pt x="335" y="152"/>
                      </a:lnTo>
                      <a:lnTo>
                        <a:pt x="330" y="156"/>
                      </a:lnTo>
                      <a:lnTo>
                        <a:pt x="325" y="161"/>
                      </a:lnTo>
                      <a:lnTo>
                        <a:pt x="320" y="164"/>
                      </a:lnTo>
                      <a:lnTo>
                        <a:pt x="316" y="168"/>
                      </a:lnTo>
                      <a:lnTo>
                        <a:pt x="316" y="169"/>
                      </a:lnTo>
                      <a:lnTo>
                        <a:pt x="309" y="176"/>
                      </a:lnTo>
                      <a:lnTo>
                        <a:pt x="306" y="178"/>
                      </a:lnTo>
                      <a:lnTo>
                        <a:pt x="304" y="178"/>
                      </a:lnTo>
                      <a:lnTo>
                        <a:pt x="304" y="176"/>
                      </a:lnTo>
                      <a:lnTo>
                        <a:pt x="304" y="174"/>
                      </a:lnTo>
                      <a:lnTo>
                        <a:pt x="306" y="171"/>
                      </a:lnTo>
                      <a:lnTo>
                        <a:pt x="308" y="169"/>
                      </a:lnTo>
                      <a:lnTo>
                        <a:pt x="308" y="168"/>
                      </a:lnTo>
                      <a:lnTo>
                        <a:pt x="306" y="168"/>
                      </a:lnTo>
                      <a:lnTo>
                        <a:pt x="306" y="169"/>
                      </a:lnTo>
                      <a:lnTo>
                        <a:pt x="303" y="173"/>
                      </a:lnTo>
                      <a:lnTo>
                        <a:pt x="299" y="174"/>
                      </a:lnTo>
                      <a:lnTo>
                        <a:pt x="298" y="178"/>
                      </a:lnTo>
                      <a:lnTo>
                        <a:pt x="294" y="179"/>
                      </a:lnTo>
                      <a:lnTo>
                        <a:pt x="293" y="181"/>
                      </a:lnTo>
                      <a:lnTo>
                        <a:pt x="291" y="183"/>
                      </a:lnTo>
                      <a:lnTo>
                        <a:pt x="284" y="181"/>
                      </a:lnTo>
                      <a:lnTo>
                        <a:pt x="277" y="181"/>
                      </a:lnTo>
                      <a:lnTo>
                        <a:pt x="271" y="183"/>
                      </a:lnTo>
                      <a:lnTo>
                        <a:pt x="265" y="186"/>
                      </a:lnTo>
                      <a:lnTo>
                        <a:pt x="260" y="188"/>
                      </a:lnTo>
                      <a:lnTo>
                        <a:pt x="257" y="190"/>
                      </a:lnTo>
                      <a:lnTo>
                        <a:pt x="254" y="191"/>
                      </a:lnTo>
                      <a:lnTo>
                        <a:pt x="247" y="184"/>
                      </a:lnTo>
                      <a:lnTo>
                        <a:pt x="243" y="179"/>
                      </a:lnTo>
                      <a:lnTo>
                        <a:pt x="245" y="179"/>
                      </a:lnTo>
                      <a:lnTo>
                        <a:pt x="249" y="181"/>
                      </a:lnTo>
                      <a:lnTo>
                        <a:pt x="252" y="184"/>
                      </a:lnTo>
                      <a:lnTo>
                        <a:pt x="255" y="186"/>
                      </a:lnTo>
                      <a:lnTo>
                        <a:pt x="257" y="186"/>
                      </a:lnTo>
                      <a:lnTo>
                        <a:pt x="257" y="176"/>
                      </a:lnTo>
                      <a:lnTo>
                        <a:pt x="247" y="162"/>
                      </a:lnTo>
                      <a:lnTo>
                        <a:pt x="218" y="140"/>
                      </a:lnTo>
                      <a:lnTo>
                        <a:pt x="232" y="142"/>
                      </a:lnTo>
                      <a:lnTo>
                        <a:pt x="238" y="144"/>
                      </a:lnTo>
                      <a:lnTo>
                        <a:pt x="238" y="142"/>
                      </a:lnTo>
                      <a:lnTo>
                        <a:pt x="235" y="140"/>
                      </a:lnTo>
                      <a:lnTo>
                        <a:pt x="230" y="137"/>
                      </a:lnTo>
                      <a:lnTo>
                        <a:pt x="223" y="135"/>
                      </a:lnTo>
                      <a:lnTo>
                        <a:pt x="218" y="132"/>
                      </a:lnTo>
                      <a:lnTo>
                        <a:pt x="216" y="132"/>
                      </a:lnTo>
                      <a:lnTo>
                        <a:pt x="223" y="117"/>
                      </a:lnTo>
                      <a:lnTo>
                        <a:pt x="205" y="120"/>
                      </a:lnTo>
                      <a:lnTo>
                        <a:pt x="205" y="122"/>
                      </a:lnTo>
                      <a:lnTo>
                        <a:pt x="206" y="125"/>
                      </a:lnTo>
                      <a:lnTo>
                        <a:pt x="206" y="127"/>
                      </a:lnTo>
                      <a:lnTo>
                        <a:pt x="206" y="130"/>
                      </a:lnTo>
                      <a:lnTo>
                        <a:pt x="208" y="134"/>
                      </a:lnTo>
                      <a:lnTo>
                        <a:pt x="208" y="135"/>
                      </a:lnTo>
                      <a:lnTo>
                        <a:pt x="201" y="130"/>
                      </a:lnTo>
                      <a:lnTo>
                        <a:pt x="193" y="127"/>
                      </a:lnTo>
                      <a:lnTo>
                        <a:pt x="186" y="124"/>
                      </a:lnTo>
                      <a:lnTo>
                        <a:pt x="179" y="122"/>
                      </a:lnTo>
                      <a:lnTo>
                        <a:pt x="172" y="118"/>
                      </a:lnTo>
                      <a:lnTo>
                        <a:pt x="164" y="117"/>
                      </a:lnTo>
                      <a:lnTo>
                        <a:pt x="159" y="115"/>
                      </a:lnTo>
                      <a:lnTo>
                        <a:pt x="152" y="115"/>
                      </a:lnTo>
                      <a:lnTo>
                        <a:pt x="147" y="113"/>
                      </a:lnTo>
                      <a:lnTo>
                        <a:pt x="142" y="113"/>
                      </a:lnTo>
                      <a:lnTo>
                        <a:pt x="137" y="113"/>
                      </a:lnTo>
                      <a:lnTo>
                        <a:pt x="133" y="113"/>
                      </a:lnTo>
                      <a:lnTo>
                        <a:pt x="130" y="113"/>
                      </a:lnTo>
                      <a:lnTo>
                        <a:pt x="128" y="113"/>
                      </a:lnTo>
                      <a:lnTo>
                        <a:pt x="127" y="113"/>
                      </a:lnTo>
                      <a:lnTo>
                        <a:pt x="128" y="113"/>
                      </a:lnTo>
                      <a:lnTo>
                        <a:pt x="130" y="112"/>
                      </a:lnTo>
                      <a:lnTo>
                        <a:pt x="133" y="112"/>
                      </a:lnTo>
                      <a:lnTo>
                        <a:pt x="137" y="112"/>
                      </a:lnTo>
                      <a:lnTo>
                        <a:pt x="140" y="110"/>
                      </a:lnTo>
                      <a:lnTo>
                        <a:pt x="142" y="110"/>
                      </a:lnTo>
                      <a:lnTo>
                        <a:pt x="144" y="110"/>
                      </a:lnTo>
                      <a:lnTo>
                        <a:pt x="157" y="110"/>
                      </a:lnTo>
                      <a:lnTo>
                        <a:pt x="164" y="108"/>
                      </a:lnTo>
                      <a:lnTo>
                        <a:pt x="162" y="105"/>
                      </a:lnTo>
                      <a:lnTo>
                        <a:pt x="155" y="105"/>
                      </a:lnTo>
                      <a:lnTo>
                        <a:pt x="149" y="103"/>
                      </a:lnTo>
                      <a:lnTo>
                        <a:pt x="145" y="102"/>
                      </a:lnTo>
                      <a:lnTo>
                        <a:pt x="142" y="102"/>
                      </a:lnTo>
                      <a:lnTo>
                        <a:pt x="111" y="108"/>
                      </a:lnTo>
                      <a:lnTo>
                        <a:pt x="101" y="113"/>
                      </a:lnTo>
                      <a:lnTo>
                        <a:pt x="98" y="115"/>
                      </a:lnTo>
                      <a:lnTo>
                        <a:pt x="95" y="115"/>
                      </a:lnTo>
                      <a:lnTo>
                        <a:pt x="89" y="115"/>
                      </a:lnTo>
                      <a:lnTo>
                        <a:pt x="86" y="115"/>
                      </a:lnTo>
                      <a:lnTo>
                        <a:pt x="81" y="115"/>
                      </a:lnTo>
                      <a:lnTo>
                        <a:pt x="79" y="117"/>
                      </a:lnTo>
                      <a:lnTo>
                        <a:pt x="78" y="117"/>
                      </a:lnTo>
                      <a:lnTo>
                        <a:pt x="64" y="122"/>
                      </a:lnTo>
                      <a:lnTo>
                        <a:pt x="56" y="125"/>
                      </a:lnTo>
                      <a:lnTo>
                        <a:pt x="52" y="125"/>
                      </a:lnTo>
                      <a:lnTo>
                        <a:pt x="54" y="124"/>
                      </a:lnTo>
                      <a:lnTo>
                        <a:pt x="57" y="122"/>
                      </a:lnTo>
                      <a:lnTo>
                        <a:pt x="62" y="118"/>
                      </a:lnTo>
                      <a:lnTo>
                        <a:pt x="66" y="117"/>
                      </a:lnTo>
                      <a:lnTo>
                        <a:pt x="67" y="115"/>
                      </a:lnTo>
                      <a:lnTo>
                        <a:pt x="73" y="110"/>
                      </a:lnTo>
                      <a:lnTo>
                        <a:pt x="74" y="107"/>
                      </a:lnTo>
                      <a:lnTo>
                        <a:pt x="74" y="105"/>
                      </a:lnTo>
                      <a:lnTo>
                        <a:pt x="71" y="105"/>
                      </a:lnTo>
                      <a:lnTo>
                        <a:pt x="67" y="105"/>
                      </a:lnTo>
                      <a:lnTo>
                        <a:pt x="64" y="107"/>
                      </a:lnTo>
                      <a:lnTo>
                        <a:pt x="61" y="107"/>
                      </a:lnTo>
                      <a:lnTo>
                        <a:pt x="59" y="107"/>
                      </a:lnTo>
                      <a:lnTo>
                        <a:pt x="51" y="100"/>
                      </a:lnTo>
                      <a:lnTo>
                        <a:pt x="45" y="96"/>
                      </a:lnTo>
                      <a:lnTo>
                        <a:pt x="44" y="98"/>
                      </a:lnTo>
                      <a:lnTo>
                        <a:pt x="44" y="102"/>
                      </a:lnTo>
                      <a:lnTo>
                        <a:pt x="45" y="105"/>
                      </a:lnTo>
                      <a:lnTo>
                        <a:pt x="49" y="110"/>
                      </a:lnTo>
                      <a:lnTo>
                        <a:pt x="51" y="113"/>
                      </a:lnTo>
                      <a:lnTo>
                        <a:pt x="51" y="115"/>
                      </a:lnTo>
                      <a:lnTo>
                        <a:pt x="44" y="122"/>
                      </a:lnTo>
                      <a:lnTo>
                        <a:pt x="37" y="130"/>
                      </a:lnTo>
                      <a:lnTo>
                        <a:pt x="35" y="132"/>
                      </a:lnTo>
                      <a:lnTo>
                        <a:pt x="32" y="132"/>
                      </a:lnTo>
                      <a:lnTo>
                        <a:pt x="29" y="134"/>
                      </a:lnTo>
                      <a:lnTo>
                        <a:pt x="27" y="135"/>
                      </a:lnTo>
                      <a:lnTo>
                        <a:pt x="23" y="137"/>
                      </a:lnTo>
                      <a:lnTo>
                        <a:pt x="22" y="137"/>
                      </a:lnTo>
                      <a:lnTo>
                        <a:pt x="27" y="130"/>
                      </a:lnTo>
                      <a:lnTo>
                        <a:pt x="29" y="127"/>
                      </a:lnTo>
                      <a:lnTo>
                        <a:pt x="30" y="122"/>
                      </a:lnTo>
                      <a:lnTo>
                        <a:pt x="29" y="120"/>
                      </a:lnTo>
                      <a:lnTo>
                        <a:pt x="27" y="117"/>
                      </a:lnTo>
                      <a:lnTo>
                        <a:pt x="25" y="117"/>
                      </a:lnTo>
                      <a:lnTo>
                        <a:pt x="23" y="115"/>
                      </a:lnTo>
                      <a:lnTo>
                        <a:pt x="23" y="117"/>
                      </a:lnTo>
                      <a:lnTo>
                        <a:pt x="23" y="115"/>
                      </a:lnTo>
                      <a:lnTo>
                        <a:pt x="23" y="113"/>
                      </a:lnTo>
                      <a:lnTo>
                        <a:pt x="23" y="112"/>
                      </a:lnTo>
                      <a:lnTo>
                        <a:pt x="22" y="108"/>
                      </a:lnTo>
                      <a:lnTo>
                        <a:pt x="22" y="107"/>
                      </a:lnTo>
                      <a:lnTo>
                        <a:pt x="22" y="105"/>
                      </a:lnTo>
                      <a:lnTo>
                        <a:pt x="25" y="100"/>
                      </a:lnTo>
                      <a:lnTo>
                        <a:pt x="25" y="93"/>
                      </a:lnTo>
                      <a:lnTo>
                        <a:pt x="22" y="88"/>
                      </a:lnTo>
                      <a:lnTo>
                        <a:pt x="17" y="83"/>
                      </a:lnTo>
                      <a:lnTo>
                        <a:pt x="12" y="80"/>
                      </a:lnTo>
                      <a:lnTo>
                        <a:pt x="7" y="74"/>
                      </a:lnTo>
                      <a:lnTo>
                        <a:pt x="3" y="73"/>
                      </a:lnTo>
                      <a:lnTo>
                        <a:pt x="1" y="73"/>
                      </a:lnTo>
                      <a:lnTo>
                        <a:pt x="0" y="51"/>
                      </a:lnTo>
                      <a:lnTo>
                        <a:pt x="276" y="24"/>
                      </a:lnTo>
                      <a:lnTo>
                        <a:pt x="293" y="56"/>
                      </a:lnTo>
                      <a:lnTo>
                        <a:pt x="572" y="37"/>
                      </a:lnTo>
                      <a:lnTo>
                        <a:pt x="582" y="59"/>
                      </a:lnTo>
                      <a:lnTo>
                        <a:pt x="597" y="59"/>
                      </a:lnTo>
                      <a:lnTo>
                        <a:pt x="597" y="58"/>
                      </a:lnTo>
                      <a:lnTo>
                        <a:pt x="595" y="54"/>
                      </a:lnTo>
                      <a:lnTo>
                        <a:pt x="595" y="51"/>
                      </a:lnTo>
                      <a:lnTo>
                        <a:pt x="595" y="46"/>
                      </a:lnTo>
                      <a:lnTo>
                        <a:pt x="594" y="41"/>
                      </a:lnTo>
                      <a:lnTo>
                        <a:pt x="594" y="36"/>
                      </a:lnTo>
                      <a:lnTo>
                        <a:pt x="594" y="32"/>
                      </a:lnTo>
                      <a:lnTo>
                        <a:pt x="594" y="30"/>
                      </a:lnTo>
                      <a:lnTo>
                        <a:pt x="589" y="22"/>
                      </a:lnTo>
                      <a:lnTo>
                        <a:pt x="589" y="14"/>
                      </a:lnTo>
                      <a:lnTo>
                        <a:pt x="589" y="8"/>
                      </a:lnTo>
                      <a:lnTo>
                        <a:pt x="592" y="5"/>
                      </a:lnTo>
                      <a:lnTo>
                        <a:pt x="595" y="2"/>
                      </a:lnTo>
                      <a:lnTo>
                        <a:pt x="597" y="0"/>
                      </a:lnTo>
                      <a:lnTo>
                        <a:pt x="600" y="0"/>
                      </a:lnTo>
                      <a:lnTo>
                        <a:pt x="602" y="0"/>
                      </a:lnTo>
                      <a:lnTo>
                        <a:pt x="607" y="3"/>
                      </a:lnTo>
                      <a:lnTo>
                        <a:pt x="616" y="5"/>
                      </a:lnTo>
                      <a:lnTo>
                        <a:pt x="622" y="7"/>
                      </a:lnTo>
                      <a:lnTo>
                        <a:pt x="629" y="8"/>
                      </a:lnTo>
                      <a:lnTo>
                        <a:pt x="636" y="8"/>
                      </a:lnTo>
                      <a:lnTo>
                        <a:pt x="639" y="8"/>
                      </a:lnTo>
                      <a:lnTo>
                        <a:pt x="643" y="8"/>
                      </a:lnTo>
                      <a:lnTo>
                        <a:pt x="644" y="8"/>
                      </a:lnTo>
                      <a:lnTo>
                        <a:pt x="650" y="14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43" name="Freeform 18"/>
                <p:cNvSpPr>
                  <a:spLocks/>
                </p:cNvSpPr>
                <p:nvPr/>
              </p:nvSpPr>
              <p:spPr bwMode="auto">
                <a:xfrm>
                  <a:off x="3822" y="2894"/>
                  <a:ext cx="890" cy="684"/>
                </a:xfrm>
                <a:custGeom>
                  <a:avLst/>
                  <a:gdLst>
                    <a:gd name="T0" fmla="*/ 648 w 890"/>
                    <a:gd name="T1" fmla="*/ 46 h 684"/>
                    <a:gd name="T2" fmla="*/ 636 w 890"/>
                    <a:gd name="T3" fmla="*/ 71 h 684"/>
                    <a:gd name="T4" fmla="*/ 660 w 890"/>
                    <a:gd name="T5" fmla="*/ 47 h 684"/>
                    <a:gd name="T6" fmla="*/ 704 w 890"/>
                    <a:gd name="T7" fmla="*/ 137 h 684"/>
                    <a:gd name="T8" fmla="*/ 741 w 890"/>
                    <a:gd name="T9" fmla="*/ 196 h 684"/>
                    <a:gd name="T10" fmla="*/ 721 w 890"/>
                    <a:gd name="T11" fmla="*/ 174 h 684"/>
                    <a:gd name="T12" fmla="*/ 732 w 890"/>
                    <a:gd name="T13" fmla="*/ 200 h 684"/>
                    <a:gd name="T14" fmla="*/ 754 w 890"/>
                    <a:gd name="T15" fmla="*/ 235 h 684"/>
                    <a:gd name="T16" fmla="*/ 773 w 890"/>
                    <a:gd name="T17" fmla="*/ 279 h 684"/>
                    <a:gd name="T18" fmla="*/ 832 w 890"/>
                    <a:gd name="T19" fmla="*/ 381 h 684"/>
                    <a:gd name="T20" fmla="*/ 854 w 890"/>
                    <a:gd name="T21" fmla="*/ 418 h 684"/>
                    <a:gd name="T22" fmla="*/ 870 w 890"/>
                    <a:gd name="T23" fmla="*/ 443 h 684"/>
                    <a:gd name="T24" fmla="*/ 878 w 890"/>
                    <a:gd name="T25" fmla="*/ 464 h 684"/>
                    <a:gd name="T26" fmla="*/ 890 w 890"/>
                    <a:gd name="T27" fmla="*/ 526 h 684"/>
                    <a:gd name="T28" fmla="*/ 886 w 890"/>
                    <a:gd name="T29" fmla="*/ 586 h 684"/>
                    <a:gd name="T30" fmla="*/ 876 w 890"/>
                    <a:gd name="T31" fmla="*/ 631 h 684"/>
                    <a:gd name="T32" fmla="*/ 868 w 890"/>
                    <a:gd name="T33" fmla="*/ 662 h 684"/>
                    <a:gd name="T34" fmla="*/ 831 w 890"/>
                    <a:gd name="T35" fmla="*/ 675 h 684"/>
                    <a:gd name="T36" fmla="*/ 793 w 890"/>
                    <a:gd name="T37" fmla="*/ 680 h 684"/>
                    <a:gd name="T38" fmla="*/ 802 w 890"/>
                    <a:gd name="T39" fmla="*/ 670 h 684"/>
                    <a:gd name="T40" fmla="*/ 810 w 890"/>
                    <a:gd name="T41" fmla="*/ 640 h 684"/>
                    <a:gd name="T42" fmla="*/ 802 w 890"/>
                    <a:gd name="T43" fmla="*/ 650 h 684"/>
                    <a:gd name="T44" fmla="*/ 768 w 890"/>
                    <a:gd name="T45" fmla="*/ 621 h 684"/>
                    <a:gd name="T46" fmla="*/ 719 w 890"/>
                    <a:gd name="T47" fmla="*/ 597 h 684"/>
                    <a:gd name="T48" fmla="*/ 705 w 890"/>
                    <a:gd name="T49" fmla="*/ 589 h 684"/>
                    <a:gd name="T50" fmla="*/ 677 w 890"/>
                    <a:gd name="T51" fmla="*/ 535 h 684"/>
                    <a:gd name="T52" fmla="*/ 646 w 890"/>
                    <a:gd name="T53" fmla="*/ 479 h 684"/>
                    <a:gd name="T54" fmla="*/ 643 w 890"/>
                    <a:gd name="T55" fmla="*/ 489 h 684"/>
                    <a:gd name="T56" fmla="*/ 619 w 890"/>
                    <a:gd name="T57" fmla="*/ 481 h 684"/>
                    <a:gd name="T58" fmla="*/ 587 w 890"/>
                    <a:gd name="T59" fmla="*/ 423 h 684"/>
                    <a:gd name="T60" fmla="*/ 587 w 890"/>
                    <a:gd name="T61" fmla="*/ 401 h 684"/>
                    <a:gd name="T62" fmla="*/ 578 w 890"/>
                    <a:gd name="T63" fmla="*/ 359 h 684"/>
                    <a:gd name="T64" fmla="*/ 575 w 890"/>
                    <a:gd name="T65" fmla="*/ 399 h 684"/>
                    <a:gd name="T66" fmla="*/ 555 w 890"/>
                    <a:gd name="T67" fmla="*/ 381 h 684"/>
                    <a:gd name="T68" fmla="*/ 555 w 890"/>
                    <a:gd name="T69" fmla="*/ 335 h 684"/>
                    <a:gd name="T70" fmla="*/ 562 w 890"/>
                    <a:gd name="T71" fmla="*/ 278 h 684"/>
                    <a:gd name="T72" fmla="*/ 558 w 890"/>
                    <a:gd name="T73" fmla="*/ 257 h 684"/>
                    <a:gd name="T74" fmla="*/ 541 w 890"/>
                    <a:gd name="T75" fmla="*/ 232 h 684"/>
                    <a:gd name="T76" fmla="*/ 506 w 890"/>
                    <a:gd name="T77" fmla="*/ 217 h 684"/>
                    <a:gd name="T78" fmla="*/ 458 w 890"/>
                    <a:gd name="T79" fmla="*/ 173 h 684"/>
                    <a:gd name="T80" fmla="*/ 411 w 890"/>
                    <a:gd name="T81" fmla="*/ 129 h 684"/>
                    <a:gd name="T82" fmla="*/ 355 w 890"/>
                    <a:gd name="T83" fmla="*/ 139 h 684"/>
                    <a:gd name="T84" fmla="*/ 320 w 890"/>
                    <a:gd name="T85" fmla="*/ 164 h 684"/>
                    <a:gd name="T86" fmla="*/ 308 w 890"/>
                    <a:gd name="T87" fmla="*/ 169 h 684"/>
                    <a:gd name="T88" fmla="*/ 291 w 890"/>
                    <a:gd name="T89" fmla="*/ 183 h 684"/>
                    <a:gd name="T90" fmla="*/ 254 w 890"/>
                    <a:gd name="T91" fmla="*/ 191 h 684"/>
                    <a:gd name="T92" fmla="*/ 247 w 890"/>
                    <a:gd name="T93" fmla="*/ 162 h 684"/>
                    <a:gd name="T94" fmla="*/ 216 w 890"/>
                    <a:gd name="T95" fmla="*/ 132 h 684"/>
                    <a:gd name="T96" fmla="*/ 208 w 890"/>
                    <a:gd name="T97" fmla="*/ 135 h 684"/>
                    <a:gd name="T98" fmla="*/ 152 w 890"/>
                    <a:gd name="T99" fmla="*/ 115 h 684"/>
                    <a:gd name="T100" fmla="*/ 127 w 890"/>
                    <a:gd name="T101" fmla="*/ 113 h 684"/>
                    <a:gd name="T102" fmla="*/ 164 w 890"/>
                    <a:gd name="T103" fmla="*/ 108 h 684"/>
                    <a:gd name="T104" fmla="*/ 101 w 890"/>
                    <a:gd name="T105" fmla="*/ 113 h 684"/>
                    <a:gd name="T106" fmla="*/ 56 w 890"/>
                    <a:gd name="T107" fmla="*/ 125 h 684"/>
                    <a:gd name="T108" fmla="*/ 74 w 890"/>
                    <a:gd name="T109" fmla="*/ 105 h 684"/>
                    <a:gd name="T110" fmla="*/ 44 w 890"/>
                    <a:gd name="T111" fmla="*/ 102 h 684"/>
                    <a:gd name="T112" fmla="*/ 32 w 890"/>
                    <a:gd name="T113" fmla="*/ 132 h 684"/>
                    <a:gd name="T114" fmla="*/ 29 w 890"/>
                    <a:gd name="T115" fmla="*/ 120 h 684"/>
                    <a:gd name="T116" fmla="*/ 23 w 890"/>
                    <a:gd name="T117" fmla="*/ 112 h 684"/>
                    <a:gd name="T118" fmla="*/ 12 w 890"/>
                    <a:gd name="T119" fmla="*/ 80 h 684"/>
                    <a:gd name="T120" fmla="*/ 597 w 890"/>
                    <a:gd name="T121" fmla="*/ 59 h 684"/>
                    <a:gd name="T122" fmla="*/ 589 w 890"/>
                    <a:gd name="T123" fmla="*/ 22 h 684"/>
                    <a:gd name="T124" fmla="*/ 616 w 890"/>
                    <a:gd name="T125" fmla="*/ 5 h 684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60000 65536"/>
                    <a:gd name="T187" fmla="*/ 0 60000 65536"/>
                    <a:gd name="T188" fmla="*/ 0 60000 65536"/>
                    <a:gd name="T189" fmla="*/ 0 w 890"/>
                    <a:gd name="T190" fmla="*/ 0 h 684"/>
                    <a:gd name="T191" fmla="*/ 890 w 890"/>
                    <a:gd name="T192" fmla="*/ 684 h 684"/>
                  </a:gdLst>
                  <a:ahLst/>
                  <a:cxnLst>
                    <a:cxn ang="T126">
                      <a:pos x="T0" y="T1"/>
                    </a:cxn>
                    <a:cxn ang="T127">
                      <a:pos x="T2" y="T3"/>
                    </a:cxn>
                    <a:cxn ang="T128">
                      <a:pos x="T4" y="T5"/>
                    </a:cxn>
                    <a:cxn ang="T129">
                      <a:pos x="T6" y="T7"/>
                    </a:cxn>
                    <a:cxn ang="T130">
                      <a:pos x="T8" y="T9"/>
                    </a:cxn>
                    <a:cxn ang="T131">
                      <a:pos x="T10" y="T11"/>
                    </a:cxn>
                    <a:cxn ang="T132">
                      <a:pos x="T12" y="T13"/>
                    </a:cxn>
                    <a:cxn ang="T133">
                      <a:pos x="T14" y="T15"/>
                    </a:cxn>
                    <a:cxn ang="T134">
                      <a:pos x="T16" y="T17"/>
                    </a:cxn>
                    <a:cxn ang="T135">
                      <a:pos x="T18" y="T19"/>
                    </a:cxn>
                    <a:cxn ang="T136">
                      <a:pos x="T20" y="T21"/>
                    </a:cxn>
                    <a:cxn ang="T137">
                      <a:pos x="T22" y="T23"/>
                    </a:cxn>
                    <a:cxn ang="T138">
                      <a:pos x="T24" y="T25"/>
                    </a:cxn>
                    <a:cxn ang="T139">
                      <a:pos x="T26" y="T27"/>
                    </a:cxn>
                    <a:cxn ang="T140">
                      <a:pos x="T28" y="T29"/>
                    </a:cxn>
                    <a:cxn ang="T141">
                      <a:pos x="T30" y="T31"/>
                    </a:cxn>
                    <a:cxn ang="T142">
                      <a:pos x="T32" y="T33"/>
                    </a:cxn>
                    <a:cxn ang="T143">
                      <a:pos x="T34" y="T35"/>
                    </a:cxn>
                    <a:cxn ang="T144">
                      <a:pos x="T36" y="T37"/>
                    </a:cxn>
                    <a:cxn ang="T145">
                      <a:pos x="T38" y="T39"/>
                    </a:cxn>
                    <a:cxn ang="T146">
                      <a:pos x="T40" y="T41"/>
                    </a:cxn>
                    <a:cxn ang="T147">
                      <a:pos x="T42" y="T43"/>
                    </a:cxn>
                    <a:cxn ang="T148">
                      <a:pos x="T44" y="T45"/>
                    </a:cxn>
                    <a:cxn ang="T149">
                      <a:pos x="T46" y="T47"/>
                    </a:cxn>
                    <a:cxn ang="T150">
                      <a:pos x="T48" y="T49"/>
                    </a:cxn>
                    <a:cxn ang="T151">
                      <a:pos x="T50" y="T51"/>
                    </a:cxn>
                    <a:cxn ang="T152">
                      <a:pos x="T52" y="T53"/>
                    </a:cxn>
                    <a:cxn ang="T153">
                      <a:pos x="T54" y="T55"/>
                    </a:cxn>
                    <a:cxn ang="T154">
                      <a:pos x="T56" y="T57"/>
                    </a:cxn>
                    <a:cxn ang="T155">
                      <a:pos x="T58" y="T59"/>
                    </a:cxn>
                    <a:cxn ang="T156">
                      <a:pos x="T60" y="T61"/>
                    </a:cxn>
                    <a:cxn ang="T157">
                      <a:pos x="T62" y="T63"/>
                    </a:cxn>
                    <a:cxn ang="T158">
                      <a:pos x="T64" y="T65"/>
                    </a:cxn>
                    <a:cxn ang="T159">
                      <a:pos x="T66" y="T67"/>
                    </a:cxn>
                    <a:cxn ang="T160">
                      <a:pos x="T68" y="T69"/>
                    </a:cxn>
                    <a:cxn ang="T161">
                      <a:pos x="T70" y="T71"/>
                    </a:cxn>
                    <a:cxn ang="T162">
                      <a:pos x="T72" y="T73"/>
                    </a:cxn>
                    <a:cxn ang="T163">
                      <a:pos x="T74" y="T75"/>
                    </a:cxn>
                    <a:cxn ang="T164">
                      <a:pos x="T76" y="T77"/>
                    </a:cxn>
                    <a:cxn ang="T165">
                      <a:pos x="T78" y="T79"/>
                    </a:cxn>
                    <a:cxn ang="T166">
                      <a:pos x="T80" y="T81"/>
                    </a:cxn>
                    <a:cxn ang="T167">
                      <a:pos x="T82" y="T83"/>
                    </a:cxn>
                    <a:cxn ang="T168">
                      <a:pos x="T84" y="T85"/>
                    </a:cxn>
                    <a:cxn ang="T169">
                      <a:pos x="T86" y="T87"/>
                    </a:cxn>
                    <a:cxn ang="T170">
                      <a:pos x="T88" y="T89"/>
                    </a:cxn>
                    <a:cxn ang="T171">
                      <a:pos x="T90" y="T91"/>
                    </a:cxn>
                    <a:cxn ang="T172">
                      <a:pos x="T92" y="T93"/>
                    </a:cxn>
                    <a:cxn ang="T173">
                      <a:pos x="T94" y="T95"/>
                    </a:cxn>
                    <a:cxn ang="T174">
                      <a:pos x="T96" y="T97"/>
                    </a:cxn>
                    <a:cxn ang="T175">
                      <a:pos x="T98" y="T99"/>
                    </a:cxn>
                    <a:cxn ang="T176">
                      <a:pos x="T100" y="T101"/>
                    </a:cxn>
                    <a:cxn ang="T177">
                      <a:pos x="T102" y="T103"/>
                    </a:cxn>
                    <a:cxn ang="T178">
                      <a:pos x="T104" y="T105"/>
                    </a:cxn>
                    <a:cxn ang="T179">
                      <a:pos x="T106" y="T107"/>
                    </a:cxn>
                    <a:cxn ang="T180">
                      <a:pos x="T108" y="T109"/>
                    </a:cxn>
                    <a:cxn ang="T181">
                      <a:pos x="T110" y="T111"/>
                    </a:cxn>
                    <a:cxn ang="T182">
                      <a:pos x="T112" y="T113"/>
                    </a:cxn>
                    <a:cxn ang="T183">
                      <a:pos x="T114" y="T115"/>
                    </a:cxn>
                    <a:cxn ang="T184">
                      <a:pos x="T116" y="T117"/>
                    </a:cxn>
                    <a:cxn ang="T185">
                      <a:pos x="T118" y="T119"/>
                    </a:cxn>
                    <a:cxn ang="T186">
                      <a:pos x="T120" y="T121"/>
                    </a:cxn>
                    <a:cxn ang="T187">
                      <a:pos x="T122" y="T123"/>
                    </a:cxn>
                    <a:cxn ang="T188">
                      <a:pos x="T124" y="T125"/>
                    </a:cxn>
                  </a:cxnLst>
                  <a:rect l="T189" t="T190" r="T191" b="T192"/>
                  <a:pathLst>
                    <a:path w="890" h="684">
                      <a:moveTo>
                        <a:pt x="650" y="14"/>
                      </a:moveTo>
                      <a:lnTo>
                        <a:pt x="650" y="32"/>
                      </a:lnTo>
                      <a:lnTo>
                        <a:pt x="655" y="32"/>
                      </a:lnTo>
                      <a:lnTo>
                        <a:pt x="656" y="42"/>
                      </a:lnTo>
                      <a:lnTo>
                        <a:pt x="655" y="42"/>
                      </a:lnTo>
                      <a:lnTo>
                        <a:pt x="653" y="44"/>
                      </a:lnTo>
                      <a:lnTo>
                        <a:pt x="651" y="44"/>
                      </a:lnTo>
                      <a:lnTo>
                        <a:pt x="648" y="46"/>
                      </a:lnTo>
                      <a:lnTo>
                        <a:pt x="643" y="46"/>
                      </a:lnTo>
                      <a:lnTo>
                        <a:pt x="641" y="49"/>
                      </a:lnTo>
                      <a:lnTo>
                        <a:pt x="638" y="52"/>
                      </a:lnTo>
                      <a:lnTo>
                        <a:pt x="636" y="58"/>
                      </a:lnTo>
                      <a:lnTo>
                        <a:pt x="636" y="63"/>
                      </a:lnTo>
                      <a:lnTo>
                        <a:pt x="636" y="68"/>
                      </a:lnTo>
                      <a:lnTo>
                        <a:pt x="636" y="69"/>
                      </a:lnTo>
                      <a:lnTo>
                        <a:pt x="636" y="71"/>
                      </a:lnTo>
                      <a:lnTo>
                        <a:pt x="638" y="71"/>
                      </a:lnTo>
                      <a:lnTo>
                        <a:pt x="641" y="71"/>
                      </a:lnTo>
                      <a:lnTo>
                        <a:pt x="641" y="69"/>
                      </a:lnTo>
                      <a:lnTo>
                        <a:pt x="643" y="61"/>
                      </a:lnTo>
                      <a:lnTo>
                        <a:pt x="644" y="54"/>
                      </a:lnTo>
                      <a:lnTo>
                        <a:pt x="648" y="51"/>
                      </a:lnTo>
                      <a:lnTo>
                        <a:pt x="651" y="47"/>
                      </a:lnTo>
                      <a:lnTo>
                        <a:pt x="656" y="47"/>
                      </a:lnTo>
                      <a:lnTo>
                        <a:pt x="660" y="47"/>
                      </a:lnTo>
                      <a:lnTo>
                        <a:pt x="661" y="47"/>
                      </a:lnTo>
                      <a:lnTo>
                        <a:pt x="663" y="49"/>
                      </a:lnTo>
                      <a:lnTo>
                        <a:pt x="683" y="95"/>
                      </a:lnTo>
                      <a:lnTo>
                        <a:pt x="682" y="112"/>
                      </a:lnTo>
                      <a:lnTo>
                        <a:pt x="692" y="132"/>
                      </a:lnTo>
                      <a:lnTo>
                        <a:pt x="697" y="127"/>
                      </a:lnTo>
                      <a:lnTo>
                        <a:pt x="699" y="129"/>
                      </a:lnTo>
                      <a:lnTo>
                        <a:pt x="700" y="132"/>
                      </a:lnTo>
                      <a:lnTo>
                        <a:pt x="704" y="137"/>
                      </a:lnTo>
                      <a:lnTo>
                        <a:pt x="707" y="144"/>
                      </a:lnTo>
                      <a:lnTo>
                        <a:pt x="710" y="149"/>
                      </a:lnTo>
                      <a:lnTo>
                        <a:pt x="714" y="154"/>
                      </a:lnTo>
                      <a:lnTo>
                        <a:pt x="716" y="159"/>
                      </a:lnTo>
                      <a:lnTo>
                        <a:pt x="717" y="161"/>
                      </a:lnTo>
                      <a:lnTo>
                        <a:pt x="726" y="174"/>
                      </a:lnTo>
                      <a:lnTo>
                        <a:pt x="732" y="184"/>
                      </a:lnTo>
                      <a:lnTo>
                        <a:pt x="738" y="191"/>
                      </a:lnTo>
                      <a:lnTo>
                        <a:pt x="741" y="196"/>
                      </a:lnTo>
                      <a:lnTo>
                        <a:pt x="741" y="200"/>
                      </a:lnTo>
                      <a:lnTo>
                        <a:pt x="738" y="196"/>
                      </a:lnTo>
                      <a:lnTo>
                        <a:pt x="736" y="193"/>
                      </a:lnTo>
                      <a:lnTo>
                        <a:pt x="732" y="190"/>
                      </a:lnTo>
                      <a:lnTo>
                        <a:pt x="729" y="186"/>
                      </a:lnTo>
                      <a:lnTo>
                        <a:pt x="726" y="181"/>
                      </a:lnTo>
                      <a:lnTo>
                        <a:pt x="722" y="178"/>
                      </a:lnTo>
                      <a:lnTo>
                        <a:pt x="721" y="174"/>
                      </a:lnTo>
                      <a:lnTo>
                        <a:pt x="719" y="173"/>
                      </a:lnTo>
                      <a:lnTo>
                        <a:pt x="714" y="174"/>
                      </a:lnTo>
                      <a:lnTo>
                        <a:pt x="716" y="174"/>
                      </a:lnTo>
                      <a:lnTo>
                        <a:pt x="717" y="178"/>
                      </a:lnTo>
                      <a:lnTo>
                        <a:pt x="721" y="183"/>
                      </a:lnTo>
                      <a:lnTo>
                        <a:pt x="724" y="188"/>
                      </a:lnTo>
                      <a:lnTo>
                        <a:pt x="729" y="195"/>
                      </a:lnTo>
                      <a:lnTo>
                        <a:pt x="732" y="200"/>
                      </a:lnTo>
                      <a:lnTo>
                        <a:pt x="734" y="203"/>
                      </a:lnTo>
                      <a:lnTo>
                        <a:pt x="736" y="205"/>
                      </a:lnTo>
                      <a:lnTo>
                        <a:pt x="748" y="217"/>
                      </a:lnTo>
                      <a:lnTo>
                        <a:pt x="754" y="225"/>
                      </a:lnTo>
                      <a:lnTo>
                        <a:pt x="760" y="232"/>
                      </a:lnTo>
                      <a:lnTo>
                        <a:pt x="760" y="235"/>
                      </a:lnTo>
                      <a:lnTo>
                        <a:pt x="758" y="235"/>
                      </a:lnTo>
                      <a:lnTo>
                        <a:pt x="756" y="235"/>
                      </a:lnTo>
                      <a:lnTo>
                        <a:pt x="754" y="235"/>
                      </a:lnTo>
                      <a:lnTo>
                        <a:pt x="753" y="235"/>
                      </a:lnTo>
                      <a:lnTo>
                        <a:pt x="754" y="235"/>
                      </a:lnTo>
                      <a:lnTo>
                        <a:pt x="760" y="250"/>
                      </a:lnTo>
                      <a:lnTo>
                        <a:pt x="766" y="266"/>
                      </a:lnTo>
                      <a:lnTo>
                        <a:pt x="773" y="279"/>
                      </a:lnTo>
                      <a:lnTo>
                        <a:pt x="780" y="293"/>
                      </a:lnTo>
                      <a:lnTo>
                        <a:pt x="787" y="305"/>
                      </a:lnTo>
                      <a:lnTo>
                        <a:pt x="793" y="318"/>
                      </a:lnTo>
                      <a:lnTo>
                        <a:pt x="800" y="328"/>
                      </a:lnTo>
                      <a:lnTo>
                        <a:pt x="805" y="338"/>
                      </a:lnTo>
                      <a:lnTo>
                        <a:pt x="812" y="349"/>
                      </a:lnTo>
                      <a:lnTo>
                        <a:pt x="817" y="357"/>
                      </a:lnTo>
                      <a:lnTo>
                        <a:pt x="822" y="366"/>
                      </a:lnTo>
                      <a:lnTo>
                        <a:pt x="827" y="374"/>
                      </a:lnTo>
                      <a:lnTo>
                        <a:pt x="832" y="381"/>
                      </a:lnTo>
                      <a:lnTo>
                        <a:pt x="836" y="386"/>
                      </a:lnTo>
                      <a:lnTo>
                        <a:pt x="837" y="391"/>
                      </a:lnTo>
                      <a:lnTo>
                        <a:pt x="839" y="394"/>
                      </a:lnTo>
                      <a:lnTo>
                        <a:pt x="842" y="398"/>
                      </a:lnTo>
                      <a:lnTo>
                        <a:pt x="846" y="403"/>
                      </a:lnTo>
                      <a:lnTo>
                        <a:pt x="849" y="406"/>
                      </a:lnTo>
                      <a:lnTo>
                        <a:pt x="851" y="411"/>
                      </a:lnTo>
                      <a:lnTo>
                        <a:pt x="853" y="415"/>
                      </a:lnTo>
                      <a:lnTo>
                        <a:pt x="854" y="418"/>
                      </a:lnTo>
                      <a:lnTo>
                        <a:pt x="856" y="420"/>
                      </a:lnTo>
                      <a:lnTo>
                        <a:pt x="858" y="420"/>
                      </a:lnTo>
                      <a:lnTo>
                        <a:pt x="863" y="425"/>
                      </a:lnTo>
                      <a:lnTo>
                        <a:pt x="868" y="428"/>
                      </a:lnTo>
                      <a:lnTo>
                        <a:pt x="870" y="432"/>
                      </a:lnTo>
                      <a:lnTo>
                        <a:pt x="871" y="435"/>
                      </a:lnTo>
                      <a:lnTo>
                        <a:pt x="871" y="438"/>
                      </a:lnTo>
                      <a:lnTo>
                        <a:pt x="870" y="442"/>
                      </a:lnTo>
                      <a:lnTo>
                        <a:pt x="870" y="443"/>
                      </a:lnTo>
                      <a:lnTo>
                        <a:pt x="870" y="445"/>
                      </a:lnTo>
                      <a:lnTo>
                        <a:pt x="875" y="450"/>
                      </a:lnTo>
                      <a:lnTo>
                        <a:pt x="878" y="454"/>
                      </a:lnTo>
                      <a:lnTo>
                        <a:pt x="880" y="457"/>
                      </a:lnTo>
                      <a:lnTo>
                        <a:pt x="880" y="460"/>
                      </a:lnTo>
                      <a:lnTo>
                        <a:pt x="880" y="462"/>
                      </a:lnTo>
                      <a:lnTo>
                        <a:pt x="880" y="464"/>
                      </a:lnTo>
                      <a:lnTo>
                        <a:pt x="878" y="464"/>
                      </a:lnTo>
                      <a:lnTo>
                        <a:pt x="888" y="474"/>
                      </a:lnTo>
                      <a:lnTo>
                        <a:pt x="888" y="476"/>
                      </a:lnTo>
                      <a:lnTo>
                        <a:pt x="888" y="479"/>
                      </a:lnTo>
                      <a:lnTo>
                        <a:pt x="890" y="484"/>
                      </a:lnTo>
                      <a:lnTo>
                        <a:pt x="890" y="491"/>
                      </a:lnTo>
                      <a:lnTo>
                        <a:pt x="890" y="498"/>
                      </a:lnTo>
                      <a:lnTo>
                        <a:pt x="890" y="508"/>
                      </a:lnTo>
                      <a:lnTo>
                        <a:pt x="890" y="518"/>
                      </a:lnTo>
                      <a:lnTo>
                        <a:pt x="890" y="526"/>
                      </a:lnTo>
                      <a:lnTo>
                        <a:pt x="890" y="536"/>
                      </a:lnTo>
                      <a:lnTo>
                        <a:pt x="890" y="547"/>
                      </a:lnTo>
                      <a:lnTo>
                        <a:pt x="890" y="555"/>
                      </a:lnTo>
                      <a:lnTo>
                        <a:pt x="890" y="564"/>
                      </a:lnTo>
                      <a:lnTo>
                        <a:pt x="890" y="570"/>
                      </a:lnTo>
                      <a:lnTo>
                        <a:pt x="890" y="575"/>
                      </a:lnTo>
                      <a:lnTo>
                        <a:pt x="890" y="580"/>
                      </a:lnTo>
                      <a:lnTo>
                        <a:pt x="886" y="586"/>
                      </a:lnTo>
                      <a:lnTo>
                        <a:pt x="883" y="589"/>
                      </a:lnTo>
                      <a:lnTo>
                        <a:pt x="881" y="594"/>
                      </a:lnTo>
                      <a:lnTo>
                        <a:pt x="880" y="599"/>
                      </a:lnTo>
                      <a:lnTo>
                        <a:pt x="878" y="604"/>
                      </a:lnTo>
                      <a:lnTo>
                        <a:pt x="876" y="609"/>
                      </a:lnTo>
                      <a:lnTo>
                        <a:pt x="876" y="614"/>
                      </a:lnTo>
                      <a:lnTo>
                        <a:pt x="876" y="619"/>
                      </a:lnTo>
                      <a:lnTo>
                        <a:pt x="876" y="623"/>
                      </a:lnTo>
                      <a:lnTo>
                        <a:pt x="876" y="628"/>
                      </a:lnTo>
                      <a:lnTo>
                        <a:pt x="876" y="631"/>
                      </a:lnTo>
                      <a:lnTo>
                        <a:pt x="876" y="635"/>
                      </a:lnTo>
                      <a:lnTo>
                        <a:pt x="876" y="638"/>
                      </a:lnTo>
                      <a:lnTo>
                        <a:pt x="876" y="640"/>
                      </a:lnTo>
                      <a:lnTo>
                        <a:pt x="878" y="641"/>
                      </a:lnTo>
                      <a:lnTo>
                        <a:pt x="876" y="650"/>
                      </a:lnTo>
                      <a:lnTo>
                        <a:pt x="875" y="657"/>
                      </a:lnTo>
                      <a:lnTo>
                        <a:pt x="871" y="660"/>
                      </a:lnTo>
                      <a:lnTo>
                        <a:pt x="868" y="662"/>
                      </a:lnTo>
                      <a:lnTo>
                        <a:pt x="864" y="663"/>
                      </a:lnTo>
                      <a:lnTo>
                        <a:pt x="861" y="663"/>
                      </a:lnTo>
                      <a:lnTo>
                        <a:pt x="858" y="663"/>
                      </a:lnTo>
                      <a:lnTo>
                        <a:pt x="856" y="663"/>
                      </a:lnTo>
                      <a:lnTo>
                        <a:pt x="849" y="668"/>
                      </a:lnTo>
                      <a:lnTo>
                        <a:pt x="842" y="674"/>
                      </a:lnTo>
                      <a:lnTo>
                        <a:pt x="837" y="675"/>
                      </a:lnTo>
                      <a:lnTo>
                        <a:pt x="834" y="675"/>
                      </a:lnTo>
                      <a:lnTo>
                        <a:pt x="831" y="675"/>
                      </a:lnTo>
                      <a:lnTo>
                        <a:pt x="827" y="674"/>
                      </a:lnTo>
                      <a:lnTo>
                        <a:pt x="826" y="674"/>
                      </a:lnTo>
                      <a:lnTo>
                        <a:pt x="817" y="680"/>
                      </a:lnTo>
                      <a:lnTo>
                        <a:pt x="810" y="684"/>
                      </a:lnTo>
                      <a:lnTo>
                        <a:pt x="805" y="684"/>
                      </a:lnTo>
                      <a:lnTo>
                        <a:pt x="800" y="684"/>
                      </a:lnTo>
                      <a:lnTo>
                        <a:pt x="797" y="684"/>
                      </a:lnTo>
                      <a:lnTo>
                        <a:pt x="793" y="680"/>
                      </a:lnTo>
                      <a:lnTo>
                        <a:pt x="792" y="680"/>
                      </a:lnTo>
                      <a:lnTo>
                        <a:pt x="792" y="679"/>
                      </a:lnTo>
                      <a:lnTo>
                        <a:pt x="787" y="670"/>
                      </a:lnTo>
                      <a:lnTo>
                        <a:pt x="787" y="667"/>
                      </a:lnTo>
                      <a:lnTo>
                        <a:pt x="788" y="663"/>
                      </a:lnTo>
                      <a:lnTo>
                        <a:pt x="790" y="665"/>
                      </a:lnTo>
                      <a:lnTo>
                        <a:pt x="795" y="667"/>
                      </a:lnTo>
                      <a:lnTo>
                        <a:pt x="798" y="668"/>
                      </a:lnTo>
                      <a:lnTo>
                        <a:pt x="802" y="670"/>
                      </a:lnTo>
                      <a:lnTo>
                        <a:pt x="802" y="672"/>
                      </a:lnTo>
                      <a:lnTo>
                        <a:pt x="820" y="665"/>
                      </a:lnTo>
                      <a:lnTo>
                        <a:pt x="810" y="653"/>
                      </a:lnTo>
                      <a:lnTo>
                        <a:pt x="812" y="652"/>
                      </a:lnTo>
                      <a:lnTo>
                        <a:pt x="814" y="650"/>
                      </a:lnTo>
                      <a:lnTo>
                        <a:pt x="815" y="648"/>
                      </a:lnTo>
                      <a:lnTo>
                        <a:pt x="810" y="640"/>
                      </a:lnTo>
                      <a:lnTo>
                        <a:pt x="807" y="635"/>
                      </a:lnTo>
                      <a:lnTo>
                        <a:pt x="804" y="633"/>
                      </a:lnTo>
                      <a:lnTo>
                        <a:pt x="802" y="631"/>
                      </a:lnTo>
                      <a:lnTo>
                        <a:pt x="800" y="633"/>
                      </a:lnTo>
                      <a:lnTo>
                        <a:pt x="798" y="635"/>
                      </a:lnTo>
                      <a:lnTo>
                        <a:pt x="798" y="636"/>
                      </a:lnTo>
                      <a:lnTo>
                        <a:pt x="798" y="638"/>
                      </a:lnTo>
                      <a:lnTo>
                        <a:pt x="802" y="645"/>
                      </a:lnTo>
                      <a:lnTo>
                        <a:pt x="802" y="650"/>
                      </a:lnTo>
                      <a:lnTo>
                        <a:pt x="800" y="652"/>
                      </a:lnTo>
                      <a:lnTo>
                        <a:pt x="797" y="653"/>
                      </a:lnTo>
                      <a:lnTo>
                        <a:pt x="793" y="653"/>
                      </a:lnTo>
                      <a:lnTo>
                        <a:pt x="790" y="653"/>
                      </a:lnTo>
                      <a:lnTo>
                        <a:pt x="788" y="652"/>
                      </a:lnTo>
                      <a:lnTo>
                        <a:pt x="787" y="652"/>
                      </a:lnTo>
                      <a:lnTo>
                        <a:pt x="780" y="640"/>
                      </a:lnTo>
                      <a:lnTo>
                        <a:pt x="775" y="630"/>
                      </a:lnTo>
                      <a:lnTo>
                        <a:pt x="768" y="621"/>
                      </a:lnTo>
                      <a:lnTo>
                        <a:pt x="763" y="614"/>
                      </a:lnTo>
                      <a:lnTo>
                        <a:pt x="756" y="609"/>
                      </a:lnTo>
                      <a:lnTo>
                        <a:pt x="749" y="606"/>
                      </a:lnTo>
                      <a:lnTo>
                        <a:pt x="744" y="602"/>
                      </a:lnTo>
                      <a:lnTo>
                        <a:pt x="739" y="599"/>
                      </a:lnTo>
                      <a:lnTo>
                        <a:pt x="734" y="597"/>
                      </a:lnTo>
                      <a:lnTo>
                        <a:pt x="729" y="597"/>
                      </a:lnTo>
                      <a:lnTo>
                        <a:pt x="724" y="597"/>
                      </a:lnTo>
                      <a:lnTo>
                        <a:pt x="721" y="597"/>
                      </a:lnTo>
                      <a:lnTo>
                        <a:pt x="719" y="597"/>
                      </a:lnTo>
                      <a:lnTo>
                        <a:pt x="716" y="597"/>
                      </a:lnTo>
                      <a:lnTo>
                        <a:pt x="714" y="597"/>
                      </a:lnTo>
                      <a:lnTo>
                        <a:pt x="714" y="599"/>
                      </a:lnTo>
                      <a:lnTo>
                        <a:pt x="712" y="597"/>
                      </a:lnTo>
                      <a:lnTo>
                        <a:pt x="710" y="594"/>
                      </a:lnTo>
                      <a:lnTo>
                        <a:pt x="707" y="592"/>
                      </a:lnTo>
                      <a:lnTo>
                        <a:pt x="705" y="589"/>
                      </a:lnTo>
                      <a:lnTo>
                        <a:pt x="704" y="586"/>
                      </a:lnTo>
                      <a:lnTo>
                        <a:pt x="702" y="584"/>
                      </a:lnTo>
                      <a:lnTo>
                        <a:pt x="700" y="580"/>
                      </a:lnTo>
                      <a:lnTo>
                        <a:pt x="697" y="564"/>
                      </a:lnTo>
                      <a:lnTo>
                        <a:pt x="692" y="550"/>
                      </a:lnTo>
                      <a:lnTo>
                        <a:pt x="687" y="542"/>
                      </a:lnTo>
                      <a:lnTo>
                        <a:pt x="683" y="536"/>
                      </a:lnTo>
                      <a:lnTo>
                        <a:pt x="680" y="535"/>
                      </a:lnTo>
                      <a:lnTo>
                        <a:pt x="677" y="535"/>
                      </a:lnTo>
                      <a:lnTo>
                        <a:pt x="675" y="535"/>
                      </a:lnTo>
                      <a:lnTo>
                        <a:pt x="666" y="526"/>
                      </a:lnTo>
                      <a:lnTo>
                        <a:pt x="661" y="514"/>
                      </a:lnTo>
                      <a:lnTo>
                        <a:pt x="661" y="498"/>
                      </a:lnTo>
                      <a:lnTo>
                        <a:pt x="653" y="486"/>
                      </a:lnTo>
                      <a:lnTo>
                        <a:pt x="661" y="472"/>
                      </a:lnTo>
                      <a:lnTo>
                        <a:pt x="646" y="481"/>
                      </a:lnTo>
                      <a:lnTo>
                        <a:pt x="646" y="479"/>
                      </a:lnTo>
                      <a:lnTo>
                        <a:pt x="644" y="479"/>
                      </a:lnTo>
                      <a:lnTo>
                        <a:pt x="641" y="477"/>
                      </a:lnTo>
                      <a:lnTo>
                        <a:pt x="639" y="476"/>
                      </a:lnTo>
                      <a:lnTo>
                        <a:pt x="636" y="474"/>
                      </a:lnTo>
                      <a:lnTo>
                        <a:pt x="634" y="474"/>
                      </a:lnTo>
                      <a:lnTo>
                        <a:pt x="633" y="472"/>
                      </a:lnTo>
                      <a:lnTo>
                        <a:pt x="633" y="474"/>
                      </a:lnTo>
                      <a:lnTo>
                        <a:pt x="638" y="482"/>
                      </a:lnTo>
                      <a:lnTo>
                        <a:pt x="643" y="489"/>
                      </a:lnTo>
                      <a:lnTo>
                        <a:pt x="644" y="494"/>
                      </a:lnTo>
                      <a:lnTo>
                        <a:pt x="644" y="498"/>
                      </a:lnTo>
                      <a:lnTo>
                        <a:pt x="643" y="498"/>
                      </a:lnTo>
                      <a:lnTo>
                        <a:pt x="641" y="498"/>
                      </a:lnTo>
                      <a:lnTo>
                        <a:pt x="638" y="496"/>
                      </a:lnTo>
                      <a:lnTo>
                        <a:pt x="636" y="494"/>
                      </a:lnTo>
                      <a:lnTo>
                        <a:pt x="631" y="491"/>
                      </a:lnTo>
                      <a:lnTo>
                        <a:pt x="628" y="487"/>
                      </a:lnTo>
                      <a:lnTo>
                        <a:pt x="622" y="484"/>
                      </a:lnTo>
                      <a:lnTo>
                        <a:pt x="619" y="481"/>
                      </a:lnTo>
                      <a:lnTo>
                        <a:pt x="616" y="477"/>
                      </a:lnTo>
                      <a:lnTo>
                        <a:pt x="612" y="474"/>
                      </a:lnTo>
                      <a:lnTo>
                        <a:pt x="611" y="472"/>
                      </a:lnTo>
                      <a:lnTo>
                        <a:pt x="607" y="457"/>
                      </a:lnTo>
                      <a:lnTo>
                        <a:pt x="582" y="425"/>
                      </a:lnTo>
                      <a:lnTo>
                        <a:pt x="584" y="425"/>
                      </a:lnTo>
                      <a:lnTo>
                        <a:pt x="585" y="423"/>
                      </a:lnTo>
                      <a:lnTo>
                        <a:pt x="587" y="423"/>
                      </a:lnTo>
                      <a:lnTo>
                        <a:pt x="589" y="421"/>
                      </a:lnTo>
                      <a:lnTo>
                        <a:pt x="590" y="421"/>
                      </a:lnTo>
                      <a:lnTo>
                        <a:pt x="592" y="420"/>
                      </a:lnTo>
                      <a:lnTo>
                        <a:pt x="594" y="420"/>
                      </a:lnTo>
                      <a:lnTo>
                        <a:pt x="589" y="418"/>
                      </a:lnTo>
                      <a:lnTo>
                        <a:pt x="587" y="413"/>
                      </a:lnTo>
                      <a:lnTo>
                        <a:pt x="587" y="408"/>
                      </a:lnTo>
                      <a:lnTo>
                        <a:pt x="587" y="401"/>
                      </a:lnTo>
                      <a:lnTo>
                        <a:pt x="589" y="394"/>
                      </a:lnTo>
                      <a:lnTo>
                        <a:pt x="590" y="388"/>
                      </a:lnTo>
                      <a:lnTo>
                        <a:pt x="590" y="382"/>
                      </a:lnTo>
                      <a:lnTo>
                        <a:pt x="590" y="379"/>
                      </a:lnTo>
                      <a:lnTo>
                        <a:pt x="587" y="371"/>
                      </a:lnTo>
                      <a:lnTo>
                        <a:pt x="585" y="364"/>
                      </a:lnTo>
                      <a:lnTo>
                        <a:pt x="582" y="360"/>
                      </a:lnTo>
                      <a:lnTo>
                        <a:pt x="580" y="359"/>
                      </a:lnTo>
                      <a:lnTo>
                        <a:pt x="578" y="359"/>
                      </a:lnTo>
                      <a:lnTo>
                        <a:pt x="577" y="360"/>
                      </a:lnTo>
                      <a:lnTo>
                        <a:pt x="577" y="364"/>
                      </a:lnTo>
                      <a:lnTo>
                        <a:pt x="575" y="367"/>
                      </a:lnTo>
                      <a:lnTo>
                        <a:pt x="575" y="372"/>
                      </a:lnTo>
                      <a:lnTo>
                        <a:pt x="575" y="377"/>
                      </a:lnTo>
                      <a:lnTo>
                        <a:pt x="575" y="382"/>
                      </a:lnTo>
                      <a:lnTo>
                        <a:pt x="575" y="388"/>
                      </a:lnTo>
                      <a:lnTo>
                        <a:pt x="575" y="393"/>
                      </a:lnTo>
                      <a:lnTo>
                        <a:pt x="575" y="396"/>
                      </a:lnTo>
                      <a:lnTo>
                        <a:pt x="575" y="399"/>
                      </a:lnTo>
                      <a:lnTo>
                        <a:pt x="572" y="398"/>
                      </a:lnTo>
                      <a:lnTo>
                        <a:pt x="568" y="394"/>
                      </a:lnTo>
                      <a:lnTo>
                        <a:pt x="565" y="391"/>
                      </a:lnTo>
                      <a:lnTo>
                        <a:pt x="560" y="388"/>
                      </a:lnTo>
                      <a:lnTo>
                        <a:pt x="558" y="384"/>
                      </a:lnTo>
                      <a:lnTo>
                        <a:pt x="555" y="382"/>
                      </a:lnTo>
                      <a:lnTo>
                        <a:pt x="555" y="381"/>
                      </a:lnTo>
                      <a:lnTo>
                        <a:pt x="556" y="374"/>
                      </a:lnTo>
                      <a:lnTo>
                        <a:pt x="558" y="366"/>
                      </a:lnTo>
                      <a:lnTo>
                        <a:pt x="558" y="359"/>
                      </a:lnTo>
                      <a:lnTo>
                        <a:pt x="558" y="352"/>
                      </a:lnTo>
                      <a:lnTo>
                        <a:pt x="556" y="345"/>
                      </a:lnTo>
                      <a:lnTo>
                        <a:pt x="556" y="340"/>
                      </a:lnTo>
                      <a:lnTo>
                        <a:pt x="555" y="337"/>
                      </a:lnTo>
                      <a:lnTo>
                        <a:pt x="555" y="335"/>
                      </a:lnTo>
                      <a:lnTo>
                        <a:pt x="558" y="328"/>
                      </a:lnTo>
                      <a:lnTo>
                        <a:pt x="560" y="323"/>
                      </a:lnTo>
                      <a:lnTo>
                        <a:pt x="562" y="316"/>
                      </a:lnTo>
                      <a:lnTo>
                        <a:pt x="562" y="311"/>
                      </a:lnTo>
                      <a:lnTo>
                        <a:pt x="563" y="305"/>
                      </a:lnTo>
                      <a:lnTo>
                        <a:pt x="563" y="300"/>
                      </a:lnTo>
                      <a:lnTo>
                        <a:pt x="563" y="293"/>
                      </a:lnTo>
                      <a:lnTo>
                        <a:pt x="563" y="288"/>
                      </a:lnTo>
                      <a:lnTo>
                        <a:pt x="562" y="283"/>
                      </a:lnTo>
                      <a:lnTo>
                        <a:pt x="562" y="278"/>
                      </a:lnTo>
                      <a:lnTo>
                        <a:pt x="560" y="274"/>
                      </a:lnTo>
                      <a:lnTo>
                        <a:pt x="560" y="269"/>
                      </a:lnTo>
                      <a:lnTo>
                        <a:pt x="560" y="267"/>
                      </a:lnTo>
                      <a:lnTo>
                        <a:pt x="558" y="264"/>
                      </a:lnTo>
                      <a:lnTo>
                        <a:pt x="558" y="262"/>
                      </a:lnTo>
                      <a:lnTo>
                        <a:pt x="558" y="261"/>
                      </a:lnTo>
                      <a:lnTo>
                        <a:pt x="558" y="257"/>
                      </a:lnTo>
                      <a:lnTo>
                        <a:pt x="558" y="256"/>
                      </a:lnTo>
                      <a:lnTo>
                        <a:pt x="556" y="252"/>
                      </a:lnTo>
                      <a:lnTo>
                        <a:pt x="556" y="249"/>
                      </a:lnTo>
                      <a:lnTo>
                        <a:pt x="555" y="247"/>
                      </a:lnTo>
                      <a:lnTo>
                        <a:pt x="551" y="245"/>
                      </a:lnTo>
                      <a:lnTo>
                        <a:pt x="548" y="242"/>
                      </a:lnTo>
                      <a:lnTo>
                        <a:pt x="545" y="239"/>
                      </a:lnTo>
                      <a:lnTo>
                        <a:pt x="541" y="232"/>
                      </a:lnTo>
                      <a:lnTo>
                        <a:pt x="538" y="227"/>
                      </a:lnTo>
                      <a:lnTo>
                        <a:pt x="534" y="223"/>
                      </a:lnTo>
                      <a:lnTo>
                        <a:pt x="533" y="220"/>
                      </a:lnTo>
                      <a:lnTo>
                        <a:pt x="533" y="218"/>
                      </a:lnTo>
                      <a:lnTo>
                        <a:pt x="521" y="222"/>
                      </a:lnTo>
                      <a:lnTo>
                        <a:pt x="514" y="222"/>
                      </a:lnTo>
                      <a:lnTo>
                        <a:pt x="509" y="222"/>
                      </a:lnTo>
                      <a:lnTo>
                        <a:pt x="507" y="220"/>
                      </a:lnTo>
                      <a:lnTo>
                        <a:pt x="506" y="217"/>
                      </a:lnTo>
                      <a:lnTo>
                        <a:pt x="506" y="215"/>
                      </a:lnTo>
                      <a:lnTo>
                        <a:pt x="507" y="215"/>
                      </a:lnTo>
                      <a:lnTo>
                        <a:pt x="507" y="213"/>
                      </a:lnTo>
                      <a:lnTo>
                        <a:pt x="497" y="206"/>
                      </a:lnTo>
                      <a:lnTo>
                        <a:pt x="484" y="191"/>
                      </a:lnTo>
                      <a:lnTo>
                        <a:pt x="467" y="179"/>
                      </a:lnTo>
                      <a:lnTo>
                        <a:pt x="465" y="179"/>
                      </a:lnTo>
                      <a:lnTo>
                        <a:pt x="463" y="176"/>
                      </a:lnTo>
                      <a:lnTo>
                        <a:pt x="458" y="173"/>
                      </a:lnTo>
                      <a:lnTo>
                        <a:pt x="455" y="168"/>
                      </a:lnTo>
                      <a:lnTo>
                        <a:pt x="450" y="162"/>
                      </a:lnTo>
                      <a:lnTo>
                        <a:pt x="446" y="157"/>
                      </a:lnTo>
                      <a:lnTo>
                        <a:pt x="445" y="154"/>
                      </a:lnTo>
                      <a:lnTo>
                        <a:pt x="443" y="152"/>
                      </a:lnTo>
                      <a:lnTo>
                        <a:pt x="433" y="144"/>
                      </a:lnTo>
                      <a:lnTo>
                        <a:pt x="424" y="139"/>
                      </a:lnTo>
                      <a:lnTo>
                        <a:pt x="418" y="132"/>
                      </a:lnTo>
                      <a:lnTo>
                        <a:pt x="411" y="129"/>
                      </a:lnTo>
                      <a:lnTo>
                        <a:pt x="404" y="125"/>
                      </a:lnTo>
                      <a:lnTo>
                        <a:pt x="399" y="124"/>
                      </a:lnTo>
                      <a:lnTo>
                        <a:pt x="396" y="124"/>
                      </a:lnTo>
                      <a:lnTo>
                        <a:pt x="394" y="122"/>
                      </a:lnTo>
                      <a:lnTo>
                        <a:pt x="377" y="122"/>
                      </a:lnTo>
                      <a:lnTo>
                        <a:pt x="367" y="122"/>
                      </a:lnTo>
                      <a:lnTo>
                        <a:pt x="360" y="127"/>
                      </a:lnTo>
                      <a:lnTo>
                        <a:pt x="355" y="132"/>
                      </a:lnTo>
                      <a:lnTo>
                        <a:pt x="355" y="139"/>
                      </a:lnTo>
                      <a:lnTo>
                        <a:pt x="355" y="144"/>
                      </a:lnTo>
                      <a:lnTo>
                        <a:pt x="357" y="147"/>
                      </a:lnTo>
                      <a:lnTo>
                        <a:pt x="357" y="149"/>
                      </a:lnTo>
                      <a:lnTo>
                        <a:pt x="350" y="147"/>
                      </a:lnTo>
                      <a:lnTo>
                        <a:pt x="342" y="149"/>
                      </a:lnTo>
                      <a:lnTo>
                        <a:pt x="335" y="152"/>
                      </a:lnTo>
                      <a:lnTo>
                        <a:pt x="330" y="156"/>
                      </a:lnTo>
                      <a:lnTo>
                        <a:pt x="325" y="161"/>
                      </a:lnTo>
                      <a:lnTo>
                        <a:pt x="320" y="164"/>
                      </a:lnTo>
                      <a:lnTo>
                        <a:pt x="316" y="168"/>
                      </a:lnTo>
                      <a:lnTo>
                        <a:pt x="316" y="169"/>
                      </a:lnTo>
                      <a:lnTo>
                        <a:pt x="309" y="176"/>
                      </a:lnTo>
                      <a:lnTo>
                        <a:pt x="306" y="178"/>
                      </a:lnTo>
                      <a:lnTo>
                        <a:pt x="304" y="178"/>
                      </a:lnTo>
                      <a:lnTo>
                        <a:pt x="304" y="176"/>
                      </a:lnTo>
                      <a:lnTo>
                        <a:pt x="304" y="174"/>
                      </a:lnTo>
                      <a:lnTo>
                        <a:pt x="306" y="171"/>
                      </a:lnTo>
                      <a:lnTo>
                        <a:pt x="308" y="169"/>
                      </a:lnTo>
                      <a:lnTo>
                        <a:pt x="308" y="168"/>
                      </a:lnTo>
                      <a:lnTo>
                        <a:pt x="306" y="168"/>
                      </a:lnTo>
                      <a:lnTo>
                        <a:pt x="306" y="169"/>
                      </a:lnTo>
                      <a:lnTo>
                        <a:pt x="303" y="173"/>
                      </a:lnTo>
                      <a:lnTo>
                        <a:pt x="299" y="174"/>
                      </a:lnTo>
                      <a:lnTo>
                        <a:pt x="298" y="178"/>
                      </a:lnTo>
                      <a:lnTo>
                        <a:pt x="294" y="179"/>
                      </a:lnTo>
                      <a:lnTo>
                        <a:pt x="293" y="181"/>
                      </a:lnTo>
                      <a:lnTo>
                        <a:pt x="291" y="183"/>
                      </a:lnTo>
                      <a:lnTo>
                        <a:pt x="284" y="181"/>
                      </a:lnTo>
                      <a:lnTo>
                        <a:pt x="277" y="181"/>
                      </a:lnTo>
                      <a:lnTo>
                        <a:pt x="271" y="183"/>
                      </a:lnTo>
                      <a:lnTo>
                        <a:pt x="265" y="186"/>
                      </a:lnTo>
                      <a:lnTo>
                        <a:pt x="260" y="188"/>
                      </a:lnTo>
                      <a:lnTo>
                        <a:pt x="257" y="190"/>
                      </a:lnTo>
                      <a:lnTo>
                        <a:pt x="254" y="191"/>
                      </a:lnTo>
                      <a:lnTo>
                        <a:pt x="247" y="184"/>
                      </a:lnTo>
                      <a:lnTo>
                        <a:pt x="243" y="179"/>
                      </a:lnTo>
                      <a:lnTo>
                        <a:pt x="245" y="179"/>
                      </a:lnTo>
                      <a:lnTo>
                        <a:pt x="249" y="181"/>
                      </a:lnTo>
                      <a:lnTo>
                        <a:pt x="252" y="184"/>
                      </a:lnTo>
                      <a:lnTo>
                        <a:pt x="255" y="186"/>
                      </a:lnTo>
                      <a:lnTo>
                        <a:pt x="257" y="186"/>
                      </a:lnTo>
                      <a:lnTo>
                        <a:pt x="257" y="176"/>
                      </a:lnTo>
                      <a:lnTo>
                        <a:pt x="247" y="162"/>
                      </a:lnTo>
                      <a:lnTo>
                        <a:pt x="218" y="140"/>
                      </a:lnTo>
                      <a:lnTo>
                        <a:pt x="232" y="142"/>
                      </a:lnTo>
                      <a:lnTo>
                        <a:pt x="238" y="144"/>
                      </a:lnTo>
                      <a:lnTo>
                        <a:pt x="238" y="142"/>
                      </a:lnTo>
                      <a:lnTo>
                        <a:pt x="235" y="140"/>
                      </a:lnTo>
                      <a:lnTo>
                        <a:pt x="230" y="137"/>
                      </a:lnTo>
                      <a:lnTo>
                        <a:pt x="223" y="135"/>
                      </a:lnTo>
                      <a:lnTo>
                        <a:pt x="218" y="132"/>
                      </a:lnTo>
                      <a:lnTo>
                        <a:pt x="216" y="132"/>
                      </a:lnTo>
                      <a:lnTo>
                        <a:pt x="223" y="117"/>
                      </a:lnTo>
                      <a:lnTo>
                        <a:pt x="205" y="120"/>
                      </a:lnTo>
                      <a:lnTo>
                        <a:pt x="205" y="122"/>
                      </a:lnTo>
                      <a:lnTo>
                        <a:pt x="206" y="125"/>
                      </a:lnTo>
                      <a:lnTo>
                        <a:pt x="206" y="127"/>
                      </a:lnTo>
                      <a:lnTo>
                        <a:pt x="206" y="130"/>
                      </a:lnTo>
                      <a:lnTo>
                        <a:pt x="208" y="134"/>
                      </a:lnTo>
                      <a:lnTo>
                        <a:pt x="208" y="135"/>
                      </a:lnTo>
                      <a:lnTo>
                        <a:pt x="201" y="130"/>
                      </a:lnTo>
                      <a:lnTo>
                        <a:pt x="193" y="127"/>
                      </a:lnTo>
                      <a:lnTo>
                        <a:pt x="186" y="124"/>
                      </a:lnTo>
                      <a:lnTo>
                        <a:pt x="179" y="122"/>
                      </a:lnTo>
                      <a:lnTo>
                        <a:pt x="172" y="118"/>
                      </a:lnTo>
                      <a:lnTo>
                        <a:pt x="164" y="117"/>
                      </a:lnTo>
                      <a:lnTo>
                        <a:pt x="159" y="115"/>
                      </a:lnTo>
                      <a:lnTo>
                        <a:pt x="152" y="115"/>
                      </a:lnTo>
                      <a:lnTo>
                        <a:pt x="147" y="113"/>
                      </a:lnTo>
                      <a:lnTo>
                        <a:pt x="142" y="113"/>
                      </a:lnTo>
                      <a:lnTo>
                        <a:pt x="137" y="113"/>
                      </a:lnTo>
                      <a:lnTo>
                        <a:pt x="133" y="113"/>
                      </a:lnTo>
                      <a:lnTo>
                        <a:pt x="130" y="113"/>
                      </a:lnTo>
                      <a:lnTo>
                        <a:pt x="128" y="113"/>
                      </a:lnTo>
                      <a:lnTo>
                        <a:pt x="127" y="113"/>
                      </a:lnTo>
                      <a:lnTo>
                        <a:pt x="128" y="113"/>
                      </a:lnTo>
                      <a:lnTo>
                        <a:pt x="130" y="112"/>
                      </a:lnTo>
                      <a:lnTo>
                        <a:pt x="133" y="112"/>
                      </a:lnTo>
                      <a:lnTo>
                        <a:pt x="137" y="112"/>
                      </a:lnTo>
                      <a:lnTo>
                        <a:pt x="140" y="110"/>
                      </a:lnTo>
                      <a:lnTo>
                        <a:pt x="142" y="110"/>
                      </a:lnTo>
                      <a:lnTo>
                        <a:pt x="144" y="110"/>
                      </a:lnTo>
                      <a:lnTo>
                        <a:pt x="157" y="110"/>
                      </a:lnTo>
                      <a:lnTo>
                        <a:pt x="164" y="108"/>
                      </a:lnTo>
                      <a:lnTo>
                        <a:pt x="162" y="105"/>
                      </a:lnTo>
                      <a:lnTo>
                        <a:pt x="155" y="105"/>
                      </a:lnTo>
                      <a:lnTo>
                        <a:pt x="149" y="103"/>
                      </a:lnTo>
                      <a:lnTo>
                        <a:pt x="145" y="102"/>
                      </a:lnTo>
                      <a:lnTo>
                        <a:pt x="142" y="102"/>
                      </a:lnTo>
                      <a:lnTo>
                        <a:pt x="111" y="108"/>
                      </a:lnTo>
                      <a:lnTo>
                        <a:pt x="101" y="113"/>
                      </a:lnTo>
                      <a:lnTo>
                        <a:pt x="98" y="115"/>
                      </a:lnTo>
                      <a:lnTo>
                        <a:pt x="95" y="115"/>
                      </a:lnTo>
                      <a:lnTo>
                        <a:pt x="89" y="115"/>
                      </a:lnTo>
                      <a:lnTo>
                        <a:pt x="86" y="115"/>
                      </a:lnTo>
                      <a:lnTo>
                        <a:pt x="81" y="115"/>
                      </a:lnTo>
                      <a:lnTo>
                        <a:pt x="79" y="117"/>
                      </a:lnTo>
                      <a:lnTo>
                        <a:pt x="78" y="117"/>
                      </a:lnTo>
                      <a:lnTo>
                        <a:pt x="64" y="122"/>
                      </a:lnTo>
                      <a:lnTo>
                        <a:pt x="56" y="125"/>
                      </a:lnTo>
                      <a:lnTo>
                        <a:pt x="52" y="125"/>
                      </a:lnTo>
                      <a:lnTo>
                        <a:pt x="54" y="124"/>
                      </a:lnTo>
                      <a:lnTo>
                        <a:pt x="57" y="122"/>
                      </a:lnTo>
                      <a:lnTo>
                        <a:pt x="62" y="118"/>
                      </a:lnTo>
                      <a:lnTo>
                        <a:pt x="66" y="117"/>
                      </a:lnTo>
                      <a:lnTo>
                        <a:pt x="67" y="115"/>
                      </a:lnTo>
                      <a:lnTo>
                        <a:pt x="73" y="110"/>
                      </a:lnTo>
                      <a:lnTo>
                        <a:pt x="74" y="107"/>
                      </a:lnTo>
                      <a:lnTo>
                        <a:pt x="74" y="105"/>
                      </a:lnTo>
                      <a:lnTo>
                        <a:pt x="71" y="105"/>
                      </a:lnTo>
                      <a:lnTo>
                        <a:pt x="67" y="105"/>
                      </a:lnTo>
                      <a:lnTo>
                        <a:pt x="64" y="107"/>
                      </a:lnTo>
                      <a:lnTo>
                        <a:pt x="61" y="107"/>
                      </a:lnTo>
                      <a:lnTo>
                        <a:pt x="59" y="107"/>
                      </a:lnTo>
                      <a:lnTo>
                        <a:pt x="51" y="100"/>
                      </a:lnTo>
                      <a:lnTo>
                        <a:pt x="45" y="96"/>
                      </a:lnTo>
                      <a:lnTo>
                        <a:pt x="44" y="98"/>
                      </a:lnTo>
                      <a:lnTo>
                        <a:pt x="44" y="102"/>
                      </a:lnTo>
                      <a:lnTo>
                        <a:pt x="45" y="105"/>
                      </a:lnTo>
                      <a:lnTo>
                        <a:pt x="49" y="110"/>
                      </a:lnTo>
                      <a:lnTo>
                        <a:pt x="51" y="113"/>
                      </a:lnTo>
                      <a:lnTo>
                        <a:pt x="51" y="115"/>
                      </a:lnTo>
                      <a:lnTo>
                        <a:pt x="44" y="122"/>
                      </a:lnTo>
                      <a:lnTo>
                        <a:pt x="37" y="130"/>
                      </a:lnTo>
                      <a:lnTo>
                        <a:pt x="35" y="132"/>
                      </a:lnTo>
                      <a:lnTo>
                        <a:pt x="32" y="132"/>
                      </a:lnTo>
                      <a:lnTo>
                        <a:pt x="29" y="134"/>
                      </a:lnTo>
                      <a:lnTo>
                        <a:pt x="27" y="135"/>
                      </a:lnTo>
                      <a:lnTo>
                        <a:pt x="23" y="137"/>
                      </a:lnTo>
                      <a:lnTo>
                        <a:pt x="22" y="137"/>
                      </a:lnTo>
                      <a:lnTo>
                        <a:pt x="27" y="130"/>
                      </a:lnTo>
                      <a:lnTo>
                        <a:pt x="29" y="127"/>
                      </a:lnTo>
                      <a:lnTo>
                        <a:pt x="30" y="122"/>
                      </a:lnTo>
                      <a:lnTo>
                        <a:pt x="29" y="120"/>
                      </a:lnTo>
                      <a:lnTo>
                        <a:pt x="27" y="117"/>
                      </a:lnTo>
                      <a:lnTo>
                        <a:pt x="25" y="117"/>
                      </a:lnTo>
                      <a:lnTo>
                        <a:pt x="23" y="115"/>
                      </a:lnTo>
                      <a:lnTo>
                        <a:pt x="23" y="117"/>
                      </a:lnTo>
                      <a:lnTo>
                        <a:pt x="23" y="115"/>
                      </a:lnTo>
                      <a:lnTo>
                        <a:pt x="23" y="113"/>
                      </a:lnTo>
                      <a:lnTo>
                        <a:pt x="23" y="112"/>
                      </a:lnTo>
                      <a:lnTo>
                        <a:pt x="22" y="108"/>
                      </a:lnTo>
                      <a:lnTo>
                        <a:pt x="22" y="107"/>
                      </a:lnTo>
                      <a:lnTo>
                        <a:pt x="22" y="105"/>
                      </a:lnTo>
                      <a:lnTo>
                        <a:pt x="25" y="100"/>
                      </a:lnTo>
                      <a:lnTo>
                        <a:pt x="25" y="93"/>
                      </a:lnTo>
                      <a:lnTo>
                        <a:pt x="22" y="88"/>
                      </a:lnTo>
                      <a:lnTo>
                        <a:pt x="17" y="83"/>
                      </a:lnTo>
                      <a:lnTo>
                        <a:pt x="12" y="80"/>
                      </a:lnTo>
                      <a:lnTo>
                        <a:pt x="7" y="74"/>
                      </a:lnTo>
                      <a:lnTo>
                        <a:pt x="3" y="73"/>
                      </a:lnTo>
                      <a:lnTo>
                        <a:pt x="1" y="73"/>
                      </a:lnTo>
                      <a:lnTo>
                        <a:pt x="0" y="51"/>
                      </a:lnTo>
                      <a:lnTo>
                        <a:pt x="276" y="24"/>
                      </a:lnTo>
                      <a:lnTo>
                        <a:pt x="293" y="56"/>
                      </a:lnTo>
                      <a:lnTo>
                        <a:pt x="572" y="37"/>
                      </a:lnTo>
                      <a:lnTo>
                        <a:pt x="582" y="59"/>
                      </a:lnTo>
                      <a:lnTo>
                        <a:pt x="597" y="59"/>
                      </a:lnTo>
                      <a:lnTo>
                        <a:pt x="597" y="58"/>
                      </a:lnTo>
                      <a:lnTo>
                        <a:pt x="595" y="54"/>
                      </a:lnTo>
                      <a:lnTo>
                        <a:pt x="595" y="51"/>
                      </a:lnTo>
                      <a:lnTo>
                        <a:pt x="595" y="46"/>
                      </a:lnTo>
                      <a:lnTo>
                        <a:pt x="594" y="41"/>
                      </a:lnTo>
                      <a:lnTo>
                        <a:pt x="594" y="36"/>
                      </a:lnTo>
                      <a:lnTo>
                        <a:pt x="594" y="32"/>
                      </a:lnTo>
                      <a:lnTo>
                        <a:pt x="594" y="30"/>
                      </a:lnTo>
                      <a:lnTo>
                        <a:pt x="589" y="22"/>
                      </a:lnTo>
                      <a:lnTo>
                        <a:pt x="589" y="14"/>
                      </a:lnTo>
                      <a:lnTo>
                        <a:pt x="589" y="8"/>
                      </a:lnTo>
                      <a:lnTo>
                        <a:pt x="592" y="5"/>
                      </a:lnTo>
                      <a:lnTo>
                        <a:pt x="595" y="2"/>
                      </a:lnTo>
                      <a:lnTo>
                        <a:pt x="597" y="0"/>
                      </a:lnTo>
                      <a:lnTo>
                        <a:pt x="600" y="0"/>
                      </a:lnTo>
                      <a:lnTo>
                        <a:pt x="602" y="0"/>
                      </a:lnTo>
                      <a:lnTo>
                        <a:pt x="607" y="3"/>
                      </a:lnTo>
                      <a:lnTo>
                        <a:pt x="616" y="5"/>
                      </a:lnTo>
                      <a:lnTo>
                        <a:pt x="622" y="7"/>
                      </a:lnTo>
                      <a:lnTo>
                        <a:pt x="629" y="8"/>
                      </a:lnTo>
                      <a:lnTo>
                        <a:pt x="636" y="8"/>
                      </a:lnTo>
                      <a:lnTo>
                        <a:pt x="639" y="8"/>
                      </a:lnTo>
                      <a:lnTo>
                        <a:pt x="643" y="8"/>
                      </a:lnTo>
                      <a:lnTo>
                        <a:pt x="644" y="8"/>
                      </a:lnTo>
                      <a:lnTo>
                        <a:pt x="650" y="14"/>
                      </a:lnTo>
                    </a:path>
                  </a:pathLst>
                </a:custGeom>
                <a:solidFill>
                  <a:schemeClr val="bg2">
                    <a:lumMod val="85000"/>
                  </a:schemeClr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44" name="Freeform 19"/>
                <p:cNvSpPr>
                  <a:spLocks/>
                </p:cNvSpPr>
                <p:nvPr/>
              </p:nvSpPr>
              <p:spPr bwMode="auto">
                <a:xfrm>
                  <a:off x="4568" y="3099"/>
                  <a:ext cx="95" cy="174"/>
                </a:xfrm>
                <a:custGeom>
                  <a:avLst/>
                  <a:gdLst>
                    <a:gd name="T0" fmla="*/ 34 w 95"/>
                    <a:gd name="T1" fmla="*/ 32 h 174"/>
                    <a:gd name="T2" fmla="*/ 0 w 95"/>
                    <a:gd name="T3" fmla="*/ 0 h 174"/>
                    <a:gd name="T4" fmla="*/ 2 w 95"/>
                    <a:gd name="T5" fmla="*/ 7 h 174"/>
                    <a:gd name="T6" fmla="*/ 29 w 95"/>
                    <a:gd name="T7" fmla="*/ 37 h 174"/>
                    <a:gd name="T8" fmla="*/ 27 w 95"/>
                    <a:gd name="T9" fmla="*/ 40 h 174"/>
                    <a:gd name="T10" fmla="*/ 25 w 95"/>
                    <a:gd name="T11" fmla="*/ 40 h 174"/>
                    <a:gd name="T12" fmla="*/ 24 w 95"/>
                    <a:gd name="T13" fmla="*/ 39 h 174"/>
                    <a:gd name="T14" fmla="*/ 20 w 95"/>
                    <a:gd name="T15" fmla="*/ 39 h 174"/>
                    <a:gd name="T16" fmla="*/ 17 w 95"/>
                    <a:gd name="T17" fmla="*/ 37 h 174"/>
                    <a:gd name="T18" fmla="*/ 15 w 95"/>
                    <a:gd name="T19" fmla="*/ 37 h 174"/>
                    <a:gd name="T20" fmla="*/ 15 w 95"/>
                    <a:gd name="T21" fmla="*/ 39 h 174"/>
                    <a:gd name="T22" fmla="*/ 17 w 95"/>
                    <a:gd name="T23" fmla="*/ 42 h 174"/>
                    <a:gd name="T24" fmla="*/ 24 w 95"/>
                    <a:gd name="T25" fmla="*/ 49 h 174"/>
                    <a:gd name="T26" fmla="*/ 25 w 95"/>
                    <a:gd name="T27" fmla="*/ 49 h 174"/>
                    <a:gd name="T28" fmla="*/ 29 w 95"/>
                    <a:gd name="T29" fmla="*/ 49 h 174"/>
                    <a:gd name="T30" fmla="*/ 32 w 95"/>
                    <a:gd name="T31" fmla="*/ 47 h 174"/>
                    <a:gd name="T32" fmla="*/ 34 w 95"/>
                    <a:gd name="T33" fmla="*/ 45 h 174"/>
                    <a:gd name="T34" fmla="*/ 34 w 95"/>
                    <a:gd name="T35" fmla="*/ 45 h 174"/>
                    <a:gd name="T36" fmla="*/ 36 w 95"/>
                    <a:gd name="T37" fmla="*/ 45 h 174"/>
                    <a:gd name="T38" fmla="*/ 37 w 95"/>
                    <a:gd name="T39" fmla="*/ 47 h 174"/>
                    <a:gd name="T40" fmla="*/ 39 w 95"/>
                    <a:gd name="T41" fmla="*/ 49 h 174"/>
                    <a:gd name="T42" fmla="*/ 41 w 95"/>
                    <a:gd name="T43" fmla="*/ 54 h 174"/>
                    <a:gd name="T44" fmla="*/ 41 w 95"/>
                    <a:gd name="T45" fmla="*/ 61 h 174"/>
                    <a:gd name="T46" fmla="*/ 42 w 95"/>
                    <a:gd name="T47" fmla="*/ 73 h 174"/>
                    <a:gd name="T48" fmla="*/ 42 w 95"/>
                    <a:gd name="T49" fmla="*/ 89 h 174"/>
                    <a:gd name="T50" fmla="*/ 42 w 95"/>
                    <a:gd name="T51" fmla="*/ 91 h 174"/>
                    <a:gd name="T52" fmla="*/ 44 w 95"/>
                    <a:gd name="T53" fmla="*/ 93 h 174"/>
                    <a:gd name="T54" fmla="*/ 46 w 95"/>
                    <a:gd name="T55" fmla="*/ 96 h 174"/>
                    <a:gd name="T56" fmla="*/ 47 w 95"/>
                    <a:gd name="T57" fmla="*/ 101 h 174"/>
                    <a:gd name="T58" fmla="*/ 47 w 95"/>
                    <a:gd name="T59" fmla="*/ 105 h 174"/>
                    <a:gd name="T60" fmla="*/ 49 w 95"/>
                    <a:gd name="T61" fmla="*/ 108 h 174"/>
                    <a:gd name="T62" fmla="*/ 51 w 95"/>
                    <a:gd name="T63" fmla="*/ 110 h 174"/>
                    <a:gd name="T64" fmla="*/ 51 w 95"/>
                    <a:gd name="T65" fmla="*/ 111 h 174"/>
                    <a:gd name="T66" fmla="*/ 69 w 95"/>
                    <a:gd name="T67" fmla="*/ 135 h 174"/>
                    <a:gd name="T68" fmla="*/ 88 w 95"/>
                    <a:gd name="T69" fmla="*/ 174 h 174"/>
                    <a:gd name="T70" fmla="*/ 95 w 95"/>
                    <a:gd name="T71" fmla="*/ 171 h 174"/>
                    <a:gd name="T72" fmla="*/ 73 w 95"/>
                    <a:gd name="T73" fmla="*/ 133 h 174"/>
                    <a:gd name="T74" fmla="*/ 73 w 95"/>
                    <a:gd name="T75" fmla="*/ 132 h 174"/>
                    <a:gd name="T76" fmla="*/ 71 w 95"/>
                    <a:gd name="T77" fmla="*/ 132 h 174"/>
                    <a:gd name="T78" fmla="*/ 69 w 95"/>
                    <a:gd name="T79" fmla="*/ 130 h 174"/>
                    <a:gd name="T80" fmla="*/ 68 w 95"/>
                    <a:gd name="T81" fmla="*/ 127 h 174"/>
                    <a:gd name="T82" fmla="*/ 66 w 95"/>
                    <a:gd name="T83" fmla="*/ 123 h 174"/>
                    <a:gd name="T84" fmla="*/ 63 w 95"/>
                    <a:gd name="T85" fmla="*/ 120 h 174"/>
                    <a:gd name="T86" fmla="*/ 61 w 95"/>
                    <a:gd name="T87" fmla="*/ 117 h 174"/>
                    <a:gd name="T88" fmla="*/ 58 w 95"/>
                    <a:gd name="T89" fmla="*/ 111 h 174"/>
                    <a:gd name="T90" fmla="*/ 56 w 95"/>
                    <a:gd name="T91" fmla="*/ 106 h 174"/>
                    <a:gd name="T92" fmla="*/ 52 w 95"/>
                    <a:gd name="T93" fmla="*/ 101 h 174"/>
                    <a:gd name="T94" fmla="*/ 51 w 95"/>
                    <a:gd name="T95" fmla="*/ 96 h 174"/>
                    <a:gd name="T96" fmla="*/ 49 w 95"/>
                    <a:gd name="T97" fmla="*/ 89 h 174"/>
                    <a:gd name="T98" fmla="*/ 47 w 95"/>
                    <a:gd name="T99" fmla="*/ 83 h 174"/>
                    <a:gd name="T100" fmla="*/ 47 w 95"/>
                    <a:gd name="T101" fmla="*/ 78 h 174"/>
                    <a:gd name="T102" fmla="*/ 47 w 95"/>
                    <a:gd name="T103" fmla="*/ 71 h 174"/>
                    <a:gd name="T104" fmla="*/ 49 w 95"/>
                    <a:gd name="T105" fmla="*/ 64 h 174"/>
                    <a:gd name="T106" fmla="*/ 49 w 95"/>
                    <a:gd name="T107" fmla="*/ 62 h 174"/>
                    <a:gd name="T108" fmla="*/ 49 w 95"/>
                    <a:gd name="T109" fmla="*/ 61 h 174"/>
                    <a:gd name="T110" fmla="*/ 47 w 95"/>
                    <a:gd name="T111" fmla="*/ 57 h 174"/>
                    <a:gd name="T112" fmla="*/ 47 w 95"/>
                    <a:gd name="T113" fmla="*/ 54 h 174"/>
                    <a:gd name="T114" fmla="*/ 46 w 95"/>
                    <a:gd name="T115" fmla="*/ 52 h 174"/>
                    <a:gd name="T116" fmla="*/ 46 w 95"/>
                    <a:gd name="T117" fmla="*/ 49 h 174"/>
                    <a:gd name="T118" fmla="*/ 44 w 95"/>
                    <a:gd name="T119" fmla="*/ 47 h 174"/>
                    <a:gd name="T120" fmla="*/ 44 w 95"/>
                    <a:gd name="T121" fmla="*/ 47 h 174"/>
                    <a:gd name="T122" fmla="*/ 39 w 95"/>
                    <a:gd name="T123" fmla="*/ 39 h 174"/>
                    <a:gd name="T124" fmla="*/ 34 w 95"/>
                    <a:gd name="T125" fmla="*/ 32 h 174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60000 65536"/>
                    <a:gd name="T187" fmla="*/ 0 60000 65536"/>
                    <a:gd name="T188" fmla="*/ 0 60000 65536"/>
                    <a:gd name="T189" fmla="*/ 0 w 95"/>
                    <a:gd name="T190" fmla="*/ 0 h 174"/>
                    <a:gd name="T191" fmla="*/ 95 w 95"/>
                    <a:gd name="T192" fmla="*/ 174 h 174"/>
                  </a:gdLst>
                  <a:ahLst/>
                  <a:cxnLst>
                    <a:cxn ang="T126">
                      <a:pos x="T0" y="T1"/>
                    </a:cxn>
                    <a:cxn ang="T127">
                      <a:pos x="T2" y="T3"/>
                    </a:cxn>
                    <a:cxn ang="T128">
                      <a:pos x="T4" y="T5"/>
                    </a:cxn>
                    <a:cxn ang="T129">
                      <a:pos x="T6" y="T7"/>
                    </a:cxn>
                    <a:cxn ang="T130">
                      <a:pos x="T8" y="T9"/>
                    </a:cxn>
                    <a:cxn ang="T131">
                      <a:pos x="T10" y="T11"/>
                    </a:cxn>
                    <a:cxn ang="T132">
                      <a:pos x="T12" y="T13"/>
                    </a:cxn>
                    <a:cxn ang="T133">
                      <a:pos x="T14" y="T15"/>
                    </a:cxn>
                    <a:cxn ang="T134">
                      <a:pos x="T16" y="T17"/>
                    </a:cxn>
                    <a:cxn ang="T135">
                      <a:pos x="T18" y="T19"/>
                    </a:cxn>
                    <a:cxn ang="T136">
                      <a:pos x="T20" y="T21"/>
                    </a:cxn>
                    <a:cxn ang="T137">
                      <a:pos x="T22" y="T23"/>
                    </a:cxn>
                    <a:cxn ang="T138">
                      <a:pos x="T24" y="T25"/>
                    </a:cxn>
                    <a:cxn ang="T139">
                      <a:pos x="T26" y="T27"/>
                    </a:cxn>
                    <a:cxn ang="T140">
                      <a:pos x="T28" y="T29"/>
                    </a:cxn>
                    <a:cxn ang="T141">
                      <a:pos x="T30" y="T31"/>
                    </a:cxn>
                    <a:cxn ang="T142">
                      <a:pos x="T32" y="T33"/>
                    </a:cxn>
                    <a:cxn ang="T143">
                      <a:pos x="T34" y="T35"/>
                    </a:cxn>
                    <a:cxn ang="T144">
                      <a:pos x="T36" y="T37"/>
                    </a:cxn>
                    <a:cxn ang="T145">
                      <a:pos x="T38" y="T39"/>
                    </a:cxn>
                    <a:cxn ang="T146">
                      <a:pos x="T40" y="T41"/>
                    </a:cxn>
                    <a:cxn ang="T147">
                      <a:pos x="T42" y="T43"/>
                    </a:cxn>
                    <a:cxn ang="T148">
                      <a:pos x="T44" y="T45"/>
                    </a:cxn>
                    <a:cxn ang="T149">
                      <a:pos x="T46" y="T47"/>
                    </a:cxn>
                    <a:cxn ang="T150">
                      <a:pos x="T48" y="T49"/>
                    </a:cxn>
                    <a:cxn ang="T151">
                      <a:pos x="T50" y="T51"/>
                    </a:cxn>
                    <a:cxn ang="T152">
                      <a:pos x="T52" y="T53"/>
                    </a:cxn>
                    <a:cxn ang="T153">
                      <a:pos x="T54" y="T55"/>
                    </a:cxn>
                    <a:cxn ang="T154">
                      <a:pos x="T56" y="T57"/>
                    </a:cxn>
                    <a:cxn ang="T155">
                      <a:pos x="T58" y="T59"/>
                    </a:cxn>
                    <a:cxn ang="T156">
                      <a:pos x="T60" y="T61"/>
                    </a:cxn>
                    <a:cxn ang="T157">
                      <a:pos x="T62" y="T63"/>
                    </a:cxn>
                    <a:cxn ang="T158">
                      <a:pos x="T64" y="T65"/>
                    </a:cxn>
                    <a:cxn ang="T159">
                      <a:pos x="T66" y="T67"/>
                    </a:cxn>
                    <a:cxn ang="T160">
                      <a:pos x="T68" y="T69"/>
                    </a:cxn>
                    <a:cxn ang="T161">
                      <a:pos x="T70" y="T71"/>
                    </a:cxn>
                    <a:cxn ang="T162">
                      <a:pos x="T72" y="T73"/>
                    </a:cxn>
                    <a:cxn ang="T163">
                      <a:pos x="T74" y="T75"/>
                    </a:cxn>
                    <a:cxn ang="T164">
                      <a:pos x="T76" y="T77"/>
                    </a:cxn>
                    <a:cxn ang="T165">
                      <a:pos x="T78" y="T79"/>
                    </a:cxn>
                    <a:cxn ang="T166">
                      <a:pos x="T80" y="T81"/>
                    </a:cxn>
                    <a:cxn ang="T167">
                      <a:pos x="T82" y="T83"/>
                    </a:cxn>
                    <a:cxn ang="T168">
                      <a:pos x="T84" y="T85"/>
                    </a:cxn>
                    <a:cxn ang="T169">
                      <a:pos x="T86" y="T87"/>
                    </a:cxn>
                    <a:cxn ang="T170">
                      <a:pos x="T88" y="T89"/>
                    </a:cxn>
                    <a:cxn ang="T171">
                      <a:pos x="T90" y="T91"/>
                    </a:cxn>
                    <a:cxn ang="T172">
                      <a:pos x="T92" y="T93"/>
                    </a:cxn>
                    <a:cxn ang="T173">
                      <a:pos x="T94" y="T95"/>
                    </a:cxn>
                    <a:cxn ang="T174">
                      <a:pos x="T96" y="T97"/>
                    </a:cxn>
                    <a:cxn ang="T175">
                      <a:pos x="T98" y="T99"/>
                    </a:cxn>
                    <a:cxn ang="T176">
                      <a:pos x="T100" y="T101"/>
                    </a:cxn>
                    <a:cxn ang="T177">
                      <a:pos x="T102" y="T103"/>
                    </a:cxn>
                    <a:cxn ang="T178">
                      <a:pos x="T104" y="T105"/>
                    </a:cxn>
                    <a:cxn ang="T179">
                      <a:pos x="T106" y="T107"/>
                    </a:cxn>
                    <a:cxn ang="T180">
                      <a:pos x="T108" y="T109"/>
                    </a:cxn>
                    <a:cxn ang="T181">
                      <a:pos x="T110" y="T111"/>
                    </a:cxn>
                    <a:cxn ang="T182">
                      <a:pos x="T112" y="T113"/>
                    </a:cxn>
                    <a:cxn ang="T183">
                      <a:pos x="T114" y="T115"/>
                    </a:cxn>
                    <a:cxn ang="T184">
                      <a:pos x="T116" y="T117"/>
                    </a:cxn>
                    <a:cxn ang="T185">
                      <a:pos x="T118" y="T119"/>
                    </a:cxn>
                    <a:cxn ang="T186">
                      <a:pos x="T120" y="T121"/>
                    </a:cxn>
                    <a:cxn ang="T187">
                      <a:pos x="T122" y="T123"/>
                    </a:cxn>
                    <a:cxn ang="T188">
                      <a:pos x="T124" y="T125"/>
                    </a:cxn>
                  </a:cxnLst>
                  <a:rect l="T189" t="T190" r="T191" b="T192"/>
                  <a:pathLst>
                    <a:path w="95" h="174">
                      <a:moveTo>
                        <a:pt x="34" y="32"/>
                      </a:moveTo>
                      <a:lnTo>
                        <a:pt x="0" y="0"/>
                      </a:lnTo>
                      <a:lnTo>
                        <a:pt x="2" y="7"/>
                      </a:lnTo>
                      <a:lnTo>
                        <a:pt x="29" y="37"/>
                      </a:lnTo>
                      <a:lnTo>
                        <a:pt x="27" y="40"/>
                      </a:lnTo>
                      <a:lnTo>
                        <a:pt x="25" y="40"/>
                      </a:lnTo>
                      <a:lnTo>
                        <a:pt x="24" y="39"/>
                      </a:lnTo>
                      <a:lnTo>
                        <a:pt x="20" y="39"/>
                      </a:lnTo>
                      <a:lnTo>
                        <a:pt x="17" y="37"/>
                      </a:lnTo>
                      <a:lnTo>
                        <a:pt x="15" y="37"/>
                      </a:lnTo>
                      <a:lnTo>
                        <a:pt x="15" y="39"/>
                      </a:lnTo>
                      <a:lnTo>
                        <a:pt x="17" y="42"/>
                      </a:lnTo>
                      <a:lnTo>
                        <a:pt x="24" y="49"/>
                      </a:lnTo>
                      <a:lnTo>
                        <a:pt x="25" y="49"/>
                      </a:lnTo>
                      <a:lnTo>
                        <a:pt x="29" y="49"/>
                      </a:lnTo>
                      <a:lnTo>
                        <a:pt x="32" y="47"/>
                      </a:lnTo>
                      <a:lnTo>
                        <a:pt x="34" y="45"/>
                      </a:lnTo>
                      <a:lnTo>
                        <a:pt x="36" y="45"/>
                      </a:lnTo>
                      <a:lnTo>
                        <a:pt x="37" y="47"/>
                      </a:lnTo>
                      <a:lnTo>
                        <a:pt x="39" y="49"/>
                      </a:lnTo>
                      <a:lnTo>
                        <a:pt x="41" y="54"/>
                      </a:lnTo>
                      <a:lnTo>
                        <a:pt x="41" y="61"/>
                      </a:lnTo>
                      <a:lnTo>
                        <a:pt x="42" y="73"/>
                      </a:lnTo>
                      <a:lnTo>
                        <a:pt x="42" y="89"/>
                      </a:lnTo>
                      <a:lnTo>
                        <a:pt x="42" y="91"/>
                      </a:lnTo>
                      <a:lnTo>
                        <a:pt x="44" y="93"/>
                      </a:lnTo>
                      <a:lnTo>
                        <a:pt x="46" y="96"/>
                      </a:lnTo>
                      <a:lnTo>
                        <a:pt x="47" y="101"/>
                      </a:lnTo>
                      <a:lnTo>
                        <a:pt x="47" y="105"/>
                      </a:lnTo>
                      <a:lnTo>
                        <a:pt x="49" y="108"/>
                      </a:lnTo>
                      <a:lnTo>
                        <a:pt x="51" y="110"/>
                      </a:lnTo>
                      <a:lnTo>
                        <a:pt x="51" y="111"/>
                      </a:lnTo>
                      <a:lnTo>
                        <a:pt x="69" y="135"/>
                      </a:lnTo>
                      <a:lnTo>
                        <a:pt x="88" y="174"/>
                      </a:lnTo>
                      <a:lnTo>
                        <a:pt x="95" y="171"/>
                      </a:lnTo>
                      <a:lnTo>
                        <a:pt x="73" y="133"/>
                      </a:lnTo>
                      <a:lnTo>
                        <a:pt x="73" y="132"/>
                      </a:lnTo>
                      <a:lnTo>
                        <a:pt x="71" y="132"/>
                      </a:lnTo>
                      <a:lnTo>
                        <a:pt x="69" y="130"/>
                      </a:lnTo>
                      <a:lnTo>
                        <a:pt x="68" y="127"/>
                      </a:lnTo>
                      <a:lnTo>
                        <a:pt x="66" y="123"/>
                      </a:lnTo>
                      <a:lnTo>
                        <a:pt x="63" y="120"/>
                      </a:lnTo>
                      <a:lnTo>
                        <a:pt x="61" y="117"/>
                      </a:lnTo>
                      <a:lnTo>
                        <a:pt x="58" y="111"/>
                      </a:lnTo>
                      <a:lnTo>
                        <a:pt x="56" y="106"/>
                      </a:lnTo>
                      <a:lnTo>
                        <a:pt x="52" y="101"/>
                      </a:lnTo>
                      <a:lnTo>
                        <a:pt x="51" y="96"/>
                      </a:lnTo>
                      <a:lnTo>
                        <a:pt x="49" y="89"/>
                      </a:lnTo>
                      <a:lnTo>
                        <a:pt x="47" y="83"/>
                      </a:lnTo>
                      <a:lnTo>
                        <a:pt x="47" y="78"/>
                      </a:lnTo>
                      <a:lnTo>
                        <a:pt x="47" y="71"/>
                      </a:lnTo>
                      <a:lnTo>
                        <a:pt x="49" y="64"/>
                      </a:lnTo>
                      <a:lnTo>
                        <a:pt x="49" y="62"/>
                      </a:lnTo>
                      <a:lnTo>
                        <a:pt x="49" y="61"/>
                      </a:lnTo>
                      <a:lnTo>
                        <a:pt x="47" y="57"/>
                      </a:lnTo>
                      <a:lnTo>
                        <a:pt x="47" y="54"/>
                      </a:lnTo>
                      <a:lnTo>
                        <a:pt x="46" y="52"/>
                      </a:lnTo>
                      <a:lnTo>
                        <a:pt x="46" y="49"/>
                      </a:lnTo>
                      <a:lnTo>
                        <a:pt x="44" y="47"/>
                      </a:lnTo>
                      <a:lnTo>
                        <a:pt x="39" y="39"/>
                      </a:lnTo>
                      <a:lnTo>
                        <a:pt x="34" y="32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45" name="Freeform 20"/>
                <p:cNvSpPr>
                  <a:spLocks/>
                </p:cNvSpPr>
                <p:nvPr/>
              </p:nvSpPr>
              <p:spPr bwMode="auto">
                <a:xfrm>
                  <a:off x="4568" y="3099"/>
                  <a:ext cx="95" cy="174"/>
                </a:xfrm>
                <a:custGeom>
                  <a:avLst/>
                  <a:gdLst>
                    <a:gd name="T0" fmla="*/ 0 w 95"/>
                    <a:gd name="T1" fmla="*/ 0 h 174"/>
                    <a:gd name="T2" fmla="*/ 29 w 95"/>
                    <a:gd name="T3" fmla="*/ 37 h 174"/>
                    <a:gd name="T4" fmla="*/ 27 w 95"/>
                    <a:gd name="T5" fmla="*/ 40 h 174"/>
                    <a:gd name="T6" fmla="*/ 24 w 95"/>
                    <a:gd name="T7" fmla="*/ 39 h 174"/>
                    <a:gd name="T8" fmla="*/ 17 w 95"/>
                    <a:gd name="T9" fmla="*/ 37 h 174"/>
                    <a:gd name="T10" fmla="*/ 15 w 95"/>
                    <a:gd name="T11" fmla="*/ 39 h 174"/>
                    <a:gd name="T12" fmla="*/ 24 w 95"/>
                    <a:gd name="T13" fmla="*/ 49 h 174"/>
                    <a:gd name="T14" fmla="*/ 25 w 95"/>
                    <a:gd name="T15" fmla="*/ 49 h 174"/>
                    <a:gd name="T16" fmla="*/ 32 w 95"/>
                    <a:gd name="T17" fmla="*/ 47 h 174"/>
                    <a:gd name="T18" fmla="*/ 34 w 95"/>
                    <a:gd name="T19" fmla="*/ 45 h 174"/>
                    <a:gd name="T20" fmla="*/ 36 w 95"/>
                    <a:gd name="T21" fmla="*/ 45 h 174"/>
                    <a:gd name="T22" fmla="*/ 39 w 95"/>
                    <a:gd name="T23" fmla="*/ 49 h 174"/>
                    <a:gd name="T24" fmla="*/ 41 w 95"/>
                    <a:gd name="T25" fmla="*/ 61 h 174"/>
                    <a:gd name="T26" fmla="*/ 42 w 95"/>
                    <a:gd name="T27" fmla="*/ 89 h 174"/>
                    <a:gd name="T28" fmla="*/ 42 w 95"/>
                    <a:gd name="T29" fmla="*/ 91 h 174"/>
                    <a:gd name="T30" fmla="*/ 46 w 95"/>
                    <a:gd name="T31" fmla="*/ 96 h 174"/>
                    <a:gd name="T32" fmla="*/ 47 w 95"/>
                    <a:gd name="T33" fmla="*/ 105 h 174"/>
                    <a:gd name="T34" fmla="*/ 51 w 95"/>
                    <a:gd name="T35" fmla="*/ 110 h 174"/>
                    <a:gd name="T36" fmla="*/ 69 w 95"/>
                    <a:gd name="T37" fmla="*/ 135 h 174"/>
                    <a:gd name="T38" fmla="*/ 95 w 95"/>
                    <a:gd name="T39" fmla="*/ 171 h 174"/>
                    <a:gd name="T40" fmla="*/ 73 w 95"/>
                    <a:gd name="T41" fmla="*/ 133 h 174"/>
                    <a:gd name="T42" fmla="*/ 71 w 95"/>
                    <a:gd name="T43" fmla="*/ 132 h 174"/>
                    <a:gd name="T44" fmla="*/ 68 w 95"/>
                    <a:gd name="T45" fmla="*/ 127 h 174"/>
                    <a:gd name="T46" fmla="*/ 63 w 95"/>
                    <a:gd name="T47" fmla="*/ 120 h 174"/>
                    <a:gd name="T48" fmla="*/ 58 w 95"/>
                    <a:gd name="T49" fmla="*/ 111 h 174"/>
                    <a:gd name="T50" fmla="*/ 52 w 95"/>
                    <a:gd name="T51" fmla="*/ 101 h 174"/>
                    <a:gd name="T52" fmla="*/ 49 w 95"/>
                    <a:gd name="T53" fmla="*/ 89 h 174"/>
                    <a:gd name="T54" fmla="*/ 47 w 95"/>
                    <a:gd name="T55" fmla="*/ 78 h 174"/>
                    <a:gd name="T56" fmla="*/ 49 w 95"/>
                    <a:gd name="T57" fmla="*/ 64 h 174"/>
                    <a:gd name="T58" fmla="*/ 49 w 95"/>
                    <a:gd name="T59" fmla="*/ 62 h 174"/>
                    <a:gd name="T60" fmla="*/ 47 w 95"/>
                    <a:gd name="T61" fmla="*/ 57 h 174"/>
                    <a:gd name="T62" fmla="*/ 46 w 95"/>
                    <a:gd name="T63" fmla="*/ 52 h 174"/>
                    <a:gd name="T64" fmla="*/ 44 w 95"/>
                    <a:gd name="T65" fmla="*/ 47 h 174"/>
                    <a:gd name="T66" fmla="*/ 39 w 95"/>
                    <a:gd name="T67" fmla="*/ 39 h 174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w 95"/>
                    <a:gd name="T103" fmla="*/ 0 h 174"/>
                    <a:gd name="T104" fmla="*/ 95 w 95"/>
                    <a:gd name="T105" fmla="*/ 174 h 174"/>
                  </a:gdLst>
                  <a:ahLst/>
                  <a:cxnLst>
                    <a:cxn ang="T68">
                      <a:pos x="T0" y="T1"/>
                    </a:cxn>
                    <a:cxn ang="T69">
                      <a:pos x="T2" y="T3"/>
                    </a:cxn>
                    <a:cxn ang="T70">
                      <a:pos x="T4" y="T5"/>
                    </a:cxn>
                    <a:cxn ang="T71">
                      <a:pos x="T6" y="T7"/>
                    </a:cxn>
                    <a:cxn ang="T72">
                      <a:pos x="T8" y="T9"/>
                    </a:cxn>
                    <a:cxn ang="T73">
                      <a:pos x="T10" y="T11"/>
                    </a:cxn>
                    <a:cxn ang="T74">
                      <a:pos x="T12" y="T13"/>
                    </a:cxn>
                    <a:cxn ang="T75">
                      <a:pos x="T14" y="T15"/>
                    </a:cxn>
                    <a:cxn ang="T76">
                      <a:pos x="T16" y="T17"/>
                    </a:cxn>
                    <a:cxn ang="T77">
                      <a:pos x="T18" y="T19"/>
                    </a:cxn>
                    <a:cxn ang="T78">
                      <a:pos x="T20" y="T21"/>
                    </a:cxn>
                    <a:cxn ang="T79">
                      <a:pos x="T22" y="T23"/>
                    </a:cxn>
                    <a:cxn ang="T80">
                      <a:pos x="T24" y="T25"/>
                    </a:cxn>
                    <a:cxn ang="T81">
                      <a:pos x="T26" y="T27"/>
                    </a:cxn>
                    <a:cxn ang="T82">
                      <a:pos x="T28" y="T29"/>
                    </a:cxn>
                    <a:cxn ang="T83">
                      <a:pos x="T30" y="T31"/>
                    </a:cxn>
                    <a:cxn ang="T84">
                      <a:pos x="T32" y="T33"/>
                    </a:cxn>
                    <a:cxn ang="T85">
                      <a:pos x="T34" y="T35"/>
                    </a:cxn>
                    <a:cxn ang="T86">
                      <a:pos x="T36" y="T37"/>
                    </a:cxn>
                    <a:cxn ang="T87">
                      <a:pos x="T38" y="T39"/>
                    </a:cxn>
                    <a:cxn ang="T88">
                      <a:pos x="T40" y="T41"/>
                    </a:cxn>
                    <a:cxn ang="T89">
                      <a:pos x="T42" y="T43"/>
                    </a:cxn>
                    <a:cxn ang="T90">
                      <a:pos x="T44" y="T45"/>
                    </a:cxn>
                    <a:cxn ang="T91">
                      <a:pos x="T46" y="T47"/>
                    </a:cxn>
                    <a:cxn ang="T92">
                      <a:pos x="T48" y="T49"/>
                    </a:cxn>
                    <a:cxn ang="T93">
                      <a:pos x="T50" y="T51"/>
                    </a:cxn>
                    <a:cxn ang="T94">
                      <a:pos x="T52" y="T53"/>
                    </a:cxn>
                    <a:cxn ang="T95">
                      <a:pos x="T54" y="T55"/>
                    </a:cxn>
                    <a:cxn ang="T96">
                      <a:pos x="T56" y="T57"/>
                    </a:cxn>
                    <a:cxn ang="T97">
                      <a:pos x="T58" y="T59"/>
                    </a:cxn>
                    <a:cxn ang="T98">
                      <a:pos x="T60" y="T61"/>
                    </a:cxn>
                    <a:cxn ang="T99">
                      <a:pos x="T62" y="T63"/>
                    </a:cxn>
                    <a:cxn ang="T100">
                      <a:pos x="T64" y="T65"/>
                    </a:cxn>
                    <a:cxn ang="T101">
                      <a:pos x="T66" y="T67"/>
                    </a:cxn>
                  </a:cxnLst>
                  <a:rect l="T102" t="T103" r="T104" b="T105"/>
                  <a:pathLst>
                    <a:path w="95" h="174">
                      <a:moveTo>
                        <a:pt x="34" y="32"/>
                      </a:moveTo>
                      <a:lnTo>
                        <a:pt x="0" y="0"/>
                      </a:lnTo>
                      <a:lnTo>
                        <a:pt x="2" y="7"/>
                      </a:lnTo>
                      <a:lnTo>
                        <a:pt x="29" y="37"/>
                      </a:lnTo>
                      <a:lnTo>
                        <a:pt x="27" y="40"/>
                      </a:lnTo>
                      <a:lnTo>
                        <a:pt x="25" y="40"/>
                      </a:lnTo>
                      <a:lnTo>
                        <a:pt x="24" y="39"/>
                      </a:lnTo>
                      <a:lnTo>
                        <a:pt x="20" y="39"/>
                      </a:lnTo>
                      <a:lnTo>
                        <a:pt x="17" y="37"/>
                      </a:lnTo>
                      <a:lnTo>
                        <a:pt x="15" y="37"/>
                      </a:lnTo>
                      <a:lnTo>
                        <a:pt x="15" y="39"/>
                      </a:lnTo>
                      <a:lnTo>
                        <a:pt x="17" y="42"/>
                      </a:lnTo>
                      <a:lnTo>
                        <a:pt x="24" y="49"/>
                      </a:lnTo>
                      <a:lnTo>
                        <a:pt x="25" y="49"/>
                      </a:lnTo>
                      <a:lnTo>
                        <a:pt x="29" y="49"/>
                      </a:lnTo>
                      <a:lnTo>
                        <a:pt x="32" y="47"/>
                      </a:lnTo>
                      <a:lnTo>
                        <a:pt x="34" y="45"/>
                      </a:lnTo>
                      <a:lnTo>
                        <a:pt x="36" y="45"/>
                      </a:lnTo>
                      <a:lnTo>
                        <a:pt x="37" y="47"/>
                      </a:lnTo>
                      <a:lnTo>
                        <a:pt x="39" y="49"/>
                      </a:lnTo>
                      <a:lnTo>
                        <a:pt x="41" y="54"/>
                      </a:lnTo>
                      <a:lnTo>
                        <a:pt x="41" y="61"/>
                      </a:lnTo>
                      <a:lnTo>
                        <a:pt x="42" y="73"/>
                      </a:lnTo>
                      <a:lnTo>
                        <a:pt x="42" y="89"/>
                      </a:lnTo>
                      <a:lnTo>
                        <a:pt x="42" y="91"/>
                      </a:lnTo>
                      <a:lnTo>
                        <a:pt x="44" y="93"/>
                      </a:lnTo>
                      <a:lnTo>
                        <a:pt x="46" y="96"/>
                      </a:lnTo>
                      <a:lnTo>
                        <a:pt x="47" y="101"/>
                      </a:lnTo>
                      <a:lnTo>
                        <a:pt x="47" y="105"/>
                      </a:lnTo>
                      <a:lnTo>
                        <a:pt x="49" y="108"/>
                      </a:lnTo>
                      <a:lnTo>
                        <a:pt x="51" y="110"/>
                      </a:lnTo>
                      <a:lnTo>
                        <a:pt x="51" y="111"/>
                      </a:lnTo>
                      <a:lnTo>
                        <a:pt x="69" y="135"/>
                      </a:lnTo>
                      <a:lnTo>
                        <a:pt x="88" y="174"/>
                      </a:lnTo>
                      <a:lnTo>
                        <a:pt x="95" y="171"/>
                      </a:lnTo>
                      <a:lnTo>
                        <a:pt x="73" y="133"/>
                      </a:lnTo>
                      <a:lnTo>
                        <a:pt x="73" y="132"/>
                      </a:lnTo>
                      <a:lnTo>
                        <a:pt x="71" y="132"/>
                      </a:lnTo>
                      <a:lnTo>
                        <a:pt x="69" y="130"/>
                      </a:lnTo>
                      <a:lnTo>
                        <a:pt x="68" y="127"/>
                      </a:lnTo>
                      <a:lnTo>
                        <a:pt x="66" y="123"/>
                      </a:lnTo>
                      <a:lnTo>
                        <a:pt x="63" y="120"/>
                      </a:lnTo>
                      <a:lnTo>
                        <a:pt x="61" y="117"/>
                      </a:lnTo>
                      <a:lnTo>
                        <a:pt x="58" y="111"/>
                      </a:lnTo>
                      <a:lnTo>
                        <a:pt x="56" y="106"/>
                      </a:lnTo>
                      <a:lnTo>
                        <a:pt x="52" y="101"/>
                      </a:lnTo>
                      <a:lnTo>
                        <a:pt x="51" y="96"/>
                      </a:lnTo>
                      <a:lnTo>
                        <a:pt x="49" y="89"/>
                      </a:lnTo>
                      <a:lnTo>
                        <a:pt x="47" y="83"/>
                      </a:lnTo>
                      <a:lnTo>
                        <a:pt x="47" y="78"/>
                      </a:lnTo>
                      <a:lnTo>
                        <a:pt x="47" y="71"/>
                      </a:lnTo>
                      <a:lnTo>
                        <a:pt x="49" y="64"/>
                      </a:lnTo>
                      <a:lnTo>
                        <a:pt x="49" y="62"/>
                      </a:lnTo>
                      <a:lnTo>
                        <a:pt x="49" y="61"/>
                      </a:lnTo>
                      <a:lnTo>
                        <a:pt x="47" y="57"/>
                      </a:lnTo>
                      <a:lnTo>
                        <a:pt x="47" y="54"/>
                      </a:lnTo>
                      <a:lnTo>
                        <a:pt x="46" y="52"/>
                      </a:lnTo>
                      <a:lnTo>
                        <a:pt x="46" y="49"/>
                      </a:lnTo>
                      <a:lnTo>
                        <a:pt x="44" y="47"/>
                      </a:lnTo>
                      <a:lnTo>
                        <a:pt x="39" y="39"/>
                      </a:lnTo>
                      <a:lnTo>
                        <a:pt x="34" y="32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46" name="Freeform 21"/>
                <p:cNvSpPr>
                  <a:spLocks/>
                </p:cNvSpPr>
                <p:nvPr/>
              </p:nvSpPr>
              <p:spPr bwMode="auto">
                <a:xfrm>
                  <a:off x="4595" y="3150"/>
                  <a:ext cx="12" cy="37"/>
                </a:xfrm>
                <a:custGeom>
                  <a:avLst/>
                  <a:gdLst>
                    <a:gd name="T0" fmla="*/ 10 w 12"/>
                    <a:gd name="T1" fmla="*/ 10 h 37"/>
                    <a:gd name="T2" fmla="*/ 10 w 12"/>
                    <a:gd name="T3" fmla="*/ 8 h 37"/>
                    <a:gd name="T4" fmla="*/ 9 w 12"/>
                    <a:gd name="T5" fmla="*/ 6 h 37"/>
                    <a:gd name="T6" fmla="*/ 9 w 12"/>
                    <a:gd name="T7" fmla="*/ 3 h 37"/>
                    <a:gd name="T8" fmla="*/ 9 w 12"/>
                    <a:gd name="T9" fmla="*/ 1 h 37"/>
                    <a:gd name="T10" fmla="*/ 7 w 12"/>
                    <a:gd name="T11" fmla="*/ 0 h 37"/>
                    <a:gd name="T12" fmla="*/ 5 w 12"/>
                    <a:gd name="T13" fmla="*/ 0 h 37"/>
                    <a:gd name="T14" fmla="*/ 2 w 12"/>
                    <a:gd name="T15" fmla="*/ 3 h 37"/>
                    <a:gd name="T16" fmla="*/ 0 w 12"/>
                    <a:gd name="T17" fmla="*/ 10 h 37"/>
                    <a:gd name="T18" fmla="*/ 0 w 12"/>
                    <a:gd name="T19" fmla="*/ 11 h 37"/>
                    <a:gd name="T20" fmla="*/ 0 w 12"/>
                    <a:gd name="T21" fmla="*/ 13 h 37"/>
                    <a:gd name="T22" fmla="*/ 2 w 12"/>
                    <a:gd name="T23" fmla="*/ 15 h 37"/>
                    <a:gd name="T24" fmla="*/ 2 w 12"/>
                    <a:gd name="T25" fmla="*/ 18 h 37"/>
                    <a:gd name="T26" fmla="*/ 3 w 12"/>
                    <a:gd name="T27" fmla="*/ 20 h 37"/>
                    <a:gd name="T28" fmla="*/ 3 w 12"/>
                    <a:gd name="T29" fmla="*/ 22 h 37"/>
                    <a:gd name="T30" fmla="*/ 5 w 12"/>
                    <a:gd name="T31" fmla="*/ 23 h 37"/>
                    <a:gd name="T32" fmla="*/ 5 w 12"/>
                    <a:gd name="T33" fmla="*/ 25 h 37"/>
                    <a:gd name="T34" fmla="*/ 12 w 12"/>
                    <a:gd name="T35" fmla="*/ 37 h 37"/>
                    <a:gd name="T36" fmla="*/ 10 w 12"/>
                    <a:gd name="T37" fmla="*/ 10 h 37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w 12"/>
                    <a:gd name="T58" fmla="*/ 0 h 37"/>
                    <a:gd name="T59" fmla="*/ 12 w 12"/>
                    <a:gd name="T60" fmla="*/ 37 h 37"/>
                  </a:gdLst>
                  <a:ahLst/>
                  <a:cxnLst>
                    <a:cxn ang="T38">
                      <a:pos x="T0" y="T1"/>
                    </a:cxn>
                    <a:cxn ang="T39">
                      <a:pos x="T2" y="T3"/>
                    </a:cxn>
                    <a:cxn ang="T40">
                      <a:pos x="T4" y="T5"/>
                    </a:cxn>
                    <a:cxn ang="T41">
                      <a:pos x="T6" y="T7"/>
                    </a:cxn>
                    <a:cxn ang="T42">
                      <a:pos x="T8" y="T9"/>
                    </a:cxn>
                    <a:cxn ang="T43">
                      <a:pos x="T10" y="T11"/>
                    </a:cxn>
                    <a:cxn ang="T44">
                      <a:pos x="T12" y="T13"/>
                    </a:cxn>
                    <a:cxn ang="T45">
                      <a:pos x="T14" y="T15"/>
                    </a:cxn>
                    <a:cxn ang="T46">
                      <a:pos x="T16" y="T17"/>
                    </a:cxn>
                    <a:cxn ang="T47">
                      <a:pos x="T18" y="T19"/>
                    </a:cxn>
                    <a:cxn ang="T48">
                      <a:pos x="T20" y="T21"/>
                    </a:cxn>
                    <a:cxn ang="T49">
                      <a:pos x="T22" y="T23"/>
                    </a:cxn>
                    <a:cxn ang="T50">
                      <a:pos x="T24" y="T25"/>
                    </a:cxn>
                    <a:cxn ang="T51">
                      <a:pos x="T26" y="T27"/>
                    </a:cxn>
                    <a:cxn ang="T52">
                      <a:pos x="T28" y="T29"/>
                    </a:cxn>
                    <a:cxn ang="T53">
                      <a:pos x="T30" y="T31"/>
                    </a:cxn>
                    <a:cxn ang="T54">
                      <a:pos x="T32" y="T33"/>
                    </a:cxn>
                    <a:cxn ang="T55">
                      <a:pos x="T34" y="T35"/>
                    </a:cxn>
                    <a:cxn ang="T56">
                      <a:pos x="T36" y="T37"/>
                    </a:cxn>
                  </a:cxnLst>
                  <a:rect l="T57" t="T58" r="T59" b="T60"/>
                  <a:pathLst>
                    <a:path w="12" h="37">
                      <a:moveTo>
                        <a:pt x="10" y="10"/>
                      </a:moveTo>
                      <a:lnTo>
                        <a:pt x="10" y="8"/>
                      </a:lnTo>
                      <a:lnTo>
                        <a:pt x="9" y="6"/>
                      </a:lnTo>
                      <a:lnTo>
                        <a:pt x="9" y="3"/>
                      </a:lnTo>
                      <a:lnTo>
                        <a:pt x="9" y="1"/>
                      </a:lnTo>
                      <a:lnTo>
                        <a:pt x="7" y="0"/>
                      </a:lnTo>
                      <a:lnTo>
                        <a:pt x="5" y="0"/>
                      </a:lnTo>
                      <a:lnTo>
                        <a:pt x="2" y="3"/>
                      </a:lnTo>
                      <a:lnTo>
                        <a:pt x="0" y="10"/>
                      </a:lnTo>
                      <a:lnTo>
                        <a:pt x="0" y="11"/>
                      </a:lnTo>
                      <a:lnTo>
                        <a:pt x="0" y="13"/>
                      </a:lnTo>
                      <a:lnTo>
                        <a:pt x="2" y="15"/>
                      </a:lnTo>
                      <a:lnTo>
                        <a:pt x="2" y="18"/>
                      </a:lnTo>
                      <a:lnTo>
                        <a:pt x="3" y="20"/>
                      </a:lnTo>
                      <a:lnTo>
                        <a:pt x="3" y="22"/>
                      </a:lnTo>
                      <a:lnTo>
                        <a:pt x="5" y="23"/>
                      </a:lnTo>
                      <a:lnTo>
                        <a:pt x="5" y="25"/>
                      </a:lnTo>
                      <a:lnTo>
                        <a:pt x="12" y="37"/>
                      </a:lnTo>
                      <a:lnTo>
                        <a:pt x="10" y="10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47" name="Freeform 22"/>
                <p:cNvSpPr>
                  <a:spLocks/>
                </p:cNvSpPr>
                <p:nvPr/>
              </p:nvSpPr>
              <p:spPr bwMode="auto">
                <a:xfrm>
                  <a:off x="4595" y="3150"/>
                  <a:ext cx="12" cy="37"/>
                </a:xfrm>
                <a:custGeom>
                  <a:avLst/>
                  <a:gdLst>
                    <a:gd name="T0" fmla="*/ 10 w 12"/>
                    <a:gd name="T1" fmla="*/ 10 h 37"/>
                    <a:gd name="T2" fmla="*/ 10 w 12"/>
                    <a:gd name="T3" fmla="*/ 10 h 37"/>
                    <a:gd name="T4" fmla="*/ 10 w 12"/>
                    <a:gd name="T5" fmla="*/ 8 h 37"/>
                    <a:gd name="T6" fmla="*/ 9 w 12"/>
                    <a:gd name="T7" fmla="*/ 6 h 37"/>
                    <a:gd name="T8" fmla="*/ 9 w 12"/>
                    <a:gd name="T9" fmla="*/ 3 h 37"/>
                    <a:gd name="T10" fmla="*/ 9 w 12"/>
                    <a:gd name="T11" fmla="*/ 1 h 37"/>
                    <a:gd name="T12" fmla="*/ 7 w 12"/>
                    <a:gd name="T13" fmla="*/ 0 h 37"/>
                    <a:gd name="T14" fmla="*/ 5 w 12"/>
                    <a:gd name="T15" fmla="*/ 0 h 37"/>
                    <a:gd name="T16" fmla="*/ 2 w 12"/>
                    <a:gd name="T17" fmla="*/ 3 h 37"/>
                    <a:gd name="T18" fmla="*/ 0 w 12"/>
                    <a:gd name="T19" fmla="*/ 10 h 37"/>
                    <a:gd name="T20" fmla="*/ 0 w 12"/>
                    <a:gd name="T21" fmla="*/ 10 h 37"/>
                    <a:gd name="T22" fmla="*/ 0 w 12"/>
                    <a:gd name="T23" fmla="*/ 11 h 37"/>
                    <a:gd name="T24" fmla="*/ 0 w 12"/>
                    <a:gd name="T25" fmla="*/ 13 h 37"/>
                    <a:gd name="T26" fmla="*/ 2 w 12"/>
                    <a:gd name="T27" fmla="*/ 15 h 37"/>
                    <a:gd name="T28" fmla="*/ 2 w 12"/>
                    <a:gd name="T29" fmla="*/ 18 h 37"/>
                    <a:gd name="T30" fmla="*/ 3 w 12"/>
                    <a:gd name="T31" fmla="*/ 20 h 37"/>
                    <a:gd name="T32" fmla="*/ 3 w 12"/>
                    <a:gd name="T33" fmla="*/ 22 h 37"/>
                    <a:gd name="T34" fmla="*/ 5 w 12"/>
                    <a:gd name="T35" fmla="*/ 23 h 37"/>
                    <a:gd name="T36" fmla="*/ 5 w 12"/>
                    <a:gd name="T37" fmla="*/ 25 h 37"/>
                    <a:gd name="T38" fmla="*/ 12 w 12"/>
                    <a:gd name="T39" fmla="*/ 37 h 37"/>
                    <a:gd name="T40" fmla="*/ 10 w 12"/>
                    <a:gd name="T41" fmla="*/ 10 h 37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2"/>
                    <a:gd name="T64" fmla="*/ 0 h 37"/>
                    <a:gd name="T65" fmla="*/ 12 w 12"/>
                    <a:gd name="T66" fmla="*/ 37 h 37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2" h="37">
                      <a:moveTo>
                        <a:pt x="10" y="10"/>
                      </a:moveTo>
                      <a:lnTo>
                        <a:pt x="10" y="10"/>
                      </a:lnTo>
                      <a:lnTo>
                        <a:pt x="10" y="8"/>
                      </a:lnTo>
                      <a:lnTo>
                        <a:pt x="9" y="6"/>
                      </a:lnTo>
                      <a:lnTo>
                        <a:pt x="9" y="3"/>
                      </a:lnTo>
                      <a:lnTo>
                        <a:pt x="9" y="1"/>
                      </a:lnTo>
                      <a:lnTo>
                        <a:pt x="7" y="0"/>
                      </a:lnTo>
                      <a:lnTo>
                        <a:pt x="5" y="0"/>
                      </a:lnTo>
                      <a:lnTo>
                        <a:pt x="2" y="3"/>
                      </a:lnTo>
                      <a:lnTo>
                        <a:pt x="0" y="10"/>
                      </a:lnTo>
                      <a:lnTo>
                        <a:pt x="0" y="11"/>
                      </a:lnTo>
                      <a:lnTo>
                        <a:pt x="0" y="13"/>
                      </a:lnTo>
                      <a:lnTo>
                        <a:pt x="2" y="15"/>
                      </a:lnTo>
                      <a:lnTo>
                        <a:pt x="2" y="18"/>
                      </a:lnTo>
                      <a:lnTo>
                        <a:pt x="3" y="20"/>
                      </a:lnTo>
                      <a:lnTo>
                        <a:pt x="3" y="22"/>
                      </a:lnTo>
                      <a:lnTo>
                        <a:pt x="5" y="23"/>
                      </a:lnTo>
                      <a:lnTo>
                        <a:pt x="5" y="25"/>
                      </a:lnTo>
                      <a:lnTo>
                        <a:pt x="12" y="37"/>
                      </a:lnTo>
                      <a:lnTo>
                        <a:pt x="10" y="10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48" name="Freeform 23"/>
                <p:cNvSpPr>
                  <a:spLocks/>
                </p:cNvSpPr>
                <p:nvPr/>
              </p:nvSpPr>
              <p:spPr bwMode="auto">
                <a:xfrm>
                  <a:off x="4673" y="3539"/>
                  <a:ext cx="35" cy="61"/>
                </a:xfrm>
                <a:custGeom>
                  <a:avLst/>
                  <a:gdLst>
                    <a:gd name="T0" fmla="*/ 35 w 35"/>
                    <a:gd name="T1" fmla="*/ 0 h 61"/>
                    <a:gd name="T2" fmla="*/ 35 w 35"/>
                    <a:gd name="T3" fmla="*/ 0 h 61"/>
                    <a:gd name="T4" fmla="*/ 35 w 35"/>
                    <a:gd name="T5" fmla="*/ 1 h 61"/>
                    <a:gd name="T6" fmla="*/ 35 w 35"/>
                    <a:gd name="T7" fmla="*/ 3 h 61"/>
                    <a:gd name="T8" fmla="*/ 35 w 35"/>
                    <a:gd name="T9" fmla="*/ 5 h 61"/>
                    <a:gd name="T10" fmla="*/ 34 w 35"/>
                    <a:gd name="T11" fmla="*/ 8 h 61"/>
                    <a:gd name="T12" fmla="*/ 34 w 35"/>
                    <a:gd name="T13" fmla="*/ 12 h 61"/>
                    <a:gd name="T14" fmla="*/ 32 w 35"/>
                    <a:gd name="T15" fmla="*/ 15 h 61"/>
                    <a:gd name="T16" fmla="*/ 30 w 35"/>
                    <a:gd name="T17" fmla="*/ 20 h 61"/>
                    <a:gd name="T18" fmla="*/ 29 w 35"/>
                    <a:gd name="T19" fmla="*/ 23 h 61"/>
                    <a:gd name="T20" fmla="*/ 27 w 35"/>
                    <a:gd name="T21" fmla="*/ 29 h 61"/>
                    <a:gd name="T22" fmla="*/ 24 w 35"/>
                    <a:gd name="T23" fmla="*/ 34 h 61"/>
                    <a:gd name="T24" fmla="*/ 20 w 35"/>
                    <a:gd name="T25" fmla="*/ 39 h 61"/>
                    <a:gd name="T26" fmla="*/ 17 w 35"/>
                    <a:gd name="T27" fmla="*/ 44 h 61"/>
                    <a:gd name="T28" fmla="*/ 12 w 35"/>
                    <a:gd name="T29" fmla="*/ 49 h 61"/>
                    <a:gd name="T30" fmla="*/ 7 w 35"/>
                    <a:gd name="T31" fmla="*/ 56 h 61"/>
                    <a:gd name="T32" fmla="*/ 2 w 35"/>
                    <a:gd name="T33" fmla="*/ 61 h 61"/>
                    <a:gd name="T34" fmla="*/ 0 w 35"/>
                    <a:gd name="T35" fmla="*/ 61 h 61"/>
                    <a:gd name="T36" fmla="*/ 0 w 35"/>
                    <a:gd name="T37" fmla="*/ 59 h 61"/>
                    <a:gd name="T38" fmla="*/ 0 w 35"/>
                    <a:gd name="T39" fmla="*/ 57 h 61"/>
                    <a:gd name="T40" fmla="*/ 0 w 35"/>
                    <a:gd name="T41" fmla="*/ 56 h 61"/>
                    <a:gd name="T42" fmla="*/ 19 w 35"/>
                    <a:gd name="T43" fmla="*/ 35 h 61"/>
                    <a:gd name="T44" fmla="*/ 19 w 35"/>
                    <a:gd name="T45" fmla="*/ 27 h 61"/>
                    <a:gd name="T46" fmla="*/ 19 w 35"/>
                    <a:gd name="T47" fmla="*/ 25 h 61"/>
                    <a:gd name="T48" fmla="*/ 20 w 35"/>
                    <a:gd name="T49" fmla="*/ 25 h 61"/>
                    <a:gd name="T50" fmla="*/ 22 w 35"/>
                    <a:gd name="T51" fmla="*/ 23 h 61"/>
                    <a:gd name="T52" fmla="*/ 24 w 35"/>
                    <a:gd name="T53" fmla="*/ 22 h 61"/>
                    <a:gd name="T54" fmla="*/ 25 w 35"/>
                    <a:gd name="T55" fmla="*/ 18 h 61"/>
                    <a:gd name="T56" fmla="*/ 27 w 35"/>
                    <a:gd name="T57" fmla="*/ 15 h 61"/>
                    <a:gd name="T58" fmla="*/ 29 w 35"/>
                    <a:gd name="T59" fmla="*/ 12 h 61"/>
                    <a:gd name="T60" fmla="*/ 29 w 35"/>
                    <a:gd name="T61" fmla="*/ 5 h 61"/>
                    <a:gd name="T62" fmla="*/ 30 w 35"/>
                    <a:gd name="T63" fmla="*/ 3 h 61"/>
                    <a:gd name="T64" fmla="*/ 32 w 35"/>
                    <a:gd name="T65" fmla="*/ 1 h 61"/>
                    <a:gd name="T66" fmla="*/ 34 w 35"/>
                    <a:gd name="T67" fmla="*/ 0 h 61"/>
                    <a:gd name="T68" fmla="*/ 35 w 35"/>
                    <a:gd name="T69" fmla="*/ 0 h 61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w 35"/>
                    <a:gd name="T106" fmla="*/ 0 h 61"/>
                    <a:gd name="T107" fmla="*/ 35 w 35"/>
                    <a:gd name="T108" fmla="*/ 61 h 61"/>
                  </a:gdLst>
                  <a:ahLst/>
                  <a:cxnLst>
                    <a:cxn ang="T70">
                      <a:pos x="T0" y="T1"/>
                    </a:cxn>
                    <a:cxn ang="T71">
                      <a:pos x="T2" y="T3"/>
                    </a:cxn>
                    <a:cxn ang="T72">
                      <a:pos x="T4" y="T5"/>
                    </a:cxn>
                    <a:cxn ang="T73">
                      <a:pos x="T6" y="T7"/>
                    </a:cxn>
                    <a:cxn ang="T74">
                      <a:pos x="T8" y="T9"/>
                    </a:cxn>
                    <a:cxn ang="T75">
                      <a:pos x="T10" y="T11"/>
                    </a:cxn>
                    <a:cxn ang="T76">
                      <a:pos x="T12" y="T13"/>
                    </a:cxn>
                    <a:cxn ang="T77">
                      <a:pos x="T14" y="T15"/>
                    </a:cxn>
                    <a:cxn ang="T78">
                      <a:pos x="T16" y="T17"/>
                    </a:cxn>
                    <a:cxn ang="T79">
                      <a:pos x="T18" y="T19"/>
                    </a:cxn>
                    <a:cxn ang="T80">
                      <a:pos x="T20" y="T21"/>
                    </a:cxn>
                    <a:cxn ang="T81">
                      <a:pos x="T22" y="T23"/>
                    </a:cxn>
                    <a:cxn ang="T82">
                      <a:pos x="T24" y="T25"/>
                    </a:cxn>
                    <a:cxn ang="T83">
                      <a:pos x="T26" y="T27"/>
                    </a:cxn>
                    <a:cxn ang="T84">
                      <a:pos x="T28" y="T29"/>
                    </a:cxn>
                    <a:cxn ang="T85">
                      <a:pos x="T30" y="T31"/>
                    </a:cxn>
                    <a:cxn ang="T86">
                      <a:pos x="T32" y="T33"/>
                    </a:cxn>
                    <a:cxn ang="T87">
                      <a:pos x="T34" y="T35"/>
                    </a:cxn>
                    <a:cxn ang="T88">
                      <a:pos x="T36" y="T37"/>
                    </a:cxn>
                    <a:cxn ang="T89">
                      <a:pos x="T38" y="T39"/>
                    </a:cxn>
                    <a:cxn ang="T90">
                      <a:pos x="T40" y="T41"/>
                    </a:cxn>
                    <a:cxn ang="T91">
                      <a:pos x="T42" y="T43"/>
                    </a:cxn>
                    <a:cxn ang="T92">
                      <a:pos x="T44" y="T45"/>
                    </a:cxn>
                    <a:cxn ang="T93">
                      <a:pos x="T46" y="T47"/>
                    </a:cxn>
                    <a:cxn ang="T94">
                      <a:pos x="T48" y="T49"/>
                    </a:cxn>
                    <a:cxn ang="T95">
                      <a:pos x="T50" y="T51"/>
                    </a:cxn>
                    <a:cxn ang="T96">
                      <a:pos x="T52" y="T53"/>
                    </a:cxn>
                    <a:cxn ang="T97">
                      <a:pos x="T54" y="T55"/>
                    </a:cxn>
                    <a:cxn ang="T98">
                      <a:pos x="T56" y="T57"/>
                    </a:cxn>
                    <a:cxn ang="T99">
                      <a:pos x="T58" y="T59"/>
                    </a:cxn>
                    <a:cxn ang="T100">
                      <a:pos x="T60" y="T61"/>
                    </a:cxn>
                    <a:cxn ang="T101">
                      <a:pos x="T62" y="T63"/>
                    </a:cxn>
                    <a:cxn ang="T102">
                      <a:pos x="T64" y="T65"/>
                    </a:cxn>
                    <a:cxn ang="T103">
                      <a:pos x="T66" y="T67"/>
                    </a:cxn>
                    <a:cxn ang="T104">
                      <a:pos x="T68" y="T69"/>
                    </a:cxn>
                  </a:cxnLst>
                  <a:rect l="T105" t="T106" r="T107" b="T108"/>
                  <a:pathLst>
                    <a:path w="35" h="61">
                      <a:moveTo>
                        <a:pt x="35" y="0"/>
                      </a:moveTo>
                      <a:lnTo>
                        <a:pt x="35" y="0"/>
                      </a:lnTo>
                      <a:lnTo>
                        <a:pt x="35" y="1"/>
                      </a:lnTo>
                      <a:lnTo>
                        <a:pt x="35" y="3"/>
                      </a:lnTo>
                      <a:lnTo>
                        <a:pt x="35" y="5"/>
                      </a:lnTo>
                      <a:lnTo>
                        <a:pt x="34" y="8"/>
                      </a:lnTo>
                      <a:lnTo>
                        <a:pt x="34" y="12"/>
                      </a:lnTo>
                      <a:lnTo>
                        <a:pt x="32" y="15"/>
                      </a:lnTo>
                      <a:lnTo>
                        <a:pt x="30" y="20"/>
                      </a:lnTo>
                      <a:lnTo>
                        <a:pt x="29" y="23"/>
                      </a:lnTo>
                      <a:lnTo>
                        <a:pt x="27" y="29"/>
                      </a:lnTo>
                      <a:lnTo>
                        <a:pt x="24" y="34"/>
                      </a:lnTo>
                      <a:lnTo>
                        <a:pt x="20" y="39"/>
                      </a:lnTo>
                      <a:lnTo>
                        <a:pt x="17" y="44"/>
                      </a:lnTo>
                      <a:lnTo>
                        <a:pt x="12" y="49"/>
                      </a:lnTo>
                      <a:lnTo>
                        <a:pt x="7" y="56"/>
                      </a:lnTo>
                      <a:lnTo>
                        <a:pt x="2" y="61"/>
                      </a:lnTo>
                      <a:lnTo>
                        <a:pt x="0" y="61"/>
                      </a:lnTo>
                      <a:lnTo>
                        <a:pt x="0" y="59"/>
                      </a:lnTo>
                      <a:lnTo>
                        <a:pt x="0" y="57"/>
                      </a:lnTo>
                      <a:lnTo>
                        <a:pt x="0" y="56"/>
                      </a:lnTo>
                      <a:lnTo>
                        <a:pt x="19" y="35"/>
                      </a:lnTo>
                      <a:lnTo>
                        <a:pt x="19" y="27"/>
                      </a:lnTo>
                      <a:lnTo>
                        <a:pt x="19" y="25"/>
                      </a:lnTo>
                      <a:lnTo>
                        <a:pt x="20" y="25"/>
                      </a:lnTo>
                      <a:lnTo>
                        <a:pt x="22" y="23"/>
                      </a:lnTo>
                      <a:lnTo>
                        <a:pt x="24" y="22"/>
                      </a:lnTo>
                      <a:lnTo>
                        <a:pt x="25" y="18"/>
                      </a:lnTo>
                      <a:lnTo>
                        <a:pt x="27" y="15"/>
                      </a:lnTo>
                      <a:lnTo>
                        <a:pt x="29" y="12"/>
                      </a:lnTo>
                      <a:lnTo>
                        <a:pt x="29" y="5"/>
                      </a:lnTo>
                      <a:lnTo>
                        <a:pt x="30" y="3"/>
                      </a:lnTo>
                      <a:lnTo>
                        <a:pt x="32" y="1"/>
                      </a:lnTo>
                      <a:lnTo>
                        <a:pt x="34" y="0"/>
                      </a:lnTo>
                      <a:lnTo>
                        <a:pt x="35" y="0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49" name="Freeform 24"/>
                <p:cNvSpPr>
                  <a:spLocks/>
                </p:cNvSpPr>
                <p:nvPr/>
              </p:nvSpPr>
              <p:spPr bwMode="auto">
                <a:xfrm>
                  <a:off x="4673" y="3539"/>
                  <a:ext cx="35" cy="61"/>
                </a:xfrm>
                <a:custGeom>
                  <a:avLst/>
                  <a:gdLst>
                    <a:gd name="T0" fmla="*/ 35 w 35"/>
                    <a:gd name="T1" fmla="*/ 0 h 61"/>
                    <a:gd name="T2" fmla="*/ 35 w 35"/>
                    <a:gd name="T3" fmla="*/ 0 h 61"/>
                    <a:gd name="T4" fmla="*/ 35 w 35"/>
                    <a:gd name="T5" fmla="*/ 0 h 61"/>
                    <a:gd name="T6" fmla="*/ 35 w 35"/>
                    <a:gd name="T7" fmla="*/ 1 h 61"/>
                    <a:gd name="T8" fmla="*/ 35 w 35"/>
                    <a:gd name="T9" fmla="*/ 3 h 61"/>
                    <a:gd name="T10" fmla="*/ 35 w 35"/>
                    <a:gd name="T11" fmla="*/ 5 h 61"/>
                    <a:gd name="T12" fmla="*/ 34 w 35"/>
                    <a:gd name="T13" fmla="*/ 8 h 61"/>
                    <a:gd name="T14" fmla="*/ 34 w 35"/>
                    <a:gd name="T15" fmla="*/ 12 h 61"/>
                    <a:gd name="T16" fmla="*/ 32 w 35"/>
                    <a:gd name="T17" fmla="*/ 15 h 61"/>
                    <a:gd name="T18" fmla="*/ 30 w 35"/>
                    <a:gd name="T19" fmla="*/ 20 h 61"/>
                    <a:gd name="T20" fmla="*/ 29 w 35"/>
                    <a:gd name="T21" fmla="*/ 23 h 61"/>
                    <a:gd name="T22" fmla="*/ 27 w 35"/>
                    <a:gd name="T23" fmla="*/ 29 h 61"/>
                    <a:gd name="T24" fmla="*/ 24 w 35"/>
                    <a:gd name="T25" fmla="*/ 34 h 61"/>
                    <a:gd name="T26" fmla="*/ 20 w 35"/>
                    <a:gd name="T27" fmla="*/ 39 h 61"/>
                    <a:gd name="T28" fmla="*/ 17 w 35"/>
                    <a:gd name="T29" fmla="*/ 44 h 61"/>
                    <a:gd name="T30" fmla="*/ 12 w 35"/>
                    <a:gd name="T31" fmla="*/ 49 h 61"/>
                    <a:gd name="T32" fmla="*/ 7 w 35"/>
                    <a:gd name="T33" fmla="*/ 56 h 61"/>
                    <a:gd name="T34" fmla="*/ 2 w 35"/>
                    <a:gd name="T35" fmla="*/ 61 h 61"/>
                    <a:gd name="T36" fmla="*/ 2 w 35"/>
                    <a:gd name="T37" fmla="*/ 61 h 61"/>
                    <a:gd name="T38" fmla="*/ 0 w 35"/>
                    <a:gd name="T39" fmla="*/ 61 h 61"/>
                    <a:gd name="T40" fmla="*/ 0 w 35"/>
                    <a:gd name="T41" fmla="*/ 59 h 61"/>
                    <a:gd name="T42" fmla="*/ 0 w 35"/>
                    <a:gd name="T43" fmla="*/ 57 h 61"/>
                    <a:gd name="T44" fmla="*/ 0 w 35"/>
                    <a:gd name="T45" fmla="*/ 56 h 61"/>
                    <a:gd name="T46" fmla="*/ 19 w 35"/>
                    <a:gd name="T47" fmla="*/ 35 h 61"/>
                    <a:gd name="T48" fmla="*/ 19 w 35"/>
                    <a:gd name="T49" fmla="*/ 27 h 61"/>
                    <a:gd name="T50" fmla="*/ 19 w 35"/>
                    <a:gd name="T51" fmla="*/ 27 h 61"/>
                    <a:gd name="T52" fmla="*/ 19 w 35"/>
                    <a:gd name="T53" fmla="*/ 25 h 61"/>
                    <a:gd name="T54" fmla="*/ 20 w 35"/>
                    <a:gd name="T55" fmla="*/ 25 h 61"/>
                    <a:gd name="T56" fmla="*/ 22 w 35"/>
                    <a:gd name="T57" fmla="*/ 23 h 61"/>
                    <a:gd name="T58" fmla="*/ 24 w 35"/>
                    <a:gd name="T59" fmla="*/ 22 h 61"/>
                    <a:gd name="T60" fmla="*/ 25 w 35"/>
                    <a:gd name="T61" fmla="*/ 18 h 61"/>
                    <a:gd name="T62" fmla="*/ 27 w 35"/>
                    <a:gd name="T63" fmla="*/ 15 h 61"/>
                    <a:gd name="T64" fmla="*/ 29 w 35"/>
                    <a:gd name="T65" fmla="*/ 12 h 61"/>
                    <a:gd name="T66" fmla="*/ 29 w 35"/>
                    <a:gd name="T67" fmla="*/ 5 h 61"/>
                    <a:gd name="T68" fmla="*/ 29 w 35"/>
                    <a:gd name="T69" fmla="*/ 5 h 61"/>
                    <a:gd name="T70" fmla="*/ 30 w 35"/>
                    <a:gd name="T71" fmla="*/ 3 h 61"/>
                    <a:gd name="T72" fmla="*/ 32 w 35"/>
                    <a:gd name="T73" fmla="*/ 1 h 61"/>
                    <a:gd name="T74" fmla="*/ 34 w 35"/>
                    <a:gd name="T75" fmla="*/ 0 h 61"/>
                    <a:gd name="T76" fmla="*/ 35 w 35"/>
                    <a:gd name="T77" fmla="*/ 0 h 61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w 35"/>
                    <a:gd name="T118" fmla="*/ 0 h 61"/>
                    <a:gd name="T119" fmla="*/ 35 w 35"/>
                    <a:gd name="T120" fmla="*/ 61 h 61"/>
                  </a:gdLst>
                  <a:ahLst/>
                  <a:cxnLst>
                    <a:cxn ang="T78">
                      <a:pos x="T0" y="T1"/>
                    </a:cxn>
                    <a:cxn ang="T79">
                      <a:pos x="T2" y="T3"/>
                    </a:cxn>
                    <a:cxn ang="T80">
                      <a:pos x="T4" y="T5"/>
                    </a:cxn>
                    <a:cxn ang="T81">
                      <a:pos x="T6" y="T7"/>
                    </a:cxn>
                    <a:cxn ang="T82">
                      <a:pos x="T8" y="T9"/>
                    </a:cxn>
                    <a:cxn ang="T83">
                      <a:pos x="T10" y="T11"/>
                    </a:cxn>
                    <a:cxn ang="T84">
                      <a:pos x="T12" y="T13"/>
                    </a:cxn>
                    <a:cxn ang="T85">
                      <a:pos x="T14" y="T15"/>
                    </a:cxn>
                    <a:cxn ang="T86">
                      <a:pos x="T16" y="T17"/>
                    </a:cxn>
                    <a:cxn ang="T87">
                      <a:pos x="T18" y="T19"/>
                    </a:cxn>
                    <a:cxn ang="T88">
                      <a:pos x="T20" y="T21"/>
                    </a:cxn>
                    <a:cxn ang="T89">
                      <a:pos x="T22" y="T23"/>
                    </a:cxn>
                    <a:cxn ang="T90">
                      <a:pos x="T24" y="T25"/>
                    </a:cxn>
                    <a:cxn ang="T91">
                      <a:pos x="T26" y="T27"/>
                    </a:cxn>
                    <a:cxn ang="T92">
                      <a:pos x="T28" y="T29"/>
                    </a:cxn>
                    <a:cxn ang="T93">
                      <a:pos x="T30" y="T31"/>
                    </a:cxn>
                    <a:cxn ang="T94">
                      <a:pos x="T32" y="T33"/>
                    </a:cxn>
                    <a:cxn ang="T95">
                      <a:pos x="T34" y="T35"/>
                    </a:cxn>
                    <a:cxn ang="T96">
                      <a:pos x="T36" y="T37"/>
                    </a:cxn>
                    <a:cxn ang="T97">
                      <a:pos x="T38" y="T39"/>
                    </a:cxn>
                    <a:cxn ang="T98">
                      <a:pos x="T40" y="T41"/>
                    </a:cxn>
                    <a:cxn ang="T99">
                      <a:pos x="T42" y="T43"/>
                    </a:cxn>
                    <a:cxn ang="T100">
                      <a:pos x="T44" y="T45"/>
                    </a:cxn>
                    <a:cxn ang="T101">
                      <a:pos x="T46" y="T47"/>
                    </a:cxn>
                    <a:cxn ang="T102">
                      <a:pos x="T48" y="T49"/>
                    </a:cxn>
                    <a:cxn ang="T103">
                      <a:pos x="T50" y="T51"/>
                    </a:cxn>
                    <a:cxn ang="T104">
                      <a:pos x="T52" y="T53"/>
                    </a:cxn>
                    <a:cxn ang="T105">
                      <a:pos x="T54" y="T55"/>
                    </a:cxn>
                    <a:cxn ang="T106">
                      <a:pos x="T56" y="T57"/>
                    </a:cxn>
                    <a:cxn ang="T107">
                      <a:pos x="T58" y="T59"/>
                    </a:cxn>
                    <a:cxn ang="T108">
                      <a:pos x="T60" y="T61"/>
                    </a:cxn>
                    <a:cxn ang="T109">
                      <a:pos x="T62" y="T63"/>
                    </a:cxn>
                    <a:cxn ang="T110">
                      <a:pos x="T64" y="T65"/>
                    </a:cxn>
                    <a:cxn ang="T111">
                      <a:pos x="T66" y="T67"/>
                    </a:cxn>
                    <a:cxn ang="T112">
                      <a:pos x="T68" y="T69"/>
                    </a:cxn>
                    <a:cxn ang="T113">
                      <a:pos x="T70" y="T71"/>
                    </a:cxn>
                    <a:cxn ang="T114">
                      <a:pos x="T72" y="T73"/>
                    </a:cxn>
                    <a:cxn ang="T115">
                      <a:pos x="T74" y="T75"/>
                    </a:cxn>
                    <a:cxn ang="T116">
                      <a:pos x="T76" y="T77"/>
                    </a:cxn>
                  </a:cxnLst>
                  <a:rect l="T117" t="T118" r="T119" b="T120"/>
                  <a:pathLst>
                    <a:path w="35" h="61">
                      <a:moveTo>
                        <a:pt x="35" y="0"/>
                      </a:moveTo>
                      <a:lnTo>
                        <a:pt x="35" y="0"/>
                      </a:lnTo>
                      <a:lnTo>
                        <a:pt x="35" y="1"/>
                      </a:lnTo>
                      <a:lnTo>
                        <a:pt x="35" y="3"/>
                      </a:lnTo>
                      <a:lnTo>
                        <a:pt x="35" y="5"/>
                      </a:lnTo>
                      <a:lnTo>
                        <a:pt x="34" y="8"/>
                      </a:lnTo>
                      <a:lnTo>
                        <a:pt x="34" y="12"/>
                      </a:lnTo>
                      <a:lnTo>
                        <a:pt x="32" y="15"/>
                      </a:lnTo>
                      <a:lnTo>
                        <a:pt x="30" y="20"/>
                      </a:lnTo>
                      <a:lnTo>
                        <a:pt x="29" y="23"/>
                      </a:lnTo>
                      <a:lnTo>
                        <a:pt x="27" y="29"/>
                      </a:lnTo>
                      <a:lnTo>
                        <a:pt x="24" y="34"/>
                      </a:lnTo>
                      <a:lnTo>
                        <a:pt x="20" y="39"/>
                      </a:lnTo>
                      <a:lnTo>
                        <a:pt x="17" y="44"/>
                      </a:lnTo>
                      <a:lnTo>
                        <a:pt x="12" y="49"/>
                      </a:lnTo>
                      <a:lnTo>
                        <a:pt x="7" y="56"/>
                      </a:lnTo>
                      <a:lnTo>
                        <a:pt x="2" y="61"/>
                      </a:lnTo>
                      <a:lnTo>
                        <a:pt x="0" y="61"/>
                      </a:lnTo>
                      <a:lnTo>
                        <a:pt x="0" y="59"/>
                      </a:lnTo>
                      <a:lnTo>
                        <a:pt x="0" y="57"/>
                      </a:lnTo>
                      <a:lnTo>
                        <a:pt x="0" y="56"/>
                      </a:lnTo>
                      <a:lnTo>
                        <a:pt x="19" y="35"/>
                      </a:lnTo>
                      <a:lnTo>
                        <a:pt x="19" y="27"/>
                      </a:lnTo>
                      <a:lnTo>
                        <a:pt x="19" y="25"/>
                      </a:lnTo>
                      <a:lnTo>
                        <a:pt x="20" y="25"/>
                      </a:lnTo>
                      <a:lnTo>
                        <a:pt x="22" y="23"/>
                      </a:lnTo>
                      <a:lnTo>
                        <a:pt x="24" y="22"/>
                      </a:lnTo>
                      <a:lnTo>
                        <a:pt x="25" y="18"/>
                      </a:lnTo>
                      <a:lnTo>
                        <a:pt x="27" y="15"/>
                      </a:lnTo>
                      <a:lnTo>
                        <a:pt x="29" y="12"/>
                      </a:lnTo>
                      <a:lnTo>
                        <a:pt x="29" y="5"/>
                      </a:lnTo>
                      <a:lnTo>
                        <a:pt x="30" y="3"/>
                      </a:lnTo>
                      <a:lnTo>
                        <a:pt x="32" y="1"/>
                      </a:lnTo>
                      <a:lnTo>
                        <a:pt x="34" y="0"/>
                      </a:lnTo>
                      <a:lnTo>
                        <a:pt x="35" y="0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50" name="Freeform 25"/>
                <p:cNvSpPr>
                  <a:spLocks/>
                </p:cNvSpPr>
                <p:nvPr/>
              </p:nvSpPr>
              <p:spPr bwMode="auto">
                <a:xfrm>
                  <a:off x="4710" y="3513"/>
                  <a:ext cx="7" cy="19"/>
                </a:xfrm>
                <a:custGeom>
                  <a:avLst/>
                  <a:gdLst>
                    <a:gd name="T0" fmla="*/ 0 w 7"/>
                    <a:gd name="T1" fmla="*/ 11 h 19"/>
                    <a:gd name="T2" fmla="*/ 2 w 7"/>
                    <a:gd name="T3" fmla="*/ 5 h 19"/>
                    <a:gd name="T4" fmla="*/ 2 w 7"/>
                    <a:gd name="T5" fmla="*/ 4 h 19"/>
                    <a:gd name="T6" fmla="*/ 2 w 7"/>
                    <a:gd name="T7" fmla="*/ 0 h 19"/>
                    <a:gd name="T8" fmla="*/ 4 w 7"/>
                    <a:gd name="T9" fmla="*/ 0 h 19"/>
                    <a:gd name="T10" fmla="*/ 5 w 7"/>
                    <a:gd name="T11" fmla="*/ 0 h 19"/>
                    <a:gd name="T12" fmla="*/ 7 w 7"/>
                    <a:gd name="T13" fmla="*/ 4 h 19"/>
                    <a:gd name="T14" fmla="*/ 7 w 7"/>
                    <a:gd name="T15" fmla="*/ 5 h 19"/>
                    <a:gd name="T16" fmla="*/ 7 w 7"/>
                    <a:gd name="T17" fmla="*/ 11 h 19"/>
                    <a:gd name="T18" fmla="*/ 7 w 7"/>
                    <a:gd name="T19" fmla="*/ 14 h 19"/>
                    <a:gd name="T20" fmla="*/ 7 w 7"/>
                    <a:gd name="T21" fmla="*/ 17 h 19"/>
                    <a:gd name="T22" fmla="*/ 5 w 7"/>
                    <a:gd name="T23" fmla="*/ 19 h 19"/>
                    <a:gd name="T24" fmla="*/ 4 w 7"/>
                    <a:gd name="T25" fmla="*/ 19 h 19"/>
                    <a:gd name="T26" fmla="*/ 2 w 7"/>
                    <a:gd name="T27" fmla="*/ 19 h 19"/>
                    <a:gd name="T28" fmla="*/ 2 w 7"/>
                    <a:gd name="T29" fmla="*/ 17 h 19"/>
                    <a:gd name="T30" fmla="*/ 2 w 7"/>
                    <a:gd name="T31" fmla="*/ 14 h 19"/>
                    <a:gd name="T32" fmla="*/ 0 w 7"/>
                    <a:gd name="T33" fmla="*/ 11 h 19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7"/>
                    <a:gd name="T52" fmla="*/ 0 h 19"/>
                    <a:gd name="T53" fmla="*/ 7 w 7"/>
                    <a:gd name="T54" fmla="*/ 19 h 19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7" h="19">
                      <a:moveTo>
                        <a:pt x="0" y="11"/>
                      </a:moveTo>
                      <a:lnTo>
                        <a:pt x="2" y="5"/>
                      </a:lnTo>
                      <a:lnTo>
                        <a:pt x="2" y="4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7" y="4"/>
                      </a:lnTo>
                      <a:lnTo>
                        <a:pt x="7" y="5"/>
                      </a:lnTo>
                      <a:lnTo>
                        <a:pt x="7" y="11"/>
                      </a:lnTo>
                      <a:lnTo>
                        <a:pt x="7" y="14"/>
                      </a:lnTo>
                      <a:lnTo>
                        <a:pt x="7" y="17"/>
                      </a:lnTo>
                      <a:lnTo>
                        <a:pt x="5" y="19"/>
                      </a:lnTo>
                      <a:lnTo>
                        <a:pt x="4" y="19"/>
                      </a:lnTo>
                      <a:lnTo>
                        <a:pt x="2" y="19"/>
                      </a:lnTo>
                      <a:lnTo>
                        <a:pt x="2" y="17"/>
                      </a:lnTo>
                      <a:lnTo>
                        <a:pt x="2" y="14"/>
                      </a:lnTo>
                      <a:lnTo>
                        <a:pt x="0" y="1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51" name="Freeform 26"/>
                <p:cNvSpPr>
                  <a:spLocks/>
                </p:cNvSpPr>
                <p:nvPr/>
              </p:nvSpPr>
              <p:spPr bwMode="auto">
                <a:xfrm>
                  <a:off x="4710" y="3513"/>
                  <a:ext cx="7" cy="19"/>
                </a:xfrm>
                <a:custGeom>
                  <a:avLst/>
                  <a:gdLst>
                    <a:gd name="T0" fmla="*/ 0 w 7"/>
                    <a:gd name="T1" fmla="*/ 11 h 19"/>
                    <a:gd name="T2" fmla="*/ 0 w 7"/>
                    <a:gd name="T3" fmla="*/ 11 h 19"/>
                    <a:gd name="T4" fmla="*/ 2 w 7"/>
                    <a:gd name="T5" fmla="*/ 5 h 19"/>
                    <a:gd name="T6" fmla="*/ 2 w 7"/>
                    <a:gd name="T7" fmla="*/ 4 h 19"/>
                    <a:gd name="T8" fmla="*/ 2 w 7"/>
                    <a:gd name="T9" fmla="*/ 0 h 19"/>
                    <a:gd name="T10" fmla="*/ 4 w 7"/>
                    <a:gd name="T11" fmla="*/ 0 h 19"/>
                    <a:gd name="T12" fmla="*/ 4 w 7"/>
                    <a:gd name="T13" fmla="*/ 0 h 19"/>
                    <a:gd name="T14" fmla="*/ 5 w 7"/>
                    <a:gd name="T15" fmla="*/ 0 h 19"/>
                    <a:gd name="T16" fmla="*/ 7 w 7"/>
                    <a:gd name="T17" fmla="*/ 4 h 19"/>
                    <a:gd name="T18" fmla="*/ 7 w 7"/>
                    <a:gd name="T19" fmla="*/ 5 h 19"/>
                    <a:gd name="T20" fmla="*/ 7 w 7"/>
                    <a:gd name="T21" fmla="*/ 11 h 19"/>
                    <a:gd name="T22" fmla="*/ 7 w 7"/>
                    <a:gd name="T23" fmla="*/ 11 h 19"/>
                    <a:gd name="T24" fmla="*/ 7 w 7"/>
                    <a:gd name="T25" fmla="*/ 14 h 19"/>
                    <a:gd name="T26" fmla="*/ 7 w 7"/>
                    <a:gd name="T27" fmla="*/ 17 h 19"/>
                    <a:gd name="T28" fmla="*/ 5 w 7"/>
                    <a:gd name="T29" fmla="*/ 19 h 19"/>
                    <a:gd name="T30" fmla="*/ 4 w 7"/>
                    <a:gd name="T31" fmla="*/ 19 h 19"/>
                    <a:gd name="T32" fmla="*/ 4 w 7"/>
                    <a:gd name="T33" fmla="*/ 19 h 19"/>
                    <a:gd name="T34" fmla="*/ 2 w 7"/>
                    <a:gd name="T35" fmla="*/ 19 h 19"/>
                    <a:gd name="T36" fmla="*/ 2 w 7"/>
                    <a:gd name="T37" fmla="*/ 17 h 19"/>
                    <a:gd name="T38" fmla="*/ 2 w 7"/>
                    <a:gd name="T39" fmla="*/ 14 h 19"/>
                    <a:gd name="T40" fmla="*/ 0 w 7"/>
                    <a:gd name="T41" fmla="*/ 11 h 19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7"/>
                    <a:gd name="T64" fmla="*/ 0 h 19"/>
                    <a:gd name="T65" fmla="*/ 7 w 7"/>
                    <a:gd name="T66" fmla="*/ 19 h 19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7" h="19">
                      <a:moveTo>
                        <a:pt x="0" y="11"/>
                      </a:moveTo>
                      <a:lnTo>
                        <a:pt x="0" y="11"/>
                      </a:lnTo>
                      <a:lnTo>
                        <a:pt x="2" y="5"/>
                      </a:lnTo>
                      <a:lnTo>
                        <a:pt x="2" y="4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7" y="4"/>
                      </a:lnTo>
                      <a:lnTo>
                        <a:pt x="7" y="5"/>
                      </a:lnTo>
                      <a:lnTo>
                        <a:pt x="7" y="11"/>
                      </a:lnTo>
                      <a:lnTo>
                        <a:pt x="7" y="14"/>
                      </a:lnTo>
                      <a:lnTo>
                        <a:pt x="7" y="17"/>
                      </a:lnTo>
                      <a:lnTo>
                        <a:pt x="5" y="19"/>
                      </a:lnTo>
                      <a:lnTo>
                        <a:pt x="4" y="19"/>
                      </a:lnTo>
                      <a:lnTo>
                        <a:pt x="2" y="19"/>
                      </a:lnTo>
                      <a:lnTo>
                        <a:pt x="2" y="17"/>
                      </a:lnTo>
                      <a:lnTo>
                        <a:pt x="2" y="14"/>
                      </a:lnTo>
                      <a:lnTo>
                        <a:pt x="0" y="1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52" name="Freeform 27"/>
                <p:cNvSpPr>
                  <a:spLocks/>
                </p:cNvSpPr>
                <p:nvPr/>
              </p:nvSpPr>
              <p:spPr bwMode="auto">
                <a:xfrm>
                  <a:off x="4714" y="3488"/>
                  <a:ext cx="5" cy="10"/>
                </a:xfrm>
                <a:custGeom>
                  <a:avLst/>
                  <a:gdLst>
                    <a:gd name="T0" fmla="*/ 0 w 5"/>
                    <a:gd name="T1" fmla="*/ 5 h 10"/>
                    <a:gd name="T2" fmla="*/ 0 w 5"/>
                    <a:gd name="T3" fmla="*/ 3 h 10"/>
                    <a:gd name="T4" fmla="*/ 0 w 5"/>
                    <a:gd name="T5" fmla="*/ 2 h 10"/>
                    <a:gd name="T6" fmla="*/ 1 w 5"/>
                    <a:gd name="T7" fmla="*/ 2 h 10"/>
                    <a:gd name="T8" fmla="*/ 1 w 5"/>
                    <a:gd name="T9" fmla="*/ 0 h 10"/>
                    <a:gd name="T10" fmla="*/ 3 w 5"/>
                    <a:gd name="T11" fmla="*/ 2 h 10"/>
                    <a:gd name="T12" fmla="*/ 3 w 5"/>
                    <a:gd name="T13" fmla="*/ 2 h 10"/>
                    <a:gd name="T14" fmla="*/ 3 w 5"/>
                    <a:gd name="T15" fmla="*/ 3 h 10"/>
                    <a:gd name="T16" fmla="*/ 5 w 5"/>
                    <a:gd name="T17" fmla="*/ 5 h 10"/>
                    <a:gd name="T18" fmla="*/ 3 w 5"/>
                    <a:gd name="T19" fmla="*/ 7 h 10"/>
                    <a:gd name="T20" fmla="*/ 3 w 5"/>
                    <a:gd name="T21" fmla="*/ 8 h 10"/>
                    <a:gd name="T22" fmla="*/ 3 w 5"/>
                    <a:gd name="T23" fmla="*/ 10 h 10"/>
                    <a:gd name="T24" fmla="*/ 1 w 5"/>
                    <a:gd name="T25" fmla="*/ 10 h 10"/>
                    <a:gd name="T26" fmla="*/ 1 w 5"/>
                    <a:gd name="T27" fmla="*/ 10 h 10"/>
                    <a:gd name="T28" fmla="*/ 0 w 5"/>
                    <a:gd name="T29" fmla="*/ 8 h 10"/>
                    <a:gd name="T30" fmla="*/ 0 w 5"/>
                    <a:gd name="T31" fmla="*/ 7 h 10"/>
                    <a:gd name="T32" fmla="*/ 0 w 5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5"/>
                    <a:gd name="T52" fmla="*/ 0 h 10"/>
                    <a:gd name="T53" fmla="*/ 5 w 5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5" h="10">
                      <a:moveTo>
                        <a:pt x="0" y="5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2"/>
                      </a:lnTo>
                      <a:lnTo>
                        <a:pt x="3" y="3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3" y="8"/>
                      </a:lnTo>
                      <a:lnTo>
                        <a:pt x="3" y="10"/>
                      </a:lnTo>
                      <a:lnTo>
                        <a:pt x="1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53" name="Freeform 28"/>
                <p:cNvSpPr>
                  <a:spLocks/>
                </p:cNvSpPr>
                <p:nvPr/>
              </p:nvSpPr>
              <p:spPr bwMode="auto">
                <a:xfrm>
                  <a:off x="4714" y="3488"/>
                  <a:ext cx="5" cy="10"/>
                </a:xfrm>
                <a:custGeom>
                  <a:avLst/>
                  <a:gdLst>
                    <a:gd name="T0" fmla="*/ 0 w 5"/>
                    <a:gd name="T1" fmla="*/ 5 h 10"/>
                    <a:gd name="T2" fmla="*/ 0 w 5"/>
                    <a:gd name="T3" fmla="*/ 5 h 10"/>
                    <a:gd name="T4" fmla="*/ 0 w 5"/>
                    <a:gd name="T5" fmla="*/ 3 h 10"/>
                    <a:gd name="T6" fmla="*/ 0 w 5"/>
                    <a:gd name="T7" fmla="*/ 2 h 10"/>
                    <a:gd name="T8" fmla="*/ 1 w 5"/>
                    <a:gd name="T9" fmla="*/ 2 h 10"/>
                    <a:gd name="T10" fmla="*/ 1 w 5"/>
                    <a:gd name="T11" fmla="*/ 0 h 10"/>
                    <a:gd name="T12" fmla="*/ 1 w 5"/>
                    <a:gd name="T13" fmla="*/ 0 h 10"/>
                    <a:gd name="T14" fmla="*/ 3 w 5"/>
                    <a:gd name="T15" fmla="*/ 2 h 10"/>
                    <a:gd name="T16" fmla="*/ 3 w 5"/>
                    <a:gd name="T17" fmla="*/ 2 h 10"/>
                    <a:gd name="T18" fmla="*/ 3 w 5"/>
                    <a:gd name="T19" fmla="*/ 3 h 10"/>
                    <a:gd name="T20" fmla="*/ 5 w 5"/>
                    <a:gd name="T21" fmla="*/ 5 h 10"/>
                    <a:gd name="T22" fmla="*/ 5 w 5"/>
                    <a:gd name="T23" fmla="*/ 5 h 10"/>
                    <a:gd name="T24" fmla="*/ 3 w 5"/>
                    <a:gd name="T25" fmla="*/ 7 h 10"/>
                    <a:gd name="T26" fmla="*/ 3 w 5"/>
                    <a:gd name="T27" fmla="*/ 8 h 10"/>
                    <a:gd name="T28" fmla="*/ 3 w 5"/>
                    <a:gd name="T29" fmla="*/ 10 h 10"/>
                    <a:gd name="T30" fmla="*/ 1 w 5"/>
                    <a:gd name="T31" fmla="*/ 10 h 10"/>
                    <a:gd name="T32" fmla="*/ 1 w 5"/>
                    <a:gd name="T33" fmla="*/ 10 h 10"/>
                    <a:gd name="T34" fmla="*/ 1 w 5"/>
                    <a:gd name="T35" fmla="*/ 10 h 10"/>
                    <a:gd name="T36" fmla="*/ 0 w 5"/>
                    <a:gd name="T37" fmla="*/ 8 h 10"/>
                    <a:gd name="T38" fmla="*/ 0 w 5"/>
                    <a:gd name="T39" fmla="*/ 7 h 10"/>
                    <a:gd name="T40" fmla="*/ 0 w 5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5"/>
                    <a:gd name="T64" fmla="*/ 0 h 10"/>
                    <a:gd name="T65" fmla="*/ 5 w 5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5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2"/>
                      </a:lnTo>
                      <a:lnTo>
                        <a:pt x="3" y="3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3" y="8"/>
                      </a:lnTo>
                      <a:lnTo>
                        <a:pt x="3" y="10"/>
                      </a:lnTo>
                      <a:lnTo>
                        <a:pt x="1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54" name="Freeform 29"/>
                <p:cNvSpPr>
                  <a:spLocks/>
                </p:cNvSpPr>
                <p:nvPr/>
              </p:nvSpPr>
              <p:spPr bwMode="auto">
                <a:xfrm>
                  <a:off x="4590" y="3632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2 w 8"/>
                    <a:gd name="T3" fmla="*/ 3 h 10"/>
                    <a:gd name="T4" fmla="*/ 2 w 8"/>
                    <a:gd name="T5" fmla="*/ 0 h 10"/>
                    <a:gd name="T6" fmla="*/ 3 w 8"/>
                    <a:gd name="T7" fmla="*/ 0 h 10"/>
                    <a:gd name="T8" fmla="*/ 5 w 8"/>
                    <a:gd name="T9" fmla="*/ 0 h 10"/>
                    <a:gd name="T10" fmla="*/ 5 w 8"/>
                    <a:gd name="T11" fmla="*/ 0 h 10"/>
                    <a:gd name="T12" fmla="*/ 7 w 8"/>
                    <a:gd name="T13" fmla="*/ 0 h 10"/>
                    <a:gd name="T14" fmla="*/ 8 w 8"/>
                    <a:gd name="T15" fmla="*/ 3 h 10"/>
                    <a:gd name="T16" fmla="*/ 8 w 8"/>
                    <a:gd name="T17" fmla="*/ 5 h 10"/>
                    <a:gd name="T18" fmla="*/ 8 w 8"/>
                    <a:gd name="T19" fmla="*/ 7 h 10"/>
                    <a:gd name="T20" fmla="*/ 7 w 8"/>
                    <a:gd name="T21" fmla="*/ 8 h 10"/>
                    <a:gd name="T22" fmla="*/ 5 w 8"/>
                    <a:gd name="T23" fmla="*/ 10 h 10"/>
                    <a:gd name="T24" fmla="*/ 5 w 8"/>
                    <a:gd name="T25" fmla="*/ 10 h 10"/>
                    <a:gd name="T26" fmla="*/ 3 w 8"/>
                    <a:gd name="T27" fmla="*/ 10 h 10"/>
                    <a:gd name="T28" fmla="*/ 2 w 8"/>
                    <a:gd name="T29" fmla="*/ 8 h 10"/>
                    <a:gd name="T30" fmla="*/ 2 w 8"/>
                    <a:gd name="T31" fmla="*/ 7 h 10"/>
                    <a:gd name="T32" fmla="*/ 0 w 8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10"/>
                    <a:gd name="T53" fmla="*/ 8 w 8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10">
                      <a:moveTo>
                        <a:pt x="0" y="5"/>
                      </a:moveTo>
                      <a:lnTo>
                        <a:pt x="2" y="3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8" y="3"/>
                      </a:lnTo>
                      <a:lnTo>
                        <a:pt x="8" y="5"/>
                      </a:lnTo>
                      <a:lnTo>
                        <a:pt x="8" y="7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8"/>
                      </a:lnTo>
                      <a:lnTo>
                        <a:pt x="2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55" name="Freeform 30"/>
                <p:cNvSpPr>
                  <a:spLocks/>
                </p:cNvSpPr>
                <p:nvPr/>
              </p:nvSpPr>
              <p:spPr bwMode="auto">
                <a:xfrm>
                  <a:off x="4590" y="3632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5 h 10"/>
                    <a:gd name="T4" fmla="*/ 2 w 8"/>
                    <a:gd name="T5" fmla="*/ 3 h 10"/>
                    <a:gd name="T6" fmla="*/ 2 w 8"/>
                    <a:gd name="T7" fmla="*/ 0 h 10"/>
                    <a:gd name="T8" fmla="*/ 3 w 8"/>
                    <a:gd name="T9" fmla="*/ 0 h 10"/>
                    <a:gd name="T10" fmla="*/ 5 w 8"/>
                    <a:gd name="T11" fmla="*/ 0 h 10"/>
                    <a:gd name="T12" fmla="*/ 5 w 8"/>
                    <a:gd name="T13" fmla="*/ 0 h 10"/>
                    <a:gd name="T14" fmla="*/ 5 w 8"/>
                    <a:gd name="T15" fmla="*/ 0 h 10"/>
                    <a:gd name="T16" fmla="*/ 7 w 8"/>
                    <a:gd name="T17" fmla="*/ 0 h 10"/>
                    <a:gd name="T18" fmla="*/ 8 w 8"/>
                    <a:gd name="T19" fmla="*/ 3 h 10"/>
                    <a:gd name="T20" fmla="*/ 8 w 8"/>
                    <a:gd name="T21" fmla="*/ 5 h 10"/>
                    <a:gd name="T22" fmla="*/ 8 w 8"/>
                    <a:gd name="T23" fmla="*/ 5 h 10"/>
                    <a:gd name="T24" fmla="*/ 8 w 8"/>
                    <a:gd name="T25" fmla="*/ 7 h 10"/>
                    <a:gd name="T26" fmla="*/ 7 w 8"/>
                    <a:gd name="T27" fmla="*/ 8 h 10"/>
                    <a:gd name="T28" fmla="*/ 5 w 8"/>
                    <a:gd name="T29" fmla="*/ 10 h 10"/>
                    <a:gd name="T30" fmla="*/ 5 w 8"/>
                    <a:gd name="T31" fmla="*/ 10 h 10"/>
                    <a:gd name="T32" fmla="*/ 5 w 8"/>
                    <a:gd name="T33" fmla="*/ 10 h 10"/>
                    <a:gd name="T34" fmla="*/ 3 w 8"/>
                    <a:gd name="T35" fmla="*/ 10 h 10"/>
                    <a:gd name="T36" fmla="*/ 2 w 8"/>
                    <a:gd name="T37" fmla="*/ 8 h 10"/>
                    <a:gd name="T38" fmla="*/ 2 w 8"/>
                    <a:gd name="T39" fmla="*/ 7 h 10"/>
                    <a:gd name="T40" fmla="*/ 0 w 8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10"/>
                    <a:gd name="T65" fmla="*/ 8 w 8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2" y="3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8" y="3"/>
                      </a:lnTo>
                      <a:lnTo>
                        <a:pt x="8" y="5"/>
                      </a:lnTo>
                      <a:lnTo>
                        <a:pt x="8" y="7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8"/>
                      </a:lnTo>
                      <a:lnTo>
                        <a:pt x="2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56" name="Freeform 31"/>
                <p:cNvSpPr>
                  <a:spLocks/>
                </p:cNvSpPr>
                <p:nvPr/>
              </p:nvSpPr>
              <p:spPr bwMode="auto">
                <a:xfrm>
                  <a:off x="4582" y="3637"/>
                  <a:ext cx="6" cy="8"/>
                </a:xfrm>
                <a:custGeom>
                  <a:avLst/>
                  <a:gdLst>
                    <a:gd name="T0" fmla="*/ 0 w 6"/>
                    <a:gd name="T1" fmla="*/ 3 h 8"/>
                    <a:gd name="T2" fmla="*/ 0 w 6"/>
                    <a:gd name="T3" fmla="*/ 3 h 8"/>
                    <a:gd name="T4" fmla="*/ 0 w 6"/>
                    <a:gd name="T5" fmla="*/ 2 h 8"/>
                    <a:gd name="T6" fmla="*/ 1 w 6"/>
                    <a:gd name="T7" fmla="*/ 0 h 8"/>
                    <a:gd name="T8" fmla="*/ 3 w 6"/>
                    <a:gd name="T9" fmla="*/ 0 h 8"/>
                    <a:gd name="T10" fmla="*/ 5 w 6"/>
                    <a:gd name="T11" fmla="*/ 0 h 8"/>
                    <a:gd name="T12" fmla="*/ 5 w 6"/>
                    <a:gd name="T13" fmla="*/ 2 h 8"/>
                    <a:gd name="T14" fmla="*/ 6 w 6"/>
                    <a:gd name="T15" fmla="*/ 3 h 8"/>
                    <a:gd name="T16" fmla="*/ 6 w 6"/>
                    <a:gd name="T17" fmla="*/ 3 h 8"/>
                    <a:gd name="T18" fmla="*/ 6 w 6"/>
                    <a:gd name="T19" fmla="*/ 5 h 8"/>
                    <a:gd name="T20" fmla="*/ 5 w 6"/>
                    <a:gd name="T21" fmla="*/ 7 h 8"/>
                    <a:gd name="T22" fmla="*/ 5 w 6"/>
                    <a:gd name="T23" fmla="*/ 7 h 8"/>
                    <a:gd name="T24" fmla="*/ 3 w 6"/>
                    <a:gd name="T25" fmla="*/ 8 h 8"/>
                    <a:gd name="T26" fmla="*/ 1 w 6"/>
                    <a:gd name="T27" fmla="*/ 7 h 8"/>
                    <a:gd name="T28" fmla="*/ 0 w 6"/>
                    <a:gd name="T29" fmla="*/ 7 h 8"/>
                    <a:gd name="T30" fmla="*/ 0 w 6"/>
                    <a:gd name="T31" fmla="*/ 5 h 8"/>
                    <a:gd name="T32" fmla="*/ 0 w 6"/>
                    <a:gd name="T33" fmla="*/ 3 h 8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6"/>
                    <a:gd name="T52" fmla="*/ 0 h 8"/>
                    <a:gd name="T53" fmla="*/ 6 w 6"/>
                    <a:gd name="T54" fmla="*/ 8 h 8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6" h="8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5" y="2"/>
                      </a:lnTo>
                      <a:lnTo>
                        <a:pt x="6" y="3"/>
                      </a:lnTo>
                      <a:lnTo>
                        <a:pt x="6" y="5"/>
                      </a:lnTo>
                      <a:lnTo>
                        <a:pt x="5" y="7"/>
                      </a:lnTo>
                      <a:lnTo>
                        <a:pt x="3" y="8"/>
                      </a:lnTo>
                      <a:lnTo>
                        <a:pt x="1" y="7"/>
                      </a:lnTo>
                      <a:lnTo>
                        <a:pt x="0" y="7"/>
                      </a:lnTo>
                      <a:lnTo>
                        <a:pt x="0" y="5"/>
                      </a:lnTo>
                      <a:lnTo>
                        <a:pt x="0" y="3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57" name="Freeform 32"/>
                <p:cNvSpPr>
                  <a:spLocks/>
                </p:cNvSpPr>
                <p:nvPr/>
              </p:nvSpPr>
              <p:spPr bwMode="auto">
                <a:xfrm>
                  <a:off x="4582" y="3637"/>
                  <a:ext cx="6" cy="8"/>
                </a:xfrm>
                <a:custGeom>
                  <a:avLst/>
                  <a:gdLst>
                    <a:gd name="T0" fmla="*/ 0 w 6"/>
                    <a:gd name="T1" fmla="*/ 3 h 8"/>
                    <a:gd name="T2" fmla="*/ 0 w 6"/>
                    <a:gd name="T3" fmla="*/ 3 h 8"/>
                    <a:gd name="T4" fmla="*/ 0 w 6"/>
                    <a:gd name="T5" fmla="*/ 3 h 8"/>
                    <a:gd name="T6" fmla="*/ 0 w 6"/>
                    <a:gd name="T7" fmla="*/ 2 h 8"/>
                    <a:gd name="T8" fmla="*/ 1 w 6"/>
                    <a:gd name="T9" fmla="*/ 0 h 8"/>
                    <a:gd name="T10" fmla="*/ 3 w 6"/>
                    <a:gd name="T11" fmla="*/ 0 h 8"/>
                    <a:gd name="T12" fmla="*/ 3 w 6"/>
                    <a:gd name="T13" fmla="*/ 0 h 8"/>
                    <a:gd name="T14" fmla="*/ 5 w 6"/>
                    <a:gd name="T15" fmla="*/ 0 h 8"/>
                    <a:gd name="T16" fmla="*/ 5 w 6"/>
                    <a:gd name="T17" fmla="*/ 2 h 8"/>
                    <a:gd name="T18" fmla="*/ 6 w 6"/>
                    <a:gd name="T19" fmla="*/ 3 h 8"/>
                    <a:gd name="T20" fmla="*/ 6 w 6"/>
                    <a:gd name="T21" fmla="*/ 3 h 8"/>
                    <a:gd name="T22" fmla="*/ 6 w 6"/>
                    <a:gd name="T23" fmla="*/ 3 h 8"/>
                    <a:gd name="T24" fmla="*/ 6 w 6"/>
                    <a:gd name="T25" fmla="*/ 5 h 8"/>
                    <a:gd name="T26" fmla="*/ 5 w 6"/>
                    <a:gd name="T27" fmla="*/ 7 h 8"/>
                    <a:gd name="T28" fmla="*/ 5 w 6"/>
                    <a:gd name="T29" fmla="*/ 7 h 8"/>
                    <a:gd name="T30" fmla="*/ 3 w 6"/>
                    <a:gd name="T31" fmla="*/ 8 h 8"/>
                    <a:gd name="T32" fmla="*/ 3 w 6"/>
                    <a:gd name="T33" fmla="*/ 8 h 8"/>
                    <a:gd name="T34" fmla="*/ 1 w 6"/>
                    <a:gd name="T35" fmla="*/ 7 h 8"/>
                    <a:gd name="T36" fmla="*/ 0 w 6"/>
                    <a:gd name="T37" fmla="*/ 7 h 8"/>
                    <a:gd name="T38" fmla="*/ 0 w 6"/>
                    <a:gd name="T39" fmla="*/ 5 h 8"/>
                    <a:gd name="T40" fmla="*/ 0 w 6"/>
                    <a:gd name="T41" fmla="*/ 3 h 8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6"/>
                    <a:gd name="T64" fmla="*/ 0 h 8"/>
                    <a:gd name="T65" fmla="*/ 6 w 6"/>
                    <a:gd name="T66" fmla="*/ 8 h 8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6" h="8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5" y="2"/>
                      </a:lnTo>
                      <a:lnTo>
                        <a:pt x="6" y="3"/>
                      </a:lnTo>
                      <a:lnTo>
                        <a:pt x="6" y="5"/>
                      </a:lnTo>
                      <a:lnTo>
                        <a:pt x="5" y="7"/>
                      </a:lnTo>
                      <a:lnTo>
                        <a:pt x="3" y="8"/>
                      </a:lnTo>
                      <a:lnTo>
                        <a:pt x="1" y="7"/>
                      </a:lnTo>
                      <a:lnTo>
                        <a:pt x="0" y="7"/>
                      </a:lnTo>
                      <a:lnTo>
                        <a:pt x="0" y="5"/>
                      </a:lnTo>
                      <a:lnTo>
                        <a:pt x="0" y="3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58" name="Freeform 33"/>
                <p:cNvSpPr>
                  <a:spLocks/>
                </p:cNvSpPr>
                <p:nvPr/>
              </p:nvSpPr>
              <p:spPr bwMode="auto">
                <a:xfrm>
                  <a:off x="4575" y="3644"/>
                  <a:ext cx="3" cy="5"/>
                </a:xfrm>
                <a:custGeom>
                  <a:avLst/>
                  <a:gdLst>
                    <a:gd name="T0" fmla="*/ 0 w 3"/>
                    <a:gd name="T1" fmla="*/ 1 h 5"/>
                    <a:gd name="T2" fmla="*/ 0 w 3"/>
                    <a:gd name="T3" fmla="*/ 1 h 5"/>
                    <a:gd name="T4" fmla="*/ 0 w 3"/>
                    <a:gd name="T5" fmla="*/ 0 h 5"/>
                    <a:gd name="T6" fmla="*/ 1 w 3"/>
                    <a:gd name="T7" fmla="*/ 0 h 5"/>
                    <a:gd name="T8" fmla="*/ 1 w 3"/>
                    <a:gd name="T9" fmla="*/ 0 h 5"/>
                    <a:gd name="T10" fmla="*/ 1 w 3"/>
                    <a:gd name="T11" fmla="*/ 0 h 5"/>
                    <a:gd name="T12" fmla="*/ 3 w 3"/>
                    <a:gd name="T13" fmla="*/ 0 h 5"/>
                    <a:gd name="T14" fmla="*/ 3 w 3"/>
                    <a:gd name="T15" fmla="*/ 1 h 5"/>
                    <a:gd name="T16" fmla="*/ 3 w 3"/>
                    <a:gd name="T17" fmla="*/ 1 h 5"/>
                    <a:gd name="T18" fmla="*/ 3 w 3"/>
                    <a:gd name="T19" fmla="*/ 3 h 5"/>
                    <a:gd name="T20" fmla="*/ 3 w 3"/>
                    <a:gd name="T21" fmla="*/ 5 h 5"/>
                    <a:gd name="T22" fmla="*/ 1 w 3"/>
                    <a:gd name="T23" fmla="*/ 5 h 5"/>
                    <a:gd name="T24" fmla="*/ 1 w 3"/>
                    <a:gd name="T25" fmla="*/ 5 h 5"/>
                    <a:gd name="T26" fmla="*/ 1 w 3"/>
                    <a:gd name="T27" fmla="*/ 5 h 5"/>
                    <a:gd name="T28" fmla="*/ 0 w 3"/>
                    <a:gd name="T29" fmla="*/ 5 h 5"/>
                    <a:gd name="T30" fmla="*/ 0 w 3"/>
                    <a:gd name="T31" fmla="*/ 3 h 5"/>
                    <a:gd name="T32" fmla="*/ 0 w 3"/>
                    <a:gd name="T33" fmla="*/ 1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3"/>
                    <a:gd name="T52" fmla="*/ 0 h 5"/>
                    <a:gd name="T53" fmla="*/ 3 w 3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3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3" y="1"/>
                      </a:lnTo>
                      <a:lnTo>
                        <a:pt x="3" y="3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59" name="Freeform 34"/>
                <p:cNvSpPr>
                  <a:spLocks/>
                </p:cNvSpPr>
                <p:nvPr/>
              </p:nvSpPr>
              <p:spPr bwMode="auto">
                <a:xfrm>
                  <a:off x="4575" y="3644"/>
                  <a:ext cx="3" cy="5"/>
                </a:xfrm>
                <a:custGeom>
                  <a:avLst/>
                  <a:gdLst>
                    <a:gd name="T0" fmla="*/ 0 w 3"/>
                    <a:gd name="T1" fmla="*/ 1 h 5"/>
                    <a:gd name="T2" fmla="*/ 0 w 3"/>
                    <a:gd name="T3" fmla="*/ 1 h 5"/>
                    <a:gd name="T4" fmla="*/ 0 w 3"/>
                    <a:gd name="T5" fmla="*/ 1 h 5"/>
                    <a:gd name="T6" fmla="*/ 0 w 3"/>
                    <a:gd name="T7" fmla="*/ 0 h 5"/>
                    <a:gd name="T8" fmla="*/ 1 w 3"/>
                    <a:gd name="T9" fmla="*/ 0 h 5"/>
                    <a:gd name="T10" fmla="*/ 1 w 3"/>
                    <a:gd name="T11" fmla="*/ 0 h 5"/>
                    <a:gd name="T12" fmla="*/ 1 w 3"/>
                    <a:gd name="T13" fmla="*/ 0 h 5"/>
                    <a:gd name="T14" fmla="*/ 1 w 3"/>
                    <a:gd name="T15" fmla="*/ 0 h 5"/>
                    <a:gd name="T16" fmla="*/ 3 w 3"/>
                    <a:gd name="T17" fmla="*/ 0 h 5"/>
                    <a:gd name="T18" fmla="*/ 3 w 3"/>
                    <a:gd name="T19" fmla="*/ 1 h 5"/>
                    <a:gd name="T20" fmla="*/ 3 w 3"/>
                    <a:gd name="T21" fmla="*/ 1 h 5"/>
                    <a:gd name="T22" fmla="*/ 3 w 3"/>
                    <a:gd name="T23" fmla="*/ 1 h 5"/>
                    <a:gd name="T24" fmla="*/ 3 w 3"/>
                    <a:gd name="T25" fmla="*/ 3 h 5"/>
                    <a:gd name="T26" fmla="*/ 3 w 3"/>
                    <a:gd name="T27" fmla="*/ 5 h 5"/>
                    <a:gd name="T28" fmla="*/ 1 w 3"/>
                    <a:gd name="T29" fmla="*/ 5 h 5"/>
                    <a:gd name="T30" fmla="*/ 1 w 3"/>
                    <a:gd name="T31" fmla="*/ 5 h 5"/>
                    <a:gd name="T32" fmla="*/ 1 w 3"/>
                    <a:gd name="T33" fmla="*/ 5 h 5"/>
                    <a:gd name="T34" fmla="*/ 1 w 3"/>
                    <a:gd name="T35" fmla="*/ 5 h 5"/>
                    <a:gd name="T36" fmla="*/ 0 w 3"/>
                    <a:gd name="T37" fmla="*/ 5 h 5"/>
                    <a:gd name="T38" fmla="*/ 0 w 3"/>
                    <a:gd name="T39" fmla="*/ 3 h 5"/>
                    <a:gd name="T40" fmla="*/ 0 w 3"/>
                    <a:gd name="T41" fmla="*/ 1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3"/>
                    <a:gd name="T64" fmla="*/ 0 h 5"/>
                    <a:gd name="T65" fmla="*/ 3 w 3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3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3" y="1"/>
                      </a:lnTo>
                      <a:lnTo>
                        <a:pt x="3" y="3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60" name="Freeform 35"/>
                <p:cNvSpPr>
                  <a:spLocks/>
                </p:cNvSpPr>
                <p:nvPr/>
              </p:nvSpPr>
              <p:spPr bwMode="auto">
                <a:xfrm>
                  <a:off x="4566" y="3649"/>
                  <a:ext cx="5" cy="5"/>
                </a:xfrm>
                <a:custGeom>
                  <a:avLst/>
                  <a:gdLst>
                    <a:gd name="T0" fmla="*/ 0 w 5"/>
                    <a:gd name="T1" fmla="*/ 3 h 5"/>
                    <a:gd name="T2" fmla="*/ 0 w 5"/>
                    <a:gd name="T3" fmla="*/ 1 h 5"/>
                    <a:gd name="T4" fmla="*/ 2 w 5"/>
                    <a:gd name="T5" fmla="*/ 0 h 5"/>
                    <a:gd name="T6" fmla="*/ 2 w 5"/>
                    <a:gd name="T7" fmla="*/ 0 h 5"/>
                    <a:gd name="T8" fmla="*/ 4 w 5"/>
                    <a:gd name="T9" fmla="*/ 0 h 5"/>
                    <a:gd name="T10" fmla="*/ 4 w 5"/>
                    <a:gd name="T11" fmla="*/ 0 h 5"/>
                    <a:gd name="T12" fmla="*/ 5 w 5"/>
                    <a:gd name="T13" fmla="*/ 0 h 5"/>
                    <a:gd name="T14" fmla="*/ 5 w 5"/>
                    <a:gd name="T15" fmla="*/ 1 h 5"/>
                    <a:gd name="T16" fmla="*/ 5 w 5"/>
                    <a:gd name="T17" fmla="*/ 3 h 5"/>
                    <a:gd name="T18" fmla="*/ 5 w 5"/>
                    <a:gd name="T19" fmla="*/ 3 h 5"/>
                    <a:gd name="T20" fmla="*/ 5 w 5"/>
                    <a:gd name="T21" fmla="*/ 5 h 5"/>
                    <a:gd name="T22" fmla="*/ 4 w 5"/>
                    <a:gd name="T23" fmla="*/ 5 h 5"/>
                    <a:gd name="T24" fmla="*/ 4 w 5"/>
                    <a:gd name="T25" fmla="*/ 5 h 5"/>
                    <a:gd name="T26" fmla="*/ 2 w 5"/>
                    <a:gd name="T27" fmla="*/ 5 h 5"/>
                    <a:gd name="T28" fmla="*/ 2 w 5"/>
                    <a:gd name="T29" fmla="*/ 5 h 5"/>
                    <a:gd name="T30" fmla="*/ 0 w 5"/>
                    <a:gd name="T31" fmla="*/ 3 h 5"/>
                    <a:gd name="T32" fmla="*/ 0 w 5"/>
                    <a:gd name="T33" fmla="*/ 3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5"/>
                    <a:gd name="T52" fmla="*/ 0 h 5"/>
                    <a:gd name="T53" fmla="*/ 5 w 5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5" h="5">
                      <a:moveTo>
                        <a:pt x="0" y="3"/>
                      </a:moveTo>
                      <a:lnTo>
                        <a:pt x="0" y="1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5" y="1"/>
                      </a:lnTo>
                      <a:lnTo>
                        <a:pt x="5" y="3"/>
                      </a:lnTo>
                      <a:lnTo>
                        <a:pt x="5" y="5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3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61" name="Freeform 36"/>
                <p:cNvSpPr>
                  <a:spLocks/>
                </p:cNvSpPr>
                <p:nvPr/>
              </p:nvSpPr>
              <p:spPr bwMode="auto">
                <a:xfrm>
                  <a:off x="4566" y="3649"/>
                  <a:ext cx="5" cy="5"/>
                </a:xfrm>
                <a:custGeom>
                  <a:avLst/>
                  <a:gdLst>
                    <a:gd name="T0" fmla="*/ 0 w 5"/>
                    <a:gd name="T1" fmla="*/ 3 h 5"/>
                    <a:gd name="T2" fmla="*/ 0 w 5"/>
                    <a:gd name="T3" fmla="*/ 3 h 5"/>
                    <a:gd name="T4" fmla="*/ 0 w 5"/>
                    <a:gd name="T5" fmla="*/ 1 h 5"/>
                    <a:gd name="T6" fmla="*/ 2 w 5"/>
                    <a:gd name="T7" fmla="*/ 0 h 5"/>
                    <a:gd name="T8" fmla="*/ 2 w 5"/>
                    <a:gd name="T9" fmla="*/ 0 h 5"/>
                    <a:gd name="T10" fmla="*/ 4 w 5"/>
                    <a:gd name="T11" fmla="*/ 0 h 5"/>
                    <a:gd name="T12" fmla="*/ 4 w 5"/>
                    <a:gd name="T13" fmla="*/ 0 h 5"/>
                    <a:gd name="T14" fmla="*/ 4 w 5"/>
                    <a:gd name="T15" fmla="*/ 0 h 5"/>
                    <a:gd name="T16" fmla="*/ 5 w 5"/>
                    <a:gd name="T17" fmla="*/ 0 h 5"/>
                    <a:gd name="T18" fmla="*/ 5 w 5"/>
                    <a:gd name="T19" fmla="*/ 1 h 5"/>
                    <a:gd name="T20" fmla="*/ 5 w 5"/>
                    <a:gd name="T21" fmla="*/ 3 h 5"/>
                    <a:gd name="T22" fmla="*/ 5 w 5"/>
                    <a:gd name="T23" fmla="*/ 3 h 5"/>
                    <a:gd name="T24" fmla="*/ 5 w 5"/>
                    <a:gd name="T25" fmla="*/ 3 h 5"/>
                    <a:gd name="T26" fmla="*/ 5 w 5"/>
                    <a:gd name="T27" fmla="*/ 5 h 5"/>
                    <a:gd name="T28" fmla="*/ 4 w 5"/>
                    <a:gd name="T29" fmla="*/ 5 h 5"/>
                    <a:gd name="T30" fmla="*/ 4 w 5"/>
                    <a:gd name="T31" fmla="*/ 5 h 5"/>
                    <a:gd name="T32" fmla="*/ 4 w 5"/>
                    <a:gd name="T33" fmla="*/ 5 h 5"/>
                    <a:gd name="T34" fmla="*/ 2 w 5"/>
                    <a:gd name="T35" fmla="*/ 5 h 5"/>
                    <a:gd name="T36" fmla="*/ 2 w 5"/>
                    <a:gd name="T37" fmla="*/ 5 h 5"/>
                    <a:gd name="T38" fmla="*/ 0 w 5"/>
                    <a:gd name="T39" fmla="*/ 3 h 5"/>
                    <a:gd name="T40" fmla="*/ 0 w 5"/>
                    <a:gd name="T41" fmla="*/ 3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5"/>
                    <a:gd name="T64" fmla="*/ 0 h 5"/>
                    <a:gd name="T65" fmla="*/ 5 w 5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5" h="5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5" y="1"/>
                      </a:lnTo>
                      <a:lnTo>
                        <a:pt x="5" y="3"/>
                      </a:lnTo>
                      <a:lnTo>
                        <a:pt x="5" y="5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3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62" name="Freeform 37"/>
                <p:cNvSpPr>
                  <a:spLocks/>
                </p:cNvSpPr>
                <p:nvPr/>
              </p:nvSpPr>
              <p:spPr bwMode="auto">
                <a:xfrm>
                  <a:off x="4560" y="3656"/>
                  <a:ext cx="5" cy="3"/>
                </a:xfrm>
                <a:custGeom>
                  <a:avLst/>
                  <a:gdLst>
                    <a:gd name="T0" fmla="*/ 0 w 5"/>
                    <a:gd name="T1" fmla="*/ 1 h 3"/>
                    <a:gd name="T2" fmla="*/ 0 w 5"/>
                    <a:gd name="T3" fmla="*/ 1 h 3"/>
                    <a:gd name="T4" fmla="*/ 0 w 5"/>
                    <a:gd name="T5" fmla="*/ 0 h 3"/>
                    <a:gd name="T6" fmla="*/ 1 w 5"/>
                    <a:gd name="T7" fmla="*/ 0 h 3"/>
                    <a:gd name="T8" fmla="*/ 1 w 5"/>
                    <a:gd name="T9" fmla="*/ 0 h 3"/>
                    <a:gd name="T10" fmla="*/ 3 w 5"/>
                    <a:gd name="T11" fmla="*/ 0 h 3"/>
                    <a:gd name="T12" fmla="*/ 3 w 5"/>
                    <a:gd name="T13" fmla="*/ 0 h 3"/>
                    <a:gd name="T14" fmla="*/ 5 w 5"/>
                    <a:gd name="T15" fmla="*/ 1 h 3"/>
                    <a:gd name="T16" fmla="*/ 5 w 5"/>
                    <a:gd name="T17" fmla="*/ 1 h 3"/>
                    <a:gd name="T18" fmla="*/ 5 w 5"/>
                    <a:gd name="T19" fmla="*/ 1 h 3"/>
                    <a:gd name="T20" fmla="*/ 3 w 5"/>
                    <a:gd name="T21" fmla="*/ 3 h 3"/>
                    <a:gd name="T22" fmla="*/ 3 w 5"/>
                    <a:gd name="T23" fmla="*/ 3 h 3"/>
                    <a:gd name="T24" fmla="*/ 1 w 5"/>
                    <a:gd name="T25" fmla="*/ 3 h 3"/>
                    <a:gd name="T26" fmla="*/ 1 w 5"/>
                    <a:gd name="T27" fmla="*/ 3 h 3"/>
                    <a:gd name="T28" fmla="*/ 0 w 5"/>
                    <a:gd name="T29" fmla="*/ 3 h 3"/>
                    <a:gd name="T30" fmla="*/ 0 w 5"/>
                    <a:gd name="T31" fmla="*/ 1 h 3"/>
                    <a:gd name="T32" fmla="*/ 0 w 5"/>
                    <a:gd name="T33" fmla="*/ 1 h 3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5"/>
                    <a:gd name="T52" fmla="*/ 0 h 3"/>
                    <a:gd name="T53" fmla="*/ 5 w 5"/>
                    <a:gd name="T54" fmla="*/ 3 h 3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5" h="3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1"/>
                      </a:lnTo>
                      <a:lnTo>
                        <a:pt x="3" y="3"/>
                      </a:lnTo>
                      <a:lnTo>
                        <a:pt x="1" y="3"/>
                      </a:lnTo>
                      <a:lnTo>
                        <a:pt x="0" y="3"/>
                      </a:lnTo>
                      <a:lnTo>
                        <a:pt x="0" y="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63" name="Freeform 38"/>
                <p:cNvSpPr>
                  <a:spLocks/>
                </p:cNvSpPr>
                <p:nvPr/>
              </p:nvSpPr>
              <p:spPr bwMode="auto">
                <a:xfrm>
                  <a:off x="4560" y="3656"/>
                  <a:ext cx="5" cy="3"/>
                </a:xfrm>
                <a:custGeom>
                  <a:avLst/>
                  <a:gdLst>
                    <a:gd name="T0" fmla="*/ 0 w 5"/>
                    <a:gd name="T1" fmla="*/ 1 h 3"/>
                    <a:gd name="T2" fmla="*/ 0 w 5"/>
                    <a:gd name="T3" fmla="*/ 1 h 3"/>
                    <a:gd name="T4" fmla="*/ 0 w 5"/>
                    <a:gd name="T5" fmla="*/ 1 h 3"/>
                    <a:gd name="T6" fmla="*/ 0 w 5"/>
                    <a:gd name="T7" fmla="*/ 0 h 3"/>
                    <a:gd name="T8" fmla="*/ 1 w 5"/>
                    <a:gd name="T9" fmla="*/ 0 h 3"/>
                    <a:gd name="T10" fmla="*/ 1 w 5"/>
                    <a:gd name="T11" fmla="*/ 0 h 3"/>
                    <a:gd name="T12" fmla="*/ 1 w 5"/>
                    <a:gd name="T13" fmla="*/ 0 h 3"/>
                    <a:gd name="T14" fmla="*/ 3 w 5"/>
                    <a:gd name="T15" fmla="*/ 0 h 3"/>
                    <a:gd name="T16" fmla="*/ 3 w 5"/>
                    <a:gd name="T17" fmla="*/ 0 h 3"/>
                    <a:gd name="T18" fmla="*/ 5 w 5"/>
                    <a:gd name="T19" fmla="*/ 1 h 3"/>
                    <a:gd name="T20" fmla="*/ 5 w 5"/>
                    <a:gd name="T21" fmla="*/ 1 h 3"/>
                    <a:gd name="T22" fmla="*/ 5 w 5"/>
                    <a:gd name="T23" fmla="*/ 1 h 3"/>
                    <a:gd name="T24" fmla="*/ 5 w 5"/>
                    <a:gd name="T25" fmla="*/ 1 h 3"/>
                    <a:gd name="T26" fmla="*/ 3 w 5"/>
                    <a:gd name="T27" fmla="*/ 3 h 3"/>
                    <a:gd name="T28" fmla="*/ 3 w 5"/>
                    <a:gd name="T29" fmla="*/ 3 h 3"/>
                    <a:gd name="T30" fmla="*/ 1 w 5"/>
                    <a:gd name="T31" fmla="*/ 3 h 3"/>
                    <a:gd name="T32" fmla="*/ 1 w 5"/>
                    <a:gd name="T33" fmla="*/ 3 h 3"/>
                    <a:gd name="T34" fmla="*/ 1 w 5"/>
                    <a:gd name="T35" fmla="*/ 3 h 3"/>
                    <a:gd name="T36" fmla="*/ 0 w 5"/>
                    <a:gd name="T37" fmla="*/ 3 h 3"/>
                    <a:gd name="T38" fmla="*/ 0 w 5"/>
                    <a:gd name="T39" fmla="*/ 1 h 3"/>
                    <a:gd name="T40" fmla="*/ 0 w 5"/>
                    <a:gd name="T41" fmla="*/ 1 h 3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5"/>
                    <a:gd name="T64" fmla="*/ 0 h 3"/>
                    <a:gd name="T65" fmla="*/ 5 w 5"/>
                    <a:gd name="T66" fmla="*/ 3 h 3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5" h="3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1"/>
                      </a:lnTo>
                      <a:lnTo>
                        <a:pt x="3" y="3"/>
                      </a:lnTo>
                      <a:lnTo>
                        <a:pt x="1" y="3"/>
                      </a:lnTo>
                      <a:lnTo>
                        <a:pt x="0" y="3"/>
                      </a:lnTo>
                      <a:lnTo>
                        <a:pt x="0" y="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64" name="Freeform 39"/>
                <p:cNvSpPr>
                  <a:spLocks/>
                </p:cNvSpPr>
                <p:nvPr/>
              </p:nvSpPr>
              <p:spPr bwMode="auto">
                <a:xfrm>
                  <a:off x="4664" y="3600"/>
                  <a:ext cx="4" cy="5"/>
                </a:xfrm>
                <a:custGeom>
                  <a:avLst/>
                  <a:gdLst>
                    <a:gd name="T0" fmla="*/ 0 w 4"/>
                    <a:gd name="T1" fmla="*/ 1 h 5"/>
                    <a:gd name="T2" fmla="*/ 0 w 4"/>
                    <a:gd name="T3" fmla="*/ 1 h 5"/>
                    <a:gd name="T4" fmla="*/ 0 w 4"/>
                    <a:gd name="T5" fmla="*/ 0 h 5"/>
                    <a:gd name="T6" fmla="*/ 2 w 4"/>
                    <a:gd name="T7" fmla="*/ 0 h 5"/>
                    <a:gd name="T8" fmla="*/ 2 w 4"/>
                    <a:gd name="T9" fmla="*/ 0 h 5"/>
                    <a:gd name="T10" fmla="*/ 2 w 4"/>
                    <a:gd name="T11" fmla="*/ 0 h 5"/>
                    <a:gd name="T12" fmla="*/ 4 w 4"/>
                    <a:gd name="T13" fmla="*/ 0 h 5"/>
                    <a:gd name="T14" fmla="*/ 4 w 4"/>
                    <a:gd name="T15" fmla="*/ 1 h 5"/>
                    <a:gd name="T16" fmla="*/ 4 w 4"/>
                    <a:gd name="T17" fmla="*/ 1 h 5"/>
                    <a:gd name="T18" fmla="*/ 4 w 4"/>
                    <a:gd name="T19" fmla="*/ 3 h 5"/>
                    <a:gd name="T20" fmla="*/ 4 w 4"/>
                    <a:gd name="T21" fmla="*/ 5 h 5"/>
                    <a:gd name="T22" fmla="*/ 2 w 4"/>
                    <a:gd name="T23" fmla="*/ 5 h 5"/>
                    <a:gd name="T24" fmla="*/ 2 w 4"/>
                    <a:gd name="T25" fmla="*/ 5 h 5"/>
                    <a:gd name="T26" fmla="*/ 2 w 4"/>
                    <a:gd name="T27" fmla="*/ 5 h 5"/>
                    <a:gd name="T28" fmla="*/ 0 w 4"/>
                    <a:gd name="T29" fmla="*/ 5 h 5"/>
                    <a:gd name="T30" fmla="*/ 0 w 4"/>
                    <a:gd name="T31" fmla="*/ 3 h 5"/>
                    <a:gd name="T32" fmla="*/ 0 w 4"/>
                    <a:gd name="T33" fmla="*/ 1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4"/>
                    <a:gd name="T52" fmla="*/ 0 h 5"/>
                    <a:gd name="T53" fmla="*/ 4 w 4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4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4" y="1"/>
                      </a:lnTo>
                      <a:lnTo>
                        <a:pt x="4" y="3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65" name="Freeform 40"/>
                <p:cNvSpPr>
                  <a:spLocks/>
                </p:cNvSpPr>
                <p:nvPr/>
              </p:nvSpPr>
              <p:spPr bwMode="auto">
                <a:xfrm>
                  <a:off x="4664" y="3600"/>
                  <a:ext cx="4" cy="5"/>
                </a:xfrm>
                <a:custGeom>
                  <a:avLst/>
                  <a:gdLst>
                    <a:gd name="T0" fmla="*/ 0 w 4"/>
                    <a:gd name="T1" fmla="*/ 1 h 5"/>
                    <a:gd name="T2" fmla="*/ 0 w 4"/>
                    <a:gd name="T3" fmla="*/ 1 h 5"/>
                    <a:gd name="T4" fmla="*/ 0 w 4"/>
                    <a:gd name="T5" fmla="*/ 1 h 5"/>
                    <a:gd name="T6" fmla="*/ 0 w 4"/>
                    <a:gd name="T7" fmla="*/ 0 h 5"/>
                    <a:gd name="T8" fmla="*/ 2 w 4"/>
                    <a:gd name="T9" fmla="*/ 0 h 5"/>
                    <a:gd name="T10" fmla="*/ 2 w 4"/>
                    <a:gd name="T11" fmla="*/ 0 h 5"/>
                    <a:gd name="T12" fmla="*/ 2 w 4"/>
                    <a:gd name="T13" fmla="*/ 0 h 5"/>
                    <a:gd name="T14" fmla="*/ 2 w 4"/>
                    <a:gd name="T15" fmla="*/ 0 h 5"/>
                    <a:gd name="T16" fmla="*/ 4 w 4"/>
                    <a:gd name="T17" fmla="*/ 0 h 5"/>
                    <a:gd name="T18" fmla="*/ 4 w 4"/>
                    <a:gd name="T19" fmla="*/ 1 h 5"/>
                    <a:gd name="T20" fmla="*/ 4 w 4"/>
                    <a:gd name="T21" fmla="*/ 1 h 5"/>
                    <a:gd name="T22" fmla="*/ 4 w 4"/>
                    <a:gd name="T23" fmla="*/ 1 h 5"/>
                    <a:gd name="T24" fmla="*/ 4 w 4"/>
                    <a:gd name="T25" fmla="*/ 3 h 5"/>
                    <a:gd name="T26" fmla="*/ 4 w 4"/>
                    <a:gd name="T27" fmla="*/ 5 h 5"/>
                    <a:gd name="T28" fmla="*/ 2 w 4"/>
                    <a:gd name="T29" fmla="*/ 5 h 5"/>
                    <a:gd name="T30" fmla="*/ 2 w 4"/>
                    <a:gd name="T31" fmla="*/ 5 h 5"/>
                    <a:gd name="T32" fmla="*/ 2 w 4"/>
                    <a:gd name="T33" fmla="*/ 5 h 5"/>
                    <a:gd name="T34" fmla="*/ 2 w 4"/>
                    <a:gd name="T35" fmla="*/ 5 h 5"/>
                    <a:gd name="T36" fmla="*/ 0 w 4"/>
                    <a:gd name="T37" fmla="*/ 5 h 5"/>
                    <a:gd name="T38" fmla="*/ 0 w 4"/>
                    <a:gd name="T39" fmla="*/ 3 h 5"/>
                    <a:gd name="T40" fmla="*/ 0 w 4"/>
                    <a:gd name="T41" fmla="*/ 1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4"/>
                    <a:gd name="T64" fmla="*/ 0 h 5"/>
                    <a:gd name="T65" fmla="*/ 4 w 4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4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4" y="1"/>
                      </a:lnTo>
                      <a:lnTo>
                        <a:pt x="4" y="3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66" name="Freeform 41"/>
                <p:cNvSpPr>
                  <a:spLocks/>
                </p:cNvSpPr>
                <p:nvPr/>
              </p:nvSpPr>
              <p:spPr bwMode="auto">
                <a:xfrm>
                  <a:off x="4653" y="3608"/>
                  <a:ext cx="8" cy="7"/>
                </a:xfrm>
                <a:custGeom>
                  <a:avLst/>
                  <a:gdLst>
                    <a:gd name="T0" fmla="*/ 0 w 8"/>
                    <a:gd name="T1" fmla="*/ 4 h 7"/>
                    <a:gd name="T2" fmla="*/ 0 w 8"/>
                    <a:gd name="T3" fmla="*/ 2 h 7"/>
                    <a:gd name="T4" fmla="*/ 1 w 8"/>
                    <a:gd name="T5" fmla="*/ 2 h 7"/>
                    <a:gd name="T6" fmla="*/ 1 w 8"/>
                    <a:gd name="T7" fmla="*/ 0 h 7"/>
                    <a:gd name="T8" fmla="*/ 3 w 8"/>
                    <a:gd name="T9" fmla="*/ 0 h 7"/>
                    <a:gd name="T10" fmla="*/ 5 w 8"/>
                    <a:gd name="T11" fmla="*/ 0 h 7"/>
                    <a:gd name="T12" fmla="*/ 6 w 8"/>
                    <a:gd name="T13" fmla="*/ 2 h 7"/>
                    <a:gd name="T14" fmla="*/ 6 w 8"/>
                    <a:gd name="T15" fmla="*/ 2 h 7"/>
                    <a:gd name="T16" fmla="*/ 8 w 8"/>
                    <a:gd name="T17" fmla="*/ 4 h 7"/>
                    <a:gd name="T18" fmla="*/ 6 w 8"/>
                    <a:gd name="T19" fmla="*/ 5 h 7"/>
                    <a:gd name="T20" fmla="*/ 6 w 8"/>
                    <a:gd name="T21" fmla="*/ 5 h 7"/>
                    <a:gd name="T22" fmla="*/ 5 w 8"/>
                    <a:gd name="T23" fmla="*/ 5 h 7"/>
                    <a:gd name="T24" fmla="*/ 3 w 8"/>
                    <a:gd name="T25" fmla="*/ 7 h 7"/>
                    <a:gd name="T26" fmla="*/ 1 w 8"/>
                    <a:gd name="T27" fmla="*/ 5 h 7"/>
                    <a:gd name="T28" fmla="*/ 1 w 8"/>
                    <a:gd name="T29" fmla="*/ 5 h 7"/>
                    <a:gd name="T30" fmla="*/ 0 w 8"/>
                    <a:gd name="T31" fmla="*/ 5 h 7"/>
                    <a:gd name="T32" fmla="*/ 0 w 8"/>
                    <a:gd name="T33" fmla="*/ 4 h 7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7"/>
                    <a:gd name="T53" fmla="*/ 8 w 8"/>
                    <a:gd name="T54" fmla="*/ 7 h 7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7">
                      <a:moveTo>
                        <a:pt x="0" y="4"/>
                      </a:move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6" y="2"/>
                      </a:lnTo>
                      <a:lnTo>
                        <a:pt x="8" y="4"/>
                      </a:lnTo>
                      <a:lnTo>
                        <a:pt x="6" y="5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4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67" name="Freeform 42"/>
                <p:cNvSpPr>
                  <a:spLocks/>
                </p:cNvSpPr>
                <p:nvPr/>
              </p:nvSpPr>
              <p:spPr bwMode="auto">
                <a:xfrm>
                  <a:off x="4653" y="3608"/>
                  <a:ext cx="8" cy="7"/>
                </a:xfrm>
                <a:custGeom>
                  <a:avLst/>
                  <a:gdLst>
                    <a:gd name="T0" fmla="*/ 0 w 8"/>
                    <a:gd name="T1" fmla="*/ 4 h 7"/>
                    <a:gd name="T2" fmla="*/ 0 w 8"/>
                    <a:gd name="T3" fmla="*/ 4 h 7"/>
                    <a:gd name="T4" fmla="*/ 0 w 8"/>
                    <a:gd name="T5" fmla="*/ 2 h 7"/>
                    <a:gd name="T6" fmla="*/ 1 w 8"/>
                    <a:gd name="T7" fmla="*/ 2 h 7"/>
                    <a:gd name="T8" fmla="*/ 1 w 8"/>
                    <a:gd name="T9" fmla="*/ 0 h 7"/>
                    <a:gd name="T10" fmla="*/ 3 w 8"/>
                    <a:gd name="T11" fmla="*/ 0 h 7"/>
                    <a:gd name="T12" fmla="*/ 3 w 8"/>
                    <a:gd name="T13" fmla="*/ 0 h 7"/>
                    <a:gd name="T14" fmla="*/ 5 w 8"/>
                    <a:gd name="T15" fmla="*/ 0 h 7"/>
                    <a:gd name="T16" fmla="*/ 6 w 8"/>
                    <a:gd name="T17" fmla="*/ 2 h 7"/>
                    <a:gd name="T18" fmla="*/ 6 w 8"/>
                    <a:gd name="T19" fmla="*/ 2 h 7"/>
                    <a:gd name="T20" fmla="*/ 8 w 8"/>
                    <a:gd name="T21" fmla="*/ 4 h 7"/>
                    <a:gd name="T22" fmla="*/ 8 w 8"/>
                    <a:gd name="T23" fmla="*/ 4 h 7"/>
                    <a:gd name="T24" fmla="*/ 6 w 8"/>
                    <a:gd name="T25" fmla="*/ 5 h 7"/>
                    <a:gd name="T26" fmla="*/ 6 w 8"/>
                    <a:gd name="T27" fmla="*/ 5 h 7"/>
                    <a:gd name="T28" fmla="*/ 5 w 8"/>
                    <a:gd name="T29" fmla="*/ 5 h 7"/>
                    <a:gd name="T30" fmla="*/ 3 w 8"/>
                    <a:gd name="T31" fmla="*/ 7 h 7"/>
                    <a:gd name="T32" fmla="*/ 3 w 8"/>
                    <a:gd name="T33" fmla="*/ 7 h 7"/>
                    <a:gd name="T34" fmla="*/ 1 w 8"/>
                    <a:gd name="T35" fmla="*/ 5 h 7"/>
                    <a:gd name="T36" fmla="*/ 1 w 8"/>
                    <a:gd name="T37" fmla="*/ 5 h 7"/>
                    <a:gd name="T38" fmla="*/ 0 w 8"/>
                    <a:gd name="T39" fmla="*/ 5 h 7"/>
                    <a:gd name="T40" fmla="*/ 0 w 8"/>
                    <a:gd name="T41" fmla="*/ 4 h 7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7"/>
                    <a:gd name="T65" fmla="*/ 8 w 8"/>
                    <a:gd name="T66" fmla="*/ 7 h 7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7">
                      <a:moveTo>
                        <a:pt x="0" y="4"/>
                      </a:moveTo>
                      <a:lnTo>
                        <a:pt x="0" y="4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6" y="2"/>
                      </a:lnTo>
                      <a:lnTo>
                        <a:pt x="8" y="4"/>
                      </a:lnTo>
                      <a:lnTo>
                        <a:pt x="6" y="5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4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68" name="Freeform 43"/>
                <p:cNvSpPr>
                  <a:spLocks/>
                </p:cNvSpPr>
                <p:nvPr/>
              </p:nvSpPr>
              <p:spPr bwMode="auto">
                <a:xfrm>
                  <a:off x="4626" y="3627"/>
                  <a:ext cx="8" cy="5"/>
                </a:xfrm>
                <a:custGeom>
                  <a:avLst/>
                  <a:gdLst>
                    <a:gd name="T0" fmla="*/ 0 w 8"/>
                    <a:gd name="T1" fmla="*/ 3 h 5"/>
                    <a:gd name="T2" fmla="*/ 0 w 8"/>
                    <a:gd name="T3" fmla="*/ 1 h 5"/>
                    <a:gd name="T4" fmla="*/ 0 w 8"/>
                    <a:gd name="T5" fmla="*/ 0 h 5"/>
                    <a:gd name="T6" fmla="*/ 1 w 8"/>
                    <a:gd name="T7" fmla="*/ 0 h 5"/>
                    <a:gd name="T8" fmla="*/ 3 w 8"/>
                    <a:gd name="T9" fmla="*/ 0 h 5"/>
                    <a:gd name="T10" fmla="*/ 6 w 8"/>
                    <a:gd name="T11" fmla="*/ 0 h 5"/>
                    <a:gd name="T12" fmla="*/ 6 w 8"/>
                    <a:gd name="T13" fmla="*/ 0 h 5"/>
                    <a:gd name="T14" fmla="*/ 8 w 8"/>
                    <a:gd name="T15" fmla="*/ 1 h 5"/>
                    <a:gd name="T16" fmla="*/ 8 w 8"/>
                    <a:gd name="T17" fmla="*/ 3 h 5"/>
                    <a:gd name="T18" fmla="*/ 8 w 8"/>
                    <a:gd name="T19" fmla="*/ 3 h 5"/>
                    <a:gd name="T20" fmla="*/ 6 w 8"/>
                    <a:gd name="T21" fmla="*/ 5 h 5"/>
                    <a:gd name="T22" fmla="*/ 6 w 8"/>
                    <a:gd name="T23" fmla="*/ 5 h 5"/>
                    <a:gd name="T24" fmla="*/ 3 w 8"/>
                    <a:gd name="T25" fmla="*/ 5 h 5"/>
                    <a:gd name="T26" fmla="*/ 1 w 8"/>
                    <a:gd name="T27" fmla="*/ 5 h 5"/>
                    <a:gd name="T28" fmla="*/ 0 w 8"/>
                    <a:gd name="T29" fmla="*/ 5 h 5"/>
                    <a:gd name="T30" fmla="*/ 0 w 8"/>
                    <a:gd name="T31" fmla="*/ 3 h 5"/>
                    <a:gd name="T32" fmla="*/ 0 w 8"/>
                    <a:gd name="T33" fmla="*/ 3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5"/>
                    <a:gd name="T53" fmla="*/ 8 w 8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5">
                      <a:moveTo>
                        <a:pt x="0" y="3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6" y="0"/>
                      </a:lnTo>
                      <a:lnTo>
                        <a:pt x="8" y="1"/>
                      </a:lnTo>
                      <a:lnTo>
                        <a:pt x="8" y="3"/>
                      </a:lnTo>
                      <a:lnTo>
                        <a:pt x="6" y="5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69" name="Freeform 44"/>
                <p:cNvSpPr>
                  <a:spLocks/>
                </p:cNvSpPr>
                <p:nvPr/>
              </p:nvSpPr>
              <p:spPr bwMode="auto">
                <a:xfrm>
                  <a:off x="4626" y="3627"/>
                  <a:ext cx="8" cy="5"/>
                </a:xfrm>
                <a:custGeom>
                  <a:avLst/>
                  <a:gdLst>
                    <a:gd name="T0" fmla="*/ 0 w 8"/>
                    <a:gd name="T1" fmla="*/ 3 h 5"/>
                    <a:gd name="T2" fmla="*/ 0 w 8"/>
                    <a:gd name="T3" fmla="*/ 3 h 5"/>
                    <a:gd name="T4" fmla="*/ 0 w 8"/>
                    <a:gd name="T5" fmla="*/ 1 h 5"/>
                    <a:gd name="T6" fmla="*/ 0 w 8"/>
                    <a:gd name="T7" fmla="*/ 0 h 5"/>
                    <a:gd name="T8" fmla="*/ 1 w 8"/>
                    <a:gd name="T9" fmla="*/ 0 h 5"/>
                    <a:gd name="T10" fmla="*/ 3 w 8"/>
                    <a:gd name="T11" fmla="*/ 0 h 5"/>
                    <a:gd name="T12" fmla="*/ 3 w 8"/>
                    <a:gd name="T13" fmla="*/ 0 h 5"/>
                    <a:gd name="T14" fmla="*/ 6 w 8"/>
                    <a:gd name="T15" fmla="*/ 0 h 5"/>
                    <a:gd name="T16" fmla="*/ 6 w 8"/>
                    <a:gd name="T17" fmla="*/ 0 h 5"/>
                    <a:gd name="T18" fmla="*/ 8 w 8"/>
                    <a:gd name="T19" fmla="*/ 1 h 5"/>
                    <a:gd name="T20" fmla="*/ 8 w 8"/>
                    <a:gd name="T21" fmla="*/ 3 h 5"/>
                    <a:gd name="T22" fmla="*/ 8 w 8"/>
                    <a:gd name="T23" fmla="*/ 3 h 5"/>
                    <a:gd name="T24" fmla="*/ 8 w 8"/>
                    <a:gd name="T25" fmla="*/ 3 h 5"/>
                    <a:gd name="T26" fmla="*/ 6 w 8"/>
                    <a:gd name="T27" fmla="*/ 5 h 5"/>
                    <a:gd name="T28" fmla="*/ 6 w 8"/>
                    <a:gd name="T29" fmla="*/ 5 h 5"/>
                    <a:gd name="T30" fmla="*/ 3 w 8"/>
                    <a:gd name="T31" fmla="*/ 5 h 5"/>
                    <a:gd name="T32" fmla="*/ 3 w 8"/>
                    <a:gd name="T33" fmla="*/ 5 h 5"/>
                    <a:gd name="T34" fmla="*/ 1 w 8"/>
                    <a:gd name="T35" fmla="*/ 5 h 5"/>
                    <a:gd name="T36" fmla="*/ 0 w 8"/>
                    <a:gd name="T37" fmla="*/ 5 h 5"/>
                    <a:gd name="T38" fmla="*/ 0 w 8"/>
                    <a:gd name="T39" fmla="*/ 3 h 5"/>
                    <a:gd name="T40" fmla="*/ 0 w 8"/>
                    <a:gd name="T41" fmla="*/ 3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5"/>
                    <a:gd name="T65" fmla="*/ 8 w 8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5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6" y="0"/>
                      </a:lnTo>
                      <a:lnTo>
                        <a:pt x="8" y="1"/>
                      </a:lnTo>
                      <a:lnTo>
                        <a:pt x="8" y="3"/>
                      </a:lnTo>
                      <a:lnTo>
                        <a:pt x="6" y="5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</p:grpSp>
          <p:sp>
            <p:nvSpPr>
              <p:cNvPr id="337" name="Freeform 45"/>
              <p:cNvSpPr>
                <a:spLocks/>
              </p:cNvSpPr>
              <p:nvPr/>
            </p:nvSpPr>
            <p:spPr bwMode="auto">
              <a:xfrm>
                <a:off x="3079" y="1947"/>
                <a:ext cx="384" cy="676"/>
              </a:xfrm>
              <a:custGeom>
                <a:avLst/>
                <a:gdLst>
                  <a:gd name="T0" fmla="*/ 192 w 395"/>
                  <a:gd name="T1" fmla="*/ 439 h 697"/>
                  <a:gd name="T2" fmla="*/ 218 w 395"/>
                  <a:gd name="T3" fmla="*/ 444 h 697"/>
                  <a:gd name="T4" fmla="*/ 212 w 395"/>
                  <a:gd name="T5" fmla="*/ 429 h 697"/>
                  <a:gd name="T6" fmla="*/ 227 w 395"/>
                  <a:gd name="T7" fmla="*/ 415 h 697"/>
                  <a:gd name="T8" fmla="*/ 238 w 395"/>
                  <a:gd name="T9" fmla="*/ 406 h 697"/>
                  <a:gd name="T10" fmla="*/ 235 w 395"/>
                  <a:gd name="T11" fmla="*/ 393 h 697"/>
                  <a:gd name="T12" fmla="*/ 240 w 395"/>
                  <a:gd name="T13" fmla="*/ 386 h 697"/>
                  <a:gd name="T14" fmla="*/ 238 w 395"/>
                  <a:gd name="T15" fmla="*/ 370 h 697"/>
                  <a:gd name="T16" fmla="*/ 242 w 395"/>
                  <a:gd name="T17" fmla="*/ 359 h 697"/>
                  <a:gd name="T18" fmla="*/ 244 w 395"/>
                  <a:gd name="T19" fmla="*/ 345 h 697"/>
                  <a:gd name="T20" fmla="*/ 260 w 395"/>
                  <a:gd name="T21" fmla="*/ 318 h 697"/>
                  <a:gd name="T22" fmla="*/ 265 w 395"/>
                  <a:gd name="T23" fmla="*/ 308 h 697"/>
                  <a:gd name="T24" fmla="*/ 258 w 395"/>
                  <a:gd name="T25" fmla="*/ 279 h 697"/>
                  <a:gd name="T26" fmla="*/ 258 w 395"/>
                  <a:gd name="T27" fmla="*/ 254 h 697"/>
                  <a:gd name="T28" fmla="*/ 257 w 395"/>
                  <a:gd name="T29" fmla="*/ 230 h 697"/>
                  <a:gd name="T30" fmla="*/ 254 w 395"/>
                  <a:gd name="T31" fmla="*/ 185 h 697"/>
                  <a:gd name="T32" fmla="*/ 249 w 395"/>
                  <a:gd name="T33" fmla="*/ 131 h 697"/>
                  <a:gd name="T34" fmla="*/ 244 w 395"/>
                  <a:gd name="T35" fmla="*/ 86 h 697"/>
                  <a:gd name="T36" fmla="*/ 242 w 395"/>
                  <a:gd name="T37" fmla="*/ 63 h 697"/>
                  <a:gd name="T38" fmla="*/ 233 w 395"/>
                  <a:gd name="T39" fmla="*/ 45 h 697"/>
                  <a:gd name="T40" fmla="*/ 230 w 395"/>
                  <a:gd name="T41" fmla="*/ 37 h 697"/>
                  <a:gd name="T42" fmla="*/ 219 w 395"/>
                  <a:gd name="T43" fmla="*/ 16 h 697"/>
                  <a:gd name="T44" fmla="*/ 45 w 395"/>
                  <a:gd name="T45" fmla="*/ 16 h 697"/>
                  <a:gd name="T46" fmla="*/ 49 w 395"/>
                  <a:gd name="T47" fmla="*/ 16 h 697"/>
                  <a:gd name="T48" fmla="*/ 61 w 395"/>
                  <a:gd name="T49" fmla="*/ 31 h 697"/>
                  <a:gd name="T50" fmla="*/ 68 w 395"/>
                  <a:gd name="T51" fmla="*/ 39 h 697"/>
                  <a:gd name="T52" fmla="*/ 77 w 395"/>
                  <a:gd name="T53" fmla="*/ 55 h 697"/>
                  <a:gd name="T54" fmla="*/ 67 w 395"/>
                  <a:gd name="T55" fmla="*/ 72 h 697"/>
                  <a:gd name="T56" fmla="*/ 66 w 395"/>
                  <a:gd name="T57" fmla="*/ 88 h 697"/>
                  <a:gd name="T58" fmla="*/ 51 w 395"/>
                  <a:gd name="T59" fmla="*/ 93 h 697"/>
                  <a:gd name="T60" fmla="*/ 47 w 395"/>
                  <a:gd name="T61" fmla="*/ 98 h 697"/>
                  <a:gd name="T62" fmla="*/ 20 w 395"/>
                  <a:gd name="T63" fmla="*/ 107 h 697"/>
                  <a:gd name="T64" fmla="*/ 34 w 395"/>
                  <a:gd name="T65" fmla="*/ 133 h 697"/>
                  <a:gd name="T66" fmla="*/ 27 w 395"/>
                  <a:gd name="T67" fmla="*/ 147 h 697"/>
                  <a:gd name="T68" fmla="*/ 22 w 395"/>
                  <a:gd name="T69" fmla="*/ 157 h 697"/>
                  <a:gd name="T70" fmla="*/ 18 w 395"/>
                  <a:gd name="T71" fmla="*/ 164 h 697"/>
                  <a:gd name="T72" fmla="*/ 9 w 395"/>
                  <a:gd name="T73" fmla="*/ 172 h 697"/>
                  <a:gd name="T74" fmla="*/ 14 w 395"/>
                  <a:gd name="T75" fmla="*/ 180 h 697"/>
                  <a:gd name="T76" fmla="*/ 7 w 395"/>
                  <a:gd name="T77" fmla="*/ 190 h 697"/>
                  <a:gd name="T78" fmla="*/ 2 w 395"/>
                  <a:gd name="T79" fmla="*/ 198 h 697"/>
                  <a:gd name="T80" fmla="*/ 7 w 395"/>
                  <a:gd name="T81" fmla="*/ 229 h 697"/>
                  <a:gd name="T82" fmla="*/ 42 w 395"/>
                  <a:gd name="T83" fmla="*/ 268 h 697"/>
                  <a:gd name="T84" fmla="*/ 54 w 395"/>
                  <a:gd name="T85" fmla="*/ 280 h 697"/>
                  <a:gd name="T86" fmla="*/ 63 w 395"/>
                  <a:gd name="T87" fmla="*/ 308 h 697"/>
                  <a:gd name="T88" fmla="*/ 79 w 395"/>
                  <a:gd name="T89" fmla="*/ 301 h 697"/>
                  <a:gd name="T90" fmla="*/ 95 w 395"/>
                  <a:gd name="T91" fmla="*/ 314 h 697"/>
                  <a:gd name="T92" fmla="*/ 87 w 395"/>
                  <a:gd name="T93" fmla="*/ 340 h 697"/>
                  <a:gd name="T94" fmla="*/ 84 w 395"/>
                  <a:gd name="T95" fmla="*/ 356 h 697"/>
                  <a:gd name="T96" fmla="*/ 108 w 395"/>
                  <a:gd name="T97" fmla="*/ 378 h 697"/>
                  <a:gd name="T98" fmla="*/ 113 w 395"/>
                  <a:gd name="T99" fmla="*/ 380 h 697"/>
                  <a:gd name="T100" fmla="*/ 149 w 395"/>
                  <a:gd name="T101" fmla="*/ 422 h 697"/>
                  <a:gd name="T102" fmla="*/ 159 w 395"/>
                  <a:gd name="T103" fmla="*/ 455 h 697"/>
                  <a:gd name="T104" fmla="*/ 162 w 395"/>
                  <a:gd name="T105" fmla="*/ 448 h 697"/>
                  <a:gd name="T106" fmla="*/ 170 w 395"/>
                  <a:gd name="T107" fmla="*/ 444 h 697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395"/>
                  <a:gd name="T163" fmla="*/ 0 h 697"/>
                  <a:gd name="T164" fmla="*/ 395 w 395"/>
                  <a:gd name="T165" fmla="*/ 697 h 697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395" h="697">
                    <a:moveTo>
                      <a:pt x="258" y="678"/>
                    </a:moveTo>
                    <a:lnTo>
                      <a:pt x="264" y="672"/>
                    </a:lnTo>
                    <a:lnTo>
                      <a:pt x="269" y="668"/>
                    </a:lnTo>
                    <a:lnTo>
                      <a:pt x="274" y="668"/>
                    </a:lnTo>
                    <a:lnTo>
                      <a:pt x="280" y="668"/>
                    </a:lnTo>
                    <a:lnTo>
                      <a:pt x="285" y="672"/>
                    </a:lnTo>
                    <a:lnTo>
                      <a:pt x="288" y="673"/>
                    </a:lnTo>
                    <a:lnTo>
                      <a:pt x="291" y="677"/>
                    </a:lnTo>
                    <a:lnTo>
                      <a:pt x="295" y="678"/>
                    </a:lnTo>
                    <a:lnTo>
                      <a:pt x="308" y="683"/>
                    </a:lnTo>
                    <a:lnTo>
                      <a:pt x="318" y="685"/>
                    </a:lnTo>
                    <a:lnTo>
                      <a:pt x="324" y="683"/>
                    </a:lnTo>
                    <a:lnTo>
                      <a:pt x="325" y="680"/>
                    </a:lnTo>
                    <a:lnTo>
                      <a:pt x="324" y="677"/>
                    </a:lnTo>
                    <a:lnTo>
                      <a:pt x="324" y="673"/>
                    </a:lnTo>
                    <a:lnTo>
                      <a:pt x="320" y="670"/>
                    </a:lnTo>
                    <a:lnTo>
                      <a:pt x="320" y="668"/>
                    </a:lnTo>
                    <a:lnTo>
                      <a:pt x="315" y="660"/>
                    </a:lnTo>
                    <a:lnTo>
                      <a:pt x="315" y="651"/>
                    </a:lnTo>
                    <a:lnTo>
                      <a:pt x="317" y="646"/>
                    </a:lnTo>
                    <a:lnTo>
                      <a:pt x="322" y="641"/>
                    </a:lnTo>
                    <a:lnTo>
                      <a:pt x="327" y="639"/>
                    </a:lnTo>
                    <a:lnTo>
                      <a:pt x="332" y="636"/>
                    </a:lnTo>
                    <a:lnTo>
                      <a:pt x="337" y="636"/>
                    </a:lnTo>
                    <a:lnTo>
                      <a:pt x="339" y="636"/>
                    </a:lnTo>
                    <a:lnTo>
                      <a:pt x="347" y="634"/>
                    </a:lnTo>
                    <a:lnTo>
                      <a:pt x="354" y="633"/>
                    </a:lnTo>
                    <a:lnTo>
                      <a:pt x="356" y="631"/>
                    </a:lnTo>
                    <a:lnTo>
                      <a:pt x="356" y="628"/>
                    </a:lnTo>
                    <a:lnTo>
                      <a:pt x="354" y="624"/>
                    </a:lnTo>
                    <a:lnTo>
                      <a:pt x="354" y="622"/>
                    </a:lnTo>
                    <a:lnTo>
                      <a:pt x="352" y="621"/>
                    </a:lnTo>
                    <a:lnTo>
                      <a:pt x="351" y="619"/>
                    </a:lnTo>
                    <a:lnTo>
                      <a:pt x="347" y="614"/>
                    </a:lnTo>
                    <a:lnTo>
                      <a:pt x="349" y="606"/>
                    </a:lnTo>
                    <a:lnTo>
                      <a:pt x="349" y="604"/>
                    </a:lnTo>
                    <a:lnTo>
                      <a:pt x="351" y="602"/>
                    </a:lnTo>
                    <a:lnTo>
                      <a:pt x="352" y="600"/>
                    </a:lnTo>
                    <a:lnTo>
                      <a:pt x="354" y="597"/>
                    </a:lnTo>
                    <a:lnTo>
                      <a:pt x="354" y="595"/>
                    </a:lnTo>
                    <a:lnTo>
                      <a:pt x="356" y="594"/>
                    </a:lnTo>
                    <a:lnTo>
                      <a:pt x="356" y="592"/>
                    </a:lnTo>
                    <a:lnTo>
                      <a:pt x="356" y="590"/>
                    </a:lnTo>
                    <a:lnTo>
                      <a:pt x="352" y="585"/>
                    </a:lnTo>
                    <a:lnTo>
                      <a:pt x="351" y="580"/>
                    </a:lnTo>
                    <a:lnTo>
                      <a:pt x="351" y="575"/>
                    </a:lnTo>
                    <a:lnTo>
                      <a:pt x="351" y="572"/>
                    </a:lnTo>
                    <a:lnTo>
                      <a:pt x="354" y="568"/>
                    </a:lnTo>
                    <a:lnTo>
                      <a:pt x="356" y="567"/>
                    </a:lnTo>
                    <a:lnTo>
                      <a:pt x="356" y="565"/>
                    </a:lnTo>
                    <a:lnTo>
                      <a:pt x="357" y="565"/>
                    </a:lnTo>
                    <a:lnTo>
                      <a:pt x="359" y="555"/>
                    </a:lnTo>
                    <a:lnTo>
                      <a:pt x="359" y="553"/>
                    </a:lnTo>
                    <a:lnTo>
                      <a:pt x="359" y="551"/>
                    </a:lnTo>
                    <a:lnTo>
                      <a:pt x="359" y="548"/>
                    </a:lnTo>
                    <a:lnTo>
                      <a:pt x="361" y="543"/>
                    </a:lnTo>
                    <a:lnTo>
                      <a:pt x="361" y="540"/>
                    </a:lnTo>
                    <a:lnTo>
                      <a:pt x="362" y="536"/>
                    </a:lnTo>
                    <a:lnTo>
                      <a:pt x="362" y="533"/>
                    </a:lnTo>
                    <a:lnTo>
                      <a:pt x="362" y="531"/>
                    </a:lnTo>
                    <a:lnTo>
                      <a:pt x="369" y="526"/>
                    </a:lnTo>
                    <a:lnTo>
                      <a:pt x="374" y="518"/>
                    </a:lnTo>
                    <a:lnTo>
                      <a:pt x="378" y="509"/>
                    </a:lnTo>
                    <a:lnTo>
                      <a:pt x="381" y="502"/>
                    </a:lnTo>
                    <a:lnTo>
                      <a:pt x="384" y="494"/>
                    </a:lnTo>
                    <a:lnTo>
                      <a:pt x="386" y="489"/>
                    </a:lnTo>
                    <a:lnTo>
                      <a:pt x="388" y="484"/>
                    </a:lnTo>
                    <a:lnTo>
                      <a:pt x="388" y="482"/>
                    </a:lnTo>
                    <a:lnTo>
                      <a:pt x="390" y="479"/>
                    </a:lnTo>
                    <a:lnTo>
                      <a:pt x="391" y="475"/>
                    </a:lnTo>
                    <a:lnTo>
                      <a:pt x="393" y="474"/>
                    </a:lnTo>
                    <a:lnTo>
                      <a:pt x="395" y="463"/>
                    </a:lnTo>
                    <a:lnTo>
                      <a:pt x="395" y="455"/>
                    </a:lnTo>
                    <a:lnTo>
                      <a:pt x="393" y="446"/>
                    </a:lnTo>
                    <a:lnTo>
                      <a:pt x="390" y="440"/>
                    </a:lnTo>
                    <a:lnTo>
                      <a:pt x="388" y="433"/>
                    </a:lnTo>
                    <a:lnTo>
                      <a:pt x="384" y="428"/>
                    </a:lnTo>
                    <a:lnTo>
                      <a:pt x="383" y="424"/>
                    </a:lnTo>
                    <a:lnTo>
                      <a:pt x="381" y="423"/>
                    </a:lnTo>
                    <a:lnTo>
                      <a:pt x="381" y="419"/>
                    </a:lnTo>
                    <a:lnTo>
                      <a:pt x="381" y="396"/>
                    </a:lnTo>
                    <a:lnTo>
                      <a:pt x="384" y="391"/>
                    </a:lnTo>
                    <a:lnTo>
                      <a:pt x="384" y="389"/>
                    </a:lnTo>
                    <a:lnTo>
                      <a:pt x="384" y="387"/>
                    </a:lnTo>
                    <a:lnTo>
                      <a:pt x="384" y="382"/>
                    </a:lnTo>
                    <a:lnTo>
                      <a:pt x="383" y="377"/>
                    </a:lnTo>
                    <a:lnTo>
                      <a:pt x="383" y="370"/>
                    </a:lnTo>
                    <a:lnTo>
                      <a:pt x="383" y="362"/>
                    </a:lnTo>
                    <a:lnTo>
                      <a:pt x="381" y="353"/>
                    </a:lnTo>
                    <a:lnTo>
                      <a:pt x="381" y="343"/>
                    </a:lnTo>
                    <a:lnTo>
                      <a:pt x="379" y="333"/>
                    </a:lnTo>
                    <a:lnTo>
                      <a:pt x="379" y="321"/>
                    </a:lnTo>
                    <a:lnTo>
                      <a:pt x="378" y="309"/>
                    </a:lnTo>
                    <a:lnTo>
                      <a:pt x="376" y="296"/>
                    </a:lnTo>
                    <a:lnTo>
                      <a:pt x="376" y="284"/>
                    </a:lnTo>
                    <a:lnTo>
                      <a:pt x="374" y="270"/>
                    </a:lnTo>
                    <a:lnTo>
                      <a:pt x="373" y="257"/>
                    </a:lnTo>
                    <a:lnTo>
                      <a:pt x="373" y="243"/>
                    </a:lnTo>
                    <a:lnTo>
                      <a:pt x="371" y="228"/>
                    </a:lnTo>
                    <a:lnTo>
                      <a:pt x="369" y="215"/>
                    </a:lnTo>
                    <a:lnTo>
                      <a:pt x="369" y="201"/>
                    </a:lnTo>
                    <a:lnTo>
                      <a:pt x="368" y="189"/>
                    </a:lnTo>
                    <a:lnTo>
                      <a:pt x="366" y="176"/>
                    </a:lnTo>
                    <a:lnTo>
                      <a:pt x="366" y="164"/>
                    </a:lnTo>
                    <a:lnTo>
                      <a:pt x="364" y="152"/>
                    </a:lnTo>
                    <a:lnTo>
                      <a:pt x="364" y="142"/>
                    </a:lnTo>
                    <a:lnTo>
                      <a:pt x="362" y="132"/>
                    </a:lnTo>
                    <a:lnTo>
                      <a:pt x="362" y="122"/>
                    </a:lnTo>
                    <a:lnTo>
                      <a:pt x="361" y="115"/>
                    </a:lnTo>
                    <a:lnTo>
                      <a:pt x="361" y="108"/>
                    </a:lnTo>
                    <a:lnTo>
                      <a:pt x="361" y="103"/>
                    </a:lnTo>
                    <a:lnTo>
                      <a:pt x="359" y="98"/>
                    </a:lnTo>
                    <a:lnTo>
                      <a:pt x="359" y="96"/>
                    </a:lnTo>
                    <a:lnTo>
                      <a:pt x="359" y="94"/>
                    </a:lnTo>
                    <a:lnTo>
                      <a:pt x="354" y="89"/>
                    </a:lnTo>
                    <a:lnTo>
                      <a:pt x="351" y="84"/>
                    </a:lnTo>
                    <a:lnTo>
                      <a:pt x="349" y="79"/>
                    </a:lnTo>
                    <a:lnTo>
                      <a:pt x="347" y="74"/>
                    </a:lnTo>
                    <a:lnTo>
                      <a:pt x="346" y="69"/>
                    </a:lnTo>
                    <a:lnTo>
                      <a:pt x="346" y="66"/>
                    </a:lnTo>
                    <a:lnTo>
                      <a:pt x="346" y="64"/>
                    </a:lnTo>
                    <a:lnTo>
                      <a:pt x="346" y="62"/>
                    </a:lnTo>
                    <a:lnTo>
                      <a:pt x="344" y="61"/>
                    </a:lnTo>
                    <a:lnTo>
                      <a:pt x="344" y="57"/>
                    </a:lnTo>
                    <a:lnTo>
                      <a:pt x="342" y="54"/>
                    </a:lnTo>
                    <a:lnTo>
                      <a:pt x="342" y="52"/>
                    </a:lnTo>
                    <a:lnTo>
                      <a:pt x="334" y="47"/>
                    </a:lnTo>
                    <a:lnTo>
                      <a:pt x="329" y="42"/>
                    </a:lnTo>
                    <a:lnTo>
                      <a:pt x="325" y="37"/>
                    </a:lnTo>
                    <a:lnTo>
                      <a:pt x="325" y="30"/>
                    </a:lnTo>
                    <a:lnTo>
                      <a:pt x="325" y="25"/>
                    </a:lnTo>
                    <a:lnTo>
                      <a:pt x="325" y="22"/>
                    </a:lnTo>
                    <a:lnTo>
                      <a:pt x="325" y="18"/>
                    </a:lnTo>
                    <a:lnTo>
                      <a:pt x="325" y="0"/>
                    </a:lnTo>
                    <a:lnTo>
                      <a:pt x="325" y="1"/>
                    </a:lnTo>
                    <a:lnTo>
                      <a:pt x="66" y="20"/>
                    </a:lnTo>
                    <a:lnTo>
                      <a:pt x="66" y="22"/>
                    </a:lnTo>
                    <a:lnTo>
                      <a:pt x="66" y="23"/>
                    </a:lnTo>
                    <a:lnTo>
                      <a:pt x="68" y="25"/>
                    </a:lnTo>
                    <a:lnTo>
                      <a:pt x="71" y="27"/>
                    </a:lnTo>
                    <a:lnTo>
                      <a:pt x="73" y="28"/>
                    </a:lnTo>
                    <a:lnTo>
                      <a:pt x="78" y="30"/>
                    </a:lnTo>
                    <a:lnTo>
                      <a:pt x="82" y="34"/>
                    </a:lnTo>
                    <a:lnTo>
                      <a:pt x="87" y="37"/>
                    </a:lnTo>
                    <a:lnTo>
                      <a:pt x="90" y="40"/>
                    </a:lnTo>
                    <a:lnTo>
                      <a:pt x="90" y="44"/>
                    </a:lnTo>
                    <a:lnTo>
                      <a:pt x="90" y="45"/>
                    </a:lnTo>
                    <a:lnTo>
                      <a:pt x="90" y="47"/>
                    </a:lnTo>
                    <a:lnTo>
                      <a:pt x="88" y="49"/>
                    </a:lnTo>
                    <a:lnTo>
                      <a:pt x="88" y="50"/>
                    </a:lnTo>
                    <a:lnTo>
                      <a:pt x="98" y="57"/>
                    </a:lnTo>
                    <a:lnTo>
                      <a:pt x="100" y="57"/>
                    </a:lnTo>
                    <a:lnTo>
                      <a:pt x="102" y="59"/>
                    </a:lnTo>
                    <a:lnTo>
                      <a:pt x="105" y="61"/>
                    </a:lnTo>
                    <a:lnTo>
                      <a:pt x="110" y="64"/>
                    </a:lnTo>
                    <a:lnTo>
                      <a:pt x="112" y="69"/>
                    </a:lnTo>
                    <a:lnTo>
                      <a:pt x="114" y="76"/>
                    </a:lnTo>
                    <a:lnTo>
                      <a:pt x="114" y="84"/>
                    </a:lnTo>
                    <a:lnTo>
                      <a:pt x="112" y="96"/>
                    </a:lnTo>
                    <a:lnTo>
                      <a:pt x="109" y="105"/>
                    </a:lnTo>
                    <a:lnTo>
                      <a:pt x="105" y="108"/>
                    </a:lnTo>
                    <a:lnTo>
                      <a:pt x="102" y="110"/>
                    </a:lnTo>
                    <a:lnTo>
                      <a:pt x="100" y="108"/>
                    </a:lnTo>
                    <a:lnTo>
                      <a:pt x="98" y="110"/>
                    </a:lnTo>
                    <a:lnTo>
                      <a:pt x="98" y="111"/>
                    </a:lnTo>
                    <a:lnTo>
                      <a:pt x="97" y="120"/>
                    </a:lnTo>
                    <a:lnTo>
                      <a:pt x="97" y="133"/>
                    </a:lnTo>
                    <a:lnTo>
                      <a:pt x="97" y="135"/>
                    </a:lnTo>
                    <a:lnTo>
                      <a:pt x="95" y="137"/>
                    </a:lnTo>
                    <a:lnTo>
                      <a:pt x="93" y="138"/>
                    </a:lnTo>
                    <a:lnTo>
                      <a:pt x="90" y="140"/>
                    </a:lnTo>
                    <a:lnTo>
                      <a:pt x="87" y="142"/>
                    </a:lnTo>
                    <a:lnTo>
                      <a:pt x="80" y="142"/>
                    </a:lnTo>
                    <a:lnTo>
                      <a:pt x="78" y="142"/>
                    </a:lnTo>
                    <a:lnTo>
                      <a:pt x="78" y="144"/>
                    </a:lnTo>
                    <a:lnTo>
                      <a:pt x="78" y="145"/>
                    </a:lnTo>
                    <a:lnTo>
                      <a:pt x="76" y="147"/>
                    </a:lnTo>
                    <a:lnTo>
                      <a:pt x="75" y="149"/>
                    </a:lnTo>
                    <a:lnTo>
                      <a:pt x="70" y="150"/>
                    </a:lnTo>
                    <a:lnTo>
                      <a:pt x="63" y="152"/>
                    </a:lnTo>
                    <a:lnTo>
                      <a:pt x="56" y="152"/>
                    </a:lnTo>
                    <a:lnTo>
                      <a:pt x="49" y="154"/>
                    </a:lnTo>
                    <a:lnTo>
                      <a:pt x="43" y="157"/>
                    </a:lnTo>
                    <a:lnTo>
                      <a:pt x="38" y="160"/>
                    </a:lnTo>
                    <a:lnTo>
                      <a:pt x="34" y="164"/>
                    </a:lnTo>
                    <a:lnTo>
                      <a:pt x="34" y="171"/>
                    </a:lnTo>
                    <a:lnTo>
                      <a:pt x="34" y="177"/>
                    </a:lnTo>
                    <a:lnTo>
                      <a:pt x="38" y="186"/>
                    </a:lnTo>
                    <a:lnTo>
                      <a:pt x="41" y="194"/>
                    </a:lnTo>
                    <a:lnTo>
                      <a:pt x="46" y="199"/>
                    </a:lnTo>
                    <a:lnTo>
                      <a:pt x="48" y="204"/>
                    </a:lnTo>
                    <a:lnTo>
                      <a:pt x="49" y="208"/>
                    </a:lnTo>
                    <a:lnTo>
                      <a:pt x="51" y="213"/>
                    </a:lnTo>
                    <a:lnTo>
                      <a:pt x="49" y="216"/>
                    </a:lnTo>
                    <a:lnTo>
                      <a:pt x="46" y="220"/>
                    </a:lnTo>
                    <a:lnTo>
                      <a:pt x="41" y="226"/>
                    </a:lnTo>
                    <a:lnTo>
                      <a:pt x="41" y="230"/>
                    </a:lnTo>
                    <a:lnTo>
                      <a:pt x="39" y="232"/>
                    </a:lnTo>
                    <a:lnTo>
                      <a:pt x="38" y="235"/>
                    </a:lnTo>
                    <a:lnTo>
                      <a:pt x="38" y="237"/>
                    </a:lnTo>
                    <a:lnTo>
                      <a:pt x="36" y="238"/>
                    </a:lnTo>
                    <a:lnTo>
                      <a:pt x="36" y="240"/>
                    </a:lnTo>
                    <a:lnTo>
                      <a:pt x="36" y="242"/>
                    </a:lnTo>
                    <a:lnTo>
                      <a:pt x="34" y="243"/>
                    </a:lnTo>
                    <a:lnTo>
                      <a:pt x="34" y="247"/>
                    </a:lnTo>
                    <a:lnTo>
                      <a:pt x="34" y="248"/>
                    </a:lnTo>
                    <a:lnTo>
                      <a:pt x="32" y="252"/>
                    </a:lnTo>
                    <a:lnTo>
                      <a:pt x="29" y="254"/>
                    </a:lnTo>
                    <a:lnTo>
                      <a:pt x="24" y="255"/>
                    </a:lnTo>
                    <a:lnTo>
                      <a:pt x="19" y="257"/>
                    </a:lnTo>
                    <a:lnTo>
                      <a:pt x="14" y="259"/>
                    </a:lnTo>
                    <a:lnTo>
                      <a:pt x="10" y="260"/>
                    </a:lnTo>
                    <a:lnTo>
                      <a:pt x="9" y="264"/>
                    </a:lnTo>
                    <a:lnTo>
                      <a:pt x="9" y="267"/>
                    </a:lnTo>
                    <a:lnTo>
                      <a:pt x="9" y="270"/>
                    </a:lnTo>
                    <a:lnTo>
                      <a:pt x="10" y="272"/>
                    </a:lnTo>
                    <a:lnTo>
                      <a:pt x="12" y="276"/>
                    </a:lnTo>
                    <a:lnTo>
                      <a:pt x="14" y="277"/>
                    </a:lnTo>
                    <a:lnTo>
                      <a:pt x="14" y="279"/>
                    </a:lnTo>
                    <a:lnTo>
                      <a:pt x="14" y="282"/>
                    </a:lnTo>
                    <a:lnTo>
                      <a:pt x="12" y="284"/>
                    </a:lnTo>
                    <a:lnTo>
                      <a:pt x="10" y="287"/>
                    </a:lnTo>
                    <a:lnTo>
                      <a:pt x="9" y="289"/>
                    </a:lnTo>
                    <a:lnTo>
                      <a:pt x="7" y="291"/>
                    </a:lnTo>
                    <a:lnTo>
                      <a:pt x="5" y="292"/>
                    </a:lnTo>
                    <a:lnTo>
                      <a:pt x="4" y="294"/>
                    </a:lnTo>
                    <a:lnTo>
                      <a:pt x="4" y="296"/>
                    </a:lnTo>
                    <a:lnTo>
                      <a:pt x="4" y="299"/>
                    </a:lnTo>
                    <a:lnTo>
                      <a:pt x="2" y="304"/>
                    </a:lnTo>
                    <a:lnTo>
                      <a:pt x="2" y="309"/>
                    </a:lnTo>
                    <a:lnTo>
                      <a:pt x="0" y="316"/>
                    </a:lnTo>
                    <a:lnTo>
                      <a:pt x="2" y="325"/>
                    </a:lnTo>
                    <a:lnTo>
                      <a:pt x="2" y="333"/>
                    </a:lnTo>
                    <a:lnTo>
                      <a:pt x="4" y="342"/>
                    </a:lnTo>
                    <a:lnTo>
                      <a:pt x="7" y="352"/>
                    </a:lnTo>
                    <a:lnTo>
                      <a:pt x="12" y="360"/>
                    </a:lnTo>
                    <a:lnTo>
                      <a:pt x="17" y="370"/>
                    </a:lnTo>
                    <a:lnTo>
                      <a:pt x="26" y="380"/>
                    </a:lnTo>
                    <a:lnTo>
                      <a:pt x="34" y="391"/>
                    </a:lnTo>
                    <a:lnTo>
                      <a:pt x="46" y="401"/>
                    </a:lnTo>
                    <a:lnTo>
                      <a:pt x="60" y="411"/>
                    </a:lnTo>
                    <a:lnTo>
                      <a:pt x="63" y="413"/>
                    </a:lnTo>
                    <a:lnTo>
                      <a:pt x="68" y="414"/>
                    </a:lnTo>
                    <a:lnTo>
                      <a:pt x="71" y="416"/>
                    </a:lnTo>
                    <a:lnTo>
                      <a:pt x="75" y="419"/>
                    </a:lnTo>
                    <a:lnTo>
                      <a:pt x="78" y="423"/>
                    </a:lnTo>
                    <a:lnTo>
                      <a:pt x="82" y="430"/>
                    </a:lnTo>
                    <a:lnTo>
                      <a:pt x="83" y="440"/>
                    </a:lnTo>
                    <a:lnTo>
                      <a:pt x="85" y="453"/>
                    </a:lnTo>
                    <a:lnTo>
                      <a:pt x="85" y="462"/>
                    </a:lnTo>
                    <a:lnTo>
                      <a:pt x="88" y="468"/>
                    </a:lnTo>
                    <a:lnTo>
                      <a:pt x="90" y="472"/>
                    </a:lnTo>
                    <a:lnTo>
                      <a:pt x="93" y="474"/>
                    </a:lnTo>
                    <a:lnTo>
                      <a:pt x="97" y="474"/>
                    </a:lnTo>
                    <a:lnTo>
                      <a:pt x="102" y="470"/>
                    </a:lnTo>
                    <a:lnTo>
                      <a:pt x="105" y="467"/>
                    </a:lnTo>
                    <a:lnTo>
                      <a:pt x="109" y="463"/>
                    </a:lnTo>
                    <a:lnTo>
                      <a:pt x="112" y="462"/>
                    </a:lnTo>
                    <a:lnTo>
                      <a:pt x="117" y="462"/>
                    </a:lnTo>
                    <a:lnTo>
                      <a:pt x="122" y="463"/>
                    </a:lnTo>
                    <a:lnTo>
                      <a:pt x="129" y="467"/>
                    </a:lnTo>
                    <a:lnTo>
                      <a:pt x="134" y="470"/>
                    </a:lnTo>
                    <a:lnTo>
                      <a:pt x="137" y="475"/>
                    </a:lnTo>
                    <a:lnTo>
                      <a:pt x="141" y="479"/>
                    </a:lnTo>
                    <a:lnTo>
                      <a:pt x="141" y="482"/>
                    </a:lnTo>
                    <a:lnTo>
                      <a:pt x="141" y="485"/>
                    </a:lnTo>
                    <a:lnTo>
                      <a:pt x="137" y="492"/>
                    </a:lnTo>
                    <a:lnTo>
                      <a:pt x="136" y="499"/>
                    </a:lnTo>
                    <a:lnTo>
                      <a:pt x="134" y="507"/>
                    </a:lnTo>
                    <a:lnTo>
                      <a:pt x="132" y="516"/>
                    </a:lnTo>
                    <a:lnTo>
                      <a:pt x="131" y="523"/>
                    </a:lnTo>
                    <a:lnTo>
                      <a:pt x="129" y="526"/>
                    </a:lnTo>
                    <a:lnTo>
                      <a:pt x="129" y="528"/>
                    </a:lnTo>
                    <a:lnTo>
                      <a:pt x="127" y="529"/>
                    </a:lnTo>
                    <a:lnTo>
                      <a:pt x="126" y="533"/>
                    </a:lnTo>
                    <a:lnTo>
                      <a:pt x="124" y="540"/>
                    </a:lnTo>
                    <a:lnTo>
                      <a:pt x="124" y="546"/>
                    </a:lnTo>
                    <a:lnTo>
                      <a:pt x="126" y="553"/>
                    </a:lnTo>
                    <a:lnTo>
                      <a:pt x="129" y="562"/>
                    </a:lnTo>
                    <a:lnTo>
                      <a:pt x="139" y="570"/>
                    </a:lnTo>
                    <a:lnTo>
                      <a:pt x="153" y="577"/>
                    </a:lnTo>
                    <a:lnTo>
                      <a:pt x="156" y="578"/>
                    </a:lnTo>
                    <a:lnTo>
                      <a:pt x="159" y="580"/>
                    </a:lnTo>
                    <a:lnTo>
                      <a:pt x="163" y="582"/>
                    </a:lnTo>
                    <a:lnTo>
                      <a:pt x="164" y="584"/>
                    </a:lnTo>
                    <a:lnTo>
                      <a:pt x="166" y="585"/>
                    </a:lnTo>
                    <a:lnTo>
                      <a:pt x="166" y="594"/>
                    </a:lnTo>
                    <a:lnTo>
                      <a:pt x="183" y="594"/>
                    </a:lnTo>
                    <a:lnTo>
                      <a:pt x="198" y="609"/>
                    </a:lnTo>
                    <a:lnTo>
                      <a:pt x="214" y="614"/>
                    </a:lnTo>
                    <a:lnTo>
                      <a:pt x="215" y="636"/>
                    </a:lnTo>
                    <a:lnTo>
                      <a:pt x="222" y="648"/>
                    </a:lnTo>
                    <a:lnTo>
                      <a:pt x="217" y="665"/>
                    </a:lnTo>
                    <a:lnTo>
                      <a:pt x="217" y="673"/>
                    </a:lnTo>
                    <a:lnTo>
                      <a:pt x="227" y="683"/>
                    </a:lnTo>
                    <a:lnTo>
                      <a:pt x="230" y="692"/>
                    </a:lnTo>
                    <a:lnTo>
                      <a:pt x="237" y="697"/>
                    </a:lnTo>
                    <a:lnTo>
                      <a:pt x="237" y="694"/>
                    </a:lnTo>
                    <a:lnTo>
                      <a:pt x="237" y="690"/>
                    </a:lnTo>
                    <a:lnTo>
                      <a:pt x="237" y="687"/>
                    </a:lnTo>
                    <a:lnTo>
                      <a:pt x="237" y="685"/>
                    </a:lnTo>
                    <a:lnTo>
                      <a:pt x="239" y="685"/>
                    </a:lnTo>
                    <a:lnTo>
                      <a:pt x="242" y="687"/>
                    </a:lnTo>
                    <a:lnTo>
                      <a:pt x="244" y="692"/>
                    </a:lnTo>
                    <a:lnTo>
                      <a:pt x="246" y="692"/>
                    </a:lnTo>
                    <a:lnTo>
                      <a:pt x="246" y="690"/>
                    </a:lnTo>
                    <a:lnTo>
                      <a:pt x="247" y="688"/>
                    </a:lnTo>
                    <a:lnTo>
                      <a:pt x="251" y="685"/>
                    </a:lnTo>
                    <a:lnTo>
                      <a:pt x="252" y="683"/>
                    </a:lnTo>
                    <a:lnTo>
                      <a:pt x="256" y="682"/>
                    </a:lnTo>
                    <a:lnTo>
                      <a:pt x="258" y="680"/>
                    </a:lnTo>
                    <a:lnTo>
                      <a:pt x="258" y="678"/>
                    </a:lnTo>
                    <a:close/>
                  </a:path>
                </a:pathLst>
              </a:custGeom>
              <a:solidFill>
                <a:schemeClr val="bg2">
                  <a:lumMod val="85000"/>
                </a:schemeClr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38" name="Freeform 46"/>
              <p:cNvSpPr>
                <a:spLocks/>
              </p:cNvSpPr>
              <p:nvPr/>
            </p:nvSpPr>
            <p:spPr bwMode="auto">
              <a:xfrm>
                <a:off x="2691" y="2198"/>
                <a:ext cx="644" cy="564"/>
              </a:xfrm>
              <a:custGeom>
                <a:avLst/>
                <a:gdLst>
                  <a:gd name="T0" fmla="*/ 79 w 662"/>
                  <a:gd name="T1" fmla="*/ 448 h 570"/>
                  <a:gd name="T2" fmla="*/ 79 w 662"/>
                  <a:gd name="T3" fmla="*/ 427 h 570"/>
                  <a:gd name="T4" fmla="*/ 79 w 662"/>
                  <a:gd name="T5" fmla="*/ 409 h 570"/>
                  <a:gd name="T6" fmla="*/ 79 w 662"/>
                  <a:gd name="T7" fmla="*/ 399 h 570"/>
                  <a:gd name="T8" fmla="*/ 57 w 662"/>
                  <a:gd name="T9" fmla="*/ 146 h 570"/>
                  <a:gd name="T10" fmla="*/ 46 w 662"/>
                  <a:gd name="T11" fmla="*/ 123 h 570"/>
                  <a:gd name="T12" fmla="*/ 55 w 662"/>
                  <a:gd name="T13" fmla="*/ 91 h 570"/>
                  <a:gd name="T14" fmla="*/ 50 w 662"/>
                  <a:gd name="T15" fmla="*/ 86 h 570"/>
                  <a:gd name="T16" fmla="*/ 23 w 662"/>
                  <a:gd name="T17" fmla="*/ 69 h 570"/>
                  <a:gd name="T18" fmla="*/ 10 w 662"/>
                  <a:gd name="T19" fmla="*/ 32 h 570"/>
                  <a:gd name="T20" fmla="*/ 5 w 662"/>
                  <a:gd name="T21" fmla="*/ 22 h 570"/>
                  <a:gd name="T22" fmla="*/ 0 w 662"/>
                  <a:gd name="T23" fmla="*/ 10 h 570"/>
                  <a:gd name="T24" fmla="*/ 263 w 662"/>
                  <a:gd name="T25" fmla="*/ 10 h 570"/>
                  <a:gd name="T26" fmla="*/ 273 w 662"/>
                  <a:gd name="T27" fmla="*/ 28 h 570"/>
                  <a:gd name="T28" fmla="*/ 273 w 662"/>
                  <a:gd name="T29" fmla="*/ 32 h 570"/>
                  <a:gd name="T30" fmla="*/ 271 w 662"/>
                  <a:gd name="T31" fmla="*/ 47 h 570"/>
                  <a:gd name="T32" fmla="*/ 276 w 662"/>
                  <a:gd name="T33" fmla="*/ 74 h 570"/>
                  <a:gd name="T34" fmla="*/ 295 w 662"/>
                  <a:gd name="T35" fmla="*/ 113 h 570"/>
                  <a:gd name="T36" fmla="*/ 318 w 662"/>
                  <a:gd name="T37" fmla="*/ 132 h 570"/>
                  <a:gd name="T38" fmla="*/ 328 w 662"/>
                  <a:gd name="T39" fmla="*/ 140 h 570"/>
                  <a:gd name="T40" fmla="*/ 331 w 662"/>
                  <a:gd name="T41" fmla="*/ 176 h 570"/>
                  <a:gd name="T42" fmla="*/ 340 w 662"/>
                  <a:gd name="T43" fmla="*/ 178 h 570"/>
                  <a:gd name="T44" fmla="*/ 350 w 662"/>
                  <a:gd name="T45" fmla="*/ 170 h 570"/>
                  <a:gd name="T46" fmla="*/ 365 w 662"/>
                  <a:gd name="T47" fmla="*/ 183 h 570"/>
                  <a:gd name="T48" fmla="*/ 365 w 662"/>
                  <a:gd name="T49" fmla="*/ 200 h 570"/>
                  <a:gd name="T50" fmla="*/ 360 w 662"/>
                  <a:gd name="T51" fmla="*/ 223 h 570"/>
                  <a:gd name="T52" fmla="*/ 357 w 662"/>
                  <a:gd name="T53" fmla="*/ 230 h 570"/>
                  <a:gd name="T54" fmla="*/ 358 w 662"/>
                  <a:gd name="T55" fmla="*/ 256 h 570"/>
                  <a:gd name="T56" fmla="*/ 378 w 662"/>
                  <a:gd name="T57" fmla="*/ 274 h 570"/>
                  <a:gd name="T58" fmla="*/ 384 w 662"/>
                  <a:gd name="T59" fmla="*/ 279 h 570"/>
                  <a:gd name="T60" fmla="*/ 396 w 662"/>
                  <a:gd name="T61" fmla="*/ 288 h 570"/>
                  <a:gd name="T62" fmla="*/ 422 w 662"/>
                  <a:gd name="T63" fmla="*/ 329 h 570"/>
                  <a:gd name="T64" fmla="*/ 428 w 662"/>
                  <a:gd name="T65" fmla="*/ 371 h 570"/>
                  <a:gd name="T66" fmla="*/ 433 w 662"/>
                  <a:gd name="T67" fmla="*/ 370 h 570"/>
                  <a:gd name="T68" fmla="*/ 435 w 662"/>
                  <a:gd name="T69" fmla="*/ 367 h 570"/>
                  <a:gd name="T70" fmla="*/ 443 w 662"/>
                  <a:gd name="T71" fmla="*/ 377 h 570"/>
                  <a:gd name="T72" fmla="*/ 447 w 662"/>
                  <a:gd name="T73" fmla="*/ 419 h 570"/>
                  <a:gd name="T74" fmla="*/ 419 w 662"/>
                  <a:gd name="T75" fmla="*/ 459 h 570"/>
                  <a:gd name="T76" fmla="*/ 411 w 662"/>
                  <a:gd name="T77" fmla="*/ 461 h 570"/>
                  <a:gd name="T78" fmla="*/ 421 w 662"/>
                  <a:gd name="T79" fmla="*/ 471 h 570"/>
                  <a:gd name="T80" fmla="*/ 421 w 662"/>
                  <a:gd name="T81" fmla="*/ 475 h 570"/>
                  <a:gd name="T82" fmla="*/ 411 w 662"/>
                  <a:gd name="T83" fmla="*/ 489 h 570"/>
                  <a:gd name="T84" fmla="*/ 370 w 662"/>
                  <a:gd name="T85" fmla="*/ 485 h 570"/>
                  <a:gd name="T86" fmla="*/ 378 w 662"/>
                  <a:gd name="T87" fmla="*/ 465 h 570"/>
                  <a:gd name="T88" fmla="*/ 386 w 662"/>
                  <a:gd name="T89" fmla="*/ 448 h 570"/>
                  <a:gd name="T90" fmla="*/ 376 w 662"/>
                  <a:gd name="T91" fmla="*/ 434 h 570"/>
                  <a:gd name="T92" fmla="*/ 365 w 662"/>
                  <a:gd name="T93" fmla="*/ 436 h 570"/>
                  <a:gd name="T94" fmla="*/ 337 w 662"/>
                  <a:gd name="T95" fmla="*/ 437 h 570"/>
                  <a:gd name="T96" fmla="*/ 294 w 662"/>
                  <a:gd name="T97" fmla="*/ 441 h 570"/>
                  <a:gd name="T98" fmla="*/ 241 w 662"/>
                  <a:gd name="T99" fmla="*/ 444 h 570"/>
                  <a:gd name="T100" fmla="*/ 188 w 662"/>
                  <a:gd name="T101" fmla="*/ 448 h 570"/>
                  <a:gd name="T102" fmla="*/ 140 w 662"/>
                  <a:gd name="T103" fmla="*/ 451 h 570"/>
                  <a:gd name="T104" fmla="*/ 101 w 662"/>
                  <a:gd name="T105" fmla="*/ 452 h 570"/>
                  <a:gd name="T106" fmla="*/ 81 w 662"/>
                  <a:gd name="T107" fmla="*/ 453 h 570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662"/>
                  <a:gd name="T163" fmla="*/ 0 h 570"/>
                  <a:gd name="T164" fmla="*/ 662 w 662"/>
                  <a:gd name="T165" fmla="*/ 570 h 570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662" h="570">
                    <a:moveTo>
                      <a:pt x="117" y="524"/>
                    </a:moveTo>
                    <a:lnTo>
                      <a:pt x="117" y="523"/>
                    </a:lnTo>
                    <a:lnTo>
                      <a:pt x="115" y="521"/>
                    </a:lnTo>
                    <a:lnTo>
                      <a:pt x="115" y="518"/>
                    </a:lnTo>
                    <a:lnTo>
                      <a:pt x="115" y="514"/>
                    </a:lnTo>
                    <a:lnTo>
                      <a:pt x="115" y="509"/>
                    </a:lnTo>
                    <a:lnTo>
                      <a:pt x="115" y="504"/>
                    </a:lnTo>
                    <a:lnTo>
                      <a:pt x="115" y="497"/>
                    </a:lnTo>
                    <a:lnTo>
                      <a:pt x="115" y="492"/>
                    </a:lnTo>
                    <a:lnTo>
                      <a:pt x="115" y="487"/>
                    </a:lnTo>
                    <a:lnTo>
                      <a:pt x="115" y="480"/>
                    </a:lnTo>
                    <a:lnTo>
                      <a:pt x="115" y="475"/>
                    </a:lnTo>
                    <a:lnTo>
                      <a:pt x="115" y="470"/>
                    </a:lnTo>
                    <a:lnTo>
                      <a:pt x="115" y="467"/>
                    </a:lnTo>
                    <a:lnTo>
                      <a:pt x="115" y="463"/>
                    </a:lnTo>
                    <a:lnTo>
                      <a:pt x="115" y="462"/>
                    </a:lnTo>
                    <a:lnTo>
                      <a:pt x="115" y="460"/>
                    </a:lnTo>
                    <a:lnTo>
                      <a:pt x="113" y="188"/>
                    </a:lnTo>
                    <a:lnTo>
                      <a:pt x="96" y="188"/>
                    </a:lnTo>
                    <a:lnTo>
                      <a:pt x="85" y="174"/>
                    </a:lnTo>
                    <a:lnTo>
                      <a:pt x="83" y="162"/>
                    </a:lnTo>
                    <a:lnTo>
                      <a:pt x="79" y="155"/>
                    </a:lnTo>
                    <a:lnTo>
                      <a:pt x="66" y="145"/>
                    </a:lnTo>
                    <a:lnTo>
                      <a:pt x="66" y="137"/>
                    </a:lnTo>
                    <a:lnTo>
                      <a:pt x="79" y="118"/>
                    </a:lnTo>
                    <a:lnTo>
                      <a:pt x="83" y="113"/>
                    </a:lnTo>
                    <a:lnTo>
                      <a:pt x="85" y="108"/>
                    </a:lnTo>
                    <a:lnTo>
                      <a:pt x="83" y="105"/>
                    </a:lnTo>
                    <a:lnTo>
                      <a:pt x="81" y="103"/>
                    </a:lnTo>
                    <a:lnTo>
                      <a:pt x="78" y="101"/>
                    </a:lnTo>
                    <a:lnTo>
                      <a:pt x="74" y="100"/>
                    </a:lnTo>
                    <a:lnTo>
                      <a:pt x="73" y="100"/>
                    </a:lnTo>
                    <a:lnTo>
                      <a:pt x="71" y="98"/>
                    </a:lnTo>
                    <a:lnTo>
                      <a:pt x="61" y="100"/>
                    </a:lnTo>
                    <a:lnTo>
                      <a:pt x="49" y="89"/>
                    </a:lnTo>
                    <a:lnTo>
                      <a:pt x="37" y="83"/>
                    </a:lnTo>
                    <a:lnTo>
                      <a:pt x="39" y="84"/>
                    </a:lnTo>
                    <a:lnTo>
                      <a:pt x="27" y="56"/>
                    </a:lnTo>
                    <a:lnTo>
                      <a:pt x="13" y="44"/>
                    </a:lnTo>
                    <a:lnTo>
                      <a:pt x="10" y="32"/>
                    </a:lnTo>
                    <a:lnTo>
                      <a:pt x="10" y="30"/>
                    </a:lnTo>
                    <a:lnTo>
                      <a:pt x="8" y="28"/>
                    </a:lnTo>
                    <a:lnTo>
                      <a:pt x="7" y="25"/>
                    </a:lnTo>
                    <a:lnTo>
                      <a:pt x="5" y="22"/>
                    </a:lnTo>
                    <a:lnTo>
                      <a:pt x="3" y="17"/>
                    </a:lnTo>
                    <a:lnTo>
                      <a:pt x="2" y="13"/>
                    </a:lnTo>
                    <a:lnTo>
                      <a:pt x="0" y="10"/>
                    </a:lnTo>
                    <a:lnTo>
                      <a:pt x="379" y="0"/>
                    </a:lnTo>
                    <a:lnTo>
                      <a:pt x="381" y="1"/>
                    </a:lnTo>
                    <a:lnTo>
                      <a:pt x="382" y="5"/>
                    </a:lnTo>
                    <a:lnTo>
                      <a:pt x="387" y="10"/>
                    </a:lnTo>
                    <a:lnTo>
                      <a:pt x="391" y="15"/>
                    </a:lnTo>
                    <a:lnTo>
                      <a:pt x="396" y="20"/>
                    </a:lnTo>
                    <a:lnTo>
                      <a:pt x="401" y="25"/>
                    </a:lnTo>
                    <a:lnTo>
                      <a:pt x="403" y="28"/>
                    </a:lnTo>
                    <a:lnTo>
                      <a:pt x="404" y="28"/>
                    </a:lnTo>
                    <a:lnTo>
                      <a:pt x="403" y="30"/>
                    </a:lnTo>
                    <a:lnTo>
                      <a:pt x="403" y="32"/>
                    </a:lnTo>
                    <a:lnTo>
                      <a:pt x="403" y="35"/>
                    </a:lnTo>
                    <a:lnTo>
                      <a:pt x="401" y="40"/>
                    </a:lnTo>
                    <a:lnTo>
                      <a:pt x="401" y="45"/>
                    </a:lnTo>
                    <a:lnTo>
                      <a:pt x="399" y="52"/>
                    </a:lnTo>
                    <a:lnTo>
                      <a:pt x="401" y="61"/>
                    </a:lnTo>
                    <a:lnTo>
                      <a:pt x="401" y="69"/>
                    </a:lnTo>
                    <a:lnTo>
                      <a:pt x="403" y="78"/>
                    </a:lnTo>
                    <a:lnTo>
                      <a:pt x="406" y="88"/>
                    </a:lnTo>
                    <a:lnTo>
                      <a:pt x="411" y="96"/>
                    </a:lnTo>
                    <a:lnTo>
                      <a:pt x="416" y="106"/>
                    </a:lnTo>
                    <a:lnTo>
                      <a:pt x="425" y="116"/>
                    </a:lnTo>
                    <a:lnTo>
                      <a:pt x="433" y="127"/>
                    </a:lnTo>
                    <a:lnTo>
                      <a:pt x="445" y="137"/>
                    </a:lnTo>
                    <a:lnTo>
                      <a:pt x="459" y="147"/>
                    </a:lnTo>
                    <a:lnTo>
                      <a:pt x="462" y="149"/>
                    </a:lnTo>
                    <a:lnTo>
                      <a:pt x="467" y="150"/>
                    </a:lnTo>
                    <a:lnTo>
                      <a:pt x="470" y="152"/>
                    </a:lnTo>
                    <a:lnTo>
                      <a:pt x="474" y="155"/>
                    </a:lnTo>
                    <a:lnTo>
                      <a:pt x="477" y="159"/>
                    </a:lnTo>
                    <a:lnTo>
                      <a:pt x="481" y="166"/>
                    </a:lnTo>
                    <a:lnTo>
                      <a:pt x="482" y="176"/>
                    </a:lnTo>
                    <a:lnTo>
                      <a:pt x="484" y="189"/>
                    </a:lnTo>
                    <a:lnTo>
                      <a:pt x="484" y="198"/>
                    </a:lnTo>
                    <a:lnTo>
                      <a:pt x="487" y="204"/>
                    </a:lnTo>
                    <a:lnTo>
                      <a:pt x="489" y="208"/>
                    </a:lnTo>
                    <a:lnTo>
                      <a:pt x="492" y="210"/>
                    </a:lnTo>
                    <a:lnTo>
                      <a:pt x="496" y="210"/>
                    </a:lnTo>
                    <a:lnTo>
                      <a:pt x="501" y="206"/>
                    </a:lnTo>
                    <a:lnTo>
                      <a:pt x="504" y="203"/>
                    </a:lnTo>
                    <a:lnTo>
                      <a:pt x="508" y="199"/>
                    </a:lnTo>
                    <a:lnTo>
                      <a:pt x="511" y="198"/>
                    </a:lnTo>
                    <a:lnTo>
                      <a:pt x="516" y="198"/>
                    </a:lnTo>
                    <a:lnTo>
                      <a:pt x="521" y="199"/>
                    </a:lnTo>
                    <a:lnTo>
                      <a:pt x="528" y="203"/>
                    </a:lnTo>
                    <a:lnTo>
                      <a:pt x="533" y="206"/>
                    </a:lnTo>
                    <a:lnTo>
                      <a:pt x="536" y="211"/>
                    </a:lnTo>
                    <a:lnTo>
                      <a:pt x="540" y="215"/>
                    </a:lnTo>
                    <a:lnTo>
                      <a:pt x="540" y="218"/>
                    </a:lnTo>
                    <a:lnTo>
                      <a:pt x="540" y="221"/>
                    </a:lnTo>
                    <a:lnTo>
                      <a:pt x="536" y="228"/>
                    </a:lnTo>
                    <a:lnTo>
                      <a:pt x="535" y="235"/>
                    </a:lnTo>
                    <a:lnTo>
                      <a:pt x="533" y="243"/>
                    </a:lnTo>
                    <a:lnTo>
                      <a:pt x="531" y="252"/>
                    </a:lnTo>
                    <a:lnTo>
                      <a:pt x="530" y="259"/>
                    </a:lnTo>
                    <a:lnTo>
                      <a:pt x="528" y="262"/>
                    </a:lnTo>
                    <a:lnTo>
                      <a:pt x="528" y="264"/>
                    </a:lnTo>
                    <a:lnTo>
                      <a:pt x="526" y="265"/>
                    </a:lnTo>
                    <a:lnTo>
                      <a:pt x="525" y="269"/>
                    </a:lnTo>
                    <a:lnTo>
                      <a:pt x="523" y="276"/>
                    </a:lnTo>
                    <a:lnTo>
                      <a:pt x="523" y="282"/>
                    </a:lnTo>
                    <a:lnTo>
                      <a:pt x="525" y="289"/>
                    </a:lnTo>
                    <a:lnTo>
                      <a:pt x="528" y="298"/>
                    </a:lnTo>
                    <a:lnTo>
                      <a:pt x="538" y="306"/>
                    </a:lnTo>
                    <a:lnTo>
                      <a:pt x="552" y="313"/>
                    </a:lnTo>
                    <a:lnTo>
                      <a:pt x="555" y="314"/>
                    </a:lnTo>
                    <a:lnTo>
                      <a:pt x="558" y="316"/>
                    </a:lnTo>
                    <a:lnTo>
                      <a:pt x="562" y="318"/>
                    </a:lnTo>
                    <a:lnTo>
                      <a:pt x="563" y="320"/>
                    </a:lnTo>
                    <a:lnTo>
                      <a:pt x="565" y="321"/>
                    </a:lnTo>
                    <a:lnTo>
                      <a:pt x="565" y="330"/>
                    </a:lnTo>
                    <a:lnTo>
                      <a:pt x="582" y="330"/>
                    </a:lnTo>
                    <a:lnTo>
                      <a:pt x="597" y="345"/>
                    </a:lnTo>
                    <a:lnTo>
                      <a:pt x="613" y="350"/>
                    </a:lnTo>
                    <a:lnTo>
                      <a:pt x="614" y="372"/>
                    </a:lnTo>
                    <a:lnTo>
                      <a:pt x="621" y="384"/>
                    </a:lnTo>
                    <a:lnTo>
                      <a:pt x="616" y="401"/>
                    </a:lnTo>
                    <a:lnTo>
                      <a:pt x="616" y="409"/>
                    </a:lnTo>
                    <a:lnTo>
                      <a:pt x="626" y="419"/>
                    </a:lnTo>
                    <a:lnTo>
                      <a:pt x="629" y="428"/>
                    </a:lnTo>
                    <a:lnTo>
                      <a:pt x="636" y="433"/>
                    </a:lnTo>
                    <a:lnTo>
                      <a:pt x="636" y="430"/>
                    </a:lnTo>
                    <a:lnTo>
                      <a:pt x="636" y="426"/>
                    </a:lnTo>
                    <a:lnTo>
                      <a:pt x="636" y="423"/>
                    </a:lnTo>
                    <a:lnTo>
                      <a:pt x="636" y="421"/>
                    </a:lnTo>
                    <a:lnTo>
                      <a:pt x="638" y="421"/>
                    </a:lnTo>
                    <a:lnTo>
                      <a:pt x="641" y="423"/>
                    </a:lnTo>
                    <a:lnTo>
                      <a:pt x="643" y="428"/>
                    </a:lnTo>
                    <a:lnTo>
                      <a:pt x="645" y="430"/>
                    </a:lnTo>
                    <a:lnTo>
                      <a:pt x="648" y="433"/>
                    </a:lnTo>
                    <a:lnTo>
                      <a:pt x="651" y="435"/>
                    </a:lnTo>
                    <a:lnTo>
                      <a:pt x="653" y="436"/>
                    </a:lnTo>
                    <a:lnTo>
                      <a:pt x="662" y="443"/>
                    </a:lnTo>
                    <a:lnTo>
                      <a:pt x="657" y="452"/>
                    </a:lnTo>
                    <a:lnTo>
                      <a:pt x="657" y="487"/>
                    </a:lnTo>
                    <a:lnTo>
                      <a:pt x="638" y="489"/>
                    </a:lnTo>
                    <a:lnTo>
                      <a:pt x="619" y="502"/>
                    </a:lnTo>
                    <a:lnTo>
                      <a:pt x="618" y="531"/>
                    </a:lnTo>
                    <a:lnTo>
                      <a:pt x="616" y="531"/>
                    </a:lnTo>
                    <a:lnTo>
                      <a:pt x="614" y="531"/>
                    </a:lnTo>
                    <a:lnTo>
                      <a:pt x="613" y="531"/>
                    </a:lnTo>
                    <a:lnTo>
                      <a:pt x="609" y="531"/>
                    </a:lnTo>
                    <a:lnTo>
                      <a:pt x="607" y="533"/>
                    </a:lnTo>
                    <a:lnTo>
                      <a:pt x="607" y="534"/>
                    </a:lnTo>
                    <a:lnTo>
                      <a:pt x="609" y="538"/>
                    </a:lnTo>
                    <a:lnTo>
                      <a:pt x="613" y="541"/>
                    </a:lnTo>
                    <a:lnTo>
                      <a:pt x="618" y="545"/>
                    </a:lnTo>
                    <a:lnTo>
                      <a:pt x="619" y="548"/>
                    </a:lnTo>
                    <a:lnTo>
                      <a:pt x="619" y="550"/>
                    </a:lnTo>
                    <a:lnTo>
                      <a:pt x="618" y="550"/>
                    </a:lnTo>
                    <a:lnTo>
                      <a:pt x="616" y="550"/>
                    </a:lnTo>
                    <a:lnTo>
                      <a:pt x="606" y="567"/>
                    </a:lnTo>
                    <a:lnTo>
                      <a:pt x="541" y="570"/>
                    </a:lnTo>
                    <a:lnTo>
                      <a:pt x="541" y="568"/>
                    </a:lnTo>
                    <a:lnTo>
                      <a:pt x="543" y="565"/>
                    </a:lnTo>
                    <a:lnTo>
                      <a:pt x="545" y="562"/>
                    </a:lnTo>
                    <a:lnTo>
                      <a:pt x="547" y="555"/>
                    </a:lnTo>
                    <a:lnTo>
                      <a:pt x="550" y="550"/>
                    </a:lnTo>
                    <a:lnTo>
                      <a:pt x="553" y="543"/>
                    </a:lnTo>
                    <a:lnTo>
                      <a:pt x="557" y="538"/>
                    </a:lnTo>
                    <a:lnTo>
                      <a:pt x="563" y="533"/>
                    </a:lnTo>
                    <a:lnTo>
                      <a:pt x="567" y="528"/>
                    </a:lnTo>
                    <a:lnTo>
                      <a:pt x="569" y="523"/>
                    </a:lnTo>
                    <a:lnTo>
                      <a:pt x="567" y="518"/>
                    </a:lnTo>
                    <a:lnTo>
                      <a:pt x="563" y="512"/>
                    </a:lnTo>
                    <a:lnTo>
                      <a:pt x="560" y="509"/>
                    </a:lnTo>
                    <a:lnTo>
                      <a:pt x="555" y="506"/>
                    </a:lnTo>
                    <a:lnTo>
                      <a:pt x="552" y="504"/>
                    </a:lnTo>
                    <a:lnTo>
                      <a:pt x="548" y="504"/>
                    </a:lnTo>
                    <a:lnTo>
                      <a:pt x="547" y="506"/>
                    </a:lnTo>
                    <a:lnTo>
                      <a:pt x="543" y="506"/>
                    </a:lnTo>
                    <a:lnTo>
                      <a:pt x="536" y="506"/>
                    </a:lnTo>
                    <a:lnTo>
                      <a:pt x="528" y="506"/>
                    </a:lnTo>
                    <a:lnTo>
                      <a:pt x="519" y="507"/>
                    </a:lnTo>
                    <a:lnTo>
                      <a:pt x="508" y="507"/>
                    </a:lnTo>
                    <a:lnTo>
                      <a:pt x="494" y="507"/>
                    </a:lnTo>
                    <a:lnTo>
                      <a:pt x="481" y="509"/>
                    </a:lnTo>
                    <a:lnTo>
                      <a:pt x="465" y="509"/>
                    </a:lnTo>
                    <a:lnTo>
                      <a:pt x="448" y="511"/>
                    </a:lnTo>
                    <a:lnTo>
                      <a:pt x="431" y="511"/>
                    </a:lnTo>
                    <a:lnTo>
                      <a:pt x="413" y="511"/>
                    </a:lnTo>
                    <a:lnTo>
                      <a:pt x="394" y="512"/>
                    </a:lnTo>
                    <a:lnTo>
                      <a:pt x="376" y="512"/>
                    </a:lnTo>
                    <a:lnTo>
                      <a:pt x="355" y="514"/>
                    </a:lnTo>
                    <a:lnTo>
                      <a:pt x="337" y="514"/>
                    </a:lnTo>
                    <a:lnTo>
                      <a:pt x="316" y="516"/>
                    </a:lnTo>
                    <a:lnTo>
                      <a:pt x="296" y="516"/>
                    </a:lnTo>
                    <a:lnTo>
                      <a:pt x="277" y="518"/>
                    </a:lnTo>
                    <a:lnTo>
                      <a:pt x="259" y="518"/>
                    </a:lnTo>
                    <a:lnTo>
                      <a:pt x="240" y="519"/>
                    </a:lnTo>
                    <a:lnTo>
                      <a:pt x="222" y="519"/>
                    </a:lnTo>
                    <a:lnTo>
                      <a:pt x="205" y="521"/>
                    </a:lnTo>
                    <a:lnTo>
                      <a:pt x="189" y="521"/>
                    </a:lnTo>
                    <a:lnTo>
                      <a:pt x="174" y="521"/>
                    </a:lnTo>
                    <a:lnTo>
                      <a:pt x="162" y="523"/>
                    </a:lnTo>
                    <a:lnTo>
                      <a:pt x="149" y="523"/>
                    </a:lnTo>
                    <a:lnTo>
                      <a:pt x="139" y="523"/>
                    </a:lnTo>
                    <a:lnTo>
                      <a:pt x="130" y="523"/>
                    </a:lnTo>
                    <a:lnTo>
                      <a:pt x="123" y="523"/>
                    </a:lnTo>
                    <a:lnTo>
                      <a:pt x="118" y="524"/>
                    </a:lnTo>
                    <a:lnTo>
                      <a:pt x="117" y="524"/>
                    </a:lnTo>
                    <a:close/>
                  </a:path>
                </a:pathLst>
              </a:custGeom>
              <a:solidFill>
                <a:schemeClr val="bg2">
                  <a:lumMod val="85000"/>
                </a:schemeClr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grpSp>
            <p:nvGrpSpPr>
              <p:cNvPr id="339" name="Group 47"/>
              <p:cNvGrpSpPr>
                <a:grpSpLocks/>
              </p:cNvGrpSpPr>
              <p:nvPr/>
            </p:nvGrpSpPr>
            <p:grpSpPr bwMode="auto">
              <a:xfrm>
                <a:off x="4042" y="1840"/>
                <a:ext cx="558" cy="359"/>
                <a:chOff x="4341" y="1400"/>
                <a:chExt cx="574" cy="370"/>
              </a:xfrm>
            </p:grpSpPr>
            <p:sp>
              <p:nvSpPr>
                <p:cNvPr id="340" name="Freeform 48"/>
                <p:cNvSpPr>
                  <a:spLocks/>
                </p:cNvSpPr>
                <p:nvPr/>
              </p:nvSpPr>
              <p:spPr bwMode="auto">
                <a:xfrm>
                  <a:off x="4341" y="1400"/>
                  <a:ext cx="574" cy="370"/>
                </a:xfrm>
                <a:custGeom>
                  <a:avLst/>
                  <a:gdLst>
                    <a:gd name="T0" fmla="*/ 491 w 574"/>
                    <a:gd name="T1" fmla="*/ 287 h 370"/>
                    <a:gd name="T2" fmla="*/ 501 w 574"/>
                    <a:gd name="T3" fmla="*/ 269 h 370"/>
                    <a:gd name="T4" fmla="*/ 518 w 574"/>
                    <a:gd name="T5" fmla="*/ 265 h 370"/>
                    <a:gd name="T6" fmla="*/ 523 w 574"/>
                    <a:gd name="T7" fmla="*/ 265 h 370"/>
                    <a:gd name="T8" fmla="*/ 535 w 574"/>
                    <a:gd name="T9" fmla="*/ 257 h 370"/>
                    <a:gd name="T10" fmla="*/ 545 w 574"/>
                    <a:gd name="T11" fmla="*/ 248 h 370"/>
                    <a:gd name="T12" fmla="*/ 550 w 574"/>
                    <a:gd name="T13" fmla="*/ 238 h 370"/>
                    <a:gd name="T14" fmla="*/ 560 w 574"/>
                    <a:gd name="T15" fmla="*/ 225 h 370"/>
                    <a:gd name="T16" fmla="*/ 569 w 574"/>
                    <a:gd name="T17" fmla="*/ 218 h 370"/>
                    <a:gd name="T18" fmla="*/ 574 w 574"/>
                    <a:gd name="T19" fmla="*/ 211 h 370"/>
                    <a:gd name="T20" fmla="*/ 571 w 574"/>
                    <a:gd name="T21" fmla="*/ 204 h 370"/>
                    <a:gd name="T22" fmla="*/ 567 w 574"/>
                    <a:gd name="T23" fmla="*/ 201 h 370"/>
                    <a:gd name="T24" fmla="*/ 554 w 574"/>
                    <a:gd name="T25" fmla="*/ 189 h 370"/>
                    <a:gd name="T26" fmla="*/ 537 w 574"/>
                    <a:gd name="T27" fmla="*/ 176 h 370"/>
                    <a:gd name="T28" fmla="*/ 520 w 574"/>
                    <a:gd name="T29" fmla="*/ 162 h 370"/>
                    <a:gd name="T30" fmla="*/ 520 w 574"/>
                    <a:gd name="T31" fmla="*/ 144 h 370"/>
                    <a:gd name="T32" fmla="*/ 525 w 574"/>
                    <a:gd name="T33" fmla="*/ 135 h 370"/>
                    <a:gd name="T34" fmla="*/ 538 w 574"/>
                    <a:gd name="T35" fmla="*/ 71 h 370"/>
                    <a:gd name="T36" fmla="*/ 525 w 574"/>
                    <a:gd name="T37" fmla="*/ 56 h 370"/>
                    <a:gd name="T38" fmla="*/ 520 w 574"/>
                    <a:gd name="T39" fmla="*/ 54 h 370"/>
                    <a:gd name="T40" fmla="*/ 511 w 574"/>
                    <a:gd name="T41" fmla="*/ 44 h 370"/>
                    <a:gd name="T42" fmla="*/ 503 w 574"/>
                    <a:gd name="T43" fmla="*/ 30 h 370"/>
                    <a:gd name="T44" fmla="*/ 501 w 574"/>
                    <a:gd name="T45" fmla="*/ 22 h 370"/>
                    <a:gd name="T46" fmla="*/ 493 w 574"/>
                    <a:gd name="T47" fmla="*/ 15 h 370"/>
                    <a:gd name="T48" fmla="*/ 483 w 574"/>
                    <a:gd name="T49" fmla="*/ 12 h 370"/>
                    <a:gd name="T50" fmla="*/ 476 w 574"/>
                    <a:gd name="T51" fmla="*/ 1 h 370"/>
                    <a:gd name="T52" fmla="*/ 459 w 574"/>
                    <a:gd name="T53" fmla="*/ 0 h 370"/>
                    <a:gd name="T54" fmla="*/ 449 w 574"/>
                    <a:gd name="T55" fmla="*/ 3 h 370"/>
                    <a:gd name="T56" fmla="*/ 422 w 574"/>
                    <a:gd name="T57" fmla="*/ 8 h 370"/>
                    <a:gd name="T58" fmla="*/ 383 w 574"/>
                    <a:gd name="T59" fmla="*/ 15 h 370"/>
                    <a:gd name="T60" fmla="*/ 335 w 574"/>
                    <a:gd name="T61" fmla="*/ 25 h 370"/>
                    <a:gd name="T62" fmla="*/ 283 w 574"/>
                    <a:gd name="T63" fmla="*/ 35 h 370"/>
                    <a:gd name="T64" fmla="*/ 230 w 574"/>
                    <a:gd name="T65" fmla="*/ 45 h 370"/>
                    <a:gd name="T66" fmla="*/ 178 w 574"/>
                    <a:gd name="T67" fmla="*/ 56 h 370"/>
                    <a:gd name="T68" fmla="*/ 134 w 574"/>
                    <a:gd name="T69" fmla="*/ 64 h 370"/>
                    <a:gd name="T70" fmla="*/ 98 w 574"/>
                    <a:gd name="T71" fmla="*/ 71 h 370"/>
                    <a:gd name="T72" fmla="*/ 78 w 574"/>
                    <a:gd name="T73" fmla="*/ 74 h 370"/>
                    <a:gd name="T74" fmla="*/ 66 w 574"/>
                    <a:gd name="T75" fmla="*/ 44 h 370"/>
                    <a:gd name="T76" fmla="*/ 49 w 574"/>
                    <a:gd name="T77" fmla="*/ 56 h 370"/>
                    <a:gd name="T78" fmla="*/ 34 w 574"/>
                    <a:gd name="T79" fmla="*/ 67 h 370"/>
                    <a:gd name="T80" fmla="*/ 21 w 574"/>
                    <a:gd name="T81" fmla="*/ 78 h 370"/>
                    <a:gd name="T82" fmla="*/ 9 w 574"/>
                    <a:gd name="T83" fmla="*/ 86 h 370"/>
                    <a:gd name="T84" fmla="*/ 2 w 574"/>
                    <a:gd name="T85" fmla="*/ 91 h 370"/>
                    <a:gd name="T86" fmla="*/ 32 w 574"/>
                    <a:gd name="T87" fmla="*/ 259 h 370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w 574"/>
                    <a:gd name="T133" fmla="*/ 0 h 370"/>
                    <a:gd name="T134" fmla="*/ 574 w 574"/>
                    <a:gd name="T135" fmla="*/ 370 h 370"/>
                  </a:gdLst>
                  <a:ahLst/>
                  <a:cxnLst>
                    <a:cxn ang="T88">
                      <a:pos x="T0" y="T1"/>
                    </a:cxn>
                    <a:cxn ang="T89">
                      <a:pos x="T2" y="T3"/>
                    </a:cxn>
                    <a:cxn ang="T90">
                      <a:pos x="T4" y="T5"/>
                    </a:cxn>
                    <a:cxn ang="T91">
                      <a:pos x="T6" y="T7"/>
                    </a:cxn>
                    <a:cxn ang="T92">
                      <a:pos x="T8" y="T9"/>
                    </a:cxn>
                    <a:cxn ang="T93">
                      <a:pos x="T10" y="T11"/>
                    </a:cxn>
                    <a:cxn ang="T94">
                      <a:pos x="T12" y="T13"/>
                    </a:cxn>
                    <a:cxn ang="T95">
                      <a:pos x="T14" y="T15"/>
                    </a:cxn>
                    <a:cxn ang="T96">
                      <a:pos x="T16" y="T17"/>
                    </a:cxn>
                    <a:cxn ang="T97">
                      <a:pos x="T18" y="T19"/>
                    </a:cxn>
                    <a:cxn ang="T98">
                      <a:pos x="T20" y="T21"/>
                    </a:cxn>
                    <a:cxn ang="T99">
                      <a:pos x="T22" y="T23"/>
                    </a:cxn>
                    <a:cxn ang="T100">
                      <a:pos x="T24" y="T25"/>
                    </a:cxn>
                    <a:cxn ang="T101">
                      <a:pos x="T26" y="T27"/>
                    </a:cxn>
                    <a:cxn ang="T102">
                      <a:pos x="T28" y="T29"/>
                    </a:cxn>
                    <a:cxn ang="T103">
                      <a:pos x="T30" y="T31"/>
                    </a:cxn>
                    <a:cxn ang="T104">
                      <a:pos x="T32" y="T33"/>
                    </a:cxn>
                    <a:cxn ang="T105">
                      <a:pos x="T34" y="T35"/>
                    </a:cxn>
                    <a:cxn ang="T106">
                      <a:pos x="T36" y="T37"/>
                    </a:cxn>
                    <a:cxn ang="T107">
                      <a:pos x="T38" y="T39"/>
                    </a:cxn>
                    <a:cxn ang="T108">
                      <a:pos x="T40" y="T41"/>
                    </a:cxn>
                    <a:cxn ang="T109">
                      <a:pos x="T42" y="T43"/>
                    </a:cxn>
                    <a:cxn ang="T110">
                      <a:pos x="T44" y="T45"/>
                    </a:cxn>
                    <a:cxn ang="T111">
                      <a:pos x="T46" y="T47"/>
                    </a:cxn>
                    <a:cxn ang="T112">
                      <a:pos x="T48" y="T49"/>
                    </a:cxn>
                    <a:cxn ang="T113">
                      <a:pos x="T50" y="T51"/>
                    </a:cxn>
                    <a:cxn ang="T114">
                      <a:pos x="T52" y="T53"/>
                    </a:cxn>
                    <a:cxn ang="T115">
                      <a:pos x="T54" y="T55"/>
                    </a:cxn>
                    <a:cxn ang="T116">
                      <a:pos x="T56" y="T57"/>
                    </a:cxn>
                    <a:cxn ang="T117">
                      <a:pos x="T58" y="T59"/>
                    </a:cxn>
                    <a:cxn ang="T118">
                      <a:pos x="T60" y="T61"/>
                    </a:cxn>
                    <a:cxn ang="T119">
                      <a:pos x="T62" y="T63"/>
                    </a:cxn>
                    <a:cxn ang="T120">
                      <a:pos x="T64" y="T65"/>
                    </a:cxn>
                    <a:cxn ang="T121">
                      <a:pos x="T66" y="T67"/>
                    </a:cxn>
                    <a:cxn ang="T122">
                      <a:pos x="T68" y="T69"/>
                    </a:cxn>
                    <a:cxn ang="T123">
                      <a:pos x="T70" y="T71"/>
                    </a:cxn>
                    <a:cxn ang="T124">
                      <a:pos x="T72" y="T73"/>
                    </a:cxn>
                    <a:cxn ang="T125">
                      <a:pos x="T74" y="T75"/>
                    </a:cxn>
                    <a:cxn ang="T126">
                      <a:pos x="T76" y="T77"/>
                    </a:cxn>
                    <a:cxn ang="T127">
                      <a:pos x="T78" y="T79"/>
                    </a:cxn>
                    <a:cxn ang="T128">
                      <a:pos x="T80" y="T81"/>
                    </a:cxn>
                    <a:cxn ang="T129">
                      <a:pos x="T82" y="T83"/>
                    </a:cxn>
                    <a:cxn ang="T130">
                      <a:pos x="T84" y="T85"/>
                    </a:cxn>
                    <a:cxn ang="T131">
                      <a:pos x="T86" y="T87"/>
                    </a:cxn>
                  </a:cxnLst>
                  <a:rect l="T132" t="T133" r="T134" b="T135"/>
                  <a:pathLst>
                    <a:path w="574" h="370">
                      <a:moveTo>
                        <a:pt x="51" y="370"/>
                      </a:moveTo>
                      <a:lnTo>
                        <a:pt x="146" y="352"/>
                      </a:lnTo>
                      <a:lnTo>
                        <a:pt x="491" y="287"/>
                      </a:lnTo>
                      <a:lnTo>
                        <a:pt x="493" y="277"/>
                      </a:lnTo>
                      <a:lnTo>
                        <a:pt x="496" y="272"/>
                      </a:lnTo>
                      <a:lnTo>
                        <a:pt x="501" y="269"/>
                      </a:lnTo>
                      <a:lnTo>
                        <a:pt x="506" y="265"/>
                      </a:lnTo>
                      <a:lnTo>
                        <a:pt x="513" y="265"/>
                      </a:lnTo>
                      <a:lnTo>
                        <a:pt x="518" y="265"/>
                      </a:lnTo>
                      <a:lnTo>
                        <a:pt x="521" y="265"/>
                      </a:lnTo>
                      <a:lnTo>
                        <a:pt x="523" y="267"/>
                      </a:lnTo>
                      <a:lnTo>
                        <a:pt x="523" y="265"/>
                      </a:lnTo>
                      <a:lnTo>
                        <a:pt x="527" y="264"/>
                      </a:lnTo>
                      <a:lnTo>
                        <a:pt x="530" y="260"/>
                      </a:lnTo>
                      <a:lnTo>
                        <a:pt x="535" y="257"/>
                      </a:lnTo>
                      <a:lnTo>
                        <a:pt x="538" y="254"/>
                      </a:lnTo>
                      <a:lnTo>
                        <a:pt x="543" y="252"/>
                      </a:lnTo>
                      <a:lnTo>
                        <a:pt x="545" y="248"/>
                      </a:lnTo>
                      <a:lnTo>
                        <a:pt x="547" y="248"/>
                      </a:lnTo>
                      <a:lnTo>
                        <a:pt x="547" y="243"/>
                      </a:lnTo>
                      <a:lnTo>
                        <a:pt x="550" y="238"/>
                      </a:lnTo>
                      <a:lnTo>
                        <a:pt x="554" y="233"/>
                      </a:lnTo>
                      <a:lnTo>
                        <a:pt x="557" y="228"/>
                      </a:lnTo>
                      <a:lnTo>
                        <a:pt x="560" y="225"/>
                      </a:lnTo>
                      <a:lnTo>
                        <a:pt x="564" y="221"/>
                      </a:lnTo>
                      <a:lnTo>
                        <a:pt x="567" y="220"/>
                      </a:lnTo>
                      <a:lnTo>
                        <a:pt x="569" y="218"/>
                      </a:lnTo>
                      <a:lnTo>
                        <a:pt x="572" y="216"/>
                      </a:lnTo>
                      <a:lnTo>
                        <a:pt x="574" y="213"/>
                      </a:lnTo>
                      <a:lnTo>
                        <a:pt x="574" y="211"/>
                      </a:lnTo>
                      <a:lnTo>
                        <a:pt x="574" y="208"/>
                      </a:lnTo>
                      <a:lnTo>
                        <a:pt x="572" y="206"/>
                      </a:lnTo>
                      <a:lnTo>
                        <a:pt x="571" y="204"/>
                      </a:lnTo>
                      <a:lnTo>
                        <a:pt x="571" y="203"/>
                      </a:lnTo>
                      <a:lnTo>
                        <a:pt x="569" y="203"/>
                      </a:lnTo>
                      <a:lnTo>
                        <a:pt x="567" y="201"/>
                      </a:lnTo>
                      <a:lnTo>
                        <a:pt x="564" y="199"/>
                      </a:lnTo>
                      <a:lnTo>
                        <a:pt x="559" y="194"/>
                      </a:lnTo>
                      <a:lnTo>
                        <a:pt x="554" y="189"/>
                      </a:lnTo>
                      <a:lnTo>
                        <a:pt x="547" y="184"/>
                      </a:lnTo>
                      <a:lnTo>
                        <a:pt x="542" y="179"/>
                      </a:lnTo>
                      <a:lnTo>
                        <a:pt x="537" y="176"/>
                      </a:lnTo>
                      <a:lnTo>
                        <a:pt x="535" y="174"/>
                      </a:lnTo>
                      <a:lnTo>
                        <a:pt x="525" y="169"/>
                      </a:lnTo>
                      <a:lnTo>
                        <a:pt x="520" y="162"/>
                      </a:lnTo>
                      <a:lnTo>
                        <a:pt x="518" y="155"/>
                      </a:lnTo>
                      <a:lnTo>
                        <a:pt x="518" y="149"/>
                      </a:lnTo>
                      <a:lnTo>
                        <a:pt x="520" y="144"/>
                      </a:lnTo>
                      <a:lnTo>
                        <a:pt x="521" y="138"/>
                      </a:lnTo>
                      <a:lnTo>
                        <a:pt x="523" y="135"/>
                      </a:lnTo>
                      <a:lnTo>
                        <a:pt x="525" y="135"/>
                      </a:lnTo>
                      <a:lnTo>
                        <a:pt x="515" y="118"/>
                      </a:lnTo>
                      <a:lnTo>
                        <a:pt x="532" y="93"/>
                      </a:lnTo>
                      <a:lnTo>
                        <a:pt x="538" y="71"/>
                      </a:lnTo>
                      <a:lnTo>
                        <a:pt x="543" y="62"/>
                      </a:lnTo>
                      <a:lnTo>
                        <a:pt x="525" y="56"/>
                      </a:lnTo>
                      <a:lnTo>
                        <a:pt x="523" y="56"/>
                      </a:lnTo>
                      <a:lnTo>
                        <a:pt x="520" y="54"/>
                      </a:lnTo>
                      <a:lnTo>
                        <a:pt x="518" y="50"/>
                      </a:lnTo>
                      <a:lnTo>
                        <a:pt x="515" y="47"/>
                      </a:lnTo>
                      <a:lnTo>
                        <a:pt x="511" y="44"/>
                      </a:lnTo>
                      <a:lnTo>
                        <a:pt x="508" y="39"/>
                      </a:lnTo>
                      <a:lnTo>
                        <a:pt x="505" y="32"/>
                      </a:lnTo>
                      <a:lnTo>
                        <a:pt x="503" y="30"/>
                      </a:lnTo>
                      <a:lnTo>
                        <a:pt x="503" y="28"/>
                      </a:lnTo>
                      <a:lnTo>
                        <a:pt x="503" y="25"/>
                      </a:lnTo>
                      <a:lnTo>
                        <a:pt x="501" y="22"/>
                      </a:lnTo>
                      <a:lnTo>
                        <a:pt x="499" y="20"/>
                      </a:lnTo>
                      <a:lnTo>
                        <a:pt x="496" y="17"/>
                      </a:lnTo>
                      <a:lnTo>
                        <a:pt x="493" y="15"/>
                      </a:lnTo>
                      <a:lnTo>
                        <a:pt x="486" y="15"/>
                      </a:lnTo>
                      <a:lnTo>
                        <a:pt x="484" y="13"/>
                      </a:lnTo>
                      <a:lnTo>
                        <a:pt x="483" y="12"/>
                      </a:lnTo>
                      <a:lnTo>
                        <a:pt x="481" y="8"/>
                      </a:lnTo>
                      <a:lnTo>
                        <a:pt x="479" y="5"/>
                      </a:lnTo>
                      <a:lnTo>
                        <a:pt x="476" y="1"/>
                      </a:lnTo>
                      <a:lnTo>
                        <a:pt x="471" y="0"/>
                      </a:lnTo>
                      <a:lnTo>
                        <a:pt x="466" y="0"/>
                      </a:lnTo>
                      <a:lnTo>
                        <a:pt x="459" y="0"/>
                      </a:lnTo>
                      <a:lnTo>
                        <a:pt x="457" y="0"/>
                      </a:lnTo>
                      <a:lnTo>
                        <a:pt x="454" y="1"/>
                      </a:lnTo>
                      <a:lnTo>
                        <a:pt x="449" y="3"/>
                      </a:lnTo>
                      <a:lnTo>
                        <a:pt x="442" y="3"/>
                      </a:lnTo>
                      <a:lnTo>
                        <a:pt x="432" y="5"/>
                      </a:lnTo>
                      <a:lnTo>
                        <a:pt x="422" y="8"/>
                      </a:lnTo>
                      <a:lnTo>
                        <a:pt x="410" y="10"/>
                      </a:lnTo>
                      <a:lnTo>
                        <a:pt x="398" y="12"/>
                      </a:lnTo>
                      <a:lnTo>
                        <a:pt x="383" y="15"/>
                      </a:lnTo>
                      <a:lnTo>
                        <a:pt x="367" y="18"/>
                      </a:lnTo>
                      <a:lnTo>
                        <a:pt x="352" y="22"/>
                      </a:lnTo>
                      <a:lnTo>
                        <a:pt x="335" y="25"/>
                      </a:lnTo>
                      <a:lnTo>
                        <a:pt x="318" y="28"/>
                      </a:lnTo>
                      <a:lnTo>
                        <a:pt x="301" y="32"/>
                      </a:lnTo>
                      <a:lnTo>
                        <a:pt x="283" y="35"/>
                      </a:lnTo>
                      <a:lnTo>
                        <a:pt x="266" y="39"/>
                      </a:lnTo>
                      <a:lnTo>
                        <a:pt x="247" y="42"/>
                      </a:lnTo>
                      <a:lnTo>
                        <a:pt x="230" y="45"/>
                      </a:lnTo>
                      <a:lnTo>
                        <a:pt x="212" y="49"/>
                      </a:lnTo>
                      <a:lnTo>
                        <a:pt x="195" y="52"/>
                      </a:lnTo>
                      <a:lnTo>
                        <a:pt x="178" y="56"/>
                      </a:lnTo>
                      <a:lnTo>
                        <a:pt x="163" y="59"/>
                      </a:lnTo>
                      <a:lnTo>
                        <a:pt x="147" y="61"/>
                      </a:lnTo>
                      <a:lnTo>
                        <a:pt x="134" y="64"/>
                      </a:lnTo>
                      <a:lnTo>
                        <a:pt x="120" y="66"/>
                      </a:lnTo>
                      <a:lnTo>
                        <a:pt x="109" y="69"/>
                      </a:lnTo>
                      <a:lnTo>
                        <a:pt x="98" y="71"/>
                      </a:lnTo>
                      <a:lnTo>
                        <a:pt x="90" y="72"/>
                      </a:lnTo>
                      <a:lnTo>
                        <a:pt x="83" y="74"/>
                      </a:lnTo>
                      <a:lnTo>
                        <a:pt x="78" y="74"/>
                      </a:lnTo>
                      <a:lnTo>
                        <a:pt x="75" y="74"/>
                      </a:lnTo>
                      <a:lnTo>
                        <a:pt x="75" y="76"/>
                      </a:lnTo>
                      <a:lnTo>
                        <a:pt x="66" y="44"/>
                      </a:lnTo>
                      <a:lnTo>
                        <a:pt x="61" y="47"/>
                      </a:lnTo>
                      <a:lnTo>
                        <a:pt x="56" y="52"/>
                      </a:lnTo>
                      <a:lnTo>
                        <a:pt x="49" y="56"/>
                      </a:lnTo>
                      <a:lnTo>
                        <a:pt x="44" y="59"/>
                      </a:lnTo>
                      <a:lnTo>
                        <a:pt x="39" y="64"/>
                      </a:lnTo>
                      <a:lnTo>
                        <a:pt x="34" y="67"/>
                      </a:lnTo>
                      <a:lnTo>
                        <a:pt x="29" y="71"/>
                      </a:lnTo>
                      <a:lnTo>
                        <a:pt x="26" y="74"/>
                      </a:lnTo>
                      <a:lnTo>
                        <a:pt x="21" y="78"/>
                      </a:lnTo>
                      <a:lnTo>
                        <a:pt x="15" y="81"/>
                      </a:lnTo>
                      <a:lnTo>
                        <a:pt x="12" y="84"/>
                      </a:lnTo>
                      <a:lnTo>
                        <a:pt x="9" y="86"/>
                      </a:lnTo>
                      <a:lnTo>
                        <a:pt x="7" y="89"/>
                      </a:lnTo>
                      <a:lnTo>
                        <a:pt x="4" y="91"/>
                      </a:lnTo>
                      <a:lnTo>
                        <a:pt x="2" y="91"/>
                      </a:lnTo>
                      <a:lnTo>
                        <a:pt x="2" y="93"/>
                      </a:lnTo>
                      <a:lnTo>
                        <a:pt x="0" y="93"/>
                      </a:lnTo>
                      <a:lnTo>
                        <a:pt x="32" y="259"/>
                      </a:lnTo>
                      <a:lnTo>
                        <a:pt x="51" y="370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341" name="Freeform 49"/>
                <p:cNvSpPr>
                  <a:spLocks/>
                </p:cNvSpPr>
                <p:nvPr/>
              </p:nvSpPr>
              <p:spPr bwMode="auto">
                <a:xfrm>
                  <a:off x="4341" y="1400"/>
                  <a:ext cx="574" cy="370"/>
                </a:xfrm>
                <a:custGeom>
                  <a:avLst/>
                  <a:gdLst>
                    <a:gd name="T0" fmla="*/ 491 w 574"/>
                    <a:gd name="T1" fmla="*/ 287 h 370"/>
                    <a:gd name="T2" fmla="*/ 496 w 574"/>
                    <a:gd name="T3" fmla="*/ 272 h 370"/>
                    <a:gd name="T4" fmla="*/ 513 w 574"/>
                    <a:gd name="T5" fmla="*/ 265 h 370"/>
                    <a:gd name="T6" fmla="*/ 523 w 574"/>
                    <a:gd name="T7" fmla="*/ 267 h 370"/>
                    <a:gd name="T8" fmla="*/ 527 w 574"/>
                    <a:gd name="T9" fmla="*/ 264 h 370"/>
                    <a:gd name="T10" fmla="*/ 538 w 574"/>
                    <a:gd name="T11" fmla="*/ 254 h 370"/>
                    <a:gd name="T12" fmla="*/ 547 w 574"/>
                    <a:gd name="T13" fmla="*/ 248 h 370"/>
                    <a:gd name="T14" fmla="*/ 550 w 574"/>
                    <a:gd name="T15" fmla="*/ 238 h 370"/>
                    <a:gd name="T16" fmla="*/ 560 w 574"/>
                    <a:gd name="T17" fmla="*/ 225 h 370"/>
                    <a:gd name="T18" fmla="*/ 569 w 574"/>
                    <a:gd name="T19" fmla="*/ 218 h 370"/>
                    <a:gd name="T20" fmla="*/ 574 w 574"/>
                    <a:gd name="T21" fmla="*/ 213 h 370"/>
                    <a:gd name="T22" fmla="*/ 572 w 574"/>
                    <a:gd name="T23" fmla="*/ 206 h 370"/>
                    <a:gd name="T24" fmla="*/ 569 w 574"/>
                    <a:gd name="T25" fmla="*/ 203 h 370"/>
                    <a:gd name="T26" fmla="*/ 564 w 574"/>
                    <a:gd name="T27" fmla="*/ 199 h 370"/>
                    <a:gd name="T28" fmla="*/ 547 w 574"/>
                    <a:gd name="T29" fmla="*/ 184 h 370"/>
                    <a:gd name="T30" fmla="*/ 535 w 574"/>
                    <a:gd name="T31" fmla="*/ 174 h 370"/>
                    <a:gd name="T32" fmla="*/ 520 w 574"/>
                    <a:gd name="T33" fmla="*/ 162 h 370"/>
                    <a:gd name="T34" fmla="*/ 520 w 574"/>
                    <a:gd name="T35" fmla="*/ 144 h 370"/>
                    <a:gd name="T36" fmla="*/ 525 w 574"/>
                    <a:gd name="T37" fmla="*/ 135 h 370"/>
                    <a:gd name="T38" fmla="*/ 538 w 574"/>
                    <a:gd name="T39" fmla="*/ 71 h 370"/>
                    <a:gd name="T40" fmla="*/ 525 w 574"/>
                    <a:gd name="T41" fmla="*/ 56 h 370"/>
                    <a:gd name="T42" fmla="*/ 523 w 574"/>
                    <a:gd name="T43" fmla="*/ 56 h 370"/>
                    <a:gd name="T44" fmla="*/ 515 w 574"/>
                    <a:gd name="T45" fmla="*/ 47 h 370"/>
                    <a:gd name="T46" fmla="*/ 505 w 574"/>
                    <a:gd name="T47" fmla="*/ 32 h 370"/>
                    <a:gd name="T48" fmla="*/ 503 w 574"/>
                    <a:gd name="T49" fmla="*/ 28 h 370"/>
                    <a:gd name="T50" fmla="*/ 499 w 574"/>
                    <a:gd name="T51" fmla="*/ 20 h 370"/>
                    <a:gd name="T52" fmla="*/ 486 w 574"/>
                    <a:gd name="T53" fmla="*/ 15 h 370"/>
                    <a:gd name="T54" fmla="*/ 483 w 574"/>
                    <a:gd name="T55" fmla="*/ 12 h 370"/>
                    <a:gd name="T56" fmla="*/ 476 w 574"/>
                    <a:gd name="T57" fmla="*/ 1 h 370"/>
                    <a:gd name="T58" fmla="*/ 459 w 574"/>
                    <a:gd name="T59" fmla="*/ 0 h 370"/>
                    <a:gd name="T60" fmla="*/ 454 w 574"/>
                    <a:gd name="T61" fmla="*/ 1 h 370"/>
                    <a:gd name="T62" fmla="*/ 432 w 574"/>
                    <a:gd name="T63" fmla="*/ 5 h 370"/>
                    <a:gd name="T64" fmla="*/ 398 w 574"/>
                    <a:gd name="T65" fmla="*/ 12 h 370"/>
                    <a:gd name="T66" fmla="*/ 352 w 574"/>
                    <a:gd name="T67" fmla="*/ 22 h 370"/>
                    <a:gd name="T68" fmla="*/ 301 w 574"/>
                    <a:gd name="T69" fmla="*/ 32 h 370"/>
                    <a:gd name="T70" fmla="*/ 247 w 574"/>
                    <a:gd name="T71" fmla="*/ 42 h 370"/>
                    <a:gd name="T72" fmla="*/ 195 w 574"/>
                    <a:gd name="T73" fmla="*/ 52 h 370"/>
                    <a:gd name="T74" fmla="*/ 147 w 574"/>
                    <a:gd name="T75" fmla="*/ 61 h 370"/>
                    <a:gd name="T76" fmla="*/ 109 w 574"/>
                    <a:gd name="T77" fmla="*/ 69 h 370"/>
                    <a:gd name="T78" fmla="*/ 83 w 574"/>
                    <a:gd name="T79" fmla="*/ 74 h 370"/>
                    <a:gd name="T80" fmla="*/ 75 w 574"/>
                    <a:gd name="T81" fmla="*/ 76 h 370"/>
                    <a:gd name="T82" fmla="*/ 61 w 574"/>
                    <a:gd name="T83" fmla="*/ 47 h 370"/>
                    <a:gd name="T84" fmla="*/ 44 w 574"/>
                    <a:gd name="T85" fmla="*/ 59 h 370"/>
                    <a:gd name="T86" fmla="*/ 29 w 574"/>
                    <a:gd name="T87" fmla="*/ 71 h 370"/>
                    <a:gd name="T88" fmla="*/ 15 w 574"/>
                    <a:gd name="T89" fmla="*/ 81 h 370"/>
                    <a:gd name="T90" fmla="*/ 7 w 574"/>
                    <a:gd name="T91" fmla="*/ 89 h 370"/>
                    <a:gd name="T92" fmla="*/ 2 w 574"/>
                    <a:gd name="T93" fmla="*/ 93 h 370"/>
                    <a:gd name="T94" fmla="*/ 51 w 574"/>
                    <a:gd name="T95" fmla="*/ 370 h 370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w 574"/>
                    <a:gd name="T145" fmla="*/ 0 h 370"/>
                    <a:gd name="T146" fmla="*/ 574 w 574"/>
                    <a:gd name="T147" fmla="*/ 370 h 370"/>
                  </a:gdLst>
                  <a:ahLst/>
                  <a:cxnLst>
                    <a:cxn ang="T96">
                      <a:pos x="T0" y="T1"/>
                    </a:cxn>
                    <a:cxn ang="T97">
                      <a:pos x="T2" y="T3"/>
                    </a:cxn>
                    <a:cxn ang="T98">
                      <a:pos x="T4" y="T5"/>
                    </a:cxn>
                    <a:cxn ang="T99">
                      <a:pos x="T6" y="T7"/>
                    </a:cxn>
                    <a:cxn ang="T100">
                      <a:pos x="T8" y="T9"/>
                    </a:cxn>
                    <a:cxn ang="T101">
                      <a:pos x="T10" y="T11"/>
                    </a:cxn>
                    <a:cxn ang="T102">
                      <a:pos x="T12" y="T13"/>
                    </a:cxn>
                    <a:cxn ang="T103">
                      <a:pos x="T14" y="T15"/>
                    </a:cxn>
                    <a:cxn ang="T104">
                      <a:pos x="T16" y="T17"/>
                    </a:cxn>
                    <a:cxn ang="T105">
                      <a:pos x="T18" y="T19"/>
                    </a:cxn>
                    <a:cxn ang="T106">
                      <a:pos x="T20" y="T21"/>
                    </a:cxn>
                    <a:cxn ang="T107">
                      <a:pos x="T22" y="T23"/>
                    </a:cxn>
                    <a:cxn ang="T108">
                      <a:pos x="T24" y="T25"/>
                    </a:cxn>
                    <a:cxn ang="T109">
                      <a:pos x="T26" y="T27"/>
                    </a:cxn>
                    <a:cxn ang="T110">
                      <a:pos x="T28" y="T29"/>
                    </a:cxn>
                    <a:cxn ang="T111">
                      <a:pos x="T30" y="T31"/>
                    </a:cxn>
                    <a:cxn ang="T112">
                      <a:pos x="T32" y="T33"/>
                    </a:cxn>
                    <a:cxn ang="T113">
                      <a:pos x="T34" y="T35"/>
                    </a:cxn>
                    <a:cxn ang="T114">
                      <a:pos x="T36" y="T37"/>
                    </a:cxn>
                    <a:cxn ang="T115">
                      <a:pos x="T38" y="T39"/>
                    </a:cxn>
                    <a:cxn ang="T116">
                      <a:pos x="T40" y="T41"/>
                    </a:cxn>
                    <a:cxn ang="T117">
                      <a:pos x="T42" y="T43"/>
                    </a:cxn>
                    <a:cxn ang="T118">
                      <a:pos x="T44" y="T45"/>
                    </a:cxn>
                    <a:cxn ang="T119">
                      <a:pos x="T46" y="T47"/>
                    </a:cxn>
                    <a:cxn ang="T120">
                      <a:pos x="T48" y="T49"/>
                    </a:cxn>
                    <a:cxn ang="T121">
                      <a:pos x="T50" y="T51"/>
                    </a:cxn>
                    <a:cxn ang="T122">
                      <a:pos x="T52" y="T53"/>
                    </a:cxn>
                    <a:cxn ang="T123">
                      <a:pos x="T54" y="T55"/>
                    </a:cxn>
                    <a:cxn ang="T124">
                      <a:pos x="T56" y="T57"/>
                    </a:cxn>
                    <a:cxn ang="T125">
                      <a:pos x="T58" y="T59"/>
                    </a:cxn>
                    <a:cxn ang="T126">
                      <a:pos x="T60" y="T61"/>
                    </a:cxn>
                    <a:cxn ang="T127">
                      <a:pos x="T62" y="T63"/>
                    </a:cxn>
                    <a:cxn ang="T128">
                      <a:pos x="T64" y="T65"/>
                    </a:cxn>
                    <a:cxn ang="T129">
                      <a:pos x="T66" y="T67"/>
                    </a:cxn>
                    <a:cxn ang="T130">
                      <a:pos x="T68" y="T69"/>
                    </a:cxn>
                    <a:cxn ang="T131">
                      <a:pos x="T70" y="T71"/>
                    </a:cxn>
                    <a:cxn ang="T132">
                      <a:pos x="T72" y="T73"/>
                    </a:cxn>
                    <a:cxn ang="T133">
                      <a:pos x="T74" y="T75"/>
                    </a:cxn>
                    <a:cxn ang="T134">
                      <a:pos x="T76" y="T77"/>
                    </a:cxn>
                    <a:cxn ang="T135">
                      <a:pos x="T78" y="T79"/>
                    </a:cxn>
                    <a:cxn ang="T136">
                      <a:pos x="T80" y="T81"/>
                    </a:cxn>
                    <a:cxn ang="T137">
                      <a:pos x="T82" y="T83"/>
                    </a:cxn>
                    <a:cxn ang="T138">
                      <a:pos x="T84" y="T85"/>
                    </a:cxn>
                    <a:cxn ang="T139">
                      <a:pos x="T86" y="T87"/>
                    </a:cxn>
                    <a:cxn ang="T140">
                      <a:pos x="T88" y="T89"/>
                    </a:cxn>
                    <a:cxn ang="T141">
                      <a:pos x="T90" y="T91"/>
                    </a:cxn>
                    <a:cxn ang="T142">
                      <a:pos x="T92" y="T93"/>
                    </a:cxn>
                    <a:cxn ang="T143">
                      <a:pos x="T94" y="T95"/>
                    </a:cxn>
                  </a:cxnLst>
                  <a:rect l="T144" t="T145" r="T146" b="T147"/>
                  <a:pathLst>
                    <a:path w="574" h="370">
                      <a:moveTo>
                        <a:pt x="51" y="370"/>
                      </a:moveTo>
                      <a:lnTo>
                        <a:pt x="146" y="352"/>
                      </a:lnTo>
                      <a:lnTo>
                        <a:pt x="491" y="287"/>
                      </a:lnTo>
                      <a:lnTo>
                        <a:pt x="493" y="277"/>
                      </a:lnTo>
                      <a:lnTo>
                        <a:pt x="496" y="272"/>
                      </a:lnTo>
                      <a:lnTo>
                        <a:pt x="501" y="269"/>
                      </a:lnTo>
                      <a:lnTo>
                        <a:pt x="506" y="265"/>
                      </a:lnTo>
                      <a:lnTo>
                        <a:pt x="513" y="265"/>
                      </a:lnTo>
                      <a:lnTo>
                        <a:pt x="518" y="265"/>
                      </a:lnTo>
                      <a:lnTo>
                        <a:pt x="521" y="265"/>
                      </a:lnTo>
                      <a:lnTo>
                        <a:pt x="523" y="267"/>
                      </a:lnTo>
                      <a:lnTo>
                        <a:pt x="523" y="265"/>
                      </a:lnTo>
                      <a:lnTo>
                        <a:pt x="527" y="264"/>
                      </a:lnTo>
                      <a:lnTo>
                        <a:pt x="530" y="260"/>
                      </a:lnTo>
                      <a:lnTo>
                        <a:pt x="535" y="257"/>
                      </a:lnTo>
                      <a:lnTo>
                        <a:pt x="538" y="254"/>
                      </a:lnTo>
                      <a:lnTo>
                        <a:pt x="543" y="252"/>
                      </a:lnTo>
                      <a:lnTo>
                        <a:pt x="545" y="248"/>
                      </a:lnTo>
                      <a:lnTo>
                        <a:pt x="547" y="248"/>
                      </a:lnTo>
                      <a:lnTo>
                        <a:pt x="547" y="243"/>
                      </a:lnTo>
                      <a:lnTo>
                        <a:pt x="550" y="238"/>
                      </a:lnTo>
                      <a:lnTo>
                        <a:pt x="554" y="233"/>
                      </a:lnTo>
                      <a:lnTo>
                        <a:pt x="557" y="228"/>
                      </a:lnTo>
                      <a:lnTo>
                        <a:pt x="560" y="225"/>
                      </a:lnTo>
                      <a:lnTo>
                        <a:pt x="564" y="221"/>
                      </a:lnTo>
                      <a:lnTo>
                        <a:pt x="567" y="220"/>
                      </a:lnTo>
                      <a:lnTo>
                        <a:pt x="569" y="218"/>
                      </a:lnTo>
                      <a:lnTo>
                        <a:pt x="572" y="216"/>
                      </a:lnTo>
                      <a:lnTo>
                        <a:pt x="574" y="213"/>
                      </a:lnTo>
                      <a:lnTo>
                        <a:pt x="574" y="211"/>
                      </a:lnTo>
                      <a:lnTo>
                        <a:pt x="574" y="208"/>
                      </a:lnTo>
                      <a:lnTo>
                        <a:pt x="572" y="206"/>
                      </a:lnTo>
                      <a:lnTo>
                        <a:pt x="571" y="204"/>
                      </a:lnTo>
                      <a:lnTo>
                        <a:pt x="571" y="203"/>
                      </a:lnTo>
                      <a:lnTo>
                        <a:pt x="569" y="203"/>
                      </a:lnTo>
                      <a:lnTo>
                        <a:pt x="567" y="201"/>
                      </a:lnTo>
                      <a:lnTo>
                        <a:pt x="564" y="199"/>
                      </a:lnTo>
                      <a:lnTo>
                        <a:pt x="559" y="194"/>
                      </a:lnTo>
                      <a:lnTo>
                        <a:pt x="554" y="189"/>
                      </a:lnTo>
                      <a:lnTo>
                        <a:pt x="547" y="184"/>
                      </a:lnTo>
                      <a:lnTo>
                        <a:pt x="542" y="179"/>
                      </a:lnTo>
                      <a:lnTo>
                        <a:pt x="537" y="176"/>
                      </a:lnTo>
                      <a:lnTo>
                        <a:pt x="535" y="174"/>
                      </a:lnTo>
                      <a:lnTo>
                        <a:pt x="525" y="169"/>
                      </a:lnTo>
                      <a:lnTo>
                        <a:pt x="520" y="162"/>
                      </a:lnTo>
                      <a:lnTo>
                        <a:pt x="518" y="155"/>
                      </a:lnTo>
                      <a:lnTo>
                        <a:pt x="518" y="149"/>
                      </a:lnTo>
                      <a:lnTo>
                        <a:pt x="520" y="144"/>
                      </a:lnTo>
                      <a:lnTo>
                        <a:pt x="521" y="138"/>
                      </a:lnTo>
                      <a:lnTo>
                        <a:pt x="523" y="135"/>
                      </a:lnTo>
                      <a:lnTo>
                        <a:pt x="525" y="135"/>
                      </a:lnTo>
                      <a:lnTo>
                        <a:pt x="515" y="118"/>
                      </a:lnTo>
                      <a:lnTo>
                        <a:pt x="532" y="93"/>
                      </a:lnTo>
                      <a:lnTo>
                        <a:pt x="538" y="71"/>
                      </a:lnTo>
                      <a:lnTo>
                        <a:pt x="543" y="62"/>
                      </a:lnTo>
                      <a:lnTo>
                        <a:pt x="525" y="56"/>
                      </a:lnTo>
                      <a:lnTo>
                        <a:pt x="523" y="56"/>
                      </a:lnTo>
                      <a:lnTo>
                        <a:pt x="520" y="54"/>
                      </a:lnTo>
                      <a:lnTo>
                        <a:pt x="518" y="50"/>
                      </a:lnTo>
                      <a:lnTo>
                        <a:pt x="515" y="47"/>
                      </a:lnTo>
                      <a:lnTo>
                        <a:pt x="511" y="44"/>
                      </a:lnTo>
                      <a:lnTo>
                        <a:pt x="508" y="39"/>
                      </a:lnTo>
                      <a:lnTo>
                        <a:pt x="505" y="32"/>
                      </a:lnTo>
                      <a:lnTo>
                        <a:pt x="503" y="30"/>
                      </a:lnTo>
                      <a:lnTo>
                        <a:pt x="503" y="28"/>
                      </a:lnTo>
                      <a:lnTo>
                        <a:pt x="503" y="25"/>
                      </a:lnTo>
                      <a:lnTo>
                        <a:pt x="501" y="22"/>
                      </a:lnTo>
                      <a:lnTo>
                        <a:pt x="499" y="20"/>
                      </a:lnTo>
                      <a:lnTo>
                        <a:pt x="496" y="17"/>
                      </a:lnTo>
                      <a:lnTo>
                        <a:pt x="493" y="15"/>
                      </a:lnTo>
                      <a:lnTo>
                        <a:pt x="486" y="15"/>
                      </a:lnTo>
                      <a:lnTo>
                        <a:pt x="484" y="13"/>
                      </a:lnTo>
                      <a:lnTo>
                        <a:pt x="483" y="12"/>
                      </a:lnTo>
                      <a:lnTo>
                        <a:pt x="481" y="8"/>
                      </a:lnTo>
                      <a:lnTo>
                        <a:pt x="479" y="5"/>
                      </a:lnTo>
                      <a:lnTo>
                        <a:pt x="476" y="1"/>
                      </a:lnTo>
                      <a:lnTo>
                        <a:pt x="471" y="0"/>
                      </a:lnTo>
                      <a:lnTo>
                        <a:pt x="466" y="0"/>
                      </a:lnTo>
                      <a:lnTo>
                        <a:pt x="459" y="0"/>
                      </a:lnTo>
                      <a:lnTo>
                        <a:pt x="457" y="0"/>
                      </a:lnTo>
                      <a:lnTo>
                        <a:pt x="454" y="1"/>
                      </a:lnTo>
                      <a:lnTo>
                        <a:pt x="449" y="3"/>
                      </a:lnTo>
                      <a:lnTo>
                        <a:pt x="442" y="3"/>
                      </a:lnTo>
                      <a:lnTo>
                        <a:pt x="432" y="5"/>
                      </a:lnTo>
                      <a:lnTo>
                        <a:pt x="422" y="8"/>
                      </a:lnTo>
                      <a:lnTo>
                        <a:pt x="410" y="10"/>
                      </a:lnTo>
                      <a:lnTo>
                        <a:pt x="398" y="12"/>
                      </a:lnTo>
                      <a:lnTo>
                        <a:pt x="383" y="15"/>
                      </a:lnTo>
                      <a:lnTo>
                        <a:pt x="367" y="18"/>
                      </a:lnTo>
                      <a:lnTo>
                        <a:pt x="352" y="22"/>
                      </a:lnTo>
                      <a:lnTo>
                        <a:pt x="335" y="25"/>
                      </a:lnTo>
                      <a:lnTo>
                        <a:pt x="318" y="28"/>
                      </a:lnTo>
                      <a:lnTo>
                        <a:pt x="301" y="32"/>
                      </a:lnTo>
                      <a:lnTo>
                        <a:pt x="283" y="35"/>
                      </a:lnTo>
                      <a:lnTo>
                        <a:pt x="266" y="39"/>
                      </a:lnTo>
                      <a:lnTo>
                        <a:pt x="247" y="42"/>
                      </a:lnTo>
                      <a:lnTo>
                        <a:pt x="230" y="45"/>
                      </a:lnTo>
                      <a:lnTo>
                        <a:pt x="212" y="49"/>
                      </a:lnTo>
                      <a:lnTo>
                        <a:pt x="195" y="52"/>
                      </a:lnTo>
                      <a:lnTo>
                        <a:pt x="178" y="56"/>
                      </a:lnTo>
                      <a:lnTo>
                        <a:pt x="163" y="59"/>
                      </a:lnTo>
                      <a:lnTo>
                        <a:pt x="147" y="61"/>
                      </a:lnTo>
                      <a:lnTo>
                        <a:pt x="134" y="64"/>
                      </a:lnTo>
                      <a:lnTo>
                        <a:pt x="120" y="66"/>
                      </a:lnTo>
                      <a:lnTo>
                        <a:pt x="109" y="69"/>
                      </a:lnTo>
                      <a:lnTo>
                        <a:pt x="98" y="71"/>
                      </a:lnTo>
                      <a:lnTo>
                        <a:pt x="90" y="72"/>
                      </a:lnTo>
                      <a:lnTo>
                        <a:pt x="83" y="74"/>
                      </a:lnTo>
                      <a:lnTo>
                        <a:pt x="78" y="74"/>
                      </a:lnTo>
                      <a:lnTo>
                        <a:pt x="75" y="74"/>
                      </a:lnTo>
                      <a:lnTo>
                        <a:pt x="75" y="76"/>
                      </a:lnTo>
                      <a:lnTo>
                        <a:pt x="66" y="44"/>
                      </a:lnTo>
                      <a:lnTo>
                        <a:pt x="61" y="47"/>
                      </a:lnTo>
                      <a:lnTo>
                        <a:pt x="56" y="52"/>
                      </a:lnTo>
                      <a:lnTo>
                        <a:pt x="49" y="56"/>
                      </a:lnTo>
                      <a:lnTo>
                        <a:pt x="44" y="59"/>
                      </a:lnTo>
                      <a:lnTo>
                        <a:pt x="39" y="64"/>
                      </a:lnTo>
                      <a:lnTo>
                        <a:pt x="34" y="67"/>
                      </a:lnTo>
                      <a:lnTo>
                        <a:pt x="29" y="71"/>
                      </a:lnTo>
                      <a:lnTo>
                        <a:pt x="26" y="74"/>
                      </a:lnTo>
                      <a:lnTo>
                        <a:pt x="21" y="78"/>
                      </a:lnTo>
                      <a:lnTo>
                        <a:pt x="15" y="81"/>
                      </a:lnTo>
                      <a:lnTo>
                        <a:pt x="12" y="84"/>
                      </a:lnTo>
                      <a:lnTo>
                        <a:pt x="9" y="86"/>
                      </a:lnTo>
                      <a:lnTo>
                        <a:pt x="7" y="89"/>
                      </a:lnTo>
                      <a:lnTo>
                        <a:pt x="4" y="91"/>
                      </a:lnTo>
                      <a:lnTo>
                        <a:pt x="2" y="91"/>
                      </a:lnTo>
                      <a:lnTo>
                        <a:pt x="2" y="93"/>
                      </a:lnTo>
                      <a:lnTo>
                        <a:pt x="0" y="93"/>
                      </a:lnTo>
                      <a:lnTo>
                        <a:pt x="32" y="259"/>
                      </a:lnTo>
                      <a:lnTo>
                        <a:pt x="51" y="370"/>
                      </a:lnTo>
                    </a:path>
                  </a:pathLst>
                </a:custGeom>
                <a:solidFill>
                  <a:srgbClr val="C0000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</p:grpSp>
        </p:grpSp>
        <p:sp>
          <p:nvSpPr>
            <p:cNvPr id="196" name="Freeform 50"/>
            <p:cNvSpPr>
              <a:spLocks/>
            </p:cNvSpPr>
            <p:nvPr/>
          </p:nvSpPr>
          <p:spPr bwMode="auto">
            <a:xfrm>
              <a:off x="4658" y="1344"/>
              <a:ext cx="160" cy="309"/>
            </a:xfrm>
            <a:custGeom>
              <a:avLst/>
              <a:gdLst>
                <a:gd name="T0" fmla="*/ 47 w 165"/>
                <a:gd name="T1" fmla="*/ 211 h 318"/>
                <a:gd name="T2" fmla="*/ 44 w 165"/>
                <a:gd name="T3" fmla="*/ 199 h 318"/>
                <a:gd name="T4" fmla="*/ 42 w 165"/>
                <a:gd name="T5" fmla="*/ 183 h 318"/>
                <a:gd name="T6" fmla="*/ 39 w 165"/>
                <a:gd name="T7" fmla="*/ 167 h 318"/>
                <a:gd name="T8" fmla="*/ 38 w 165"/>
                <a:gd name="T9" fmla="*/ 154 h 318"/>
                <a:gd name="T10" fmla="*/ 35 w 165"/>
                <a:gd name="T11" fmla="*/ 145 h 318"/>
                <a:gd name="T12" fmla="*/ 29 w 165"/>
                <a:gd name="T13" fmla="*/ 141 h 318"/>
                <a:gd name="T14" fmla="*/ 24 w 165"/>
                <a:gd name="T15" fmla="*/ 145 h 318"/>
                <a:gd name="T16" fmla="*/ 16 w 165"/>
                <a:gd name="T17" fmla="*/ 111 h 318"/>
                <a:gd name="T18" fmla="*/ 0 w 165"/>
                <a:gd name="T19" fmla="*/ 26 h 318"/>
                <a:gd name="T20" fmla="*/ 103 w 165"/>
                <a:gd name="T21" fmla="*/ 10 h 318"/>
                <a:gd name="T22" fmla="*/ 103 w 165"/>
                <a:gd name="T23" fmla="*/ 15 h 318"/>
                <a:gd name="T24" fmla="*/ 103 w 165"/>
                <a:gd name="T25" fmla="*/ 17 h 318"/>
                <a:gd name="T26" fmla="*/ 100 w 165"/>
                <a:gd name="T27" fmla="*/ 21 h 318"/>
                <a:gd name="T28" fmla="*/ 103 w 165"/>
                <a:gd name="T29" fmla="*/ 26 h 318"/>
                <a:gd name="T30" fmla="*/ 106 w 165"/>
                <a:gd name="T31" fmla="*/ 37 h 318"/>
                <a:gd name="T32" fmla="*/ 107 w 165"/>
                <a:gd name="T33" fmla="*/ 43 h 318"/>
                <a:gd name="T34" fmla="*/ 103 w 165"/>
                <a:gd name="T35" fmla="*/ 51 h 318"/>
                <a:gd name="T36" fmla="*/ 94 w 165"/>
                <a:gd name="T37" fmla="*/ 63 h 318"/>
                <a:gd name="T38" fmla="*/ 94 w 165"/>
                <a:gd name="T39" fmla="*/ 64 h 318"/>
                <a:gd name="T40" fmla="*/ 88 w 165"/>
                <a:gd name="T41" fmla="*/ 68 h 318"/>
                <a:gd name="T42" fmla="*/ 89 w 165"/>
                <a:gd name="T43" fmla="*/ 73 h 318"/>
                <a:gd name="T44" fmla="*/ 89 w 165"/>
                <a:gd name="T45" fmla="*/ 83 h 318"/>
                <a:gd name="T46" fmla="*/ 89 w 165"/>
                <a:gd name="T47" fmla="*/ 93 h 318"/>
                <a:gd name="T48" fmla="*/ 88 w 165"/>
                <a:gd name="T49" fmla="*/ 108 h 318"/>
                <a:gd name="T50" fmla="*/ 85 w 165"/>
                <a:gd name="T51" fmla="*/ 115 h 318"/>
                <a:gd name="T52" fmla="*/ 85 w 165"/>
                <a:gd name="T53" fmla="*/ 122 h 318"/>
                <a:gd name="T54" fmla="*/ 83 w 165"/>
                <a:gd name="T55" fmla="*/ 127 h 318"/>
                <a:gd name="T56" fmla="*/ 81 w 165"/>
                <a:gd name="T57" fmla="*/ 139 h 318"/>
                <a:gd name="T58" fmla="*/ 85 w 165"/>
                <a:gd name="T59" fmla="*/ 153 h 318"/>
                <a:gd name="T60" fmla="*/ 85 w 165"/>
                <a:gd name="T61" fmla="*/ 157 h 318"/>
                <a:gd name="T62" fmla="*/ 85 w 165"/>
                <a:gd name="T63" fmla="*/ 164 h 318"/>
                <a:gd name="T64" fmla="*/ 85 w 165"/>
                <a:gd name="T65" fmla="*/ 167 h 318"/>
                <a:gd name="T66" fmla="*/ 88 w 165"/>
                <a:gd name="T67" fmla="*/ 173 h 318"/>
                <a:gd name="T68" fmla="*/ 88 w 165"/>
                <a:gd name="T69" fmla="*/ 180 h 318"/>
                <a:gd name="T70" fmla="*/ 85 w 165"/>
                <a:gd name="T71" fmla="*/ 184 h 318"/>
                <a:gd name="T72" fmla="*/ 85 w 165"/>
                <a:gd name="T73" fmla="*/ 193 h 318"/>
                <a:gd name="T74" fmla="*/ 92 w 165"/>
                <a:gd name="T75" fmla="*/ 201 h 318"/>
                <a:gd name="T76" fmla="*/ 87 w 165"/>
                <a:gd name="T77" fmla="*/ 203 h 318"/>
                <a:gd name="T78" fmla="*/ 78 w 165"/>
                <a:gd name="T79" fmla="*/ 205 h 318"/>
                <a:gd name="T80" fmla="*/ 66 w 165"/>
                <a:gd name="T81" fmla="*/ 208 h 318"/>
                <a:gd name="T82" fmla="*/ 54 w 165"/>
                <a:gd name="T83" fmla="*/ 211 h 318"/>
                <a:gd name="T84" fmla="*/ 47 w 165"/>
                <a:gd name="T85" fmla="*/ 211 h 318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165"/>
                <a:gd name="T130" fmla="*/ 0 h 318"/>
                <a:gd name="T131" fmla="*/ 165 w 165"/>
                <a:gd name="T132" fmla="*/ 318 h 318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165" h="318">
                  <a:moveTo>
                    <a:pt x="73" y="318"/>
                  </a:moveTo>
                  <a:lnTo>
                    <a:pt x="73" y="316"/>
                  </a:lnTo>
                  <a:lnTo>
                    <a:pt x="73" y="315"/>
                  </a:lnTo>
                  <a:lnTo>
                    <a:pt x="71" y="310"/>
                  </a:lnTo>
                  <a:lnTo>
                    <a:pt x="70" y="303"/>
                  </a:lnTo>
                  <a:lnTo>
                    <a:pt x="68" y="296"/>
                  </a:lnTo>
                  <a:lnTo>
                    <a:pt x="68" y="289"/>
                  </a:lnTo>
                  <a:lnTo>
                    <a:pt x="66" y="281"/>
                  </a:lnTo>
                  <a:lnTo>
                    <a:pt x="63" y="272"/>
                  </a:lnTo>
                  <a:lnTo>
                    <a:pt x="61" y="264"/>
                  </a:lnTo>
                  <a:lnTo>
                    <a:pt x="60" y="255"/>
                  </a:lnTo>
                  <a:lnTo>
                    <a:pt x="58" y="249"/>
                  </a:lnTo>
                  <a:lnTo>
                    <a:pt x="58" y="242"/>
                  </a:lnTo>
                  <a:lnTo>
                    <a:pt x="56" y="235"/>
                  </a:lnTo>
                  <a:lnTo>
                    <a:pt x="55" y="230"/>
                  </a:lnTo>
                  <a:lnTo>
                    <a:pt x="55" y="227"/>
                  </a:lnTo>
                  <a:lnTo>
                    <a:pt x="53" y="225"/>
                  </a:lnTo>
                  <a:lnTo>
                    <a:pt x="49" y="216"/>
                  </a:lnTo>
                  <a:lnTo>
                    <a:pt x="46" y="211"/>
                  </a:lnTo>
                  <a:lnTo>
                    <a:pt x="44" y="210"/>
                  </a:lnTo>
                  <a:lnTo>
                    <a:pt x="43" y="210"/>
                  </a:lnTo>
                  <a:lnTo>
                    <a:pt x="41" y="211"/>
                  </a:lnTo>
                  <a:lnTo>
                    <a:pt x="39" y="215"/>
                  </a:lnTo>
                  <a:lnTo>
                    <a:pt x="38" y="216"/>
                  </a:lnTo>
                  <a:lnTo>
                    <a:pt x="34" y="213"/>
                  </a:lnTo>
                  <a:lnTo>
                    <a:pt x="26" y="164"/>
                  </a:lnTo>
                  <a:lnTo>
                    <a:pt x="22" y="128"/>
                  </a:lnTo>
                  <a:lnTo>
                    <a:pt x="16" y="113"/>
                  </a:lnTo>
                  <a:lnTo>
                    <a:pt x="0" y="40"/>
                  </a:lnTo>
                  <a:lnTo>
                    <a:pt x="156" y="0"/>
                  </a:lnTo>
                  <a:lnTo>
                    <a:pt x="158" y="10"/>
                  </a:lnTo>
                  <a:lnTo>
                    <a:pt x="158" y="12"/>
                  </a:lnTo>
                  <a:lnTo>
                    <a:pt x="159" y="15"/>
                  </a:lnTo>
                  <a:lnTo>
                    <a:pt x="159" y="17"/>
                  </a:lnTo>
                  <a:lnTo>
                    <a:pt x="159" y="22"/>
                  </a:lnTo>
                  <a:lnTo>
                    <a:pt x="159" y="25"/>
                  </a:lnTo>
                  <a:lnTo>
                    <a:pt x="158" y="29"/>
                  </a:lnTo>
                  <a:lnTo>
                    <a:pt x="154" y="34"/>
                  </a:lnTo>
                  <a:lnTo>
                    <a:pt x="154" y="35"/>
                  </a:lnTo>
                  <a:lnTo>
                    <a:pt x="156" y="35"/>
                  </a:lnTo>
                  <a:lnTo>
                    <a:pt x="158" y="37"/>
                  </a:lnTo>
                  <a:lnTo>
                    <a:pt x="158" y="40"/>
                  </a:lnTo>
                  <a:lnTo>
                    <a:pt x="159" y="44"/>
                  </a:lnTo>
                  <a:lnTo>
                    <a:pt x="161" y="46"/>
                  </a:lnTo>
                  <a:lnTo>
                    <a:pt x="163" y="51"/>
                  </a:lnTo>
                  <a:lnTo>
                    <a:pt x="165" y="54"/>
                  </a:lnTo>
                  <a:lnTo>
                    <a:pt x="165" y="59"/>
                  </a:lnTo>
                  <a:lnTo>
                    <a:pt x="165" y="62"/>
                  </a:lnTo>
                  <a:lnTo>
                    <a:pt x="165" y="68"/>
                  </a:lnTo>
                  <a:lnTo>
                    <a:pt x="163" y="73"/>
                  </a:lnTo>
                  <a:lnTo>
                    <a:pt x="159" y="78"/>
                  </a:lnTo>
                  <a:lnTo>
                    <a:pt x="156" y="83"/>
                  </a:lnTo>
                  <a:lnTo>
                    <a:pt x="149" y="88"/>
                  </a:lnTo>
                  <a:lnTo>
                    <a:pt x="143" y="93"/>
                  </a:lnTo>
                  <a:lnTo>
                    <a:pt x="143" y="95"/>
                  </a:lnTo>
                  <a:lnTo>
                    <a:pt x="143" y="93"/>
                  </a:lnTo>
                  <a:lnTo>
                    <a:pt x="136" y="100"/>
                  </a:lnTo>
                  <a:lnTo>
                    <a:pt x="136" y="101"/>
                  </a:lnTo>
                  <a:lnTo>
                    <a:pt x="136" y="105"/>
                  </a:lnTo>
                  <a:lnTo>
                    <a:pt x="137" y="108"/>
                  </a:lnTo>
                  <a:lnTo>
                    <a:pt x="137" y="113"/>
                  </a:lnTo>
                  <a:lnTo>
                    <a:pt x="137" y="118"/>
                  </a:lnTo>
                  <a:lnTo>
                    <a:pt x="137" y="123"/>
                  </a:lnTo>
                  <a:lnTo>
                    <a:pt x="137" y="128"/>
                  </a:lnTo>
                  <a:lnTo>
                    <a:pt x="137" y="135"/>
                  </a:lnTo>
                  <a:lnTo>
                    <a:pt x="137" y="140"/>
                  </a:lnTo>
                  <a:lnTo>
                    <a:pt x="137" y="147"/>
                  </a:lnTo>
                  <a:lnTo>
                    <a:pt x="136" y="154"/>
                  </a:lnTo>
                  <a:lnTo>
                    <a:pt x="136" y="159"/>
                  </a:lnTo>
                  <a:lnTo>
                    <a:pt x="134" y="164"/>
                  </a:lnTo>
                  <a:lnTo>
                    <a:pt x="134" y="169"/>
                  </a:lnTo>
                  <a:lnTo>
                    <a:pt x="132" y="172"/>
                  </a:lnTo>
                  <a:lnTo>
                    <a:pt x="132" y="176"/>
                  </a:lnTo>
                  <a:lnTo>
                    <a:pt x="131" y="179"/>
                  </a:lnTo>
                  <a:lnTo>
                    <a:pt x="131" y="183"/>
                  </a:lnTo>
                  <a:lnTo>
                    <a:pt x="131" y="184"/>
                  </a:lnTo>
                  <a:lnTo>
                    <a:pt x="129" y="189"/>
                  </a:lnTo>
                  <a:lnTo>
                    <a:pt x="127" y="194"/>
                  </a:lnTo>
                  <a:lnTo>
                    <a:pt x="126" y="201"/>
                  </a:lnTo>
                  <a:lnTo>
                    <a:pt x="126" y="208"/>
                  </a:lnTo>
                  <a:lnTo>
                    <a:pt x="126" y="215"/>
                  </a:lnTo>
                  <a:lnTo>
                    <a:pt x="127" y="222"/>
                  </a:lnTo>
                  <a:lnTo>
                    <a:pt x="131" y="228"/>
                  </a:lnTo>
                  <a:lnTo>
                    <a:pt x="132" y="228"/>
                  </a:lnTo>
                  <a:lnTo>
                    <a:pt x="132" y="232"/>
                  </a:lnTo>
                  <a:lnTo>
                    <a:pt x="132" y="235"/>
                  </a:lnTo>
                  <a:lnTo>
                    <a:pt x="132" y="238"/>
                  </a:lnTo>
                  <a:lnTo>
                    <a:pt x="132" y="242"/>
                  </a:lnTo>
                  <a:lnTo>
                    <a:pt x="132" y="245"/>
                  </a:lnTo>
                  <a:lnTo>
                    <a:pt x="132" y="247"/>
                  </a:lnTo>
                  <a:lnTo>
                    <a:pt x="132" y="249"/>
                  </a:lnTo>
                  <a:lnTo>
                    <a:pt x="134" y="250"/>
                  </a:lnTo>
                  <a:lnTo>
                    <a:pt x="134" y="254"/>
                  </a:lnTo>
                  <a:lnTo>
                    <a:pt x="136" y="257"/>
                  </a:lnTo>
                  <a:lnTo>
                    <a:pt x="136" y="260"/>
                  </a:lnTo>
                  <a:lnTo>
                    <a:pt x="136" y="266"/>
                  </a:lnTo>
                  <a:lnTo>
                    <a:pt x="136" y="269"/>
                  </a:lnTo>
                  <a:lnTo>
                    <a:pt x="132" y="272"/>
                  </a:lnTo>
                  <a:lnTo>
                    <a:pt x="132" y="274"/>
                  </a:lnTo>
                  <a:lnTo>
                    <a:pt x="132" y="276"/>
                  </a:lnTo>
                  <a:lnTo>
                    <a:pt x="132" y="281"/>
                  </a:lnTo>
                  <a:lnTo>
                    <a:pt x="132" y="284"/>
                  </a:lnTo>
                  <a:lnTo>
                    <a:pt x="132" y="289"/>
                  </a:lnTo>
                  <a:lnTo>
                    <a:pt x="134" y="294"/>
                  </a:lnTo>
                  <a:lnTo>
                    <a:pt x="136" y="298"/>
                  </a:lnTo>
                  <a:lnTo>
                    <a:pt x="141" y="301"/>
                  </a:lnTo>
                  <a:lnTo>
                    <a:pt x="139" y="301"/>
                  </a:lnTo>
                  <a:lnTo>
                    <a:pt x="137" y="301"/>
                  </a:lnTo>
                  <a:lnTo>
                    <a:pt x="134" y="303"/>
                  </a:lnTo>
                  <a:lnTo>
                    <a:pt x="131" y="303"/>
                  </a:lnTo>
                  <a:lnTo>
                    <a:pt x="126" y="304"/>
                  </a:lnTo>
                  <a:lnTo>
                    <a:pt x="119" y="306"/>
                  </a:lnTo>
                  <a:lnTo>
                    <a:pt x="114" y="308"/>
                  </a:lnTo>
                  <a:lnTo>
                    <a:pt x="107" y="310"/>
                  </a:lnTo>
                  <a:lnTo>
                    <a:pt x="100" y="311"/>
                  </a:lnTo>
                  <a:lnTo>
                    <a:pt x="95" y="313"/>
                  </a:lnTo>
                  <a:lnTo>
                    <a:pt x="88" y="315"/>
                  </a:lnTo>
                  <a:lnTo>
                    <a:pt x="83" y="315"/>
                  </a:lnTo>
                  <a:lnTo>
                    <a:pt x="80" y="316"/>
                  </a:lnTo>
                  <a:lnTo>
                    <a:pt x="77" y="316"/>
                  </a:lnTo>
                  <a:lnTo>
                    <a:pt x="73" y="316"/>
                  </a:lnTo>
                  <a:lnTo>
                    <a:pt x="73" y="318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97" name="Freeform 51"/>
            <p:cNvSpPr>
              <a:spLocks/>
            </p:cNvSpPr>
            <p:nvPr/>
          </p:nvSpPr>
          <p:spPr bwMode="auto">
            <a:xfrm>
              <a:off x="192" y="1620"/>
              <a:ext cx="766" cy="1314"/>
            </a:xfrm>
            <a:custGeom>
              <a:avLst/>
              <a:gdLst>
                <a:gd name="T0" fmla="*/ 78 w 788"/>
                <a:gd name="T1" fmla="*/ 14 h 1354"/>
                <a:gd name="T2" fmla="*/ 134 w 788"/>
                <a:gd name="T3" fmla="*/ 23 h 1354"/>
                <a:gd name="T4" fmla="*/ 209 w 788"/>
                <a:gd name="T5" fmla="*/ 44 h 1354"/>
                <a:gd name="T6" fmla="*/ 292 w 788"/>
                <a:gd name="T7" fmla="*/ 65 h 1354"/>
                <a:gd name="T8" fmla="*/ 518 w 788"/>
                <a:gd name="T9" fmla="*/ 749 h 1354"/>
                <a:gd name="T10" fmla="*/ 507 w 788"/>
                <a:gd name="T11" fmla="*/ 786 h 1354"/>
                <a:gd name="T12" fmla="*/ 496 w 788"/>
                <a:gd name="T13" fmla="*/ 815 h 1354"/>
                <a:gd name="T14" fmla="*/ 482 w 788"/>
                <a:gd name="T15" fmla="*/ 837 h 1354"/>
                <a:gd name="T16" fmla="*/ 485 w 788"/>
                <a:gd name="T17" fmla="*/ 869 h 1354"/>
                <a:gd name="T18" fmla="*/ 467 w 788"/>
                <a:gd name="T19" fmla="*/ 890 h 1354"/>
                <a:gd name="T20" fmla="*/ 293 w 788"/>
                <a:gd name="T21" fmla="*/ 847 h 1354"/>
                <a:gd name="T22" fmla="*/ 300 w 788"/>
                <a:gd name="T23" fmla="*/ 834 h 1354"/>
                <a:gd name="T24" fmla="*/ 285 w 788"/>
                <a:gd name="T25" fmla="*/ 794 h 1354"/>
                <a:gd name="T26" fmla="*/ 256 w 788"/>
                <a:gd name="T27" fmla="*/ 758 h 1354"/>
                <a:gd name="T28" fmla="*/ 243 w 788"/>
                <a:gd name="T29" fmla="*/ 758 h 1354"/>
                <a:gd name="T30" fmla="*/ 236 w 788"/>
                <a:gd name="T31" fmla="*/ 749 h 1354"/>
                <a:gd name="T32" fmla="*/ 229 w 788"/>
                <a:gd name="T33" fmla="*/ 728 h 1354"/>
                <a:gd name="T34" fmla="*/ 202 w 788"/>
                <a:gd name="T35" fmla="*/ 720 h 1354"/>
                <a:gd name="T36" fmla="*/ 181 w 788"/>
                <a:gd name="T37" fmla="*/ 689 h 1354"/>
                <a:gd name="T38" fmla="*/ 162 w 788"/>
                <a:gd name="T39" fmla="*/ 679 h 1354"/>
                <a:gd name="T40" fmla="*/ 141 w 788"/>
                <a:gd name="T41" fmla="*/ 670 h 1354"/>
                <a:gd name="T42" fmla="*/ 113 w 788"/>
                <a:gd name="T43" fmla="*/ 660 h 1354"/>
                <a:gd name="T44" fmla="*/ 111 w 788"/>
                <a:gd name="T45" fmla="*/ 642 h 1354"/>
                <a:gd name="T46" fmla="*/ 117 w 788"/>
                <a:gd name="T47" fmla="*/ 606 h 1354"/>
                <a:gd name="T48" fmla="*/ 105 w 788"/>
                <a:gd name="T49" fmla="*/ 597 h 1354"/>
                <a:gd name="T50" fmla="*/ 110 w 788"/>
                <a:gd name="T51" fmla="*/ 581 h 1354"/>
                <a:gd name="T52" fmla="*/ 98 w 788"/>
                <a:gd name="T53" fmla="*/ 565 h 1354"/>
                <a:gd name="T54" fmla="*/ 75 w 788"/>
                <a:gd name="T55" fmla="*/ 515 h 1354"/>
                <a:gd name="T56" fmla="*/ 65 w 788"/>
                <a:gd name="T57" fmla="*/ 498 h 1354"/>
                <a:gd name="T58" fmla="*/ 62 w 788"/>
                <a:gd name="T59" fmla="*/ 490 h 1354"/>
                <a:gd name="T60" fmla="*/ 67 w 788"/>
                <a:gd name="T61" fmla="*/ 466 h 1354"/>
                <a:gd name="T62" fmla="*/ 79 w 788"/>
                <a:gd name="T63" fmla="*/ 443 h 1354"/>
                <a:gd name="T64" fmla="*/ 50 w 788"/>
                <a:gd name="T65" fmla="*/ 419 h 1354"/>
                <a:gd name="T66" fmla="*/ 50 w 788"/>
                <a:gd name="T67" fmla="*/ 405 h 1354"/>
                <a:gd name="T68" fmla="*/ 51 w 788"/>
                <a:gd name="T69" fmla="*/ 389 h 1354"/>
                <a:gd name="T70" fmla="*/ 56 w 788"/>
                <a:gd name="T71" fmla="*/ 365 h 1354"/>
                <a:gd name="T72" fmla="*/ 63 w 788"/>
                <a:gd name="T73" fmla="*/ 371 h 1354"/>
                <a:gd name="T74" fmla="*/ 69 w 788"/>
                <a:gd name="T75" fmla="*/ 389 h 1354"/>
                <a:gd name="T76" fmla="*/ 78 w 788"/>
                <a:gd name="T77" fmla="*/ 391 h 1354"/>
                <a:gd name="T78" fmla="*/ 75 w 788"/>
                <a:gd name="T79" fmla="*/ 378 h 1354"/>
                <a:gd name="T80" fmla="*/ 71 w 788"/>
                <a:gd name="T81" fmla="*/ 369 h 1354"/>
                <a:gd name="T82" fmla="*/ 71 w 788"/>
                <a:gd name="T83" fmla="*/ 350 h 1354"/>
                <a:gd name="T84" fmla="*/ 99 w 788"/>
                <a:gd name="T85" fmla="*/ 345 h 1354"/>
                <a:gd name="T86" fmla="*/ 75 w 788"/>
                <a:gd name="T87" fmla="*/ 339 h 1354"/>
                <a:gd name="T88" fmla="*/ 63 w 788"/>
                <a:gd name="T89" fmla="*/ 344 h 1354"/>
                <a:gd name="T90" fmla="*/ 44 w 788"/>
                <a:gd name="T91" fmla="*/ 346 h 1354"/>
                <a:gd name="T92" fmla="*/ 31 w 788"/>
                <a:gd name="T93" fmla="*/ 337 h 1354"/>
                <a:gd name="T94" fmla="*/ 36 w 788"/>
                <a:gd name="T95" fmla="*/ 304 h 1354"/>
                <a:gd name="T96" fmla="*/ 17 w 788"/>
                <a:gd name="T97" fmla="*/ 284 h 1354"/>
                <a:gd name="T98" fmla="*/ 17 w 788"/>
                <a:gd name="T99" fmla="*/ 263 h 1354"/>
                <a:gd name="T100" fmla="*/ 10 w 788"/>
                <a:gd name="T101" fmla="*/ 248 h 1354"/>
                <a:gd name="T102" fmla="*/ 17 w 788"/>
                <a:gd name="T103" fmla="*/ 230 h 1354"/>
                <a:gd name="T104" fmla="*/ 17 w 788"/>
                <a:gd name="T105" fmla="*/ 201 h 1354"/>
                <a:gd name="T106" fmla="*/ 17 w 788"/>
                <a:gd name="T107" fmla="*/ 176 h 1354"/>
                <a:gd name="T108" fmla="*/ 17 w 788"/>
                <a:gd name="T109" fmla="*/ 161 h 1354"/>
                <a:gd name="T110" fmla="*/ 13 w 788"/>
                <a:gd name="T111" fmla="*/ 151 h 1354"/>
                <a:gd name="T112" fmla="*/ 1 w 788"/>
                <a:gd name="T113" fmla="*/ 123 h 1354"/>
                <a:gd name="T114" fmla="*/ 30 w 788"/>
                <a:gd name="T115" fmla="*/ 86 h 1354"/>
                <a:gd name="T116" fmla="*/ 40 w 788"/>
                <a:gd name="T117" fmla="*/ 62 h 1354"/>
                <a:gd name="T118" fmla="*/ 48 w 788"/>
                <a:gd name="T119" fmla="*/ 32 h 1354"/>
                <a:gd name="T120" fmla="*/ 49 w 788"/>
                <a:gd name="T121" fmla="*/ 0 h 1354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w 788"/>
                <a:gd name="T184" fmla="*/ 0 h 1354"/>
                <a:gd name="T185" fmla="*/ 788 w 788"/>
                <a:gd name="T186" fmla="*/ 1354 h 1354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T183" t="T184" r="T185" b="T186"/>
              <a:pathLst>
                <a:path w="788" h="1354">
                  <a:moveTo>
                    <a:pt x="74" y="0"/>
                  </a:moveTo>
                  <a:lnTo>
                    <a:pt x="77" y="2"/>
                  </a:lnTo>
                  <a:lnTo>
                    <a:pt x="83" y="2"/>
                  </a:lnTo>
                  <a:lnTo>
                    <a:pt x="88" y="5"/>
                  </a:lnTo>
                  <a:lnTo>
                    <a:pt x="93" y="7"/>
                  </a:lnTo>
                  <a:lnTo>
                    <a:pt x="99" y="9"/>
                  </a:lnTo>
                  <a:lnTo>
                    <a:pt x="106" y="10"/>
                  </a:lnTo>
                  <a:lnTo>
                    <a:pt x="115" y="14"/>
                  </a:lnTo>
                  <a:lnTo>
                    <a:pt x="123" y="15"/>
                  </a:lnTo>
                  <a:lnTo>
                    <a:pt x="133" y="19"/>
                  </a:lnTo>
                  <a:lnTo>
                    <a:pt x="143" y="20"/>
                  </a:lnTo>
                  <a:lnTo>
                    <a:pt x="154" y="24"/>
                  </a:lnTo>
                  <a:lnTo>
                    <a:pt x="164" y="27"/>
                  </a:lnTo>
                  <a:lnTo>
                    <a:pt x="176" y="31"/>
                  </a:lnTo>
                  <a:lnTo>
                    <a:pt x="187" y="34"/>
                  </a:lnTo>
                  <a:lnTo>
                    <a:pt x="199" y="37"/>
                  </a:lnTo>
                  <a:lnTo>
                    <a:pt x="213" y="41"/>
                  </a:lnTo>
                  <a:lnTo>
                    <a:pt x="226" y="44"/>
                  </a:lnTo>
                  <a:lnTo>
                    <a:pt x="240" y="48"/>
                  </a:lnTo>
                  <a:lnTo>
                    <a:pt x="253" y="51"/>
                  </a:lnTo>
                  <a:lnTo>
                    <a:pt x="267" y="54"/>
                  </a:lnTo>
                  <a:lnTo>
                    <a:pt x="281" y="59"/>
                  </a:lnTo>
                  <a:lnTo>
                    <a:pt x="296" y="63"/>
                  </a:lnTo>
                  <a:lnTo>
                    <a:pt x="311" y="66"/>
                  </a:lnTo>
                  <a:lnTo>
                    <a:pt x="326" y="71"/>
                  </a:lnTo>
                  <a:lnTo>
                    <a:pt x="341" y="75"/>
                  </a:lnTo>
                  <a:lnTo>
                    <a:pt x="355" y="78"/>
                  </a:lnTo>
                  <a:lnTo>
                    <a:pt x="372" y="83"/>
                  </a:lnTo>
                  <a:lnTo>
                    <a:pt x="385" y="86"/>
                  </a:lnTo>
                  <a:lnTo>
                    <a:pt x="402" y="90"/>
                  </a:lnTo>
                  <a:lnTo>
                    <a:pt x="416" y="93"/>
                  </a:lnTo>
                  <a:lnTo>
                    <a:pt x="433" y="98"/>
                  </a:lnTo>
                  <a:lnTo>
                    <a:pt x="446" y="102"/>
                  </a:lnTo>
                  <a:lnTo>
                    <a:pt x="448" y="100"/>
                  </a:lnTo>
                  <a:lnTo>
                    <a:pt x="353" y="466"/>
                  </a:lnTo>
                  <a:lnTo>
                    <a:pt x="753" y="1070"/>
                  </a:lnTo>
                  <a:lnTo>
                    <a:pt x="756" y="1085"/>
                  </a:lnTo>
                  <a:lnTo>
                    <a:pt x="761" y="1098"/>
                  </a:lnTo>
                  <a:lnTo>
                    <a:pt x="773" y="1124"/>
                  </a:lnTo>
                  <a:lnTo>
                    <a:pt x="771" y="1142"/>
                  </a:lnTo>
                  <a:lnTo>
                    <a:pt x="788" y="1166"/>
                  </a:lnTo>
                  <a:lnTo>
                    <a:pt x="788" y="1175"/>
                  </a:lnTo>
                  <a:lnTo>
                    <a:pt x="781" y="1183"/>
                  </a:lnTo>
                  <a:lnTo>
                    <a:pt x="780" y="1185"/>
                  </a:lnTo>
                  <a:lnTo>
                    <a:pt x="775" y="1185"/>
                  </a:lnTo>
                  <a:lnTo>
                    <a:pt x="768" y="1186"/>
                  </a:lnTo>
                  <a:lnTo>
                    <a:pt x="761" y="1190"/>
                  </a:lnTo>
                  <a:lnTo>
                    <a:pt x="753" y="1195"/>
                  </a:lnTo>
                  <a:lnTo>
                    <a:pt x="746" y="1202"/>
                  </a:lnTo>
                  <a:lnTo>
                    <a:pt x="743" y="1210"/>
                  </a:lnTo>
                  <a:lnTo>
                    <a:pt x="741" y="1219"/>
                  </a:lnTo>
                  <a:lnTo>
                    <a:pt x="741" y="1220"/>
                  </a:lnTo>
                  <a:lnTo>
                    <a:pt x="741" y="1225"/>
                  </a:lnTo>
                  <a:lnTo>
                    <a:pt x="741" y="1230"/>
                  </a:lnTo>
                  <a:lnTo>
                    <a:pt x="739" y="1237"/>
                  </a:lnTo>
                  <a:lnTo>
                    <a:pt x="737" y="1244"/>
                  </a:lnTo>
                  <a:lnTo>
                    <a:pt x="736" y="1251"/>
                  </a:lnTo>
                  <a:lnTo>
                    <a:pt x="731" y="1256"/>
                  </a:lnTo>
                  <a:lnTo>
                    <a:pt x="726" y="1261"/>
                  </a:lnTo>
                  <a:lnTo>
                    <a:pt x="724" y="1263"/>
                  </a:lnTo>
                  <a:lnTo>
                    <a:pt x="722" y="1264"/>
                  </a:lnTo>
                  <a:lnTo>
                    <a:pt x="721" y="1266"/>
                  </a:lnTo>
                  <a:lnTo>
                    <a:pt x="717" y="1268"/>
                  </a:lnTo>
                  <a:lnTo>
                    <a:pt x="715" y="1271"/>
                  </a:lnTo>
                  <a:lnTo>
                    <a:pt x="712" y="1273"/>
                  </a:lnTo>
                  <a:lnTo>
                    <a:pt x="710" y="1274"/>
                  </a:lnTo>
                  <a:lnTo>
                    <a:pt x="707" y="1285"/>
                  </a:lnTo>
                  <a:lnTo>
                    <a:pt x="709" y="1296"/>
                  </a:lnTo>
                  <a:lnTo>
                    <a:pt x="704" y="1313"/>
                  </a:lnTo>
                  <a:lnTo>
                    <a:pt x="721" y="1322"/>
                  </a:lnTo>
                  <a:lnTo>
                    <a:pt x="722" y="1324"/>
                  </a:lnTo>
                  <a:lnTo>
                    <a:pt x="722" y="1327"/>
                  </a:lnTo>
                  <a:lnTo>
                    <a:pt x="722" y="1332"/>
                  </a:lnTo>
                  <a:lnTo>
                    <a:pt x="722" y="1337"/>
                  </a:lnTo>
                  <a:lnTo>
                    <a:pt x="721" y="1344"/>
                  </a:lnTo>
                  <a:lnTo>
                    <a:pt x="719" y="1349"/>
                  </a:lnTo>
                  <a:lnTo>
                    <a:pt x="714" y="1352"/>
                  </a:lnTo>
                  <a:lnTo>
                    <a:pt x="709" y="1354"/>
                  </a:lnTo>
                  <a:lnTo>
                    <a:pt x="693" y="1354"/>
                  </a:lnTo>
                  <a:lnTo>
                    <a:pt x="450" y="1325"/>
                  </a:lnTo>
                  <a:lnTo>
                    <a:pt x="445" y="1317"/>
                  </a:lnTo>
                  <a:lnTo>
                    <a:pt x="450" y="1317"/>
                  </a:lnTo>
                  <a:lnTo>
                    <a:pt x="450" y="1305"/>
                  </a:lnTo>
                  <a:lnTo>
                    <a:pt x="443" y="1300"/>
                  </a:lnTo>
                  <a:lnTo>
                    <a:pt x="436" y="1305"/>
                  </a:lnTo>
                  <a:lnTo>
                    <a:pt x="436" y="1290"/>
                  </a:lnTo>
                  <a:lnTo>
                    <a:pt x="436" y="1288"/>
                  </a:lnTo>
                  <a:lnTo>
                    <a:pt x="438" y="1286"/>
                  </a:lnTo>
                  <a:lnTo>
                    <a:pt x="440" y="1285"/>
                  </a:lnTo>
                  <a:lnTo>
                    <a:pt x="441" y="1283"/>
                  </a:lnTo>
                  <a:lnTo>
                    <a:pt x="441" y="1280"/>
                  </a:lnTo>
                  <a:lnTo>
                    <a:pt x="443" y="1276"/>
                  </a:lnTo>
                  <a:lnTo>
                    <a:pt x="445" y="1271"/>
                  </a:lnTo>
                  <a:lnTo>
                    <a:pt x="445" y="1266"/>
                  </a:lnTo>
                  <a:lnTo>
                    <a:pt x="445" y="1261"/>
                  </a:lnTo>
                  <a:lnTo>
                    <a:pt x="445" y="1254"/>
                  </a:lnTo>
                  <a:lnTo>
                    <a:pt x="441" y="1247"/>
                  </a:lnTo>
                  <a:lnTo>
                    <a:pt x="440" y="1239"/>
                  </a:lnTo>
                  <a:lnTo>
                    <a:pt x="436" y="1230"/>
                  </a:lnTo>
                  <a:lnTo>
                    <a:pt x="431" y="1222"/>
                  </a:lnTo>
                  <a:lnTo>
                    <a:pt x="424" y="1212"/>
                  </a:lnTo>
                  <a:lnTo>
                    <a:pt x="423" y="1210"/>
                  </a:lnTo>
                  <a:lnTo>
                    <a:pt x="421" y="1207"/>
                  </a:lnTo>
                  <a:lnTo>
                    <a:pt x="416" y="1203"/>
                  </a:lnTo>
                  <a:lnTo>
                    <a:pt x="413" y="1198"/>
                  </a:lnTo>
                  <a:lnTo>
                    <a:pt x="409" y="1193"/>
                  </a:lnTo>
                  <a:lnTo>
                    <a:pt x="406" y="1190"/>
                  </a:lnTo>
                  <a:lnTo>
                    <a:pt x="402" y="1186"/>
                  </a:lnTo>
                  <a:lnTo>
                    <a:pt x="401" y="1186"/>
                  </a:lnTo>
                  <a:lnTo>
                    <a:pt x="380" y="1153"/>
                  </a:lnTo>
                  <a:lnTo>
                    <a:pt x="379" y="1151"/>
                  </a:lnTo>
                  <a:lnTo>
                    <a:pt x="379" y="1149"/>
                  </a:lnTo>
                  <a:lnTo>
                    <a:pt x="375" y="1148"/>
                  </a:lnTo>
                  <a:lnTo>
                    <a:pt x="374" y="1148"/>
                  </a:lnTo>
                  <a:lnTo>
                    <a:pt x="370" y="1148"/>
                  </a:lnTo>
                  <a:lnTo>
                    <a:pt x="365" y="1149"/>
                  </a:lnTo>
                  <a:lnTo>
                    <a:pt x="360" y="1153"/>
                  </a:lnTo>
                  <a:lnTo>
                    <a:pt x="358" y="1153"/>
                  </a:lnTo>
                  <a:lnTo>
                    <a:pt x="357" y="1151"/>
                  </a:lnTo>
                  <a:lnTo>
                    <a:pt x="355" y="1149"/>
                  </a:lnTo>
                  <a:lnTo>
                    <a:pt x="353" y="1146"/>
                  </a:lnTo>
                  <a:lnTo>
                    <a:pt x="352" y="1144"/>
                  </a:lnTo>
                  <a:lnTo>
                    <a:pt x="350" y="1142"/>
                  </a:lnTo>
                  <a:lnTo>
                    <a:pt x="355" y="1136"/>
                  </a:lnTo>
                  <a:lnTo>
                    <a:pt x="355" y="1129"/>
                  </a:lnTo>
                  <a:lnTo>
                    <a:pt x="353" y="1126"/>
                  </a:lnTo>
                  <a:lnTo>
                    <a:pt x="353" y="1122"/>
                  </a:lnTo>
                  <a:lnTo>
                    <a:pt x="350" y="1117"/>
                  </a:lnTo>
                  <a:lnTo>
                    <a:pt x="347" y="1114"/>
                  </a:lnTo>
                  <a:lnTo>
                    <a:pt x="341" y="1109"/>
                  </a:lnTo>
                  <a:lnTo>
                    <a:pt x="335" y="1107"/>
                  </a:lnTo>
                  <a:lnTo>
                    <a:pt x="325" y="1105"/>
                  </a:lnTo>
                  <a:lnTo>
                    <a:pt x="323" y="1105"/>
                  </a:lnTo>
                  <a:lnTo>
                    <a:pt x="319" y="1105"/>
                  </a:lnTo>
                  <a:lnTo>
                    <a:pt x="314" y="1104"/>
                  </a:lnTo>
                  <a:lnTo>
                    <a:pt x="309" y="1100"/>
                  </a:lnTo>
                  <a:lnTo>
                    <a:pt x="301" y="1095"/>
                  </a:lnTo>
                  <a:lnTo>
                    <a:pt x="292" y="1087"/>
                  </a:lnTo>
                  <a:lnTo>
                    <a:pt x="281" y="1075"/>
                  </a:lnTo>
                  <a:lnTo>
                    <a:pt x="281" y="1073"/>
                  </a:lnTo>
                  <a:lnTo>
                    <a:pt x="281" y="1071"/>
                  </a:lnTo>
                  <a:lnTo>
                    <a:pt x="279" y="1066"/>
                  </a:lnTo>
                  <a:lnTo>
                    <a:pt x="277" y="1060"/>
                  </a:lnTo>
                  <a:lnTo>
                    <a:pt x="274" y="1054"/>
                  </a:lnTo>
                  <a:lnTo>
                    <a:pt x="269" y="1048"/>
                  </a:lnTo>
                  <a:lnTo>
                    <a:pt x="262" y="1041"/>
                  </a:lnTo>
                  <a:lnTo>
                    <a:pt x="253" y="1034"/>
                  </a:lnTo>
                  <a:lnTo>
                    <a:pt x="252" y="1034"/>
                  </a:lnTo>
                  <a:lnTo>
                    <a:pt x="250" y="1034"/>
                  </a:lnTo>
                  <a:lnTo>
                    <a:pt x="248" y="1034"/>
                  </a:lnTo>
                  <a:lnTo>
                    <a:pt x="245" y="1034"/>
                  </a:lnTo>
                  <a:lnTo>
                    <a:pt x="243" y="1034"/>
                  </a:lnTo>
                  <a:lnTo>
                    <a:pt x="242" y="1034"/>
                  </a:lnTo>
                  <a:lnTo>
                    <a:pt x="240" y="1034"/>
                  </a:lnTo>
                  <a:lnTo>
                    <a:pt x="233" y="1029"/>
                  </a:lnTo>
                  <a:lnTo>
                    <a:pt x="223" y="1029"/>
                  </a:lnTo>
                  <a:lnTo>
                    <a:pt x="221" y="1027"/>
                  </a:lnTo>
                  <a:lnTo>
                    <a:pt x="220" y="1026"/>
                  </a:lnTo>
                  <a:lnTo>
                    <a:pt x="216" y="1022"/>
                  </a:lnTo>
                  <a:lnTo>
                    <a:pt x="209" y="1019"/>
                  </a:lnTo>
                  <a:lnTo>
                    <a:pt x="203" y="1014"/>
                  </a:lnTo>
                  <a:lnTo>
                    <a:pt x="194" y="1012"/>
                  </a:lnTo>
                  <a:lnTo>
                    <a:pt x="182" y="1010"/>
                  </a:lnTo>
                  <a:lnTo>
                    <a:pt x="171" y="1010"/>
                  </a:lnTo>
                  <a:lnTo>
                    <a:pt x="169" y="1009"/>
                  </a:lnTo>
                  <a:lnTo>
                    <a:pt x="169" y="1007"/>
                  </a:lnTo>
                  <a:lnTo>
                    <a:pt x="167" y="1005"/>
                  </a:lnTo>
                  <a:lnTo>
                    <a:pt x="167" y="1004"/>
                  </a:lnTo>
                  <a:lnTo>
                    <a:pt x="165" y="1002"/>
                  </a:lnTo>
                  <a:lnTo>
                    <a:pt x="165" y="1000"/>
                  </a:lnTo>
                  <a:lnTo>
                    <a:pt x="160" y="994"/>
                  </a:lnTo>
                  <a:lnTo>
                    <a:pt x="155" y="994"/>
                  </a:lnTo>
                  <a:lnTo>
                    <a:pt x="155" y="985"/>
                  </a:lnTo>
                  <a:lnTo>
                    <a:pt x="164" y="977"/>
                  </a:lnTo>
                  <a:lnTo>
                    <a:pt x="162" y="965"/>
                  </a:lnTo>
                  <a:lnTo>
                    <a:pt x="169" y="958"/>
                  </a:lnTo>
                  <a:lnTo>
                    <a:pt x="165" y="944"/>
                  </a:lnTo>
                  <a:lnTo>
                    <a:pt x="165" y="943"/>
                  </a:lnTo>
                  <a:lnTo>
                    <a:pt x="169" y="939"/>
                  </a:lnTo>
                  <a:lnTo>
                    <a:pt x="171" y="933"/>
                  </a:lnTo>
                  <a:lnTo>
                    <a:pt x="172" y="928"/>
                  </a:lnTo>
                  <a:lnTo>
                    <a:pt x="174" y="921"/>
                  </a:lnTo>
                  <a:lnTo>
                    <a:pt x="172" y="917"/>
                  </a:lnTo>
                  <a:lnTo>
                    <a:pt x="169" y="914"/>
                  </a:lnTo>
                  <a:lnTo>
                    <a:pt x="162" y="916"/>
                  </a:lnTo>
                  <a:lnTo>
                    <a:pt x="160" y="914"/>
                  </a:lnTo>
                  <a:lnTo>
                    <a:pt x="159" y="912"/>
                  </a:lnTo>
                  <a:lnTo>
                    <a:pt x="157" y="911"/>
                  </a:lnTo>
                  <a:lnTo>
                    <a:pt x="155" y="909"/>
                  </a:lnTo>
                  <a:lnTo>
                    <a:pt x="154" y="907"/>
                  </a:lnTo>
                  <a:lnTo>
                    <a:pt x="154" y="906"/>
                  </a:lnTo>
                  <a:lnTo>
                    <a:pt x="152" y="906"/>
                  </a:lnTo>
                  <a:lnTo>
                    <a:pt x="154" y="904"/>
                  </a:lnTo>
                  <a:lnTo>
                    <a:pt x="155" y="900"/>
                  </a:lnTo>
                  <a:lnTo>
                    <a:pt x="157" y="895"/>
                  </a:lnTo>
                  <a:lnTo>
                    <a:pt x="160" y="890"/>
                  </a:lnTo>
                  <a:lnTo>
                    <a:pt x="162" y="885"/>
                  </a:lnTo>
                  <a:lnTo>
                    <a:pt x="160" y="880"/>
                  </a:lnTo>
                  <a:lnTo>
                    <a:pt x="159" y="877"/>
                  </a:lnTo>
                  <a:lnTo>
                    <a:pt x="154" y="875"/>
                  </a:lnTo>
                  <a:lnTo>
                    <a:pt x="150" y="872"/>
                  </a:lnTo>
                  <a:lnTo>
                    <a:pt x="149" y="868"/>
                  </a:lnTo>
                  <a:lnTo>
                    <a:pt x="147" y="863"/>
                  </a:lnTo>
                  <a:lnTo>
                    <a:pt x="145" y="860"/>
                  </a:lnTo>
                  <a:lnTo>
                    <a:pt x="143" y="855"/>
                  </a:lnTo>
                  <a:lnTo>
                    <a:pt x="142" y="853"/>
                  </a:lnTo>
                  <a:lnTo>
                    <a:pt x="142" y="851"/>
                  </a:lnTo>
                  <a:lnTo>
                    <a:pt x="130" y="840"/>
                  </a:lnTo>
                  <a:lnTo>
                    <a:pt x="128" y="823"/>
                  </a:lnTo>
                  <a:lnTo>
                    <a:pt x="120" y="804"/>
                  </a:lnTo>
                  <a:lnTo>
                    <a:pt x="118" y="796"/>
                  </a:lnTo>
                  <a:lnTo>
                    <a:pt x="111" y="785"/>
                  </a:lnTo>
                  <a:lnTo>
                    <a:pt x="113" y="785"/>
                  </a:lnTo>
                  <a:lnTo>
                    <a:pt x="113" y="784"/>
                  </a:lnTo>
                  <a:lnTo>
                    <a:pt x="113" y="782"/>
                  </a:lnTo>
                  <a:lnTo>
                    <a:pt x="113" y="779"/>
                  </a:lnTo>
                  <a:lnTo>
                    <a:pt x="110" y="775"/>
                  </a:lnTo>
                  <a:lnTo>
                    <a:pt x="108" y="770"/>
                  </a:lnTo>
                  <a:lnTo>
                    <a:pt x="103" y="765"/>
                  </a:lnTo>
                  <a:lnTo>
                    <a:pt x="96" y="758"/>
                  </a:lnTo>
                  <a:lnTo>
                    <a:pt x="94" y="757"/>
                  </a:lnTo>
                  <a:lnTo>
                    <a:pt x="93" y="755"/>
                  </a:lnTo>
                  <a:lnTo>
                    <a:pt x="93" y="753"/>
                  </a:lnTo>
                  <a:lnTo>
                    <a:pt x="93" y="752"/>
                  </a:lnTo>
                  <a:lnTo>
                    <a:pt x="91" y="748"/>
                  </a:lnTo>
                  <a:lnTo>
                    <a:pt x="91" y="746"/>
                  </a:lnTo>
                  <a:lnTo>
                    <a:pt x="91" y="745"/>
                  </a:lnTo>
                  <a:lnTo>
                    <a:pt x="96" y="740"/>
                  </a:lnTo>
                  <a:lnTo>
                    <a:pt x="93" y="721"/>
                  </a:lnTo>
                  <a:lnTo>
                    <a:pt x="98" y="718"/>
                  </a:lnTo>
                  <a:lnTo>
                    <a:pt x="94" y="713"/>
                  </a:lnTo>
                  <a:lnTo>
                    <a:pt x="99" y="708"/>
                  </a:lnTo>
                  <a:lnTo>
                    <a:pt x="99" y="709"/>
                  </a:lnTo>
                  <a:lnTo>
                    <a:pt x="99" y="711"/>
                  </a:lnTo>
                  <a:lnTo>
                    <a:pt x="101" y="713"/>
                  </a:lnTo>
                  <a:lnTo>
                    <a:pt x="105" y="713"/>
                  </a:lnTo>
                  <a:lnTo>
                    <a:pt x="108" y="709"/>
                  </a:lnTo>
                  <a:lnTo>
                    <a:pt x="113" y="704"/>
                  </a:lnTo>
                  <a:lnTo>
                    <a:pt x="115" y="696"/>
                  </a:lnTo>
                  <a:lnTo>
                    <a:pt x="116" y="687"/>
                  </a:lnTo>
                  <a:lnTo>
                    <a:pt x="118" y="680"/>
                  </a:lnTo>
                  <a:lnTo>
                    <a:pt x="116" y="674"/>
                  </a:lnTo>
                  <a:lnTo>
                    <a:pt x="113" y="669"/>
                  </a:lnTo>
                  <a:lnTo>
                    <a:pt x="108" y="667"/>
                  </a:lnTo>
                  <a:lnTo>
                    <a:pt x="106" y="667"/>
                  </a:lnTo>
                  <a:lnTo>
                    <a:pt x="108" y="667"/>
                  </a:lnTo>
                  <a:lnTo>
                    <a:pt x="96" y="665"/>
                  </a:lnTo>
                  <a:lnTo>
                    <a:pt x="76" y="638"/>
                  </a:lnTo>
                  <a:lnTo>
                    <a:pt x="76" y="631"/>
                  </a:lnTo>
                  <a:lnTo>
                    <a:pt x="76" y="630"/>
                  </a:lnTo>
                  <a:lnTo>
                    <a:pt x="74" y="628"/>
                  </a:lnTo>
                  <a:lnTo>
                    <a:pt x="74" y="626"/>
                  </a:lnTo>
                  <a:lnTo>
                    <a:pt x="74" y="623"/>
                  </a:lnTo>
                  <a:lnTo>
                    <a:pt x="74" y="620"/>
                  </a:lnTo>
                  <a:lnTo>
                    <a:pt x="76" y="616"/>
                  </a:lnTo>
                  <a:lnTo>
                    <a:pt x="77" y="611"/>
                  </a:lnTo>
                  <a:lnTo>
                    <a:pt x="77" y="609"/>
                  </a:lnTo>
                  <a:lnTo>
                    <a:pt x="77" y="608"/>
                  </a:lnTo>
                  <a:lnTo>
                    <a:pt x="77" y="604"/>
                  </a:lnTo>
                  <a:lnTo>
                    <a:pt x="77" y="601"/>
                  </a:lnTo>
                  <a:lnTo>
                    <a:pt x="77" y="598"/>
                  </a:lnTo>
                  <a:lnTo>
                    <a:pt x="77" y="594"/>
                  </a:lnTo>
                  <a:lnTo>
                    <a:pt x="77" y="592"/>
                  </a:lnTo>
                  <a:lnTo>
                    <a:pt x="77" y="591"/>
                  </a:lnTo>
                  <a:lnTo>
                    <a:pt x="76" y="586"/>
                  </a:lnTo>
                  <a:lnTo>
                    <a:pt x="76" y="577"/>
                  </a:lnTo>
                  <a:lnTo>
                    <a:pt x="79" y="572"/>
                  </a:lnTo>
                  <a:lnTo>
                    <a:pt x="83" y="559"/>
                  </a:lnTo>
                  <a:lnTo>
                    <a:pt x="83" y="557"/>
                  </a:lnTo>
                  <a:lnTo>
                    <a:pt x="84" y="555"/>
                  </a:lnTo>
                  <a:lnTo>
                    <a:pt x="86" y="554"/>
                  </a:lnTo>
                  <a:lnTo>
                    <a:pt x="88" y="554"/>
                  </a:lnTo>
                  <a:lnTo>
                    <a:pt x="89" y="554"/>
                  </a:lnTo>
                  <a:lnTo>
                    <a:pt x="91" y="555"/>
                  </a:lnTo>
                  <a:lnTo>
                    <a:pt x="93" y="560"/>
                  </a:lnTo>
                  <a:lnTo>
                    <a:pt x="93" y="562"/>
                  </a:lnTo>
                  <a:lnTo>
                    <a:pt x="93" y="564"/>
                  </a:lnTo>
                  <a:lnTo>
                    <a:pt x="93" y="565"/>
                  </a:lnTo>
                  <a:lnTo>
                    <a:pt x="91" y="569"/>
                  </a:lnTo>
                  <a:lnTo>
                    <a:pt x="91" y="570"/>
                  </a:lnTo>
                  <a:lnTo>
                    <a:pt x="89" y="574"/>
                  </a:lnTo>
                  <a:lnTo>
                    <a:pt x="89" y="576"/>
                  </a:lnTo>
                  <a:lnTo>
                    <a:pt x="91" y="579"/>
                  </a:lnTo>
                  <a:lnTo>
                    <a:pt x="99" y="587"/>
                  </a:lnTo>
                  <a:lnTo>
                    <a:pt x="101" y="592"/>
                  </a:lnTo>
                  <a:lnTo>
                    <a:pt x="113" y="606"/>
                  </a:lnTo>
                  <a:lnTo>
                    <a:pt x="115" y="608"/>
                  </a:lnTo>
                  <a:lnTo>
                    <a:pt x="116" y="608"/>
                  </a:lnTo>
                  <a:lnTo>
                    <a:pt x="120" y="606"/>
                  </a:lnTo>
                  <a:lnTo>
                    <a:pt x="118" y="601"/>
                  </a:lnTo>
                  <a:lnTo>
                    <a:pt x="116" y="599"/>
                  </a:lnTo>
                  <a:lnTo>
                    <a:pt x="115" y="596"/>
                  </a:lnTo>
                  <a:lnTo>
                    <a:pt x="113" y="594"/>
                  </a:lnTo>
                  <a:lnTo>
                    <a:pt x="111" y="591"/>
                  </a:lnTo>
                  <a:lnTo>
                    <a:pt x="110" y="587"/>
                  </a:lnTo>
                  <a:lnTo>
                    <a:pt x="110" y="582"/>
                  </a:lnTo>
                  <a:lnTo>
                    <a:pt x="110" y="579"/>
                  </a:lnTo>
                  <a:lnTo>
                    <a:pt x="110" y="577"/>
                  </a:lnTo>
                  <a:lnTo>
                    <a:pt x="110" y="574"/>
                  </a:lnTo>
                  <a:lnTo>
                    <a:pt x="110" y="572"/>
                  </a:lnTo>
                  <a:lnTo>
                    <a:pt x="108" y="570"/>
                  </a:lnTo>
                  <a:lnTo>
                    <a:pt x="106" y="569"/>
                  </a:lnTo>
                  <a:lnTo>
                    <a:pt x="105" y="565"/>
                  </a:lnTo>
                  <a:lnTo>
                    <a:pt x="105" y="564"/>
                  </a:lnTo>
                  <a:lnTo>
                    <a:pt x="105" y="562"/>
                  </a:lnTo>
                  <a:lnTo>
                    <a:pt x="105" y="560"/>
                  </a:lnTo>
                  <a:lnTo>
                    <a:pt x="105" y="559"/>
                  </a:lnTo>
                  <a:lnTo>
                    <a:pt x="105" y="557"/>
                  </a:lnTo>
                  <a:lnTo>
                    <a:pt x="105" y="555"/>
                  </a:lnTo>
                  <a:lnTo>
                    <a:pt x="99" y="543"/>
                  </a:lnTo>
                  <a:lnTo>
                    <a:pt x="99" y="535"/>
                  </a:lnTo>
                  <a:lnTo>
                    <a:pt x="105" y="533"/>
                  </a:lnTo>
                  <a:lnTo>
                    <a:pt x="118" y="528"/>
                  </a:lnTo>
                  <a:lnTo>
                    <a:pt x="121" y="530"/>
                  </a:lnTo>
                  <a:lnTo>
                    <a:pt x="125" y="533"/>
                  </a:lnTo>
                  <a:lnTo>
                    <a:pt x="143" y="537"/>
                  </a:lnTo>
                  <a:lnTo>
                    <a:pt x="149" y="537"/>
                  </a:lnTo>
                  <a:lnTo>
                    <a:pt x="155" y="542"/>
                  </a:lnTo>
                  <a:lnTo>
                    <a:pt x="147" y="532"/>
                  </a:lnTo>
                  <a:lnTo>
                    <a:pt x="147" y="525"/>
                  </a:lnTo>
                  <a:lnTo>
                    <a:pt x="137" y="525"/>
                  </a:lnTo>
                  <a:lnTo>
                    <a:pt x="130" y="528"/>
                  </a:lnTo>
                  <a:lnTo>
                    <a:pt x="123" y="528"/>
                  </a:lnTo>
                  <a:lnTo>
                    <a:pt x="120" y="525"/>
                  </a:lnTo>
                  <a:lnTo>
                    <a:pt x="118" y="523"/>
                  </a:lnTo>
                  <a:lnTo>
                    <a:pt x="116" y="521"/>
                  </a:lnTo>
                  <a:lnTo>
                    <a:pt x="113" y="518"/>
                  </a:lnTo>
                  <a:lnTo>
                    <a:pt x="110" y="516"/>
                  </a:lnTo>
                  <a:lnTo>
                    <a:pt x="106" y="513"/>
                  </a:lnTo>
                  <a:lnTo>
                    <a:pt x="103" y="513"/>
                  </a:lnTo>
                  <a:lnTo>
                    <a:pt x="98" y="515"/>
                  </a:lnTo>
                  <a:lnTo>
                    <a:pt x="96" y="518"/>
                  </a:lnTo>
                  <a:lnTo>
                    <a:pt x="94" y="520"/>
                  </a:lnTo>
                  <a:lnTo>
                    <a:pt x="93" y="521"/>
                  </a:lnTo>
                  <a:lnTo>
                    <a:pt x="93" y="523"/>
                  </a:lnTo>
                  <a:lnTo>
                    <a:pt x="93" y="545"/>
                  </a:lnTo>
                  <a:lnTo>
                    <a:pt x="89" y="548"/>
                  </a:lnTo>
                  <a:lnTo>
                    <a:pt x="83" y="547"/>
                  </a:lnTo>
                  <a:lnTo>
                    <a:pt x="76" y="537"/>
                  </a:lnTo>
                  <a:lnTo>
                    <a:pt x="72" y="533"/>
                  </a:lnTo>
                  <a:lnTo>
                    <a:pt x="66" y="533"/>
                  </a:lnTo>
                  <a:lnTo>
                    <a:pt x="66" y="532"/>
                  </a:lnTo>
                  <a:lnTo>
                    <a:pt x="64" y="528"/>
                  </a:lnTo>
                  <a:lnTo>
                    <a:pt x="62" y="525"/>
                  </a:lnTo>
                  <a:lnTo>
                    <a:pt x="61" y="521"/>
                  </a:lnTo>
                  <a:lnTo>
                    <a:pt x="57" y="516"/>
                  </a:lnTo>
                  <a:lnTo>
                    <a:pt x="54" y="513"/>
                  </a:lnTo>
                  <a:lnTo>
                    <a:pt x="50" y="513"/>
                  </a:lnTo>
                  <a:lnTo>
                    <a:pt x="45" y="513"/>
                  </a:lnTo>
                  <a:lnTo>
                    <a:pt x="45" y="511"/>
                  </a:lnTo>
                  <a:lnTo>
                    <a:pt x="52" y="503"/>
                  </a:lnTo>
                  <a:lnTo>
                    <a:pt x="55" y="498"/>
                  </a:lnTo>
                  <a:lnTo>
                    <a:pt x="54" y="491"/>
                  </a:lnTo>
                  <a:lnTo>
                    <a:pt x="57" y="484"/>
                  </a:lnTo>
                  <a:lnTo>
                    <a:pt x="49" y="474"/>
                  </a:lnTo>
                  <a:lnTo>
                    <a:pt x="50" y="462"/>
                  </a:lnTo>
                  <a:lnTo>
                    <a:pt x="42" y="452"/>
                  </a:lnTo>
                  <a:lnTo>
                    <a:pt x="42" y="449"/>
                  </a:lnTo>
                  <a:lnTo>
                    <a:pt x="40" y="447"/>
                  </a:lnTo>
                  <a:lnTo>
                    <a:pt x="37" y="444"/>
                  </a:lnTo>
                  <a:lnTo>
                    <a:pt x="35" y="440"/>
                  </a:lnTo>
                  <a:lnTo>
                    <a:pt x="32" y="437"/>
                  </a:lnTo>
                  <a:lnTo>
                    <a:pt x="30" y="432"/>
                  </a:lnTo>
                  <a:lnTo>
                    <a:pt x="28" y="427"/>
                  </a:lnTo>
                  <a:lnTo>
                    <a:pt x="28" y="420"/>
                  </a:lnTo>
                  <a:lnTo>
                    <a:pt x="27" y="416"/>
                  </a:lnTo>
                  <a:lnTo>
                    <a:pt x="27" y="413"/>
                  </a:lnTo>
                  <a:lnTo>
                    <a:pt x="23" y="408"/>
                  </a:lnTo>
                  <a:lnTo>
                    <a:pt x="22" y="405"/>
                  </a:lnTo>
                  <a:lnTo>
                    <a:pt x="18" y="400"/>
                  </a:lnTo>
                  <a:lnTo>
                    <a:pt x="17" y="394"/>
                  </a:lnTo>
                  <a:lnTo>
                    <a:pt x="13" y="391"/>
                  </a:lnTo>
                  <a:lnTo>
                    <a:pt x="13" y="389"/>
                  </a:lnTo>
                  <a:lnTo>
                    <a:pt x="11" y="388"/>
                  </a:lnTo>
                  <a:lnTo>
                    <a:pt x="11" y="386"/>
                  </a:lnTo>
                  <a:lnTo>
                    <a:pt x="11" y="384"/>
                  </a:lnTo>
                  <a:lnTo>
                    <a:pt x="10" y="383"/>
                  </a:lnTo>
                  <a:lnTo>
                    <a:pt x="10" y="379"/>
                  </a:lnTo>
                  <a:lnTo>
                    <a:pt x="20" y="369"/>
                  </a:lnTo>
                  <a:lnTo>
                    <a:pt x="20" y="367"/>
                  </a:lnTo>
                  <a:lnTo>
                    <a:pt x="20" y="364"/>
                  </a:lnTo>
                  <a:lnTo>
                    <a:pt x="18" y="362"/>
                  </a:lnTo>
                  <a:lnTo>
                    <a:pt x="18" y="357"/>
                  </a:lnTo>
                  <a:lnTo>
                    <a:pt x="18" y="354"/>
                  </a:lnTo>
                  <a:lnTo>
                    <a:pt x="18" y="349"/>
                  </a:lnTo>
                  <a:lnTo>
                    <a:pt x="17" y="344"/>
                  </a:lnTo>
                  <a:lnTo>
                    <a:pt x="17" y="337"/>
                  </a:lnTo>
                  <a:lnTo>
                    <a:pt x="18" y="332"/>
                  </a:lnTo>
                  <a:lnTo>
                    <a:pt x="18" y="327"/>
                  </a:lnTo>
                  <a:lnTo>
                    <a:pt x="18" y="322"/>
                  </a:lnTo>
                  <a:lnTo>
                    <a:pt x="20" y="317"/>
                  </a:lnTo>
                  <a:lnTo>
                    <a:pt x="23" y="312"/>
                  </a:lnTo>
                  <a:lnTo>
                    <a:pt x="25" y="306"/>
                  </a:lnTo>
                  <a:lnTo>
                    <a:pt x="28" y="303"/>
                  </a:lnTo>
                  <a:lnTo>
                    <a:pt x="28" y="301"/>
                  </a:lnTo>
                  <a:lnTo>
                    <a:pt x="28" y="296"/>
                  </a:lnTo>
                  <a:lnTo>
                    <a:pt x="28" y="291"/>
                  </a:lnTo>
                  <a:lnTo>
                    <a:pt x="30" y="284"/>
                  </a:lnTo>
                  <a:lnTo>
                    <a:pt x="30" y="278"/>
                  </a:lnTo>
                  <a:lnTo>
                    <a:pt x="30" y="271"/>
                  </a:lnTo>
                  <a:lnTo>
                    <a:pt x="30" y="268"/>
                  </a:lnTo>
                  <a:lnTo>
                    <a:pt x="30" y="266"/>
                  </a:lnTo>
                  <a:lnTo>
                    <a:pt x="30" y="264"/>
                  </a:lnTo>
                  <a:lnTo>
                    <a:pt x="28" y="262"/>
                  </a:lnTo>
                  <a:lnTo>
                    <a:pt x="28" y="259"/>
                  </a:lnTo>
                  <a:lnTo>
                    <a:pt x="27" y="256"/>
                  </a:lnTo>
                  <a:lnTo>
                    <a:pt x="23" y="251"/>
                  </a:lnTo>
                  <a:lnTo>
                    <a:pt x="22" y="247"/>
                  </a:lnTo>
                  <a:lnTo>
                    <a:pt x="18" y="244"/>
                  </a:lnTo>
                  <a:lnTo>
                    <a:pt x="17" y="242"/>
                  </a:lnTo>
                  <a:lnTo>
                    <a:pt x="17" y="240"/>
                  </a:lnTo>
                  <a:lnTo>
                    <a:pt x="17" y="237"/>
                  </a:lnTo>
                  <a:lnTo>
                    <a:pt x="17" y="234"/>
                  </a:lnTo>
                  <a:lnTo>
                    <a:pt x="15" y="232"/>
                  </a:lnTo>
                  <a:lnTo>
                    <a:pt x="13" y="230"/>
                  </a:lnTo>
                  <a:lnTo>
                    <a:pt x="10" y="227"/>
                  </a:lnTo>
                  <a:lnTo>
                    <a:pt x="6" y="224"/>
                  </a:lnTo>
                  <a:lnTo>
                    <a:pt x="5" y="218"/>
                  </a:lnTo>
                  <a:lnTo>
                    <a:pt x="3" y="213"/>
                  </a:lnTo>
                  <a:lnTo>
                    <a:pt x="1" y="208"/>
                  </a:lnTo>
                  <a:lnTo>
                    <a:pt x="0" y="202"/>
                  </a:lnTo>
                  <a:lnTo>
                    <a:pt x="0" y="195"/>
                  </a:lnTo>
                  <a:lnTo>
                    <a:pt x="1" y="186"/>
                  </a:lnTo>
                  <a:lnTo>
                    <a:pt x="5" y="178"/>
                  </a:lnTo>
                  <a:lnTo>
                    <a:pt x="10" y="169"/>
                  </a:lnTo>
                  <a:lnTo>
                    <a:pt x="17" y="159"/>
                  </a:lnTo>
                  <a:lnTo>
                    <a:pt x="27" y="149"/>
                  </a:lnTo>
                  <a:lnTo>
                    <a:pt x="39" y="139"/>
                  </a:lnTo>
                  <a:lnTo>
                    <a:pt x="40" y="137"/>
                  </a:lnTo>
                  <a:lnTo>
                    <a:pt x="42" y="136"/>
                  </a:lnTo>
                  <a:lnTo>
                    <a:pt x="44" y="132"/>
                  </a:lnTo>
                  <a:lnTo>
                    <a:pt x="45" y="127"/>
                  </a:lnTo>
                  <a:lnTo>
                    <a:pt x="47" y="122"/>
                  </a:lnTo>
                  <a:lnTo>
                    <a:pt x="49" y="117"/>
                  </a:lnTo>
                  <a:lnTo>
                    <a:pt x="49" y="112"/>
                  </a:lnTo>
                  <a:lnTo>
                    <a:pt x="49" y="107"/>
                  </a:lnTo>
                  <a:lnTo>
                    <a:pt x="49" y="105"/>
                  </a:lnTo>
                  <a:lnTo>
                    <a:pt x="52" y="100"/>
                  </a:lnTo>
                  <a:lnTo>
                    <a:pt x="55" y="93"/>
                  </a:lnTo>
                  <a:lnTo>
                    <a:pt x="61" y="86"/>
                  </a:lnTo>
                  <a:lnTo>
                    <a:pt x="66" y="78"/>
                  </a:lnTo>
                  <a:lnTo>
                    <a:pt x="67" y="70"/>
                  </a:lnTo>
                  <a:lnTo>
                    <a:pt x="69" y="61"/>
                  </a:lnTo>
                  <a:lnTo>
                    <a:pt x="69" y="53"/>
                  </a:lnTo>
                  <a:lnTo>
                    <a:pt x="69" y="51"/>
                  </a:lnTo>
                  <a:lnTo>
                    <a:pt x="69" y="49"/>
                  </a:lnTo>
                  <a:lnTo>
                    <a:pt x="71" y="46"/>
                  </a:lnTo>
                  <a:lnTo>
                    <a:pt x="69" y="44"/>
                  </a:lnTo>
                  <a:lnTo>
                    <a:pt x="69" y="34"/>
                  </a:lnTo>
                  <a:lnTo>
                    <a:pt x="64" y="27"/>
                  </a:lnTo>
                  <a:lnTo>
                    <a:pt x="66" y="24"/>
                  </a:lnTo>
                  <a:lnTo>
                    <a:pt x="74" y="10"/>
                  </a:lnTo>
                  <a:lnTo>
                    <a:pt x="76" y="4"/>
                  </a:lnTo>
                  <a:lnTo>
                    <a:pt x="74" y="0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98" name="Freeform 52"/>
            <p:cNvSpPr>
              <a:spLocks/>
            </p:cNvSpPr>
            <p:nvPr/>
          </p:nvSpPr>
          <p:spPr bwMode="auto">
            <a:xfrm>
              <a:off x="4629" y="2257"/>
              <a:ext cx="39" cy="117"/>
            </a:xfrm>
            <a:custGeom>
              <a:avLst/>
              <a:gdLst>
                <a:gd name="T0" fmla="*/ 8 w 40"/>
                <a:gd name="T1" fmla="*/ 17 h 120"/>
                <a:gd name="T2" fmla="*/ 11 w 40"/>
                <a:gd name="T3" fmla="*/ 13 h 120"/>
                <a:gd name="T4" fmla="*/ 13 w 40"/>
                <a:gd name="T5" fmla="*/ 12 h 120"/>
                <a:gd name="T6" fmla="*/ 17 w 40"/>
                <a:gd name="T7" fmla="*/ 8 h 120"/>
                <a:gd name="T8" fmla="*/ 20 w 40"/>
                <a:gd name="T9" fmla="*/ 7 h 120"/>
                <a:gd name="T10" fmla="*/ 20 w 40"/>
                <a:gd name="T11" fmla="*/ 3 h 120"/>
                <a:gd name="T12" fmla="*/ 20 w 40"/>
                <a:gd name="T13" fmla="*/ 1 h 120"/>
                <a:gd name="T14" fmla="*/ 20 w 40"/>
                <a:gd name="T15" fmla="*/ 0 h 120"/>
                <a:gd name="T16" fmla="*/ 25 w 40"/>
                <a:gd name="T17" fmla="*/ 0 h 120"/>
                <a:gd name="T18" fmla="*/ 25 w 40"/>
                <a:gd name="T19" fmla="*/ 0 h 120"/>
                <a:gd name="T20" fmla="*/ 25 w 40"/>
                <a:gd name="T21" fmla="*/ 1 h 120"/>
                <a:gd name="T22" fmla="*/ 25 w 40"/>
                <a:gd name="T23" fmla="*/ 5 h 120"/>
                <a:gd name="T24" fmla="*/ 26 w 40"/>
                <a:gd name="T25" fmla="*/ 7 h 120"/>
                <a:gd name="T26" fmla="*/ 26 w 40"/>
                <a:gd name="T27" fmla="*/ 10 h 120"/>
                <a:gd name="T28" fmla="*/ 26 w 40"/>
                <a:gd name="T29" fmla="*/ 12 h 120"/>
                <a:gd name="T30" fmla="*/ 26 w 40"/>
                <a:gd name="T31" fmla="*/ 13 h 120"/>
                <a:gd name="T32" fmla="*/ 26 w 40"/>
                <a:gd name="T33" fmla="*/ 15 h 120"/>
                <a:gd name="T34" fmla="*/ 21 w 40"/>
                <a:gd name="T35" fmla="*/ 20 h 120"/>
                <a:gd name="T36" fmla="*/ 20 w 40"/>
                <a:gd name="T37" fmla="*/ 20 h 120"/>
                <a:gd name="T38" fmla="*/ 21 w 40"/>
                <a:gd name="T39" fmla="*/ 23 h 120"/>
                <a:gd name="T40" fmla="*/ 20 w 40"/>
                <a:gd name="T41" fmla="*/ 35 h 120"/>
                <a:gd name="T42" fmla="*/ 20 w 40"/>
                <a:gd name="T43" fmla="*/ 43 h 120"/>
                <a:gd name="T44" fmla="*/ 20 w 40"/>
                <a:gd name="T45" fmla="*/ 48 h 120"/>
                <a:gd name="T46" fmla="*/ 15 w 40"/>
                <a:gd name="T47" fmla="*/ 52 h 120"/>
                <a:gd name="T48" fmla="*/ 15 w 40"/>
                <a:gd name="T49" fmla="*/ 56 h 120"/>
                <a:gd name="T50" fmla="*/ 8 w 40"/>
                <a:gd name="T51" fmla="*/ 65 h 120"/>
                <a:gd name="T52" fmla="*/ 8 w 40"/>
                <a:gd name="T53" fmla="*/ 70 h 120"/>
                <a:gd name="T54" fmla="*/ 8 w 40"/>
                <a:gd name="T55" fmla="*/ 72 h 120"/>
                <a:gd name="T56" fmla="*/ 8 w 40"/>
                <a:gd name="T57" fmla="*/ 75 h 120"/>
                <a:gd name="T58" fmla="*/ 8 w 40"/>
                <a:gd name="T59" fmla="*/ 78 h 120"/>
                <a:gd name="T60" fmla="*/ 8 w 40"/>
                <a:gd name="T61" fmla="*/ 83 h 120"/>
                <a:gd name="T62" fmla="*/ 8 w 40"/>
                <a:gd name="T63" fmla="*/ 85 h 120"/>
                <a:gd name="T64" fmla="*/ 6 w 40"/>
                <a:gd name="T65" fmla="*/ 85 h 120"/>
                <a:gd name="T66" fmla="*/ 5 w 40"/>
                <a:gd name="T67" fmla="*/ 82 h 120"/>
                <a:gd name="T68" fmla="*/ 1 w 40"/>
                <a:gd name="T69" fmla="*/ 72 h 120"/>
                <a:gd name="T70" fmla="*/ 1 w 40"/>
                <a:gd name="T71" fmla="*/ 70 h 120"/>
                <a:gd name="T72" fmla="*/ 0 w 40"/>
                <a:gd name="T73" fmla="*/ 67 h 120"/>
                <a:gd name="T74" fmla="*/ 0 w 40"/>
                <a:gd name="T75" fmla="*/ 60 h 120"/>
                <a:gd name="T76" fmla="*/ 0 w 40"/>
                <a:gd name="T77" fmla="*/ 57 h 120"/>
                <a:gd name="T78" fmla="*/ 0 w 40"/>
                <a:gd name="T79" fmla="*/ 55 h 120"/>
                <a:gd name="T80" fmla="*/ 0 w 40"/>
                <a:gd name="T81" fmla="*/ 52 h 120"/>
                <a:gd name="T82" fmla="*/ 0 w 40"/>
                <a:gd name="T83" fmla="*/ 50 h 120"/>
                <a:gd name="T84" fmla="*/ 0 w 40"/>
                <a:gd name="T85" fmla="*/ 49 h 120"/>
                <a:gd name="T86" fmla="*/ 1 w 40"/>
                <a:gd name="T87" fmla="*/ 42 h 120"/>
                <a:gd name="T88" fmla="*/ 8 w 40"/>
                <a:gd name="T89" fmla="*/ 38 h 120"/>
                <a:gd name="T90" fmla="*/ 8 w 40"/>
                <a:gd name="T91" fmla="*/ 26 h 120"/>
                <a:gd name="T92" fmla="*/ 15 w 40"/>
                <a:gd name="T93" fmla="*/ 20 h 120"/>
                <a:gd name="T94" fmla="*/ 17 w 40"/>
                <a:gd name="T95" fmla="*/ 20 h 120"/>
                <a:gd name="T96" fmla="*/ 17 w 40"/>
                <a:gd name="T97" fmla="*/ 20 h 120"/>
                <a:gd name="T98" fmla="*/ 17 w 40"/>
                <a:gd name="T99" fmla="*/ 20 h 120"/>
                <a:gd name="T100" fmla="*/ 13 w 40"/>
                <a:gd name="T101" fmla="*/ 20 h 120"/>
                <a:gd name="T102" fmla="*/ 11 w 40"/>
                <a:gd name="T103" fmla="*/ 18 h 120"/>
                <a:gd name="T104" fmla="*/ 8 w 40"/>
                <a:gd name="T105" fmla="*/ 17 h 120"/>
                <a:gd name="T106" fmla="*/ 8 w 40"/>
                <a:gd name="T107" fmla="*/ 17 h 120"/>
                <a:gd name="T108" fmla="*/ 8 w 40"/>
                <a:gd name="T109" fmla="*/ 17 h 120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w 40"/>
                <a:gd name="T166" fmla="*/ 0 h 120"/>
                <a:gd name="T167" fmla="*/ 40 w 40"/>
                <a:gd name="T168" fmla="*/ 120 h 120"/>
              </a:gdLst>
              <a:ahLst/>
              <a:cxnLst>
                <a:cxn ang="T110">
                  <a:pos x="T0" y="T1"/>
                </a:cxn>
                <a:cxn ang="T111">
                  <a:pos x="T2" y="T3"/>
                </a:cxn>
                <a:cxn ang="T112">
                  <a:pos x="T4" y="T5"/>
                </a:cxn>
                <a:cxn ang="T113">
                  <a:pos x="T6" y="T7"/>
                </a:cxn>
                <a:cxn ang="T114">
                  <a:pos x="T8" y="T9"/>
                </a:cxn>
                <a:cxn ang="T115">
                  <a:pos x="T10" y="T11"/>
                </a:cxn>
                <a:cxn ang="T116">
                  <a:pos x="T12" y="T13"/>
                </a:cxn>
                <a:cxn ang="T117">
                  <a:pos x="T14" y="T15"/>
                </a:cxn>
                <a:cxn ang="T118">
                  <a:pos x="T16" y="T17"/>
                </a:cxn>
                <a:cxn ang="T119">
                  <a:pos x="T18" y="T19"/>
                </a:cxn>
                <a:cxn ang="T120">
                  <a:pos x="T20" y="T21"/>
                </a:cxn>
                <a:cxn ang="T121">
                  <a:pos x="T22" y="T23"/>
                </a:cxn>
                <a:cxn ang="T122">
                  <a:pos x="T24" y="T25"/>
                </a:cxn>
                <a:cxn ang="T123">
                  <a:pos x="T26" y="T27"/>
                </a:cxn>
                <a:cxn ang="T124">
                  <a:pos x="T28" y="T29"/>
                </a:cxn>
                <a:cxn ang="T125">
                  <a:pos x="T30" y="T31"/>
                </a:cxn>
                <a:cxn ang="T126">
                  <a:pos x="T32" y="T33"/>
                </a:cxn>
                <a:cxn ang="T127">
                  <a:pos x="T34" y="T35"/>
                </a:cxn>
                <a:cxn ang="T128">
                  <a:pos x="T36" y="T37"/>
                </a:cxn>
                <a:cxn ang="T129">
                  <a:pos x="T38" y="T39"/>
                </a:cxn>
                <a:cxn ang="T130">
                  <a:pos x="T40" y="T41"/>
                </a:cxn>
                <a:cxn ang="T131">
                  <a:pos x="T42" y="T43"/>
                </a:cxn>
                <a:cxn ang="T132">
                  <a:pos x="T44" y="T45"/>
                </a:cxn>
                <a:cxn ang="T133">
                  <a:pos x="T46" y="T47"/>
                </a:cxn>
                <a:cxn ang="T134">
                  <a:pos x="T48" y="T49"/>
                </a:cxn>
                <a:cxn ang="T135">
                  <a:pos x="T50" y="T51"/>
                </a:cxn>
                <a:cxn ang="T136">
                  <a:pos x="T52" y="T53"/>
                </a:cxn>
                <a:cxn ang="T137">
                  <a:pos x="T54" y="T55"/>
                </a:cxn>
                <a:cxn ang="T138">
                  <a:pos x="T56" y="T57"/>
                </a:cxn>
                <a:cxn ang="T139">
                  <a:pos x="T58" y="T59"/>
                </a:cxn>
                <a:cxn ang="T140">
                  <a:pos x="T60" y="T61"/>
                </a:cxn>
                <a:cxn ang="T141">
                  <a:pos x="T62" y="T63"/>
                </a:cxn>
                <a:cxn ang="T142">
                  <a:pos x="T64" y="T65"/>
                </a:cxn>
                <a:cxn ang="T143">
                  <a:pos x="T66" y="T67"/>
                </a:cxn>
                <a:cxn ang="T144">
                  <a:pos x="T68" y="T69"/>
                </a:cxn>
                <a:cxn ang="T145">
                  <a:pos x="T70" y="T71"/>
                </a:cxn>
                <a:cxn ang="T146">
                  <a:pos x="T72" y="T73"/>
                </a:cxn>
                <a:cxn ang="T147">
                  <a:pos x="T74" y="T75"/>
                </a:cxn>
                <a:cxn ang="T148">
                  <a:pos x="T76" y="T77"/>
                </a:cxn>
                <a:cxn ang="T149">
                  <a:pos x="T78" y="T79"/>
                </a:cxn>
                <a:cxn ang="T150">
                  <a:pos x="T80" y="T81"/>
                </a:cxn>
                <a:cxn ang="T151">
                  <a:pos x="T82" y="T83"/>
                </a:cxn>
                <a:cxn ang="T152">
                  <a:pos x="T84" y="T85"/>
                </a:cxn>
                <a:cxn ang="T153">
                  <a:pos x="T86" y="T87"/>
                </a:cxn>
                <a:cxn ang="T154">
                  <a:pos x="T88" y="T89"/>
                </a:cxn>
                <a:cxn ang="T155">
                  <a:pos x="T90" y="T91"/>
                </a:cxn>
                <a:cxn ang="T156">
                  <a:pos x="T92" y="T93"/>
                </a:cxn>
                <a:cxn ang="T157">
                  <a:pos x="T94" y="T95"/>
                </a:cxn>
                <a:cxn ang="T158">
                  <a:pos x="T96" y="T97"/>
                </a:cxn>
                <a:cxn ang="T159">
                  <a:pos x="T98" y="T99"/>
                </a:cxn>
                <a:cxn ang="T160">
                  <a:pos x="T100" y="T101"/>
                </a:cxn>
                <a:cxn ang="T161">
                  <a:pos x="T102" y="T103"/>
                </a:cxn>
                <a:cxn ang="T162">
                  <a:pos x="T104" y="T105"/>
                </a:cxn>
                <a:cxn ang="T163">
                  <a:pos x="T106" y="T107"/>
                </a:cxn>
                <a:cxn ang="T164">
                  <a:pos x="T108" y="T109"/>
                </a:cxn>
              </a:cxnLst>
              <a:rect l="T165" t="T166" r="T167" b="T168"/>
              <a:pathLst>
                <a:path w="40" h="120">
                  <a:moveTo>
                    <a:pt x="8" y="17"/>
                  </a:moveTo>
                  <a:lnTo>
                    <a:pt x="11" y="13"/>
                  </a:lnTo>
                  <a:lnTo>
                    <a:pt x="13" y="12"/>
                  </a:lnTo>
                  <a:lnTo>
                    <a:pt x="17" y="8"/>
                  </a:lnTo>
                  <a:lnTo>
                    <a:pt x="20" y="7"/>
                  </a:lnTo>
                  <a:lnTo>
                    <a:pt x="23" y="3"/>
                  </a:lnTo>
                  <a:lnTo>
                    <a:pt x="27" y="1"/>
                  </a:lnTo>
                  <a:lnTo>
                    <a:pt x="32" y="0"/>
                  </a:lnTo>
                  <a:lnTo>
                    <a:pt x="39" y="0"/>
                  </a:lnTo>
                  <a:lnTo>
                    <a:pt x="39" y="1"/>
                  </a:lnTo>
                  <a:lnTo>
                    <a:pt x="39" y="5"/>
                  </a:lnTo>
                  <a:lnTo>
                    <a:pt x="40" y="7"/>
                  </a:lnTo>
                  <a:lnTo>
                    <a:pt x="40" y="10"/>
                  </a:lnTo>
                  <a:lnTo>
                    <a:pt x="40" y="12"/>
                  </a:lnTo>
                  <a:lnTo>
                    <a:pt x="40" y="13"/>
                  </a:lnTo>
                  <a:lnTo>
                    <a:pt x="40" y="15"/>
                  </a:lnTo>
                  <a:lnTo>
                    <a:pt x="35" y="23"/>
                  </a:lnTo>
                  <a:lnTo>
                    <a:pt x="33" y="30"/>
                  </a:lnTo>
                  <a:lnTo>
                    <a:pt x="35" y="37"/>
                  </a:lnTo>
                  <a:lnTo>
                    <a:pt x="32" y="49"/>
                  </a:lnTo>
                  <a:lnTo>
                    <a:pt x="27" y="57"/>
                  </a:lnTo>
                  <a:lnTo>
                    <a:pt x="25" y="64"/>
                  </a:lnTo>
                  <a:lnTo>
                    <a:pt x="15" y="73"/>
                  </a:lnTo>
                  <a:lnTo>
                    <a:pt x="15" y="81"/>
                  </a:lnTo>
                  <a:lnTo>
                    <a:pt x="8" y="93"/>
                  </a:lnTo>
                  <a:lnTo>
                    <a:pt x="8" y="98"/>
                  </a:lnTo>
                  <a:lnTo>
                    <a:pt x="8" y="100"/>
                  </a:lnTo>
                  <a:lnTo>
                    <a:pt x="8" y="105"/>
                  </a:lnTo>
                  <a:lnTo>
                    <a:pt x="8" y="110"/>
                  </a:lnTo>
                  <a:lnTo>
                    <a:pt x="8" y="117"/>
                  </a:lnTo>
                  <a:lnTo>
                    <a:pt x="8" y="120"/>
                  </a:lnTo>
                  <a:lnTo>
                    <a:pt x="6" y="120"/>
                  </a:lnTo>
                  <a:lnTo>
                    <a:pt x="5" y="115"/>
                  </a:lnTo>
                  <a:lnTo>
                    <a:pt x="1" y="101"/>
                  </a:lnTo>
                  <a:lnTo>
                    <a:pt x="1" y="98"/>
                  </a:lnTo>
                  <a:lnTo>
                    <a:pt x="0" y="95"/>
                  </a:lnTo>
                  <a:lnTo>
                    <a:pt x="0" y="88"/>
                  </a:lnTo>
                  <a:lnTo>
                    <a:pt x="0" y="83"/>
                  </a:lnTo>
                  <a:lnTo>
                    <a:pt x="0" y="78"/>
                  </a:lnTo>
                  <a:lnTo>
                    <a:pt x="0" y="73"/>
                  </a:lnTo>
                  <a:lnTo>
                    <a:pt x="0" y="69"/>
                  </a:lnTo>
                  <a:lnTo>
                    <a:pt x="0" y="67"/>
                  </a:lnTo>
                  <a:lnTo>
                    <a:pt x="1" y="56"/>
                  </a:lnTo>
                  <a:lnTo>
                    <a:pt x="8" y="52"/>
                  </a:lnTo>
                  <a:lnTo>
                    <a:pt x="8" y="40"/>
                  </a:lnTo>
                  <a:lnTo>
                    <a:pt x="15" y="30"/>
                  </a:lnTo>
                  <a:lnTo>
                    <a:pt x="17" y="27"/>
                  </a:lnTo>
                  <a:lnTo>
                    <a:pt x="17" y="23"/>
                  </a:lnTo>
                  <a:lnTo>
                    <a:pt x="17" y="20"/>
                  </a:lnTo>
                  <a:lnTo>
                    <a:pt x="13" y="20"/>
                  </a:lnTo>
                  <a:lnTo>
                    <a:pt x="11" y="18"/>
                  </a:lnTo>
                  <a:lnTo>
                    <a:pt x="8" y="17"/>
                  </a:lnTo>
                  <a:close/>
                </a:path>
              </a:pathLst>
            </a:custGeom>
            <a:solidFill>
              <a:srgbClr val="FF9933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99" name="Freeform 53"/>
            <p:cNvSpPr>
              <a:spLocks/>
            </p:cNvSpPr>
            <p:nvPr/>
          </p:nvSpPr>
          <p:spPr bwMode="auto">
            <a:xfrm>
              <a:off x="4629" y="2257"/>
              <a:ext cx="39" cy="117"/>
            </a:xfrm>
            <a:custGeom>
              <a:avLst/>
              <a:gdLst>
                <a:gd name="T0" fmla="*/ 8 w 40"/>
                <a:gd name="T1" fmla="*/ 17 h 120"/>
                <a:gd name="T2" fmla="*/ 8 w 40"/>
                <a:gd name="T3" fmla="*/ 17 h 120"/>
                <a:gd name="T4" fmla="*/ 11 w 40"/>
                <a:gd name="T5" fmla="*/ 13 h 120"/>
                <a:gd name="T6" fmla="*/ 13 w 40"/>
                <a:gd name="T7" fmla="*/ 12 h 120"/>
                <a:gd name="T8" fmla="*/ 17 w 40"/>
                <a:gd name="T9" fmla="*/ 8 h 120"/>
                <a:gd name="T10" fmla="*/ 20 w 40"/>
                <a:gd name="T11" fmla="*/ 7 h 120"/>
                <a:gd name="T12" fmla="*/ 20 w 40"/>
                <a:gd name="T13" fmla="*/ 3 h 120"/>
                <a:gd name="T14" fmla="*/ 20 w 40"/>
                <a:gd name="T15" fmla="*/ 1 h 120"/>
                <a:gd name="T16" fmla="*/ 20 w 40"/>
                <a:gd name="T17" fmla="*/ 0 h 120"/>
                <a:gd name="T18" fmla="*/ 25 w 40"/>
                <a:gd name="T19" fmla="*/ 0 h 120"/>
                <a:gd name="T20" fmla="*/ 25 w 40"/>
                <a:gd name="T21" fmla="*/ 0 h 120"/>
                <a:gd name="T22" fmla="*/ 25 w 40"/>
                <a:gd name="T23" fmla="*/ 0 h 120"/>
                <a:gd name="T24" fmla="*/ 25 w 40"/>
                <a:gd name="T25" fmla="*/ 1 h 120"/>
                <a:gd name="T26" fmla="*/ 25 w 40"/>
                <a:gd name="T27" fmla="*/ 5 h 120"/>
                <a:gd name="T28" fmla="*/ 26 w 40"/>
                <a:gd name="T29" fmla="*/ 7 h 120"/>
                <a:gd name="T30" fmla="*/ 26 w 40"/>
                <a:gd name="T31" fmla="*/ 10 h 120"/>
                <a:gd name="T32" fmla="*/ 26 w 40"/>
                <a:gd name="T33" fmla="*/ 12 h 120"/>
                <a:gd name="T34" fmla="*/ 26 w 40"/>
                <a:gd name="T35" fmla="*/ 13 h 120"/>
                <a:gd name="T36" fmla="*/ 26 w 40"/>
                <a:gd name="T37" fmla="*/ 15 h 120"/>
                <a:gd name="T38" fmla="*/ 21 w 40"/>
                <a:gd name="T39" fmla="*/ 20 h 120"/>
                <a:gd name="T40" fmla="*/ 20 w 40"/>
                <a:gd name="T41" fmla="*/ 20 h 120"/>
                <a:gd name="T42" fmla="*/ 21 w 40"/>
                <a:gd name="T43" fmla="*/ 23 h 120"/>
                <a:gd name="T44" fmla="*/ 20 w 40"/>
                <a:gd name="T45" fmla="*/ 35 h 120"/>
                <a:gd name="T46" fmla="*/ 20 w 40"/>
                <a:gd name="T47" fmla="*/ 43 h 120"/>
                <a:gd name="T48" fmla="*/ 20 w 40"/>
                <a:gd name="T49" fmla="*/ 48 h 120"/>
                <a:gd name="T50" fmla="*/ 15 w 40"/>
                <a:gd name="T51" fmla="*/ 52 h 120"/>
                <a:gd name="T52" fmla="*/ 15 w 40"/>
                <a:gd name="T53" fmla="*/ 56 h 120"/>
                <a:gd name="T54" fmla="*/ 8 w 40"/>
                <a:gd name="T55" fmla="*/ 65 h 120"/>
                <a:gd name="T56" fmla="*/ 8 w 40"/>
                <a:gd name="T57" fmla="*/ 70 h 120"/>
                <a:gd name="T58" fmla="*/ 8 w 40"/>
                <a:gd name="T59" fmla="*/ 70 h 120"/>
                <a:gd name="T60" fmla="*/ 8 w 40"/>
                <a:gd name="T61" fmla="*/ 72 h 120"/>
                <a:gd name="T62" fmla="*/ 8 w 40"/>
                <a:gd name="T63" fmla="*/ 75 h 120"/>
                <a:gd name="T64" fmla="*/ 8 w 40"/>
                <a:gd name="T65" fmla="*/ 78 h 120"/>
                <a:gd name="T66" fmla="*/ 8 w 40"/>
                <a:gd name="T67" fmla="*/ 83 h 120"/>
                <a:gd name="T68" fmla="*/ 8 w 40"/>
                <a:gd name="T69" fmla="*/ 85 h 120"/>
                <a:gd name="T70" fmla="*/ 6 w 40"/>
                <a:gd name="T71" fmla="*/ 85 h 120"/>
                <a:gd name="T72" fmla="*/ 5 w 40"/>
                <a:gd name="T73" fmla="*/ 82 h 120"/>
                <a:gd name="T74" fmla="*/ 1 w 40"/>
                <a:gd name="T75" fmla="*/ 72 h 120"/>
                <a:gd name="T76" fmla="*/ 1 w 40"/>
                <a:gd name="T77" fmla="*/ 72 h 120"/>
                <a:gd name="T78" fmla="*/ 1 w 40"/>
                <a:gd name="T79" fmla="*/ 70 h 120"/>
                <a:gd name="T80" fmla="*/ 0 w 40"/>
                <a:gd name="T81" fmla="*/ 67 h 120"/>
                <a:gd name="T82" fmla="*/ 0 w 40"/>
                <a:gd name="T83" fmla="*/ 60 h 120"/>
                <a:gd name="T84" fmla="*/ 0 w 40"/>
                <a:gd name="T85" fmla="*/ 57 h 120"/>
                <a:gd name="T86" fmla="*/ 0 w 40"/>
                <a:gd name="T87" fmla="*/ 55 h 120"/>
                <a:gd name="T88" fmla="*/ 0 w 40"/>
                <a:gd name="T89" fmla="*/ 52 h 120"/>
                <a:gd name="T90" fmla="*/ 0 w 40"/>
                <a:gd name="T91" fmla="*/ 50 h 120"/>
                <a:gd name="T92" fmla="*/ 0 w 40"/>
                <a:gd name="T93" fmla="*/ 49 h 120"/>
                <a:gd name="T94" fmla="*/ 1 w 40"/>
                <a:gd name="T95" fmla="*/ 42 h 120"/>
                <a:gd name="T96" fmla="*/ 8 w 40"/>
                <a:gd name="T97" fmla="*/ 38 h 120"/>
                <a:gd name="T98" fmla="*/ 8 w 40"/>
                <a:gd name="T99" fmla="*/ 26 h 120"/>
                <a:gd name="T100" fmla="*/ 15 w 40"/>
                <a:gd name="T101" fmla="*/ 20 h 120"/>
                <a:gd name="T102" fmla="*/ 15 w 40"/>
                <a:gd name="T103" fmla="*/ 20 h 120"/>
                <a:gd name="T104" fmla="*/ 17 w 40"/>
                <a:gd name="T105" fmla="*/ 20 h 120"/>
                <a:gd name="T106" fmla="*/ 17 w 40"/>
                <a:gd name="T107" fmla="*/ 20 h 120"/>
                <a:gd name="T108" fmla="*/ 17 w 40"/>
                <a:gd name="T109" fmla="*/ 20 h 120"/>
                <a:gd name="T110" fmla="*/ 13 w 40"/>
                <a:gd name="T111" fmla="*/ 20 h 120"/>
                <a:gd name="T112" fmla="*/ 11 w 40"/>
                <a:gd name="T113" fmla="*/ 18 h 120"/>
                <a:gd name="T114" fmla="*/ 8 w 40"/>
                <a:gd name="T115" fmla="*/ 17 h 120"/>
                <a:gd name="T116" fmla="*/ 8 w 40"/>
                <a:gd name="T117" fmla="*/ 17 h 120"/>
                <a:gd name="T118" fmla="*/ 8 w 40"/>
                <a:gd name="T119" fmla="*/ 17 h 120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w 40"/>
                <a:gd name="T181" fmla="*/ 0 h 120"/>
                <a:gd name="T182" fmla="*/ 40 w 40"/>
                <a:gd name="T183" fmla="*/ 120 h 120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T180" t="T181" r="T182" b="T183"/>
              <a:pathLst>
                <a:path w="40" h="120">
                  <a:moveTo>
                    <a:pt x="8" y="17"/>
                  </a:moveTo>
                  <a:lnTo>
                    <a:pt x="8" y="17"/>
                  </a:lnTo>
                  <a:lnTo>
                    <a:pt x="11" y="13"/>
                  </a:lnTo>
                  <a:lnTo>
                    <a:pt x="13" y="12"/>
                  </a:lnTo>
                  <a:lnTo>
                    <a:pt x="17" y="8"/>
                  </a:lnTo>
                  <a:lnTo>
                    <a:pt x="20" y="7"/>
                  </a:lnTo>
                  <a:lnTo>
                    <a:pt x="23" y="3"/>
                  </a:lnTo>
                  <a:lnTo>
                    <a:pt x="27" y="1"/>
                  </a:lnTo>
                  <a:lnTo>
                    <a:pt x="32" y="0"/>
                  </a:lnTo>
                  <a:lnTo>
                    <a:pt x="39" y="0"/>
                  </a:lnTo>
                  <a:lnTo>
                    <a:pt x="39" y="1"/>
                  </a:lnTo>
                  <a:lnTo>
                    <a:pt x="39" y="5"/>
                  </a:lnTo>
                  <a:lnTo>
                    <a:pt x="40" y="7"/>
                  </a:lnTo>
                  <a:lnTo>
                    <a:pt x="40" y="10"/>
                  </a:lnTo>
                  <a:lnTo>
                    <a:pt x="40" y="12"/>
                  </a:lnTo>
                  <a:lnTo>
                    <a:pt x="40" y="13"/>
                  </a:lnTo>
                  <a:lnTo>
                    <a:pt x="40" y="15"/>
                  </a:lnTo>
                  <a:lnTo>
                    <a:pt x="35" y="23"/>
                  </a:lnTo>
                  <a:lnTo>
                    <a:pt x="33" y="30"/>
                  </a:lnTo>
                  <a:lnTo>
                    <a:pt x="35" y="37"/>
                  </a:lnTo>
                  <a:lnTo>
                    <a:pt x="32" y="49"/>
                  </a:lnTo>
                  <a:lnTo>
                    <a:pt x="27" y="57"/>
                  </a:lnTo>
                  <a:lnTo>
                    <a:pt x="25" y="64"/>
                  </a:lnTo>
                  <a:lnTo>
                    <a:pt x="15" y="73"/>
                  </a:lnTo>
                  <a:lnTo>
                    <a:pt x="15" y="81"/>
                  </a:lnTo>
                  <a:lnTo>
                    <a:pt x="8" y="93"/>
                  </a:lnTo>
                  <a:lnTo>
                    <a:pt x="8" y="98"/>
                  </a:lnTo>
                  <a:lnTo>
                    <a:pt x="8" y="100"/>
                  </a:lnTo>
                  <a:lnTo>
                    <a:pt x="8" y="105"/>
                  </a:lnTo>
                  <a:lnTo>
                    <a:pt x="8" y="110"/>
                  </a:lnTo>
                  <a:lnTo>
                    <a:pt x="8" y="117"/>
                  </a:lnTo>
                  <a:lnTo>
                    <a:pt x="8" y="120"/>
                  </a:lnTo>
                  <a:lnTo>
                    <a:pt x="6" y="120"/>
                  </a:lnTo>
                  <a:lnTo>
                    <a:pt x="5" y="115"/>
                  </a:lnTo>
                  <a:lnTo>
                    <a:pt x="1" y="101"/>
                  </a:lnTo>
                  <a:lnTo>
                    <a:pt x="1" y="98"/>
                  </a:lnTo>
                  <a:lnTo>
                    <a:pt x="0" y="95"/>
                  </a:lnTo>
                  <a:lnTo>
                    <a:pt x="0" y="88"/>
                  </a:lnTo>
                  <a:lnTo>
                    <a:pt x="0" y="83"/>
                  </a:lnTo>
                  <a:lnTo>
                    <a:pt x="0" y="78"/>
                  </a:lnTo>
                  <a:lnTo>
                    <a:pt x="0" y="73"/>
                  </a:lnTo>
                  <a:lnTo>
                    <a:pt x="0" y="69"/>
                  </a:lnTo>
                  <a:lnTo>
                    <a:pt x="0" y="67"/>
                  </a:lnTo>
                  <a:lnTo>
                    <a:pt x="1" y="56"/>
                  </a:lnTo>
                  <a:lnTo>
                    <a:pt x="8" y="52"/>
                  </a:lnTo>
                  <a:lnTo>
                    <a:pt x="8" y="40"/>
                  </a:lnTo>
                  <a:lnTo>
                    <a:pt x="15" y="30"/>
                  </a:lnTo>
                  <a:lnTo>
                    <a:pt x="17" y="27"/>
                  </a:lnTo>
                  <a:lnTo>
                    <a:pt x="17" y="23"/>
                  </a:lnTo>
                  <a:lnTo>
                    <a:pt x="17" y="20"/>
                  </a:lnTo>
                  <a:lnTo>
                    <a:pt x="13" y="20"/>
                  </a:lnTo>
                  <a:lnTo>
                    <a:pt x="11" y="18"/>
                  </a:lnTo>
                  <a:lnTo>
                    <a:pt x="8" y="17"/>
                  </a:lnTo>
                </a:path>
              </a:pathLst>
            </a:custGeom>
            <a:solidFill>
              <a:srgbClr val="DDDDDD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00" name="Freeform 54"/>
            <p:cNvSpPr>
              <a:spLocks/>
            </p:cNvSpPr>
            <p:nvPr/>
          </p:nvSpPr>
          <p:spPr bwMode="auto">
            <a:xfrm>
              <a:off x="3888" y="2151"/>
              <a:ext cx="768" cy="436"/>
            </a:xfrm>
            <a:custGeom>
              <a:avLst/>
              <a:gdLst>
                <a:gd name="T0" fmla="*/ 660 w 776"/>
                <a:gd name="T1" fmla="*/ 262 h 440"/>
                <a:gd name="T2" fmla="*/ 669 w 776"/>
                <a:gd name="T3" fmla="*/ 269 h 440"/>
                <a:gd name="T4" fmla="*/ 641 w 776"/>
                <a:gd name="T5" fmla="*/ 240 h 440"/>
                <a:gd name="T6" fmla="*/ 626 w 776"/>
                <a:gd name="T7" fmla="*/ 236 h 440"/>
                <a:gd name="T8" fmla="*/ 628 w 776"/>
                <a:gd name="T9" fmla="*/ 247 h 440"/>
                <a:gd name="T10" fmla="*/ 620 w 776"/>
                <a:gd name="T11" fmla="*/ 249 h 440"/>
                <a:gd name="T12" fmla="*/ 574 w 776"/>
                <a:gd name="T13" fmla="*/ 221 h 440"/>
                <a:gd name="T14" fmla="*/ 624 w 776"/>
                <a:gd name="T15" fmla="*/ 224 h 440"/>
                <a:gd name="T16" fmla="*/ 606 w 776"/>
                <a:gd name="T17" fmla="*/ 206 h 440"/>
                <a:gd name="T18" fmla="*/ 609 w 776"/>
                <a:gd name="T19" fmla="*/ 170 h 440"/>
                <a:gd name="T20" fmla="*/ 591 w 776"/>
                <a:gd name="T21" fmla="*/ 160 h 440"/>
                <a:gd name="T22" fmla="*/ 599 w 776"/>
                <a:gd name="T23" fmla="*/ 132 h 440"/>
                <a:gd name="T24" fmla="*/ 571 w 776"/>
                <a:gd name="T25" fmla="*/ 113 h 440"/>
                <a:gd name="T26" fmla="*/ 535 w 776"/>
                <a:gd name="T27" fmla="*/ 98 h 440"/>
                <a:gd name="T28" fmla="*/ 524 w 776"/>
                <a:gd name="T29" fmla="*/ 98 h 440"/>
                <a:gd name="T30" fmla="*/ 510 w 776"/>
                <a:gd name="T31" fmla="*/ 96 h 440"/>
                <a:gd name="T32" fmla="*/ 510 w 776"/>
                <a:gd name="T33" fmla="*/ 66 h 440"/>
                <a:gd name="T34" fmla="*/ 524 w 776"/>
                <a:gd name="T35" fmla="*/ 55 h 440"/>
                <a:gd name="T36" fmla="*/ 500 w 776"/>
                <a:gd name="T37" fmla="*/ 29 h 440"/>
                <a:gd name="T38" fmla="*/ 481 w 776"/>
                <a:gd name="T39" fmla="*/ 14 h 440"/>
                <a:gd name="T40" fmla="*/ 469 w 776"/>
                <a:gd name="T41" fmla="*/ 4 h 440"/>
                <a:gd name="T42" fmla="*/ 461 w 776"/>
                <a:gd name="T43" fmla="*/ 10 h 440"/>
                <a:gd name="T44" fmla="*/ 442 w 776"/>
                <a:gd name="T45" fmla="*/ 19 h 440"/>
                <a:gd name="T46" fmla="*/ 415 w 776"/>
                <a:gd name="T47" fmla="*/ 4 h 440"/>
                <a:gd name="T48" fmla="*/ 401 w 776"/>
                <a:gd name="T49" fmla="*/ 41 h 440"/>
                <a:gd name="T50" fmla="*/ 388 w 776"/>
                <a:gd name="T51" fmla="*/ 57 h 440"/>
                <a:gd name="T52" fmla="*/ 381 w 776"/>
                <a:gd name="T53" fmla="*/ 74 h 440"/>
                <a:gd name="T54" fmla="*/ 368 w 776"/>
                <a:gd name="T55" fmla="*/ 71 h 440"/>
                <a:gd name="T56" fmla="*/ 358 w 776"/>
                <a:gd name="T57" fmla="*/ 93 h 440"/>
                <a:gd name="T58" fmla="*/ 355 w 776"/>
                <a:gd name="T59" fmla="*/ 105 h 440"/>
                <a:gd name="T60" fmla="*/ 345 w 776"/>
                <a:gd name="T61" fmla="*/ 125 h 440"/>
                <a:gd name="T62" fmla="*/ 320 w 776"/>
                <a:gd name="T63" fmla="*/ 113 h 440"/>
                <a:gd name="T64" fmla="*/ 315 w 776"/>
                <a:gd name="T65" fmla="*/ 137 h 440"/>
                <a:gd name="T66" fmla="*/ 311 w 776"/>
                <a:gd name="T67" fmla="*/ 150 h 440"/>
                <a:gd name="T68" fmla="*/ 306 w 776"/>
                <a:gd name="T69" fmla="*/ 159 h 440"/>
                <a:gd name="T70" fmla="*/ 300 w 776"/>
                <a:gd name="T71" fmla="*/ 182 h 440"/>
                <a:gd name="T72" fmla="*/ 284 w 776"/>
                <a:gd name="T73" fmla="*/ 213 h 440"/>
                <a:gd name="T74" fmla="*/ 284 w 776"/>
                <a:gd name="T75" fmla="*/ 224 h 440"/>
                <a:gd name="T76" fmla="*/ 271 w 776"/>
                <a:gd name="T77" fmla="*/ 253 h 440"/>
                <a:gd name="T78" fmla="*/ 254 w 776"/>
                <a:gd name="T79" fmla="*/ 253 h 440"/>
                <a:gd name="T80" fmla="*/ 237 w 776"/>
                <a:gd name="T81" fmla="*/ 257 h 440"/>
                <a:gd name="T82" fmla="*/ 234 w 776"/>
                <a:gd name="T83" fmla="*/ 268 h 440"/>
                <a:gd name="T84" fmla="*/ 226 w 776"/>
                <a:gd name="T85" fmla="*/ 271 h 440"/>
                <a:gd name="T86" fmla="*/ 205 w 776"/>
                <a:gd name="T87" fmla="*/ 276 h 440"/>
                <a:gd name="T88" fmla="*/ 192 w 776"/>
                <a:gd name="T89" fmla="*/ 280 h 440"/>
                <a:gd name="T90" fmla="*/ 165 w 776"/>
                <a:gd name="T91" fmla="*/ 285 h 440"/>
                <a:gd name="T92" fmla="*/ 142 w 776"/>
                <a:gd name="T93" fmla="*/ 267 h 440"/>
                <a:gd name="T94" fmla="*/ 126 w 776"/>
                <a:gd name="T95" fmla="*/ 282 h 440"/>
                <a:gd name="T96" fmla="*/ 128 w 776"/>
                <a:gd name="T97" fmla="*/ 278 h 440"/>
                <a:gd name="T98" fmla="*/ 99 w 776"/>
                <a:gd name="T99" fmla="*/ 302 h 440"/>
                <a:gd name="T100" fmla="*/ 84 w 776"/>
                <a:gd name="T101" fmla="*/ 326 h 440"/>
                <a:gd name="T102" fmla="*/ 75 w 776"/>
                <a:gd name="T103" fmla="*/ 339 h 440"/>
                <a:gd name="T104" fmla="*/ 70 w 776"/>
                <a:gd name="T105" fmla="*/ 347 h 440"/>
                <a:gd name="T106" fmla="*/ 50 w 776"/>
                <a:gd name="T107" fmla="*/ 358 h 440"/>
                <a:gd name="T108" fmla="*/ 48 w 776"/>
                <a:gd name="T109" fmla="*/ 364 h 440"/>
                <a:gd name="T110" fmla="*/ 22 w 776"/>
                <a:gd name="T111" fmla="*/ 375 h 440"/>
                <a:gd name="T112" fmla="*/ 0 w 776"/>
                <a:gd name="T113" fmla="*/ 384 h 440"/>
                <a:gd name="T114" fmla="*/ 182 w 776"/>
                <a:gd name="T115" fmla="*/ 358 h 440"/>
                <a:gd name="T116" fmla="*/ 218 w 776"/>
                <a:gd name="T117" fmla="*/ 356 h 440"/>
                <a:gd name="T118" fmla="*/ 284 w 776"/>
                <a:gd name="T119" fmla="*/ 349 h 440"/>
                <a:gd name="T120" fmla="*/ 384 w 776"/>
                <a:gd name="T121" fmla="*/ 334 h 440"/>
                <a:gd name="T122" fmla="*/ 506 w 776"/>
                <a:gd name="T123" fmla="*/ 309 h 440"/>
                <a:gd name="T124" fmla="*/ 654 w 776"/>
                <a:gd name="T125" fmla="*/ 271 h 440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  <a:gd name="T189" fmla="*/ 0 w 776"/>
                <a:gd name="T190" fmla="*/ 0 h 440"/>
                <a:gd name="T191" fmla="*/ 776 w 776"/>
                <a:gd name="T192" fmla="*/ 440 h 440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T189" t="T190" r="T191" b="T192"/>
              <a:pathLst>
                <a:path w="776" h="440">
                  <a:moveTo>
                    <a:pt x="761" y="310"/>
                  </a:moveTo>
                  <a:lnTo>
                    <a:pt x="763" y="310"/>
                  </a:lnTo>
                  <a:lnTo>
                    <a:pt x="765" y="312"/>
                  </a:lnTo>
                  <a:lnTo>
                    <a:pt x="766" y="312"/>
                  </a:lnTo>
                  <a:lnTo>
                    <a:pt x="766" y="310"/>
                  </a:lnTo>
                  <a:lnTo>
                    <a:pt x="763" y="298"/>
                  </a:lnTo>
                  <a:lnTo>
                    <a:pt x="763" y="293"/>
                  </a:lnTo>
                  <a:lnTo>
                    <a:pt x="765" y="295"/>
                  </a:lnTo>
                  <a:lnTo>
                    <a:pt x="768" y="298"/>
                  </a:lnTo>
                  <a:lnTo>
                    <a:pt x="770" y="305"/>
                  </a:lnTo>
                  <a:lnTo>
                    <a:pt x="773" y="308"/>
                  </a:lnTo>
                  <a:lnTo>
                    <a:pt x="773" y="310"/>
                  </a:lnTo>
                  <a:lnTo>
                    <a:pt x="776" y="305"/>
                  </a:lnTo>
                  <a:lnTo>
                    <a:pt x="758" y="264"/>
                  </a:lnTo>
                  <a:lnTo>
                    <a:pt x="749" y="263"/>
                  </a:lnTo>
                  <a:lnTo>
                    <a:pt x="743" y="268"/>
                  </a:lnTo>
                  <a:lnTo>
                    <a:pt x="741" y="268"/>
                  </a:lnTo>
                  <a:lnTo>
                    <a:pt x="739" y="268"/>
                  </a:lnTo>
                  <a:lnTo>
                    <a:pt x="736" y="268"/>
                  </a:lnTo>
                  <a:lnTo>
                    <a:pt x="734" y="268"/>
                  </a:lnTo>
                  <a:lnTo>
                    <a:pt x="729" y="264"/>
                  </a:lnTo>
                  <a:lnTo>
                    <a:pt x="726" y="263"/>
                  </a:lnTo>
                  <a:lnTo>
                    <a:pt x="724" y="264"/>
                  </a:lnTo>
                  <a:lnTo>
                    <a:pt x="722" y="266"/>
                  </a:lnTo>
                  <a:lnTo>
                    <a:pt x="722" y="268"/>
                  </a:lnTo>
                  <a:lnTo>
                    <a:pt x="722" y="269"/>
                  </a:lnTo>
                  <a:lnTo>
                    <a:pt x="722" y="271"/>
                  </a:lnTo>
                  <a:lnTo>
                    <a:pt x="722" y="273"/>
                  </a:lnTo>
                  <a:lnTo>
                    <a:pt x="726" y="276"/>
                  </a:lnTo>
                  <a:lnTo>
                    <a:pt x="727" y="280"/>
                  </a:lnTo>
                  <a:lnTo>
                    <a:pt x="726" y="280"/>
                  </a:lnTo>
                  <a:lnTo>
                    <a:pt x="724" y="280"/>
                  </a:lnTo>
                  <a:lnTo>
                    <a:pt x="722" y="280"/>
                  </a:lnTo>
                  <a:lnTo>
                    <a:pt x="719" y="278"/>
                  </a:lnTo>
                  <a:lnTo>
                    <a:pt x="717" y="278"/>
                  </a:lnTo>
                  <a:lnTo>
                    <a:pt x="717" y="276"/>
                  </a:lnTo>
                  <a:lnTo>
                    <a:pt x="707" y="276"/>
                  </a:lnTo>
                  <a:lnTo>
                    <a:pt x="700" y="269"/>
                  </a:lnTo>
                  <a:lnTo>
                    <a:pt x="692" y="266"/>
                  </a:lnTo>
                  <a:lnTo>
                    <a:pt x="682" y="251"/>
                  </a:lnTo>
                  <a:lnTo>
                    <a:pt x="663" y="249"/>
                  </a:lnTo>
                  <a:lnTo>
                    <a:pt x="651" y="247"/>
                  </a:lnTo>
                  <a:lnTo>
                    <a:pt x="633" y="241"/>
                  </a:lnTo>
                  <a:lnTo>
                    <a:pt x="648" y="239"/>
                  </a:lnTo>
                  <a:lnTo>
                    <a:pt x="685" y="244"/>
                  </a:lnTo>
                  <a:lnTo>
                    <a:pt x="710" y="266"/>
                  </a:lnTo>
                  <a:lnTo>
                    <a:pt x="722" y="252"/>
                  </a:lnTo>
                  <a:lnTo>
                    <a:pt x="704" y="239"/>
                  </a:lnTo>
                  <a:lnTo>
                    <a:pt x="683" y="230"/>
                  </a:lnTo>
                  <a:lnTo>
                    <a:pt x="663" y="212"/>
                  </a:lnTo>
                  <a:lnTo>
                    <a:pt x="670" y="214"/>
                  </a:lnTo>
                  <a:lnTo>
                    <a:pt x="690" y="229"/>
                  </a:lnTo>
                  <a:lnTo>
                    <a:pt x="700" y="234"/>
                  </a:lnTo>
                  <a:lnTo>
                    <a:pt x="707" y="229"/>
                  </a:lnTo>
                  <a:lnTo>
                    <a:pt x="699" y="222"/>
                  </a:lnTo>
                  <a:lnTo>
                    <a:pt x="699" y="212"/>
                  </a:lnTo>
                  <a:lnTo>
                    <a:pt x="716" y="220"/>
                  </a:lnTo>
                  <a:lnTo>
                    <a:pt x="716" y="207"/>
                  </a:lnTo>
                  <a:lnTo>
                    <a:pt x="704" y="198"/>
                  </a:lnTo>
                  <a:lnTo>
                    <a:pt x="700" y="190"/>
                  </a:lnTo>
                  <a:lnTo>
                    <a:pt x="682" y="188"/>
                  </a:lnTo>
                  <a:lnTo>
                    <a:pt x="656" y="170"/>
                  </a:lnTo>
                  <a:lnTo>
                    <a:pt x="639" y="151"/>
                  </a:lnTo>
                  <a:lnTo>
                    <a:pt x="661" y="168"/>
                  </a:lnTo>
                  <a:lnTo>
                    <a:pt x="683" y="183"/>
                  </a:lnTo>
                  <a:lnTo>
                    <a:pt x="700" y="185"/>
                  </a:lnTo>
                  <a:lnTo>
                    <a:pt x="700" y="163"/>
                  </a:lnTo>
                  <a:lnTo>
                    <a:pt x="707" y="154"/>
                  </a:lnTo>
                  <a:lnTo>
                    <a:pt x="707" y="149"/>
                  </a:lnTo>
                  <a:lnTo>
                    <a:pt x="700" y="149"/>
                  </a:lnTo>
                  <a:lnTo>
                    <a:pt x="692" y="146"/>
                  </a:lnTo>
                  <a:lnTo>
                    <a:pt x="685" y="142"/>
                  </a:lnTo>
                  <a:lnTo>
                    <a:pt x="677" y="139"/>
                  </a:lnTo>
                  <a:lnTo>
                    <a:pt x="672" y="134"/>
                  </a:lnTo>
                  <a:lnTo>
                    <a:pt x="665" y="131"/>
                  </a:lnTo>
                  <a:lnTo>
                    <a:pt x="661" y="129"/>
                  </a:lnTo>
                  <a:lnTo>
                    <a:pt x="660" y="127"/>
                  </a:lnTo>
                  <a:lnTo>
                    <a:pt x="648" y="127"/>
                  </a:lnTo>
                  <a:lnTo>
                    <a:pt x="638" y="124"/>
                  </a:lnTo>
                  <a:lnTo>
                    <a:pt x="629" y="122"/>
                  </a:lnTo>
                  <a:lnTo>
                    <a:pt x="624" y="119"/>
                  </a:lnTo>
                  <a:lnTo>
                    <a:pt x="621" y="115"/>
                  </a:lnTo>
                  <a:lnTo>
                    <a:pt x="619" y="112"/>
                  </a:lnTo>
                  <a:lnTo>
                    <a:pt x="617" y="110"/>
                  </a:lnTo>
                  <a:lnTo>
                    <a:pt x="614" y="110"/>
                  </a:lnTo>
                  <a:lnTo>
                    <a:pt x="611" y="112"/>
                  </a:lnTo>
                  <a:lnTo>
                    <a:pt x="607" y="112"/>
                  </a:lnTo>
                  <a:lnTo>
                    <a:pt x="604" y="114"/>
                  </a:lnTo>
                  <a:lnTo>
                    <a:pt x="600" y="114"/>
                  </a:lnTo>
                  <a:lnTo>
                    <a:pt x="597" y="115"/>
                  </a:lnTo>
                  <a:lnTo>
                    <a:pt x="592" y="114"/>
                  </a:lnTo>
                  <a:lnTo>
                    <a:pt x="590" y="110"/>
                  </a:lnTo>
                  <a:lnTo>
                    <a:pt x="589" y="104"/>
                  </a:lnTo>
                  <a:lnTo>
                    <a:pt x="589" y="98"/>
                  </a:lnTo>
                  <a:lnTo>
                    <a:pt x="589" y="92"/>
                  </a:lnTo>
                  <a:lnTo>
                    <a:pt x="589" y="87"/>
                  </a:lnTo>
                  <a:lnTo>
                    <a:pt x="590" y="82"/>
                  </a:lnTo>
                  <a:lnTo>
                    <a:pt x="590" y="80"/>
                  </a:lnTo>
                  <a:lnTo>
                    <a:pt x="592" y="80"/>
                  </a:lnTo>
                  <a:lnTo>
                    <a:pt x="594" y="78"/>
                  </a:lnTo>
                  <a:lnTo>
                    <a:pt x="597" y="76"/>
                  </a:lnTo>
                  <a:lnTo>
                    <a:pt x="599" y="75"/>
                  </a:lnTo>
                  <a:lnTo>
                    <a:pt x="606" y="65"/>
                  </a:lnTo>
                  <a:lnTo>
                    <a:pt x="607" y="56"/>
                  </a:lnTo>
                  <a:lnTo>
                    <a:pt x="606" y="48"/>
                  </a:lnTo>
                  <a:lnTo>
                    <a:pt x="600" y="41"/>
                  </a:lnTo>
                  <a:lnTo>
                    <a:pt x="594" y="36"/>
                  </a:lnTo>
                  <a:lnTo>
                    <a:pt x="587" y="32"/>
                  </a:lnTo>
                  <a:lnTo>
                    <a:pt x="582" y="31"/>
                  </a:lnTo>
                  <a:lnTo>
                    <a:pt x="578" y="29"/>
                  </a:lnTo>
                  <a:lnTo>
                    <a:pt x="567" y="29"/>
                  </a:lnTo>
                  <a:lnTo>
                    <a:pt x="560" y="26"/>
                  </a:lnTo>
                  <a:lnTo>
                    <a:pt x="555" y="24"/>
                  </a:lnTo>
                  <a:lnTo>
                    <a:pt x="555" y="19"/>
                  </a:lnTo>
                  <a:lnTo>
                    <a:pt x="555" y="16"/>
                  </a:lnTo>
                  <a:lnTo>
                    <a:pt x="555" y="14"/>
                  </a:lnTo>
                  <a:lnTo>
                    <a:pt x="556" y="10"/>
                  </a:lnTo>
                  <a:lnTo>
                    <a:pt x="556" y="9"/>
                  </a:lnTo>
                  <a:lnTo>
                    <a:pt x="553" y="5"/>
                  </a:lnTo>
                  <a:lnTo>
                    <a:pt x="550" y="2"/>
                  </a:lnTo>
                  <a:lnTo>
                    <a:pt x="545" y="2"/>
                  </a:lnTo>
                  <a:lnTo>
                    <a:pt x="541" y="4"/>
                  </a:lnTo>
                  <a:lnTo>
                    <a:pt x="536" y="5"/>
                  </a:lnTo>
                  <a:lnTo>
                    <a:pt x="533" y="5"/>
                  </a:lnTo>
                  <a:lnTo>
                    <a:pt x="531" y="7"/>
                  </a:lnTo>
                  <a:lnTo>
                    <a:pt x="529" y="9"/>
                  </a:lnTo>
                  <a:lnTo>
                    <a:pt x="531" y="9"/>
                  </a:lnTo>
                  <a:lnTo>
                    <a:pt x="531" y="10"/>
                  </a:lnTo>
                  <a:lnTo>
                    <a:pt x="531" y="14"/>
                  </a:lnTo>
                  <a:lnTo>
                    <a:pt x="531" y="17"/>
                  </a:lnTo>
                  <a:lnTo>
                    <a:pt x="529" y="19"/>
                  </a:lnTo>
                  <a:lnTo>
                    <a:pt x="526" y="21"/>
                  </a:lnTo>
                  <a:lnTo>
                    <a:pt x="521" y="22"/>
                  </a:lnTo>
                  <a:lnTo>
                    <a:pt x="512" y="19"/>
                  </a:lnTo>
                  <a:lnTo>
                    <a:pt x="499" y="14"/>
                  </a:lnTo>
                  <a:lnTo>
                    <a:pt x="497" y="12"/>
                  </a:lnTo>
                  <a:lnTo>
                    <a:pt x="494" y="10"/>
                  </a:lnTo>
                  <a:lnTo>
                    <a:pt x="489" y="9"/>
                  </a:lnTo>
                  <a:lnTo>
                    <a:pt x="484" y="7"/>
                  </a:lnTo>
                  <a:lnTo>
                    <a:pt x="480" y="4"/>
                  </a:lnTo>
                  <a:lnTo>
                    <a:pt x="475" y="2"/>
                  </a:lnTo>
                  <a:lnTo>
                    <a:pt x="472" y="0"/>
                  </a:lnTo>
                  <a:lnTo>
                    <a:pt x="468" y="34"/>
                  </a:lnTo>
                  <a:lnTo>
                    <a:pt x="463" y="39"/>
                  </a:lnTo>
                  <a:lnTo>
                    <a:pt x="463" y="41"/>
                  </a:lnTo>
                  <a:lnTo>
                    <a:pt x="462" y="46"/>
                  </a:lnTo>
                  <a:lnTo>
                    <a:pt x="460" y="51"/>
                  </a:lnTo>
                  <a:lnTo>
                    <a:pt x="457" y="58"/>
                  </a:lnTo>
                  <a:lnTo>
                    <a:pt x="453" y="65"/>
                  </a:lnTo>
                  <a:lnTo>
                    <a:pt x="450" y="68"/>
                  </a:lnTo>
                  <a:lnTo>
                    <a:pt x="446" y="71"/>
                  </a:lnTo>
                  <a:lnTo>
                    <a:pt x="443" y="70"/>
                  </a:lnTo>
                  <a:lnTo>
                    <a:pt x="443" y="71"/>
                  </a:lnTo>
                  <a:lnTo>
                    <a:pt x="443" y="75"/>
                  </a:lnTo>
                  <a:lnTo>
                    <a:pt x="441" y="78"/>
                  </a:lnTo>
                  <a:lnTo>
                    <a:pt x="440" y="83"/>
                  </a:lnTo>
                  <a:lnTo>
                    <a:pt x="438" y="88"/>
                  </a:lnTo>
                  <a:lnTo>
                    <a:pt x="435" y="92"/>
                  </a:lnTo>
                  <a:lnTo>
                    <a:pt x="433" y="92"/>
                  </a:lnTo>
                  <a:lnTo>
                    <a:pt x="430" y="88"/>
                  </a:lnTo>
                  <a:lnTo>
                    <a:pt x="428" y="88"/>
                  </a:lnTo>
                  <a:lnTo>
                    <a:pt x="426" y="87"/>
                  </a:lnTo>
                  <a:lnTo>
                    <a:pt x="424" y="85"/>
                  </a:lnTo>
                  <a:lnTo>
                    <a:pt x="421" y="85"/>
                  </a:lnTo>
                  <a:lnTo>
                    <a:pt x="419" y="87"/>
                  </a:lnTo>
                  <a:lnTo>
                    <a:pt x="416" y="88"/>
                  </a:lnTo>
                  <a:lnTo>
                    <a:pt x="414" y="95"/>
                  </a:lnTo>
                  <a:lnTo>
                    <a:pt x="414" y="105"/>
                  </a:lnTo>
                  <a:lnTo>
                    <a:pt x="414" y="107"/>
                  </a:lnTo>
                  <a:lnTo>
                    <a:pt x="414" y="109"/>
                  </a:lnTo>
                  <a:lnTo>
                    <a:pt x="413" y="112"/>
                  </a:lnTo>
                  <a:lnTo>
                    <a:pt x="413" y="114"/>
                  </a:lnTo>
                  <a:lnTo>
                    <a:pt x="411" y="115"/>
                  </a:lnTo>
                  <a:lnTo>
                    <a:pt x="411" y="117"/>
                  </a:lnTo>
                  <a:lnTo>
                    <a:pt x="411" y="119"/>
                  </a:lnTo>
                  <a:lnTo>
                    <a:pt x="411" y="120"/>
                  </a:lnTo>
                  <a:lnTo>
                    <a:pt x="409" y="124"/>
                  </a:lnTo>
                  <a:lnTo>
                    <a:pt x="408" y="131"/>
                  </a:lnTo>
                  <a:lnTo>
                    <a:pt x="406" y="136"/>
                  </a:lnTo>
                  <a:lnTo>
                    <a:pt x="401" y="139"/>
                  </a:lnTo>
                  <a:lnTo>
                    <a:pt x="396" y="141"/>
                  </a:lnTo>
                  <a:lnTo>
                    <a:pt x="389" y="139"/>
                  </a:lnTo>
                  <a:lnTo>
                    <a:pt x="379" y="132"/>
                  </a:lnTo>
                  <a:lnTo>
                    <a:pt x="377" y="131"/>
                  </a:lnTo>
                  <a:lnTo>
                    <a:pt x="374" y="129"/>
                  </a:lnTo>
                  <a:lnTo>
                    <a:pt x="370" y="127"/>
                  </a:lnTo>
                  <a:lnTo>
                    <a:pt x="367" y="127"/>
                  </a:lnTo>
                  <a:lnTo>
                    <a:pt x="364" y="129"/>
                  </a:lnTo>
                  <a:lnTo>
                    <a:pt x="362" y="132"/>
                  </a:lnTo>
                  <a:lnTo>
                    <a:pt x="362" y="139"/>
                  </a:lnTo>
                  <a:lnTo>
                    <a:pt x="364" y="149"/>
                  </a:lnTo>
                  <a:lnTo>
                    <a:pt x="364" y="151"/>
                  </a:lnTo>
                  <a:lnTo>
                    <a:pt x="364" y="154"/>
                  </a:lnTo>
                  <a:lnTo>
                    <a:pt x="362" y="156"/>
                  </a:lnTo>
                  <a:lnTo>
                    <a:pt x="360" y="158"/>
                  </a:lnTo>
                  <a:lnTo>
                    <a:pt x="360" y="161"/>
                  </a:lnTo>
                  <a:lnTo>
                    <a:pt x="358" y="163"/>
                  </a:lnTo>
                  <a:lnTo>
                    <a:pt x="358" y="164"/>
                  </a:lnTo>
                  <a:lnTo>
                    <a:pt x="357" y="164"/>
                  </a:lnTo>
                  <a:lnTo>
                    <a:pt x="355" y="176"/>
                  </a:lnTo>
                  <a:lnTo>
                    <a:pt x="353" y="178"/>
                  </a:lnTo>
                  <a:lnTo>
                    <a:pt x="352" y="180"/>
                  </a:lnTo>
                  <a:lnTo>
                    <a:pt x="352" y="181"/>
                  </a:lnTo>
                  <a:lnTo>
                    <a:pt x="350" y="185"/>
                  </a:lnTo>
                  <a:lnTo>
                    <a:pt x="348" y="190"/>
                  </a:lnTo>
                  <a:lnTo>
                    <a:pt x="347" y="197"/>
                  </a:lnTo>
                  <a:lnTo>
                    <a:pt x="347" y="203"/>
                  </a:lnTo>
                  <a:lnTo>
                    <a:pt x="347" y="207"/>
                  </a:lnTo>
                  <a:lnTo>
                    <a:pt x="343" y="210"/>
                  </a:lnTo>
                  <a:lnTo>
                    <a:pt x="340" y="215"/>
                  </a:lnTo>
                  <a:lnTo>
                    <a:pt x="336" y="220"/>
                  </a:lnTo>
                  <a:lnTo>
                    <a:pt x="333" y="225"/>
                  </a:lnTo>
                  <a:lnTo>
                    <a:pt x="330" y="230"/>
                  </a:lnTo>
                  <a:lnTo>
                    <a:pt x="328" y="236"/>
                  </a:lnTo>
                  <a:lnTo>
                    <a:pt x="326" y="241"/>
                  </a:lnTo>
                  <a:lnTo>
                    <a:pt x="326" y="242"/>
                  </a:lnTo>
                  <a:lnTo>
                    <a:pt x="326" y="244"/>
                  </a:lnTo>
                  <a:lnTo>
                    <a:pt x="326" y="246"/>
                  </a:lnTo>
                  <a:lnTo>
                    <a:pt x="326" y="249"/>
                  </a:lnTo>
                  <a:lnTo>
                    <a:pt x="326" y="251"/>
                  </a:lnTo>
                  <a:lnTo>
                    <a:pt x="326" y="252"/>
                  </a:lnTo>
                  <a:lnTo>
                    <a:pt x="326" y="254"/>
                  </a:lnTo>
                  <a:lnTo>
                    <a:pt x="331" y="258"/>
                  </a:lnTo>
                  <a:lnTo>
                    <a:pt x="325" y="266"/>
                  </a:lnTo>
                  <a:lnTo>
                    <a:pt x="330" y="273"/>
                  </a:lnTo>
                  <a:lnTo>
                    <a:pt x="313" y="285"/>
                  </a:lnTo>
                  <a:lnTo>
                    <a:pt x="311" y="285"/>
                  </a:lnTo>
                  <a:lnTo>
                    <a:pt x="308" y="283"/>
                  </a:lnTo>
                  <a:lnTo>
                    <a:pt x="304" y="283"/>
                  </a:lnTo>
                  <a:lnTo>
                    <a:pt x="299" y="283"/>
                  </a:lnTo>
                  <a:lnTo>
                    <a:pt x="296" y="285"/>
                  </a:lnTo>
                  <a:lnTo>
                    <a:pt x="291" y="290"/>
                  </a:lnTo>
                  <a:lnTo>
                    <a:pt x="289" y="296"/>
                  </a:lnTo>
                  <a:lnTo>
                    <a:pt x="287" y="295"/>
                  </a:lnTo>
                  <a:lnTo>
                    <a:pt x="286" y="293"/>
                  </a:lnTo>
                  <a:lnTo>
                    <a:pt x="282" y="293"/>
                  </a:lnTo>
                  <a:lnTo>
                    <a:pt x="277" y="291"/>
                  </a:lnTo>
                  <a:lnTo>
                    <a:pt x="274" y="291"/>
                  </a:lnTo>
                  <a:lnTo>
                    <a:pt x="272" y="293"/>
                  </a:lnTo>
                  <a:lnTo>
                    <a:pt x="272" y="296"/>
                  </a:lnTo>
                  <a:lnTo>
                    <a:pt x="274" y="303"/>
                  </a:lnTo>
                  <a:lnTo>
                    <a:pt x="274" y="305"/>
                  </a:lnTo>
                  <a:lnTo>
                    <a:pt x="272" y="307"/>
                  </a:lnTo>
                  <a:lnTo>
                    <a:pt x="270" y="307"/>
                  </a:lnTo>
                  <a:lnTo>
                    <a:pt x="267" y="308"/>
                  </a:lnTo>
                  <a:lnTo>
                    <a:pt x="264" y="310"/>
                  </a:lnTo>
                  <a:lnTo>
                    <a:pt x="262" y="312"/>
                  </a:lnTo>
                  <a:lnTo>
                    <a:pt x="260" y="312"/>
                  </a:lnTo>
                  <a:lnTo>
                    <a:pt x="259" y="313"/>
                  </a:lnTo>
                  <a:lnTo>
                    <a:pt x="255" y="315"/>
                  </a:lnTo>
                  <a:lnTo>
                    <a:pt x="250" y="317"/>
                  </a:lnTo>
                  <a:lnTo>
                    <a:pt x="243" y="318"/>
                  </a:lnTo>
                  <a:lnTo>
                    <a:pt x="238" y="318"/>
                  </a:lnTo>
                  <a:lnTo>
                    <a:pt x="233" y="318"/>
                  </a:lnTo>
                  <a:lnTo>
                    <a:pt x="230" y="317"/>
                  </a:lnTo>
                  <a:lnTo>
                    <a:pt x="228" y="312"/>
                  </a:lnTo>
                  <a:lnTo>
                    <a:pt x="226" y="315"/>
                  </a:lnTo>
                  <a:lnTo>
                    <a:pt x="223" y="318"/>
                  </a:lnTo>
                  <a:lnTo>
                    <a:pt x="220" y="322"/>
                  </a:lnTo>
                  <a:lnTo>
                    <a:pt x="215" y="327"/>
                  </a:lnTo>
                  <a:lnTo>
                    <a:pt x="210" y="329"/>
                  </a:lnTo>
                  <a:lnTo>
                    <a:pt x="204" y="329"/>
                  </a:lnTo>
                  <a:lnTo>
                    <a:pt x="198" y="327"/>
                  </a:lnTo>
                  <a:lnTo>
                    <a:pt x="196" y="327"/>
                  </a:lnTo>
                  <a:lnTo>
                    <a:pt x="193" y="327"/>
                  </a:lnTo>
                  <a:lnTo>
                    <a:pt x="189" y="325"/>
                  </a:lnTo>
                  <a:lnTo>
                    <a:pt x="186" y="324"/>
                  </a:lnTo>
                  <a:lnTo>
                    <a:pt x="181" y="322"/>
                  </a:lnTo>
                  <a:lnTo>
                    <a:pt x="176" y="317"/>
                  </a:lnTo>
                  <a:lnTo>
                    <a:pt x="171" y="312"/>
                  </a:lnTo>
                  <a:lnTo>
                    <a:pt x="167" y="305"/>
                  </a:lnTo>
                  <a:lnTo>
                    <a:pt x="166" y="302"/>
                  </a:lnTo>
                  <a:lnTo>
                    <a:pt x="166" y="298"/>
                  </a:lnTo>
                  <a:lnTo>
                    <a:pt x="166" y="295"/>
                  </a:lnTo>
                  <a:lnTo>
                    <a:pt x="164" y="293"/>
                  </a:lnTo>
                  <a:lnTo>
                    <a:pt x="140" y="325"/>
                  </a:lnTo>
                  <a:lnTo>
                    <a:pt x="140" y="324"/>
                  </a:lnTo>
                  <a:lnTo>
                    <a:pt x="142" y="324"/>
                  </a:lnTo>
                  <a:lnTo>
                    <a:pt x="142" y="322"/>
                  </a:lnTo>
                  <a:lnTo>
                    <a:pt x="144" y="320"/>
                  </a:lnTo>
                  <a:lnTo>
                    <a:pt x="145" y="318"/>
                  </a:lnTo>
                  <a:lnTo>
                    <a:pt x="144" y="318"/>
                  </a:lnTo>
                  <a:lnTo>
                    <a:pt x="142" y="320"/>
                  </a:lnTo>
                  <a:lnTo>
                    <a:pt x="140" y="325"/>
                  </a:lnTo>
                  <a:lnTo>
                    <a:pt x="135" y="330"/>
                  </a:lnTo>
                  <a:lnTo>
                    <a:pt x="130" y="334"/>
                  </a:lnTo>
                  <a:lnTo>
                    <a:pt x="125" y="337"/>
                  </a:lnTo>
                  <a:lnTo>
                    <a:pt x="118" y="340"/>
                  </a:lnTo>
                  <a:lnTo>
                    <a:pt x="113" y="344"/>
                  </a:lnTo>
                  <a:lnTo>
                    <a:pt x="108" y="347"/>
                  </a:lnTo>
                  <a:lnTo>
                    <a:pt x="105" y="351"/>
                  </a:lnTo>
                  <a:lnTo>
                    <a:pt x="103" y="357"/>
                  </a:lnTo>
                  <a:lnTo>
                    <a:pt x="101" y="361"/>
                  </a:lnTo>
                  <a:lnTo>
                    <a:pt x="100" y="364"/>
                  </a:lnTo>
                  <a:lnTo>
                    <a:pt x="98" y="368"/>
                  </a:lnTo>
                  <a:lnTo>
                    <a:pt x="96" y="371"/>
                  </a:lnTo>
                  <a:lnTo>
                    <a:pt x="94" y="373"/>
                  </a:lnTo>
                  <a:lnTo>
                    <a:pt x="93" y="374"/>
                  </a:lnTo>
                  <a:lnTo>
                    <a:pt x="91" y="376"/>
                  </a:lnTo>
                  <a:lnTo>
                    <a:pt x="89" y="379"/>
                  </a:lnTo>
                  <a:lnTo>
                    <a:pt x="89" y="381"/>
                  </a:lnTo>
                  <a:lnTo>
                    <a:pt x="88" y="383"/>
                  </a:lnTo>
                  <a:lnTo>
                    <a:pt x="88" y="384"/>
                  </a:lnTo>
                  <a:lnTo>
                    <a:pt x="88" y="388"/>
                  </a:lnTo>
                  <a:lnTo>
                    <a:pt x="86" y="388"/>
                  </a:lnTo>
                  <a:lnTo>
                    <a:pt x="84" y="390"/>
                  </a:lnTo>
                  <a:lnTo>
                    <a:pt x="84" y="391"/>
                  </a:lnTo>
                  <a:lnTo>
                    <a:pt x="81" y="391"/>
                  </a:lnTo>
                  <a:lnTo>
                    <a:pt x="76" y="395"/>
                  </a:lnTo>
                  <a:lnTo>
                    <a:pt x="71" y="396"/>
                  </a:lnTo>
                  <a:lnTo>
                    <a:pt x="67" y="400"/>
                  </a:lnTo>
                  <a:lnTo>
                    <a:pt x="66" y="401"/>
                  </a:lnTo>
                  <a:lnTo>
                    <a:pt x="64" y="405"/>
                  </a:lnTo>
                  <a:lnTo>
                    <a:pt x="62" y="406"/>
                  </a:lnTo>
                  <a:lnTo>
                    <a:pt x="62" y="408"/>
                  </a:lnTo>
                  <a:lnTo>
                    <a:pt x="61" y="410"/>
                  </a:lnTo>
                  <a:lnTo>
                    <a:pt x="59" y="410"/>
                  </a:lnTo>
                  <a:lnTo>
                    <a:pt x="56" y="412"/>
                  </a:lnTo>
                  <a:lnTo>
                    <a:pt x="52" y="413"/>
                  </a:lnTo>
                  <a:lnTo>
                    <a:pt x="47" y="417"/>
                  </a:lnTo>
                  <a:lnTo>
                    <a:pt x="42" y="418"/>
                  </a:lnTo>
                  <a:lnTo>
                    <a:pt x="37" y="422"/>
                  </a:lnTo>
                  <a:lnTo>
                    <a:pt x="32" y="423"/>
                  </a:lnTo>
                  <a:lnTo>
                    <a:pt x="27" y="427"/>
                  </a:lnTo>
                  <a:lnTo>
                    <a:pt x="22" y="428"/>
                  </a:lnTo>
                  <a:lnTo>
                    <a:pt x="17" y="432"/>
                  </a:lnTo>
                  <a:lnTo>
                    <a:pt x="12" y="434"/>
                  </a:lnTo>
                  <a:lnTo>
                    <a:pt x="8" y="435"/>
                  </a:lnTo>
                  <a:lnTo>
                    <a:pt x="5" y="437"/>
                  </a:lnTo>
                  <a:lnTo>
                    <a:pt x="1" y="439"/>
                  </a:lnTo>
                  <a:lnTo>
                    <a:pt x="0" y="440"/>
                  </a:lnTo>
                  <a:lnTo>
                    <a:pt x="181" y="413"/>
                  </a:lnTo>
                  <a:lnTo>
                    <a:pt x="193" y="406"/>
                  </a:lnTo>
                  <a:lnTo>
                    <a:pt x="208" y="406"/>
                  </a:lnTo>
                  <a:lnTo>
                    <a:pt x="210" y="406"/>
                  </a:lnTo>
                  <a:lnTo>
                    <a:pt x="213" y="406"/>
                  </a:lnTo>
                  <a:lnTo>
                    <a:pt x="218" y="406"/>
                  </a:lnTo>
                  <a:lnTo>
                    <a:pt x="223" y="405"/>
                  </a:lnTo>
                  <a:lnTo>
                    <a:pt x="230" y="405"/>
                  </a:lnTo>
                  <a:lnTo>
                    <a:pt x="238" y="403"/>
                  </a:lnTo>
                  <a:lnTo>
                    <a:pt x="248" y="403"/>
                  </a:lnTo>
                  <a:lnTo>
                    <a:pt x="259" y="401"/>
                  </a:lnTo>
                  <a:lnTo>
                    <a:pt x="270" y="400"/>
                  </a:lnTo>
                  <a:lnTo>
                    <a:pt x="282" y="398"/>
                  </a:lnTo>
                  <a:lnTo>
                    <a:pt x="296" y="396"/>
                  </a:lnTo>
                  <a:lnTo>
                    <a:pt x="311" y="395"/>
                  </a:lnTo>
                  <a:lnTo>
                    <a:pt x="326" y="393"/>
                  </a:lnTo>
                  <a:lnTo>
                    <a:pt x="343" y="391"/>
                  </a:lnTo>
                  <a:lnTo>
                    <a:pt x="360" y="388"/>
                  </a:lnTo>
                  <a:lnTo>
                    <a:pt x="379" y="386"/>
                  </a:lnTo>
                  <a:lnTo>
                    <a:pt x="399" y="383"/>
                  </a:lnTo>
                  <a:lnTo>
                    <a:pt x="419" y="379"/>
                  </a:lnTo>
                  <a:lnTo>
                    <a:pt x="441" y="376"/>
                  </a:lnTo>
                  <a:lnTo>
                    <a:pt x="463" y="373"/>
                  </a:lnTo>
                  <a:lnTo>
                    <a:pt x="485" y="368"/>
                  </a:lnTo>
                  <a:lnTo>
                    <a:pt x="509" y="364"/>
                  </a:lnTo>
                  <a:lnTo>
                    <a:pt x="534" y="359"/>
                  </a:lnTo>
                  <a:lnTo>
                    <a:pt x="560" y="356"/>
                  </a:lnTo>
                  <a:lnTo>
                    <a:pt x="585" y="351"/>
                  </a:lnTo>
                  <a:lnTo>
                    <a:pt x="612" y="344"/>
                  </a:lnTo>
                  <a:lnTo>
                    <a:pt x="639" y="339"/>
                  </a:lnTo>
                  <a:lnTo>
                    <a:pt x="668" y="332"/>
                  </a:lnTo>
                  <a:lnTo>
                    <a:pt x="697" y="327"/>
                  </a:lnTo>
                  <a:lnTo>
                    <a:pt x="726" y="320"/>
                  </a:lnTo>
                  <a:lnTo>
                    <a:pt x="756" y="312"/>
                  </a:lnTo>
                  <a:lnTo>
                    <a:pt x="761" y="310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01" name="Freeform 56"/>
            <p:cNvSpPr>
              <a:spLocks/>
            </p:cNvSpPr>
            <p:nvPr/>
          </p:nvSpPr>
          <p:spPr bwMode="auto">
            <a:xfrm>
              <a:off x="2028" y="1485"/>
              <a:ext cx="671" cy="471"/>
            </a:xfrm>
            <a:custGeom>
              <a:avLst/>
              <a:gdLst>
                <a:gd name="T0" fmla="*/ 341 w 690"/>
                <a:gd name="T1" fmla="*/ 339 h 476"/>
                <a:gd name="T2" fmla="*/ 355 w 690"/>
                <a:gd name="T3" fmla="*/ 352 h 476"/>
                <a:gd name="T4" fmla="*/ 363 w 690"/>
                <a:gd name="T5" fmla="*/ 361 h 476"/>
                <a:gd name="T6" fmla="*/ 371 w 690"/>
                <a:gd name="T7" fmla="*/ 366 h 476"/>
                <a:gd name="T8" fmla="*/ 377 w 690"/>
                <a:gd name="T9" fmla="*/ 357 h 476"/>
                <a:gd name="T10" fmla="*/ 415 w 690"/>
                <a:gd name="T11" fmla="*/ 354 h 476"/>
                <a:gd name="T12" fmla="*/ 429 w 690"/>
                <a:gd name="T13" fmla="*/ 366 h 476"/>
                <a:gd name="T14" fmla="*/ 435 w 690"/>
                <a:gd name="T15" fmla="*/ 369 h 476"/>
                <a:gd name="T16" fmla="*/ 448 w 690"/>
                <a:gd name="T17" fmla="*/ 377 h 476"/>
                <a:gd name="T18" fmla="*/ 453 w 690"/>
                <a:gd name="T19" fmla="*/ 389 h 476"/>
                <a:gd name="T20" fmla="*/ 456 w 690"/>
                <a:gd name="T21" fmla="*/ 396 h 476"/>
                <a:gd name="T22" fmla="*/ 463 w 690"/>
                <a:gd name="T23" fmla="*/ 404 h 476"/>
                <a:gd name="T24" fmla="*/ 467 w 690"/>
                <a:gd name="T25" fmla="*/ 410 h 476"/>
                <a:gd name="T26" fmla="*/ 462 w 690"/>
                <a:gd name="T27" fmla="*/ 381 h 476"/>
                <a:gd name="T28" fmla="*/ 466 w 690"/>
                <a:gd name="T29" fmla="*/ 315 h 476"/>
                <a:gd name="T30" fmla="*/ 460 w 690"/>
                <a:gd name="T31" fmla="*/ 305 h 476"/>
                <a:gd name="T32" fmla="*/ 458 w 690"/>
                <a:gd name="T33" fmla="*/ 288 h 476"/>
                <a:gd name="T34" fmla="*/ 465 w 690"/>
                <a:gd name="T35" fmla="*/ 86 h 476"/>
                <a:gd name="T36" fmla="*/ 456 w 690"/>
                <a:gd name="T37" fmla="*/ 76 h 476"/>
                <a:gd name="T38" fmla="*/ 448 w 690"/>
                <a:gd name="T39" fmla="*/ 66 h 476"/>
                <a:gd name="T40" fmla="*/ 442 w 690"/>
                <a:gd name="T41" fmla="*/ 59 h 476"/>
                <a:gd name="T42" fmla="*/ 445 w 690"/>
                <a:gd name="T43" fmla="*/ 47 h 476"/>
                <a:gd name="T44" fmla="*/ 449 w 690"/>
                <a:gd name="T45" fmla="*/ 47 h 476"/>
                <a:gd name="T46" fmla="*/ 459 w 690"/>
                <a:gd name="T47" fmla="*/ 26 h 476"/>
                <a:gd name="T48" fmla="*/ 454 w 690"/>
                <a:gd name="T49" fmla="*/ 27 h 476"/>
                <a:gd name="T50" fmla="*/ 433 w 690"/>
                <a:gd name="T51" fmla="*/ 26 h 476"/>
                <a:gd name="T52" fmla="*/ 395 w 690"/>
                <a:gd name="T53" fmla="*/ 24 h 476"/>
                <a:gd name="T54" fmla="*/ 348 w 690"/>
                <a:gd name="T55" fmla="*/ 22 h 476"/>
                <a:gd name="T56" fmla="*/ 292 w 690"/>
                <a:gd name="T57" fmla="*/ 19 h 476"/>
                <a:gd name="T58" fmla="*/ 234 w 690"/>
                <a:gd name="T59" fmla="*/ 17 h 476"/>
                <a:gd name="T60" fmla="*/ 177 w 690"/>
                <a:gd name="T61" fmla="*/ 14 h 476"/>
                <a:gd name="T62" fmla="*/ 122 w 690"/>
                <a:gd name="T63" fmla="*/ 10 h 476"/>
                <a:gd name="T64" fmla="*/ 76 w 690"/>
                <a:gd name="T65" fmla="*/ 7 h 476"/>
                <a:gd name="T66" fmla="*/ 43 w 690"/>
                <a:gd name="T67" fmla="*/ 4 h 476"/>
                <a:gd name="T68" fmla="*/ 18 w 690"/>
                <a:gd name="T69" fmla="*/ 0 h 476"/>
                <a:gd name="T70" fmla="*/ 0 w 690"/>
                <a:gd name="T71" fmla="*/ 315 h 476"/>
                <a:gd name="T72" fmla="*/ 18 w 690"/>
                <a:gd name="T73" fmla="*/ 318 h 476"/>
                <a:gd name="T74" fmla="*/ 45 w 690"/>
                <a:gd name="T75" fmla="*/ 321 h 476"/>
                <a:gd name="T76" fmla="*/ 80 w 690"/>
                <a:gd name="T77" fmla="*/ 321 h 476"/>
                <a:gd name="T78" fmla="*/ 121 w 690"/>
                <a:gd name="T79" fmla="*/ 324 h 476"/>
                <a:gd name="T80" fmla="*/ 165 w 690"/>
                <a:gd name="T81" fmla="*/ 327 h 476"/>
                <a:gd name="T82" fmla="*/ 211 w 690"/>
                <a:gd name="T83" fmla="*/ 329 h 476"/>
                <a:gd name="T84" fmla="*/ 254 w 690"/>
                <a:gd name="T85" fmla="*/ 330 h 476"/>
                <a:gd name="T86" fmla="*/ 289 w 690"/>
                <a:gd name="T87" fmla="*/ 332 h 476"/>
                <a:gd name="T88" fmla="*/ 317 w 690"/>
                <a:gd name="T89" fmla="*/ 334 h 476"/>
                <a:gd name="T90" fmla="*/ 333 w 690"/>
                <a:gd name="T91" fmla="*/ 335 h 47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w 690"/>
                <a:gd name="T139" fmla="*/ 0 h 476"/>
                <a:gd name="T140" fmla="*/ 690 w 690"/>
                <a:gd name="T141" fmla="*/ 476 h 47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T138" t="T139" r="T140" b="T141"/>
              <a:pathLst>
                <a:path w="690" h="476">
                  <a:moveTo>
                    <a:pt x="497" y="391"/>
                  </a:moveTo>
                  <a:lnTo>
                    <a:pt x="499" y="391"/>
                  </a:lnTo>
                  <a:lnTo>
                    <a:pt x="504" y="395"/>
                  </a:lnTo>
                  <a:lnTo>
                    <a:pt x="511" y="398"/>
                  </a:lnTo>
                  <a:lnTo>
                    <a:pt x="518" y="403"/>
                  </a:lnTo>
                  <a:lnTo>
                    <a:pt x="525" y="408"/>
                  </a:lnTo>
                  <a:lnTo>
                    <a:pt x="531" y="412"/>
                  </a:lnTo>
                  <a:lnTo>
                    <a:pt x="536" y="415"/>
                  </a:lnTo>
                  <a:lnTo>
                    <a:pt x="538" y="417"/>
                  </a:lnTo>
                  <a:lnTo>
                    <a:pt x="541" y="420"/>
                  </a:lnTo>
                  <a:lnTo>
                    <a:pt x="545" y="422"/>
                  </a:lnTo>
                  <a:lnTo>
                    <a:pt x="548" y="422"/>
                  </a:lnTo>
                  <a:lnTo>
                    <a:pt x="552" y="418"/>
                  </a:lnTo>
                  <a:lnTo>
                    <a:pt x="555" y="417"/>
                  </a:lnTo>
                  <a:lnTo>
                    <a:pt x="558" y="413"/>
                  </a:lnTo>
                  <a:lnTo>
                    <a:pt x="560" y="412"/>
                  </a:lnTo>
                  <a:lnTo>
                    <a:pt x="560" y="410"/>
                  </a:lnTo>
                  <a:lnTo>
                    <a:pt x="613" y="410"/>
                  </a:lnTo>
                  <a:lnTo>
                    <a:pt x="624" y="420"/>
                  </a:lnTo>
                  <a:lnTo>
                    <a:pt x="635" y="420"/>
                  </a:lnTo>
                  <a:lnTo>
                    <a:pt x="635" y="422"/>
                  </a:lnTo>
                  <a:lnTo>
                    <a:pt x="638" y="423"/>
                  </a:lnTo>
                  <a:lnTo>
                    <a:pt x="641" y="425"/>
                  </a:lnTo>
                  <a:lnTo>
                    <a:pt x="643" y="425"/>
                  </a:lnTo>
                  <a:lnTo>
                    <a:pt x="651" y="427"/>
                  </a:lnTo>
                  <a:lnTo>
                    <a:pt x="657" y="430"/>
                  </a:lnTo>
                  <a:lnTo>
                    <a:pt x="662" y="435"/>
                  </a:lnTo>
                  <a:lnTo>
                    <a:pt x="665" y="440"/>
                  </a:lnTo>
                  <a:lnTo>
                    <a:pt x="668" y="445"/>
                  </a:lnTo>
                  <a:lnTo>
                    <a:pt x="670" y="450"/>
                  </a:lnTo>
                  <a:lnTo>
                    <a:pt x="672" y="454"/>
                  </a:lnTo>
                  <a:lnTo>
                    <a:pt x="673" y="456"/>
                  </a:lnTo>
                  <a:lnTo>
                    <a:pt x="675" y="459"/>
                  </a:lnTo>
                  <a:lnTo>
                    <a:pt x="679" y="461"/>
                  </a:lnTo>
                  <a:lnTo>
                    <a:pt x="682" y="466"/>
                  </a:lnTo>
                  <a:lnTo>
                    <a:pt x="684" y="469"/>
                  </a:lnTo>
                  <a:lnTo>
                    <a:pt x="687" y="471"/>
                  </a:lnTo>
                  <a:lnTo>
                    <a:pt x="689" y="474"/>
                  </a:lnTo>
                  <a:lnTo>
                    <a:pt x="690" y="476"/>
                  </a:lnTo>
                  <a:lnTo>
                    <a:pt x="690" y="461"/>
                  </a:lnTo>
                  <a:lnTo>
                    <a:pt x="682" y="440"/>
                  </a:lnTo>
                  <a:lnTo>
                    <a:pt x="673" y="428"/>
                  </a:lnTo>
                  <a:lnTo>
                    <a:pt x="675" y="420"/>
                  </a:lnTo>
                  <a:lnTo>
                    <a:pt x="689" y="366"/>
                  </a:lnTo>
                  <a:lnTo>
                    <a:pt x="675" y="366"/>
                  </a:lnTo>
                  <a:lnTo>
                    <a:pt x="677" y="357"/>
                  </a:lnTo>
                  <a:lnTo>
                    <a:pt x="680" y="352"/>
                  </a:lnTo>
                  <a:lnTo>
                    <a:pt x="679" y="344"/>
                  </a:lnTo>
                  <a:lnTo>
                    <a:pt x="675" y="335"/>
                  </a:lnTo>
                  <a:lnTo>
                    <a:pt x="677" y="330"/>
                  </a:lnTo>
                  <a:lnTo>
                    <a:pt x="689" y="330"/>
                  </a:lnTo>
                  <a:lnTo>
                    <a:pt x="689" y="102"/>
                  </a:lnTo>
                  <a:lnTo>
                    <a:pt x="687" y="100"/>
                  </a:lnTo>
                  <a:lnTo>
                    <a:pt x="685" y="98"/>
                  </a:lnTo>
                  <a:lnTo>
                    <a:pt x="680" y="95"/>
                  </a:lnTo>
                  <a:lnTo>
                    <a:pt x="675" y="90"/>
                  </a:lnTo>
                  <a:lnTo>
                    <a:pt x="670" y="87"/>
                  </a:lnTo>
                  <a:lnTo>
                    <a:pt x="665" y="83"/>
                  </a:lnTo>
                  <a:lnTo>
                    <a:pt x="662" y="80"/>
                  </a:lnTo>
                  <a:lnTo>
                    <a:pt x="660" y="80"/>
                  </a:lnTo>
                  <a:lnTo>
                    <a:pt x="657" y="76"/>
                  </a:lnTo>
                  <a:lnTo>
                    <a:pt x="655" y="73"/>
                  </a:lnTo>
                  <a:lnTo>
                    <a:pt x="655" y="68"/>
                  </a:lnTo>
                  <a:lnTo>
                    <a:pt x="657" y="65"/>
                  </a:lnTo>
                  <a:lnTo>
                    <a:pt x="658" y="61"/>
                  </a:lnTo>
                  <a:lnTo>
                    <a:pt x="660" y="58"/>
                  </a:lnTo>
                  <a:lnTo>
                    <a:pt x="662" y="56"/>
                  </a:lnTo>
                  <a:lnTo>
                    <a:pt x="663" y="54"/>
                  </a:lnTo>
                  <a:lnTo>
                    <a:pt x="679" y="36"/>
                  </a:lnTo>
                  <a:lnTo>
                    <a:pt x="677" y="27"/>
                  </a:lnTo>
                  <a:lnTo>
                    <a:pt x="679" y="26"/>
                  </a:lnTo>
                  <a:lnTo>
                    <a:pt x="679" y="27"/>
                  </a:lnTo>
                  <a:lnTo>
                    <a:pt x="677" y="27"/>
                  </a:lnTo>
                  <a:lnTo>
                    <a:pt x="672" y="27"/>
                  </a:lnTo>
                  <a:lnTo>
                    <a:pt x="663" y="26"/>
                  </a:lnTo>
                  <a:lnTo>
                    <a:pt x="653" y="26"/>
                  </a:lnTo>
                  <a:lnTo>
                    <a:pt x="640" y="26"/>
                  </a:lnTo>
                  <a:lnTo>
                    <a:pt x="623" y="26"/>
                  </a:lnTo>
                  <a:lnTo>
                    <a:pt x="606" y="24"/>
                  </a:lnTo>
                  <a:lnTo>
                    <a:pt x="585" y="24"/>
                  </a:lnTo>
                  <a:lnTo>
                    <a:pt x="563" y="24"/>
                  </a:lnTo>
                  <a:lnTo>
                    <a:pt x="540" y="22"/>
                  </a:lnTo>
                  <a:lnTo>
                    <a:pt x="514" y="22"/>
                  </a:lnTo>
                  <a:lnTo>
                    <a:pt x="489" y="22"/>
                  </a:lnTo>
                  <a:lnTo>
                    <a:pt x="462" y="21"/>
                  </a:lnTo>
                  <a:lnTo>
                    <a:pt x="433" y="19"/>
                  </a:lnTo>
                  <a:lnTo>
                    <a:pt x="404" y="19"/>
                  </a:lnTo>
                  <a:lnTo>
                    <a:pt x="376" y="17"/>
                  </a:lnTo>
                  <a:lnTo>
                    <a:pt x="347" y="17"/>
                  </a:lnTo>
                  <a:lnTo>
                    <a:pt x="318" y="16"/>
                  </a:lnTo>
                  <a:lnTo>
                    <a:pt x="289" y="14"/>
                  </a:lnTo>
                  <a:lnTo>
                    <a:pt x="261" y="14"/>
                  </a:lnTo>
                  <a:lnTo>
                    <a:pt x="233" y="12"/>
                  </a:lnTo>
                  <a:lnTo>
                    <a:pt x="206" y="10"/>
                  </a:lnTo>
                  <a:lnTo>
                    <a:pt x="181" y="10"/>
                  </a:lnTo>
                  <a:lnTo>
                    <a:pt x="156" y="9"/>
                  </a:lnTo>
                  <a:lnTo>
                    <a:pt x="134" y="9"/>
                  </a:lnTo>
                  <a:lnTo>
                    <a:pt x="112" y="7"/>
                  </a:lnTo>
                  <a:lnTo>
                    <a:pt x="93" y="5"/>
                  </a:lnTo>
                  <a:lnTo>
                    <a:pt x="76" y="4"/>
                  </a:lnTo>
                  <a:lnTo>
                    <a:pt x="61" y="4"/>
                  </a:lnTo>
                  <a:lnTo>
                    <a:pt x="49" y="2"/>
                  </a:lnTo>
                  <a:lnTo>
                    <a:pt x="39" y="0"/>
                  </a:lnTo>
                  <a:lnTo>
                    <a:pt x="32" y="0"/>
                  </a:lnTo>
                  <a:lnTo>
                    <a:pt x="22" y="119"/>
                  </a:lnTo>
                  <a:lnTo>
                    <a:pt x="22" y="117"/>
                  </a:lnTo>
                  <a:lnTo>
                    <a:pt x="0" y="366"/>
                  </a:lnTo>
                  <a:lnTo>
                    <a:pt x="7" y="368"/>
                  </a:lnTo>
                  <a:lnTo>
                    <a:pt x="13" y="368"/>
                  </a:lnTo>
                  <a:lnTo>
                    <a:pt x="24" y="369"/>
                  </a:lnTo>
                  <a:lnTo>
                    <a:pt x="35" y="369"/>
                  </a:lnTo>
                  <a:lnTo>
                    <a:pt x="49" y="371"/>
                  </a:lnTo>
                  <a:lnTo>
                    <a:pt x="64" y="373"/>
                  </a:lnTo>
                  <a:lnTo>
                    <a:pt x="81" y="373"/>
                  </a:lnTo>
                  <a:lnTo>
                    <a:pt x="98" y="374"/>
                  </a:lnTo>
                  <a:lnTo>
                    <a:pt x="118" y="374"/>
                  </a:lnTo>
                  <a:lnTo>
                    <a:pt x="137" y="376"/>
                  </a:lnTo>
                  <a:lnTo>
                    <a:pt x="157" y="378"/>
                  </a:lnTo>
                  <a:lnTo>
                    <a:pt x="179" y="378"/>
                  </a:lnTo>
                  <a:lnTo>
                    <a:pt x="201" y="379"/>
                  </a:lnTo>
                  <a:lnTo>
                    <a:pt x="223" y="379"/>
                  </a:lnTo>
                  <a:lnTo>
                    <a:pt x="245" y="381"/>
                  </a:lnTo>
                  <a:lnTo>
                    <a:pt x="267" y="381"/>
                  </a:lnTo>
                  <a:lnTo>
                    <a:pt x="289" y="383"/>
                  </a:lnTo>
                  <a:lnTo>
                    <a:pt x="311" y="384"/>
                  </a:lnTo>
                  <a:lnTo>
                    <a:pt x="333" y="384"/>
                  </a:lnTo>
                  <a:lnTo>
                    <a:pt x="354" y="386"/>
                  </a:lnTo>
                  <a:lnTo>
                    <a:pt x="374" y="386"/>
                  </a:lnTo>
                  <a:lnTo>
                    <a:pt x="393" y="386"/>
                  </a:lnTo>
                  <a:lnTo>
                    <a:pt x="409" y="388"/>
                  </a:lnTo>
                  <a:lnTo>
                    <a:pt x="426" y="388"/>
                  </a:lnTo>
                  <a:lnTo>
                    <a:pt x="443" y="390"/>
                  </a:lnTo>
                  <a:lnTo>
                    <a:pt x="457" y="390"/>
                  </a:lnTo>
                  <a:lnTo>
                    <a:pt x="469" y="390"/>
                  </a:lnTo>
                  <a:lnTo>
                    <a:pt x="479" y="390"/>
                  </a:lnTo>
                  <a:lnTo>
                    <a:pt x="487" y="390"/>
                  </a:lnTo>
                  <a:lnTo>
                    <a:pt x="492" y="391"/>
                  </a:lnTo>
                  <a:lnTo>
                    <a:pt x="496" y="391"/>
                  </a:lnTo>
                  <a:lnTo>
                    <a:pt x="497" y="391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02" name="Freeform 57"/>
            <p:cNvSpPr>
              <a:spLocks/>
            </p:cNvSpPr>
            <p:nvPr/>
          </p:nvSpPr>
          <p:spPr bwMode="auto">
            <a:xfrm>
              <a:off x="2059" y="1121"/>
              <a:ext cx="630" cy="394"/>
            </a:xfrm>
            <a:custGeom>
              <a:avLst/>
              <a:gdLst>
                <a:gd name="T0" fmla="*/ 0 w 648"/>
                <a:gd name="T1" fmla="*/ 246 h 406"/>
                <a:gd name="T2" fmla="*/ 0 w 648"/>
                <a:gd name="T3" fmla="*/ 233 h 406"/>
                <a:gd name="T4" fmla="*/ 3 w 648"/>
                <a:gd name="T5" fmla="*/ 209 h 406"/>
                <a:gd name="T6" fmla="*/ 7 w 648"/>
                <a:gd name="T7" fmla="*/ 180 h 406"/>
                <a:gd name="T8" fmla="*/ 10 w 648"/>
                <a:gd name="T9" fmla="*/ 147 h 406"/>
                <a:gd name="T10" fmla="*/ 15 w 648"/>
                <a:gd name="T11" fmla="*/ 112 h 406"/>
                <a:gd name="T12" fmla="*/ 18 w 648"/>
                <a:gd name="T13" fmla="*/ 79 h 406"/>
                <a:gd name="T14" fmla="*/ 18 w 648"/>
                <a:gd name="T15" fmla="*/ 47 h 406"/>
                <a:gd name="T16" fmla="*/ 18 w 648"/>
                <a:gd name="T17" fmla="*/ 22 h 406"/>
                <a:gd name="T18" fmla="*/ 18 w 648"/>
                <a:gd name="T19" fmla="*/ 9 h 406"/>
                <a:gd name="T20" fmla="*/ 18 w 648"/>
                <a:gd name="T21" fmla="*/ 0 h 406"/>
                <a:gd name="T22" fmla="*/ 22 w 648"/>
                <a:gd name="T23" fmla="*/ 4 h 406"/>
                <a:gd name="T24" fmla="*/ 44 w 648"/>
                <a:gd name="T25" fmla="*/ 4 h 406"/>
                <a:gd name="T26" fmla="*/ 73 w 648"/>
                <a:gd name="T27" fmla="*/ 7 h 406"/>
                <a:gd name="T28" fmla="*/ 111 w 648"/>
                <a:gd name="T29" fmla="*/ 9 h 406"/>
                <a:gd name="T30" fmla="*/ 157 w 648"/>
                <a:gd name="T31" fmla="*/ 12 h 406"/>
                <a:gd name="T32" fmla="*/ 207 w 648"/>
                <a:gd name="T33" fmla="*/ 15 h 406"/>
                <a:gd name="T34" fmla="*/ 256 w 648"/>
                <a:gd name="T35" fmla="*/ 16 h 406"/>
                <a:gd name="T36" fmla="*/ 303 w 648"/>
                <a:gd name="T37" fmla="*/ 16 h 406"/>
                <a:gd name="T38" fmla="*/ 345 w 648"/>
                <a:gd name="T39" fmla="*/ 16 h 406"/>
                <a:gd name="T40" fmla="*/ 379 w 648"/>
                <a:gd name="T41" fmla="*/ 16 h 406"/>
                <a:gd name="T42" fmla="*/ 401 w 648"/>
                <a:gd name="T43" fmla="*/ 16 h 406"/>
                <a:gd name="T44" fmla="*/ 405 w 648"/>
                <a:gd name="T45" fmla="*/ 44 h 406"/>
                <a:gd name="T46" fmla="*/ 403 w 648"/>
                <a:gd name="T47" fmla="*/ 56 h 406"/>
                <a:gd name="T48" fmla="*/ 403 w 648"/>
                <a:gd name="T49" fmla="*/ 73 h 406"/>
                <a:gd name="T50" fmla="*/ 405 w 648"/>
                <a:gd name="T51" fmla="*/ 91 h 406"/>
                <a:gd name="T52" fmla="*/ 410 w 648"/>
                <a:gd name="T53" fmla="*/ 108 h 406"/>
                <a:gd name="T54" fmla="*/ 415 w 648"/>
                <a:gd name="T55" fmla="*/ 116 h 406"/>
                <a:gd name="T56" fmla="*/ 417 w 648"/>
                <a:gd name="T57" fmla="*/ 128 h 406"/>
                <a:gd name="T58" fmla="*/ 421 w 648"/>
                <a:gd name="T59" fmla="*/ 147 h 406"/>
                <a:gd name="T60" fmla="*/ 422 w 648"/>
                <a:gd name="T61" fmla="*/ 159 h 406"/>
                <a:gd name="T62" fmla="*/ 422 w 648"/>
                <a:gd name="T63" fmla="*/ 173 h 406"/>
                <a:gd name="T64" fmla="*/ 422 w 648"/>
                <a:gd name="T65" fmla="*/ 180 h 406"/>
                <a:gd name="T66" fmla="*/ 426 w 648"/>
                <a:gd name="T67" fmla="*/ 224 h 406"/>
                <a:gd name="T68" fmla="*/ 436 w 648"/>
                <a:gd name="T69" fmla="*/ 266 h 406"/>
                <a:gd name="T70" fmla="*/ 432 w 648"/>
                <a:gd name="T71" fmla="*/ 267 h 406"/>
                <a:gd name="T72" fmla="*/ 410 w 648"/>
                <a:gd name="T73" fmla="*/ 266 h 406"/>
                <a:gd name="T74" fmla="*/ 372 w 648"/>
                <a:gd name="T75" fmla="*/ 264 h 406"/>
                <a:gd name="T76" fmla="*/ 325 w 648"/>
                <a:gd name="T77" fmla="*/ 263 h 406"/>
                <a:gd name="T78" fmla="*/ 270 w 648"/>
                <a:gd name="T79" fmla="*/ 262 h 406"/>
                <a:gd name="T80" fmla="*/ 213 w 648"/>
                <a:gd name="T81" fmla="*/ 261 h 406"/>
                <a:gd name="T82" fmla="*/ 154 w 648"/>
                <a:gd name="T83" fmla="*/ 258 h 406"/>
                <a:gd name="T84" fmla="*/ 101 w 648"/>
                <a:gd name="T85" fmla="*/ 255 h 406"/>
                <a:gd name="T86" fmla="*/ 52 w 648"/>
                <a:gd name="T87" fmla="*/ 254 h 406"/>
                <a:gd name="T88" fmla="*/ 18 w 648"/>
                <a:gd name="T89" fmla="*/ 252 h 406"/>
                <a:gd name="T90" fmla="*/ 0 w 648"/>
                <a:gd name="T91" fmla="*/ 248 h 40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w 648"/>
                <a:gd name="T139" fmla="*/ 0 h 406"/>
                <a:gd name="T140" fmla="*/ 648 w 648"/>
                <a:gd name="T141" fmla="*/ 406 h 40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T138" t="T139" r="T140" b="T141"/>
              <a:pathLst>
                <a:path w="648" h="406">
                  <a:moveTo>
                    <a:pt x="0" y="379"/>
                  </a:moveTo>
                  <a:lnTo>
                    <a:pt x="0" y="378"/>
                  </a:lnTo>
                  <a:lnTo>
                    <a:pt x="0" y="374"/>
                  </a:lnTo>
                  <a:lnTo>
                    <a:pt x="0" y="369"/>
                  </a:lnTo>
                  <a:lnTo>
                    <a:pt x="0" y="362"/>
                  </a:lnTo>
                  <a:lnTo>
                    <a:pt x="0" y="354"/>
                  </a:lnTo>
                  <a:lnTo>
                    <a:pt x="2" y="344"/>
                  </a:lnTo>
                  <a:lnTo>
                    <a:pt x="2" y="332"/>
                  </a:lnTo>
                  <a:lnTo>
                    <a:pt x="3" y="318"/>
                  </a:lnTo>
                  <a:lnTo>
                    <a:pt x="3" y="305"/>
                  </a:lnTo>
                  <a:lnTo>
                    <a:pt x="5" y="291"/>
                  </a:lnTo>
                  <a:lnTo>
                    <a:pt x="7" y="274"/>
                  </a:lnTo>
                  <a:lnTo>
                    <a:pt x="9" y="259"/>
                  </a:lnTo>
                  <a:lnTo>
                    <a:pt x="9" y="242"/>
                  </a:lnTo>
                  <a:lnTo>
                    <a:pt x="10" y="224"/>
                  </a:lnTo>
                  <a:lnTo>
                    <a:pt x="12" y="207"/>
                  </a:lnTo>
                  <a:lnTo>
                    <a:pt x="14" y="190"/>
                  </a:lnTo>
                  <a:lnTo>
                    <a:pt x="15" y="171"/>
                  </a:lnTo>
                  <a:lnTo>
                    <a:pt x="17" y="154"/>
                  </a:lnTo>
                  <a:lnTo>
                    <a:pt x="17" y="137"/>
                  </a:lnTo>
                  <a:lnTo>
                    <a:pt x="19" y="120"/>
                  </a:lnTo>
                  <a:lnTo>
                    <a:pt x="20" y="103"/>
                  </a:lnTo>
                  <a:lnTo>
                    <a:pt x="22" y="88"/>
                  </a:lnTo>
                  <a:lnTo>
                    <a:pt x="24" y="73"/>
                  </a:lnTo>
                  <a:lnTo>
                    <a:pt x="25" y="59"/>
                  </a:lnTo>
                  <a:lnTo>
                    <a:pt x="25" y="46"/>
                  </a:lnTo>
                  <a:lnTo>
                    <a:pt x="27" y="36"/>
                  </a:lnTo>
                  <a:lnTo>
                    <a:pt x="27" y="26"/>
                  </a:lnTo>
                  <a:lnTo>
                    <a:pt x="29" y="17"/>
                  </a:lnTo>
                  <a:lnTo>
                    <a:pt x="29" y="9"/>
                  </a:lnTo>
                  <a:lnTo>
                    <a:pt x="29" y="5"/>
                  </a:lnTo>
                  <a:lnTo>
                    <a:pt x="31" y="2"/>
                  </a:lnTo>
                  <a:lnTo>
                    <a:pt x="31" y="0"/>
                  </a:lnTo>
                  <a:lnTo>
                    <a:pt x="31" y="2"/>
                  </a:lnTo>
                  <a:lnTo>
                    <a:pt x="32" y="2"/>
                  </a:lnTo>
                  <a:lnTo>
                    <a:pt x="36" y="4"/>
                  </a:lnTo>
                  <a:lnTo>
                    <a:pt x="42" y="4"/>
                  </a:lnTo>
                  <a:lnTo>
                    <a:pt x="51" y="4"/>
                  </a:lnTo>
                  <a:lnTo>
                    <a:pt x="63" y="4"/>
                  </a:lnTo>
                  <a:lnTo>
                    <a:pt x="75" y="5"/>
                  </a:lnTo>
                  <a:lnTo>
                    <a:pt x="90" y="5"/>
                  </a:lnTo>
                  <a:lnTo>
                    <a:pt x="107" y="7"/>
                  </a:lnTo>
                  <a:lnTo>
                    <a:pt x="125" y="7"/>
                  </a:lnTo>
                  <a:lnTo>
                    <a:pt x="144" y="9"/>
                  </a:lnTo>
                  <a:lnTo>
                    <a:pt x="164" y="9"/>
                  </a:lnTo>
                  <a:lnTo>
                    <a:pt x="186" y="10"/>
                  </a:lnTo>
                  <a:lnTo>
                    <a:pt x="210" y="12"/>
                  </a:lnTo>
                  <a:lnTo>
                    <a:pt x="232" y="12"/>
                  </a:lnTo>
                  <a:lnTo>
                    <a:pt x="257" y="14"/>
                  </a:lnTo>
                  <a:lnTo>
                    <a:pt x="281" y="14"/>
                  </a:lnTo>
                  <a:lnTo>
                    <a:pt x="306" y="15"/>
                  </a:lnTo>
                  <a:lnTo>
                    <a:pt x="330" y="17"/>
                  </a:lnTo>
                  <a:lnTo>
                    <a:pt x="355" y="17"/>
                  </a:lnTo>
                  <a:lnTo>
                    <a:pt x="379" y="19"/>
                  </a:lnTo>
                  <a:lnTo>
                    <a:pt x="403" y="21"/>
                  </a:lnTo>
                  <a:lnTo>
                    <a:pt x="427" y="21"/>
                  </a:lnTo>
                  <a:lnTo>
                    <a:pt x="450" y="22"/>
                  </a:lnTo>
                  <a:lnTo>
                    <a:pt x="471" y="22"/>
                  </a:lnTo>
                  <a:lnTo>
                    <a:pt x="491" y="24"/>
                  </a:lnTo>
                  <a:lnTo>
                    <a:pt x="511" y="24"/>
                  </a:lnTo>
                  <a:lnTo>
                    <a:pt x="530" y="24"/>
                  </a:lnTo>
                  <a:lnTo>
                    <a:pt x="547" y="26"/>
                  </a:lnTo>
                  <a:lnTo>
                    <a:pt x="562" y="26"/>
                  </a:lnTo>
                  <a:lnTo>
                    <a:pt x="574" y="26"/>
                  </a:lnTo>
                  <a:lnTo>
                    <a:pt x="586" y="26"/>
                  </a:lnTo>
                  <a:lnTo>
                    <a:pt x="594" y="26"/>
                  </a:lnTo>
                  <a:lnTo>
                    <a:pt x="601" y="63"/>
                  </a:lnTo>
                  <a:lnTo>
                    <a:pt x="601" y="65"/>
                  </a:lnTo>
                  <a:lnTo>
                    <a:pt x="601" y="66"/>
                  </a:lnTo>
                  <a:lnTo>
                    <a:pt x="601" y="71"/>
                  </a:lnTo>
                  <a:lnTo>
                    <a:pt x="599" y="78"/>
                  </a:lnTo>
                  <a:lnTo>
                    <a:pt x="599" y="85"/>
                  </a:lnTo>
                  <a:lnTo>
                    <a:pt x="599" y="92"/>
                  </a:lnTo>
                  <a:lnTo>
                    <a:pt x="599" y="102"/>
                  </a:lnTo>
                  <a:lnTo>
                    <a:pt x="599" y="110"/>
                  </a:lnTo>
                  <a:lnTo>
                    <a:pt x="599" y="120"/>
                  </a:lnTo>
                  <a:lnTo>
                    <a:pt x="601" y="131"/>
                  </a:lnTo>
                  <a:lnTo>
                    <a:pt x="601" y="139"/>
                  </a:lnTo>
                  <a:lnTo>
                    <a:pt x="603" y="147"/>
                  </a:lnTo>
                  <a:lnTo>
                    <a:pt x="604" y="156"/>
                  </a:lnTo>
                  <a:lnTo>
                    <a:pt x="608" y="164"/>
                  </a:lnTo>
                  <a:lnTo>
                    <a:pt x="611" y="171"/>
                  </a:lnTo>
                  <a:lnTo>
                    <a:pt x="616" y="176"/>
                  </a:lnTo>
                  <a:lnTo>
                    <a:pt x="616" y="178"/>
                  </a:lnTo>
                  <a:lnTo>
                    <a:pt x="616" y="181"/>
                  </a:lnTo>
                  <a:lnTo>
                    <a:pt x="618" y="186"/>
                  </a:lnTo>
                  <a:lnTo>
                    <a:pt x="619" y="195"/>
                  </a:lnTo>
                  <a:lnTo>
                    <a:pt x="621" y="203"/>
                  </a:lnTo>
                  <a:lnTo>
                    <a:pt x="623" y="213"/>
                  </a:lnTo>
                  <a:lnTo>
                    <a:pt x="623" y="224"/>
                  </a:lnTo>
                  <a:lnTo>
                    <a:pt x="625" y="234"/>
                  </a:lnTo>
                  <a:lnTo>
                    <a:pt x="625" y="237"/>
                  </a:lnTo>
                  <a:lnTo>
                    <a:pt x="625" y="242"/>
                  </a:lnTo>
                  <a:lnTo>
                    <a:pt x="625" y="249"/>
                  </a:lnTo>
                  <a:lnTo>
                    <a:pt x="625" y="256"/>
                  </a:lnTo>
                  <a:lnTo>
                    <a:pt x="625" y="263"/>
                  </a:lnTo>
                  <a:lnTo>
                    <a:pt x="625" y="268"/>
                  </a:lnTo>
                  <a:lnTo>
                    <a:pt x="625" y="273"/>
                  </a:lnTo>
                  <a:lnTo>
                    <a:pt x="625" y="274"/>
                  </a:lnTo>
                  <a:lnTo>
                    <a:pt x="633" y="288"/>
                  </a:lnTo>
                  <a:lnTo>
                    <a:pt x="630" y="310"/>
                  </a:lnTo>
                  <a:lnTo>
                    <a:pt x="633" y="340"/>
                  </a:lnTo>
                  <a:lnTo>
                    <a:pt x="643" y="354"/>
                  </a:lnTo>
                  <a:lnTo>
                    <a:pt x="648" y="367"/>
                  </a:lnTo>
                  <a:lnTo>
                    <a:pt x="647" y="405"/>
                  </a:lnTo>
                  <a:lnTo>
                    <a:pt x="647" y="406"/>
                  </a:lnTo>
                  <a:lnTo>
                    <a:pt x="645" y="406"/>
                  </a:lnTo>
                  <a:lnTo>
                    <a:pt x="640" y="406"/>
                  </a:lnTo>
                  <a:lnTo>
                    <a:pt x="631" y="405"/>
                  </a:lnTo>
                  <a:lnTo>
                    <a:pt x="621" y="405"/>
                  </a:lnTo>
                  <a:lnTo>
                    <a:pt x="608" y="405"/>
                  </a:lnTo>
                  <a:lnTo>
                    <a:pt x="591" y="405"/>
                  </a:lnTo>
                  <a:lnTo>
                    <a:pt x="574" y="403"/>
                  </a:lnTo>
                  <a:lnTo>
                    <a:pt x="553" y="403"/>
                  </a:lnTo>
                  <a:lnTo>
                    <a:pt x="531" y="403"/>
                  </a:lnTo>
                  <a:lnTo>
                    <a:pt x="508" y="401"/>
                  </a:lnTo>
                  <a:lnTo>
                    <a:pt x="482" y="401"/>
                  </a:lnTo>
                  <a:lnTo>
                    <a:pt x="457" y="401"/>
                  </a:lnTo>
                  <a:lnTo>
                    <a:pt x="430" y="400"/>
                  </a:lnTo>
                  <a:lnTo>
                    <a:pt x="401" y="398"/>
                  </a:lnTo>
                  <a:lnTo>
                    <a:pt x="372" y="398"/>
                  </a:lnTo>
                  <a:lnTo>
                    <a:pt x="344" y="396"/>
                  </a:lnTo>
                  <a:lnTo>
                    <a:pt x="315" y="396"/>
                  </a:lnTo>
                  <a:lnTo>
                    <a:pt x="286" y="395"/>
                  </a:lnTo>
                  <a:lnTo>
                    <a:pt x="257" y="393"/>
                  </a:lnTo>
                  <a:lnTo>
                    <a:pt x="229" y="393"/>
                  </a:lnTo>
                  <a:lnTo>
                    <a:pt x="201" y="391"/>
                  </a:lnTo>
                  <a:lnTo>
                    <a:pt x="174" y="389"/>
                  </a:lnTo>
                  <a:lnTo>
                    <a:pt x="149" y="389"/>
                  </a:lnTo>
                  <a:lnTo>
                    <a:pt x="124" y="388"/>
                  </a:lnTo>
                  <a:lnTo>
                    <a:pt x="102" y="388"/>
                  </a:lnTo>
                  <a:lnTo>
                    <a:pt x="80" y="386"/>
                  </a:lnTo>
                  <a:lnTo>
                    <a:pt x="61" y="384"/>
                  </a:lnTo>
                  <a:lnTo>
                    <a:pt x="44" y="383"/>
                  </a:lnTo>
                  <a:lnTo>
                    <a:pt x="29" y="383"/>
                  </a:lnTo>
                  <a:lnTo>
                    <a:pt x="17" y="381"/>
                  </a:lnTo>
                  <a:lnTo>
                    <a:pt x="7" y="379"/>
                  </a:lnTo>
                  <a:lnTo>
                    <a:pt x="0" y="37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03" name="Freeform 58"/>
            <p:cNvSpPr>
              <a:spLocks/>
            </p:cNvSpPr>
            <p:nvPr/>
          </p:nvSpPr>
          <p:spPr bwMode="auto">
            <a:xfrm>
              <a:off x="2682" y="1797"/>
              <a:ext cx="572" cy="385"/>
            </a:xfrm>
            <a:custGeom>
              <a:avLst/>
              <a:gdLst>
                <a:gd name="T0" fmla="*/ 47 w 588"/>
                <a:gd name="T1" fmla="*/ 239 h 397"/>
                <a:gd name="T2" fmla="*/ 46 w 588"/>
                <a:gd name="T3" fmla="*/ 227 h 397"/>
                <a:gd name="T4" fmla="*/ 47 w 588"/>
                <a:gd name="T5" fmla="*/ 211 h 397"/>
                <a:gd name="T6" fmla="*/ 48 w 588"/>
                <a:gd name="T7" fmla="*/ 204 h 397"/>
                <a:gd name="T8" fmla="*/ 42 w 588"/>
                <a:gd name="T9" fmla="*/ 174 h 397"/>
                <a:gd name="T10" fmla="*/ 32 w 588"/>
                <a:gd name="T11" fmla="*/ 162 h 397"/>
                <a:gd name="T12" fmla="*/ 34 w 588"/>
                <a:gd name="T13" fmla="*/ 153 h 397"/>
                <a:gd name="T14" fmla="*/ 27 w 588"/>
                <a:gd name="T15" fmla="*/ 136 h 397"/>
                <a:gd name="T16" fmla="*/ 20 w 588"/>
                <a:gd name="T17" fmla="*/ 130 h 397"/>
                <a:gd name="T18" fmla="*/ 18 w 588"/>
                <a:gd name="T19" fmla="*/ 119 h 397"/>
                <a:gd name="T20" fmla="*/ 18 w 588"/>
                <a:gd name="T21" fmla="*/ 112 h 397"/>
                <a:gd name="T22" fmla="*/ 0 w 588"/>
                <a:gd name="T23" fmla="*/ 73 h 397"/>
                <a:gd name="T24" fmla="*/ 4 w 588"/>
                <a:gd name="T25" fmla="*/ 26 h 397"/>
                <a:gd name="T26" fmla="*/ 4 w 588"/>
                <a:gd name="T27" fmla="*/ 13 h 397"/>
                <a:gd name="T28" fmla="*/ 18 w 588"/>
                <a:gd name="T29" fmla="*/ 12 h 397"/>
                <a:gd name="T30" fmla="*/ 46 w 588"/>
                <a:gd name="T31" fmla="*/ 12 h 397"/>
                <a:gd name="T32" fmla="*/ 89 w 588"/>
                <a:gd name="T33" fmla="*/ 12 h 397"/>
                <a:gd name="T34" fmla="*/ 141 w 588"/>
                <a:gd name="T35" fmla="*/ 10 h 397"/>
                <a:gd name="T36" fmla="*/ 197 w 588"/>
                <a:gd name="T37" fmla="*/ 10 h 397"/>
                <a:gd name="T38" fmla="*/ 251 w 588"/>
                <a:gd name="T39" fmla="*/ 8 h 397"/>
                <a:gd name="T40" fmla="*/ 294 w 588"/>
                <a:gd name="T41" fmla="*/ 5 h 397"/>
                <a:gd name="T42" fmla="*/ 322 w 588"/>
                <a:gd name="T43" fmla="*/ 1 h 397"/>
                <a:gd name="T44" fmla="*/ 333 w 588"/>
                <a:gd name="T45" fmla="*/ 16 h 397"/>
                <a:gd name="T46" fmla="*/ 337 w 588"/>
                <a:gd name="T47" fmla="*/ 16 h 397"/>
                <a:gd name="T48" fmla="*/ 331 w 588"/>
                <a:gd name="T49" fmla="*/ 36 h 397"/>
                <a:gd name="T50" fmla="*/ 333 w 588"/>
                <a:gd name="T51" fmla="*/ 45 h 397"/>
                <a:gd name="T52" fmla="*/ 339 w 588"/>
                <a:gd name="T53" fmla="*/ 55 h 397"/>
                <a:gd name="T54" fmla="*/ 340 w 588"/>
                <a:gd name="T55" fmla="*/ 63 h 397"/>
                <a:gd name="T56" fmla="*/ 357 w 588"/>
                <a:gd name="T57" fmla="*/ 69 h 397"/>
                <a:gd name="T58" fmla="*/ 362 w 588"/>
                <a:gd name="T59" fmla="*/ 71 h 397"/>
                <a:gd name="T60" fmla="*/ 367 w 588"/>
                <a:gd name="T61" fmla="*/ 80 h 397"/>
                <a:gd name="T62" fmla="*/ 368 w 588"/>
                <a:gd name="T63" fmla="*/ 84 h 397"/>
                <a:gd name="T64" fmla="*/ 378 w 588"/>
                <a:gd name="T65" fmla="*/ 91 h 397"/>
                <a:gd name="T66" fmla="*/ 383 w 588"/>
                <a:gd name="T67" fmla="*/ 98 h 397"/>
                <a:gd name="T68" fmla="*/ 382 w 588"/>
                <a:gd name="T69" fmla="*/ 101 h 397"/>
                <a:gd name="T70" fmla="*/ 393 w 588"/>
                <a:gd name="T71" fmla="*/ 108 h 397"/>
                <a:gd name="T72" fmla="*/ 400 w 588"/>
                <a:gd name="T73" fmla="*/ 123 h 397"/>
                <a:gd name="T74" fmla="*/ 391 w 588"/>
                <a:gd name="T75" fmla="*/ 140 h 397"/>
                <a:gd name="T76" fmla="*/ 388 w 588"/>
                <a:gd name="T77" fmla="*/ 146 h 397"/>
                <a:gd name="T78" fmla="*/ 388 w 588"/>
                <a:gd name="T79" fmla="*/ 156 h 397"/>
                <a:gd name="T80" fmla="*/ 381 w 588"/>
                <a:gd name="T81" fmla="*/ 161 h 397"/>
                <a:gd name="T82" fmla="*/ 375 w 588"/>
                <a:gd name="T83" fmla="*/ 162 h 397"/>
                <a:gd name="T84" fmla="*/ 369 w 588"/>
                <a:gd name="T85" fmla="*/ 166 h 397"/>
                <a:gd name="T86" fmla="*/ 351 w 588"/>
                <a:gd name="T87" fmla="*/ 171 h 397"/>
                <a:gd name="T88" fmla="*/ 345 w 588"/>
                <a:gd name="T89" fmla="*/ 183 h 397"/>
                <a:gd name="T90" fmla="*/ 355 w 588"/>
                <a:gd name="T91" fmla="*/ 201 h 397"/>
                <a:gd name="T92" fmla="*/ 354 w 588"/>
                <a:gd name="T93" fmla="*/ 211 h 397"/>
                <a:gd name="T94" fmla="*/ 348 w 588"/>
                <a:gd name="T95" fmla="*/ 220 h 397"/>
                <a:gd name="T96" fmla="*/ 347 w 588"/>
                <a:gd name="T97" fmla="*/ 225 h 397"/>
                <a:gd name="T98" fmla="*/ 345 w 588"/>
                <a:gd name="T99" fmla="*/ 229 h 397"/>
                <a:gd name="T100" fmla="*/ 339 w 588"/>
                <a:gd name="T101" fmla="*/ 234 h 397"/>
                <a:gd name="T102" fmla="*/ 329 w 588"/>
                <a:gd name="T103" fmla="*/ 241 h 397"/>
                <a:gd name="T104" fmla="*/ 330 w 588"/>
                <a:gd name="T105" fmla="*/ 248 h 397"/>
                <a:gd name="T106" fmla="*/ 331 w 588"/>
                <a:gd name="T107" fmla="*/ 252 h 397"/>
                <a:gd name="T108" fmla="*/ 327 w 588"/>
                <a:gd name="T109" fmla="*/ 257 h 397"/>
                <a:gd name="T110" fmla="*/ 321 w 588"/>
                <a:gd name="T111" fmla="*/ 254 h 397"/>
                <a:gd name="T112" fmla="*/ 310 w 588"/>
                <a:gd name="T113" fmla="*/ 241 h 397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w 588"/>
                <a:gd name="T172" fmla="*/ 0 h 397"/>
                <a:gd name="T173" fmla="*/ 588 w 588"/>
                <a:gd name="T174" fmla="*/ 397 h 397"/>
              </a:gdLst>
              <a:ahLst/>
              <a:cxnLst>
                <a:cxn ang="T114">
                  <a:pos x="T0" y="T1"/>
                </a:cxn>
                <a:cxn ang="T115">
                  <a:pos x="T2" y="T3"/>
                </a:cxn>
                <a:cxn ang="T116">
                  <a:pos x="T4" y="T5"/>
                </a:cxn>
                <a:cxn ang="T117">
                  <a:pos x="T6" y="T7"/>
                </a:cxn>
                <a:cxn ang="T118">
                  <a:pos x="T8" y="T9"/>
                </a:cxn>
                <a:cxn ang="T119">
                  <a:pos x="T10" y="T11"/>
                </a:cxn>
                <a:cxn ang="T120">
                  <a:pos x="T12" y="T13"/>
                </a:cxn>
                <a:cxn ang="T121">
                  <a:pos x="T14" y="T15"/>
                </a:cxn>
                <a:cxn ang="T122">
                  <a:pos x="T16" y="T17"/>
                </a:cxn>
                <a:cxn ang="T123">
                  <a:pos x="T18" y="T19"/>
                </a:cxn>
                <a:cxn ang="T124">
                  <a:pos x="T20" y="T21"/>
                </a:cxn>
                <a:cxn ang="T125">
                  <a:pos x="T22" y="T23"/>
                </a:cxn>
                <a:cxn ang="T126">
                  <a:pos x="T24" y="T25"/>
                </a:cxn>
                <a:cxn ang="T127">
                  <a:pos x="T26" y="T27"/>
                </a:cxn>
                <a:cxn ang="T128">
                  <a:pos x="T28" y="T29"/>
                </a:cxn>
                <a:cxn ang="T129">
                  <a:pos x="T30" y="T31"/>
                </a:cxn>
                <a:cxn ang="T130">
                  <a:pos x="T32" y="T33"/>
                </a:cxn>
                <a:cxn ang="T131">
                  <a:pos x="T34" y="T35"/>
                </a:cxn>
                <a:cxn ang="T132">
                  <a:pos x="T36" y="T37"/>
                </a:cxn>
                <a:cxn ang="T133">
                  <a:pos x="T38" y="T39"/>
                </a:cxn>
                <a:cxn ang="T134">
                  <a:pos x="T40" y="T41"/>
                </a:cxn>
                <a:cxn ang="T135">
                  <a:pos x="T42" y="T43"/>
                </a:cxn>
                <a:cxn ang="T136">
                  <a:pos x="T44" y="T45"/>
                </a:cxn>
                <a:cxn ang="T137">
                  <a:pos x="T46" y="T47"/>
                </a:cxn>
                <a:cxn ang="T138">
                  <a:pos x="T48" y="T49"/>
                </a:cxn>
                <a:cxn ang="T139">
                  <a:pos x="T50" y="T51"/>
                </a:cxn>
                <a:cxn ang="T140">
                  <a:pos x="T52" y="T53"/>
                </a:cxn>
                <a:cxn ang="T141">
                  <a:pos x="T54" y="T55"/>
                </a:cxn>
                <a:cxn ang="T142">
                  <a:pos x="T56" y="T57"/>
                </a:cxn>
                <a:cxn ang="T143">
                  <a:pos x="T58" y="T59"/>
                </a:cxn>
                <a:cxn ang="T144">
                  <a:pos x="T60" y="T61"/>
                </a:cxn>
                <a:cxn ang="T145">
                  <a:pos x="T62" y="T63"/>
                </a:cxn>
                <a:cxn ang="T146">
                  <a:pos x="T64" y="T65"/>
                </a:cxn>
                <a:cxn ang="T147">
                  <a:pos x="T66" y="T67"/>
                </a:cxn>
                <a:cxn ang="T148">
                  <a:pos x="T68" y="T69"/>
                </a:cxn>
                <a:cxn ang="T149">
                  <a:pos x="T70" y="T71"/>
                </a:cxn>
                <a:cxn ang="T150">
                  <a:pos x="T72" y="T73"/>
                </a:cxn>
                <a:cxn ang="T151">
                  <a:pos x="T74" y="T75"/>
                </a:cxn>
                <a:cxn ang="T152">
                  <a:pos x="T76" y="T77"/>
                </a:cxn>
                <a:cxn ang="T153">
                  <a:pos x="T78" y="T79"/>
                </a:cxn>
                <a:cxn ang="T154">
                  <a:pos x="T80" y="T81"/>
                </a:cxn>
                <a:cxn ang="T155">
                  <a:pos x="T82" y="T83"/>
                </a:cxn>
                <a:cxn ang="T156">
                  <a:pos x="T84" y="T85"/>
                </a:cxn>
                <a:cxn ang="T157">
                  <a:pos x="T86" y="T87"/>
                </a:cxn>
                <a:cxn ang="T158">
                  <a:pos x="T88" y="T89"/>
                </a:cxn>
                <a:cxn ang="T159">
                  <a:pos x="T90" y="T91"/>
                </a:cxn>
                <a:cxn ang="T160">
                  <a:pos x="T92" y="T93"/>
                </a:cxn>
                <a:cxn ang="T161">
                  <a:pos x="T94" y="T95"/>
                </a:cxn>
                <a:cxn ang="T162">
                  <a:pos x="T96" y="T97"/>
                </a:cxn>
                <a:cxn ang="T163">
                  <a:pos x="T98" y="T99"/>
                </a:cxn>
                <a:cxn ang="T164">
                  <a:pos x="T100" y="T101"/>
                </a:cxn>
                <a:cxn ang="T165">
                  <a:pos x="T102" y="T103"/>
                </a:cxn>
                <a:cxn ang="T166">
                  <a:pos x="T104" y="T105"/>
                </a:cxn>
                <a:cxn ang="T167">
                  <a:pos x="T106" y="T107"/>
                </a:cxn>
                <a:cxn ang="T168">
                  <a:pos x="T108" y="T109"/>
                </a:cxn>
                <a:cxn ang="T169">
                  <a:pos x="T110" y="T111"/>
                </a:cxn>
                <a:cxn ang="T170">
                  <a:pos x="T112" y="T113"/>
                </a:cxn>
              </a:cxnLst>
              <a:rect l="T171" t="T172" r="T173" b="T174"/>
              <a:pathLst>
                <a:path w="588" h="397">
                  <a:moveTo>
                    <a:pt x="75" y="379"/>
                  </a:moveTo>
                  <a:lnTo>
                    <a:pt x="72" y="375"/>
                  </a:lnTo>
                  <a:lnTo>
                    <a:pt x="70" y="372"/>
                  </a:lnTo>
                  <a:lnTo>
                    <a:pt x="68" y="367"/>
                  </a:lnTo>
                  <a:lnTo>
                    <a:pt x="68" y="362"/>
                  </a:lnTo>
                  <a:lnTo>
                    <a:pt x="66" y="357"/>
                  </a:lnTo>
                  <a:lnTo>
                    <a:pt x="66" y="352"/>
                  </a:lnTo>
                  <a:lnTo>
                    <a:pt x="66" y="347"/>
                  </a:lnTo>
                  <a:lnTo>
                    <a:pt x="66" y="340"/>
                  </a:lnTo>
                  <a:lnTo>
                    <a:pt x="68" y="335"/>
                  </a:lnTo>
                  <a:lnTo>
                    <a:pt x="68" y="330"/>
                  </a:lnTo>
                  <a:lnTo>
                    <a:pt x="68" y="325"/>
                  </a:lnTo>
                  <a:lnTo>
                    <a:pt x="68" y="321"/>
                  </a:lnTo>
                  <a:lnTo>
                    <a:pt x="70" y="318"/>
                  </a:lnTo>
                  <a:lnTo>
                    <a:pt x="70" y="315"/>
                  </a:lnTo>
                  <a:lnTo>
                    <a:pt x="70" y="313"/>
                  </a:lnTo>
                  <a:lnTo>
                    <a:pt x="63" y="304"/>
                  </a:lnTo>
                  <a:lnTo>
                    <a:pt x="61" y="272"/>
                  </a:lnTo>
                  <a:lnTo>
                    <a:pt x="58" y="267"/>
                  </a:lnTo>
                  <a:lnTo>
                    <a:pt x="53" y="264"/>
                  </a:lnTo>
                  <a:lnTo>
                    <a:pt x="50" y="259"/>
                  </a:lnTo>
                  <a:lnTo>
                    <a:pt x="46" y="254"/>
                  </a:lnTo>
                  <a:lnTo>
                    <a:pt x="46" y="249"/>
                  </a:lnTo>
                  <a:lnTo>
                    <a:pt x="46" y="243"/>
                  </a:lnTo>
                  <a:lnTo>
                    <a:pt x="46" y="240"/>
                  </a:lnTo>
                  <a:lnTo>
                    <a:pt x="46" y="237"/>
                  </a:lnTo>
                  <a:lnTo>
                    <a:pt x="48" y="235"/>
                  </a:lnTo>
                  <a:lnTo>
                    <a:pt x="46" y="227"/>
                  </a:lnTo>
                  <a:lnTo>
                    <a:pt x="46" y="218"/>
                  </a:lnTo>
                  <a:lnTo>
                    <a:pt x="44" y="213"/>
                  </a:lnTo>
                  <a:lnTo>
                    <a:pt x="41" y="208"/>
                  </a:lnTo>
                  <a:lnTo>
                    <a:pt x="39" y="205"/>
                  </a:lnTo>
                  <a:lnTo>
                    <a:pt x="38" y="203"/>
                  </a:lnTo>
                  <a:lnTo>
                    <a:pt x="36" y="201"/>
                  </a:lnTo>
                  <a:lnTo>
                    <a:pt x="34" y="199"/>
                  </a:lnTo>
                  <a:lnTo>
                    <a:pt x="29" y="196"/>
                  </a:lnTo>
                  <a:lnTo>
                    <a:pt x="28" y="193"/>
                  </a:lnTo>
                  <a:lnTo>
                    <a:pt x="24" y="188"/>
                  </a:lnTo>
                  <a:lnTo>
                    <a:pt x="24" y="183"/>
                  </a:lnTo>
                  <a:lnTo>
                    <a:pt x="22" y="179"/>
                  </a:lnTo>
                  <a:lnTo>
                    <a:pt x="22" y="174"/>
                  </a:lnTo>
                  <a:lnTo>
                    <a:pt x="22" y="172"/>
                  </a:lnTo>
                  <a:lnTo>
                    <a:pt x="17" y="159"/>
                  </a:lnTo>
                  <a:lnTo>
                    <a:pt x="17" y="144"/>
                  </a:lnTo>
                  <a:lnTo>
                    <a:pt x="9" y="123"/>
                  </a:lnTo>
                  <a:lnTo>
                    <a:pt x="0" y="111"/>
                  </a:lnTo>
                  <a:lnTo>
                    <a:pt x="2" y="103"/>
                  </a:lnTo>
                  <a:lnTo>
                    <a:pt x="16" y="49"/>
                  </a:lnTo>
                  <a:lnTo>
                    <a:pt x="2" y="49"/>
                  </a:lnTo>
                  <a:lnTo>
                    <a:pt x="4" y="40"/>
                  </a:lnTo>
                  <a:lnTo>
                    <a:pt x="7" y="35"/>
                  </a:lnTo>
                  <a:lnTo>
                    <a:pt x="6" y="27"/>
                  </a:lnTo>
                  <a:lnTo>
                    <a:pt x="2" y="18"/>
                  </a:lnTo>
                  <a:lnTo>
                    <a:pt x="4" y="13"/>
                  </a:lnTo>
                  <a:lnTo>
                    <a:pt x="16" y="13"/>
                  </a:lnTo>
                  <a:lnTo>
                    <a:pt x="16" y="12"/>
                  </a:lnTo>
                  <a:lnTo>
                    <a:pt x="19" y="12"/>
                  </a:lnTo>
                  <a:lnTo>
                    <a:pt x="26" y="12"/>
                  </a:lnTo>
                  <a:lnTo>
                    <a:pt x="33" y="12"/>
                  </a:lnTo>
                  <a:lnTo>
                    <a:pt x="43" y="12"/>
                  </a:lnTo>
                  <a:lnTo>
                    <a:pt x="53" y="12"/>
                  </a:lnTo>
                  <a:lnTo>
                    <a:pt x="66" y="12"/>
                  </a:lnTo>
                  <a:lnTo>
                    <a:pt x="80" y="12"/>
                  </a:lnTo>
                  <a:lnTo>
                    <a:pt x="97" y="12"/>
                  </a:lnTo>
                  <a:lnTo>
                    <a:pt x="112" y="12"/>
                  </a:lnTo>
                  <a:lnTo>
                    <a:pt x="131" y="12"/>
                  </a:lnTo>
                  <a:lnTo>
                    <a:pt x="149" y="12"/>
                  </a:lnTo>
                  <a:lnTo>
                    <a:pt x="168" y="12"/>
                  </a:lnTo>
                  <a:lnTo>
                    <a:pt x="188" y="10"/>
                  </a:lnTo>
                  <a:lnTo>
                    <a:pt x="207" y="10"/>
                  </a:lnTo>
                  <a:lnTo>
                    <a:pt x="227" y="10"/>
                  </a:lnTo>
                  <a:lnTo>
                    <a:pt x="249" y="10"/>
                  </a:lnTo>
                  <a:lnTo>
                    <a:pt x="270" y="10"/>
                  </a:lnTo>
                  <a:lnTo>
                    <a:pt x="290" y="10"/>
                  </a:lnTo>
                  <a:lnTo>
                    <a:pt x="310" y="8"/>
                  </a:lnTo>
                  <a:lnTo>
                    <a:pt x="329" y="8"/>
                  </a:lnTo>
                  <a:lnTo>
                    <a:pt x="349" y="8"/>
                  </a:lnTo>
                  <a:lnTo>
                    <a:pt x="368" y="8"/>
                  </a:lnTo>
                  <a:lnTo>
                    <a:pt x="385" y="7"/>
                  </a:lnTo>
                  <a:lnTo>
                    <a:pt x="402" y="7"/>
                  </a:lnTo>
                  <a:lnTo>
                    <a:pt x="418" y="7"/>
                  </a:lnTo>
                  <a:lnTo>
                    <a:pt x="432" y="5"/>
                  </a:lnTo>
                  <a:lnTo>
                    <a:pt x="446" y="5"/>
                  </a:lnTo>
                  <a:lnTo>
                    <a:pt x="456" y="3"/>
                  </a:lnTo>
                  <a:lnTo>
                    <a:pt x="466" y="3"/>
                  </a:lnTo>
                  <a:lnTo>
                    <a:pt x="474" y="1"/>
                  </a:lnTo>
                  <a:lnTo>
                    <a:pt x="479" y="0"/>
                  </a:lnTo>
                  <a:lnTo>
                    <a:pt x="479" y="1"/>
                  </a:lnTo>
                  <a:lnTo>
                    <a:pt x="488" y="22"/>
                  </a:lnTo>
                  <a:lnTo>
                    <a:pt x="490" y="22"/>
                  </a:lnTo>
                  <a:lnTo>
                    <a:pt x="490" y="23"/>
                  </a:lnTo>
                  <a:lnTo>
                    <a:pt x="491" y="23"/>
                  </a:lnTo>
                  <a:lnTo>
                    <a:pt x="493" y="25"/>
                  </a:lnTo>
                  <a:lnTo>
                    <a:pt x="495" y="29"/>
                  </a:lnTo>
                  <a:lnTo>
                    <a:pt x="495" y="34"/>
                  </a:lnTo>
                  <a:lnTo>
                    <a:pt x="493" y="39"/>
                  </a:lnTo>
                  <a:lnTo>
                    <a:pt x="490" y="47"/>
                  </a:lnTo>
                  <a:lnTo>
                    <a:pt x="488" y="52"/>
                  </a:lnTo>
                  <a:lnTo>
                    <a:pt x="486" y="56"/>
                  </a:lnTo>
                  <a:lnTo>
                    <a:pt x="488" y="61"/>
                  </a:lnTo>
                  <a:lnTo>
                    <a:pt x="488" y="64"/>
                  </a:lnTo>
                  <a:lnTo>
                    <a:pt x="490" y="69"/>
                  </a:lnTo>
                  <a:lnTo>
                    <a:pt x="491" y="73"/>
                  </a:lnTo>
                  <a:lnTo>
                    <a:pt x="495" y="76"/>
                  </a:lnTo>
                  <a:lnTo>
                    <a:pt x="496" y="81"/>
                  </a:lnTo>
                  <a:lnTo>
                    <a:pt x="500" y="84"/>
                  </a:lnTo>
                  <a:lnTo>
                    <a:pt x="501" y="89"/>
                  </a:lnTo>
                  <a:lnTo>
                    <a:pt x="501" y="91"/>
                  </a:lnTo>
                  <a:lnTo>
                    <a:pt x="501" y="95"/>
                  </a:lnTo>
                  <a:lnTo>
                    <a:pt x="501" y="96"/>
                  </a:lnTo>
                  <a:lnTo>
                    <a:pt x="501" y="98"/>
                  </a:lnTo>
                  <a:lnTo>
                    <a:pt x="525" y="105"/>
                  </a:lnTo>
                  <a:lnTo>
                    <a:pt x="527" y="106"/>
                  </a:lnTo>
                  <a:lnTo>
                    <a:pt x="530" y="106"/>
                  </a:lnTo>
                  <a:lnTo>
                    <a:pt x="532" y="108"/>
                  </a:lnTo>
                  <a:lnTo>
                    <a:pt x="535" y="111"/>
                  </a:lnTo>
                  <a:lnTo>
                    <a:pt x="537" y="115"/>
                  </a:lnTo>
                  <a:lnTo>
                    <a:pt x="539" y="120"/>
                  </a:lnTo>
                  <a:lnTo>
                    <a:pt x="540" y="125"/>
                  </a:lnTo>
                  <a:lnTo>
                    <a:pt x="540" y="127"/>
                  </a:lnTo>
                  <a:lnTo>
                    <a:pt x="540" y="128"/>
                  </a:lnTo>
                  <a:lnTo>
                    <a:pt x="542" y="130"/>
                  </a:lnTo>
                  <a:lnTo>
                    <a:pt x="545" y="132"/>
                  </a:lnTo>
                  <a:lnTo>
                    <a:pt x="547" y="133"/>
                  </a:lnTo>
                  <a:lnTo>
                    <a:pt x="552" y="135"/>
                  </a:lnTo>
                  <a:lnTo>
                    <a:pt x="556" y="139"/>
                  </a:lnTo>
                  <a:lnTo>
                    <a:pt x="561" y="142"/>
                  </a:lnTo>
                  <a:lnTo>
                    <a:pt x="564" y="145"/>
                  </a:lnTo>
                  <a:lnTo>
                    <a:pt x="564" y="149"/>
                  </a:lnTo>
                  <a:lnTo>
                    <a:pt x="564" y="150"/>
                  </a:lnTo>
                  <a:lnTo>
                    <a:pt x="564" y="152"/>
                  </a:lnTo>
                  <a:lnTo>
                    <a:pt x="562" y="154"/>
                  </a:lnTo>
                  <a:lnTo>
                    <a:pt x="562" y="155"/>
                  </a:lnTo>
                  <a:lnTo>
                    <a:pt x="572" y="162"/>
                  </a:lnTo>
                  <a:lnTo>
                    <a:pt x="574" y="162"/>
                  </a:lnTo>
                  <a:lnTo>
                    <a:pt x="576" y="164"/>
                  </a:lnTo>
                  <a:lnTo>
                    <a:pt x="579" y="166"/>
                  </a:lnTo>
                  <a:lnTo>
                    <a:pt x="584" y="169"/>
                  </a:lnTo>
                  <a:lnTo>
                    <a:pt x="586" y="174"/>
                  </a:lnTo>
                  <a:lnTo>
                    <a:pt x="588" y="181"/>
                  </a:lnTo>
                  <a:lnTo>
                    <a:pt x="588" y="189"/>
                  </a:lnTo>
                  <a:lnTo>
                    <a:pt x="586" y="201"/>
                  </a:lnTo>
                  <a:lnTo>
                    <a:pt x="583" y="210"/>
                  </a:lnTo>
                  <a:lnTo>
                    <a:pt x="579" y="213"/>
                  </a:lnTo>
                  <a:lnTo>
                    <a:pt x="576" y="215"/>
                  </a:lnTo>
                  <a:lnTo>
                    <a:pt x="574" y="213"/>
                  </a:lnTo>
                  <a:lnTo>
                    <a:pt x="572" y="215"/>
                  </a:lnTo>
                  <a:lnTo>
                    <a:pt x="572" y="216"/>
                  </a:lnTo>
                  <a:lnTo>
                    <a:pt x="571" y="225"/>
                  </a:lnTo>
                  <a:lnTo>
                    <a:pt x="571" y="238"/>
                  </a:lnTo>
                  <a:lnTo>
                    <a:pt x="571" y="240"/>
                  </a:lnTo>
                  <a:lnTo>
                    <a:pt x="569" y="242"/>
                  </a:lnTo>
                  <a:lnTo>
                    <a:pt x="567" y="243"/>
                  </a:lnTo>
                  <a:lnTo>
                    <a:pt x="564" y="245"/>
                  </a:lnTo>
                  <a:lnTo>
                    <a:pt x="561" y="247"/>
                  </a:lnTo>
                  <a:lnTo>
                    <a:pt x="554" y="247"/>
                  </a:lnTo>
                  <a:lnTo>
                    <a:pt x="552" y="247"/>
                  </a:lnTo>
                  <a:lnTo>
                    <a:pt x="552" y="249"/>
                  </a:lnTo>
                  <a:lnTo>
                    <a:pt x="552" y="250"/>
                  </a:lnTo>
                  <a:lnTo>
                    <a:pt x="550" y="252"/>
                  </a:lnTo>
                  <a:lnTo>
                    <a:pt x="549" y="254"/>
                  </a:lnTo>
                  <a:lnTo>
                    <a:pt x="544" y="255"/>
                  </a:lnTo>
                  <a:lnTo>
                    <a:pt x="537" y="257"/>
                  </a:lnTo>
                  <a:lnTo>
                    <a:pt x="530" y="257"/>
                  </a:lnTo>
                  <a:lnTo>
                    <a:pt x="523" y="259"/>
                  </a:lnTo>
                  <a:lnTo>
                    <a:pt x="517" y="262"/>
                  </a:lnTo>
                  <a:lnTo>
                    <a:pt x="512" y="265"/>
                  </a:lnTo>
                  <a:lnTo>
                    <a:pt x="508" y="269"/>
                  </a:lnTo>
                  <a:lnTo>
                    <a:pt x="508" y="276"/>
                  </a:lnTo>
                  <a:lnTo>
                    <a:pt x="508" y="282"/>
                  </a:lnTo>
                  <a:lnTo>
                    <a:pt x="512" y="291"/>
                  </a:lnTo>
                  <a:lnTo>
                    <a:pt x="515" y="299"/>
                  </a:lnTo>
                  <a:lnTo>
                    <a:pt x="520" y="304"/>
                  </a:lnTo>
                  <a:lnTo>
                    <a:pt x="522" y="309"/>
                  </a:lnTo>
                  <a:lnTo>
                    <a:pt x="523" y="313"/>
                  </a:lnTo>
                  <a:lnTo>
                    <a:pt x="525" y="318"/>
                  </a:lnTo>
                  <a:lnTo>
                    <a:pt x="523" y="321"/>
                  </a:lnTo>
                  <a:lnTo>
                    <a:pt x="520" y="325"/>
                  </a:lnTo>
                  <a:lnTo>
                    <a:pt x="515" y="331"/>
                  </a:lnTo>
                  <a:lnTo>
                    <a:pt x="515" y="335"/>
                  </a:lnTo>
                  <a:lnTo>
                    <a:pt x="513" y="337"/>
                  </a:lnTo>
                  <a:lnTo>
                    <a:pt x="512" y="340"/>
                  </a:lnTo>
                  <a:lnTo>
                    <a:pt x="512" y="342"/>
                  </a:lnTo>
                  <a:lnTo>
                    <a:pt x="510" y="343"/>
                  </a:lnTo>
                  <a:lnTo>
                    <a:pt x="510" y="345"/>
                  </a:lnTo>
                  <a:lnTo>
                    <a:pt x="510" y="347"/>
                  </a:lnTo>
                  <a:lnTo>
                    <a:pt x="508" y="348"/>
                  </a:lnTo>
                  <a:lnTo>
                    <a:pt x="508" y="352"/>
                  </a:lnTo>
                  <a:lnTo>
                    <a:pt x="508" y="353"/>
                  </a:lnTo>
                  <a:lnTo>
                    <a:pt x="506" y="357"/>
                  </a:lnTo>
                  <a:lnTo>
                    <a:pt x="503" y="359"/>
                  </a:lnTo>
                  <a:lnTo>
                    <a:pt x="498" y="360"/>
                  </a:lnTo>
                  <a:lnTo>
                    <a:pt x="493" y="362"/>
                  </a:lnTo>
                  <a:lnTo>
                    <a:pt x="488" y="364"/>
                  </a:lnTo>
                  <a:lnTo>
                    <a:pt x="484" y="365"/>
                  </a:lnTo>
                  <a:lnTo>
                    <a:pt x="483" y="369"/>
                  </a:lnTo>
                  <a:lnTo>
                    <a:pt x="483" y="372"/>
                  </a:lnTo>
                  <a:lnTo>
                    <a:pt x="483" y="375"/>
                  </a:lnTo>
                  <a:lnTo>
                    <a:pt x="484" y="377"/>
                  </a:lnTo>
                  <a:lnTo>
                    <a:pt x="486" y="381"/>
                  </a:lnTo>
                  <a:lnTo>
                    <a:pt x="488" y="382"/>
                  </a:lnTo>
                  <a:lnTo>
                    <a:pt x="488" y="384"/>
                  </a:lnTo>
                  <a:lnTo>
                    <a:pt x="488" y="387"/>
                  </a:lnTo>
                  <a:lnTo>
                    <a:pt x="486" y="389"/>
                  </a:lnTo>
                  <a:lnTo>
                    <a:pt x="484" y="392"/>
                  </a:lnTo>
                  <a:lnTo>
                    <a:pt x="483" y="394"/>
                  </a:lnTo>
                  <a:lnTo>
                    <a:pt x="481" y="396"/>
                  </a:lnTo>
                  <a:lnTo>
                    <a:pt x="479" y="397"/>
                  </a:lnTo>
                  <a:lnTo>
                    <a:pt x="478" y="397"/>
                  </a:lnTo>
                  <a:lnTo>
                    <a:pt x="476" y="394"/>
                  </a:lnTo>
                  <a:lnTo>
                    <a:pt x="471" y="389"/>
                  </a:lnTo>
                  <a:lnTo>
                    <a:pt x="466" y="384"/>
                  </a:lnTo>
                  <a:lnTo>
                    <a:pt x="462" y="379"/>
                  </a:lnTo>
                  <a:lnTo>
                    <a:pt x="457" y="374"/>
                  </a:lnTo>
                  <a:lnTo>
                    <a:pt x="456" y="370"/>
                  </a:lnTo>
                  <a:lnTo>
                    <a:pt x="454" y="369"/>
                  </a:lnTo>
                  <a:lnTo>
                    <a:pt x="75" y="37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04" name="Freeform 59"/>
            <p:cNvSpPr>
              <a:spLocks/>
            </p:cNvSpPr>
            <p:nvPr/>
          </p:nvSpPr>
          <p:spPr bwMode="auto">
            <a:xfrm>
              <a:off x="2869" y="2644"/>
              <a:ext cx="478" cy="439"/>
            </a:xfrm>
            <a:custGeom>
              <a:avLst/>
              <a:gdLst>
                <a:gd name="T0" fmla="*/ 242 w 492"/>
                <a:gd name="T1" fmla="*/ 294 h 452"/>
                <a:gd name="T2" fmla="*/ 243 w 492"/>
                <a:gd name="T3" fmla="*/ 287 h 452"/>
                <a:gd name="T4" fmla="*/ 244 w 492"/>
                <a:gd name="T5" fmla="*/ 283 h 452"/>
                <a:gd name="T6" fmla="*/ 247 w 492"/>
                <a:gd name="T7" fmla="*/ 280 h 452"/>
                <a:gd name="T8" fmla="*/ 247 w 492"/>
                <a:gd name="T9" fmla="*/ 276 h 452"/>
                <a:gd name="T10" fmla="*/ 242 w 492"/>
                <a:gd name="T11" fmla="*/ 262 h 452"/>
                <a:gd name="T12" fmla="*/ 237 w 492"/>
                <a:gd name="T13" fmla="*/ 246 h 452"/>
                <a:gd name="T14" fmla="*/ 239 w 492"/>
                <a:gd name="T15" fmla="*/ 241 h 452"/>
                <a:gd name="T16" fmla="*/ 247 w 492"/>
                <a:gd name="T17" fmla="*/ 238 h 452"/>
                <a:gd name="T18" fmla="*/ 247 w 492"/>
                <a:gd name="T19" fmla="*/ 234 h 452"/>
                <a:gd name="T20" fmla="*/ 243 w 492"/>
                <a:gd name="T21" fmla="*/ 233 h 452"/>
                <a:gd name="T22" fmla="*/ 243 w 492"/>
                <a:gd name="T23" fmla="*/ 231 h 452"/>
                <a:gd name="T24" fmla="*/ 247 w 492"/>
                <a:gd name="T25" fmla="*/ 226 h 452"/>
                <a:gd name="T26" fmla="*/ 247 w 492"/>
                <a:gd name="T27" fmla="*/ 222 h 452"/>
                <a:gd name="T28" fmla="*/ 245 w 492"/>
                <a:gd name="T29" fmla="*/ 218 h 452"/>
                <a:gd name="T30" fmla="*/ 247 w 492"/>
                <a:gd name="T31" fmla="*/ 213 h 452"/>
                <a:gd name="T32" fmla="*/ 251 w 492"/>
                <a:gd name="T33" fmla="*/ 210 h 452"/>
                <a:gd name="T34" fmla="*/ 254 w 492"/>
                <a:gd name="T35" fmla="*/ 207 h 452"/>
                <a:gd name="T36" fmla="*/ 253 w 492"/>
                <a:gd name="T37" fmla="*/ 202 h 452"/>
                <a:gd name="T38" fmla="*/ 258 w 492"/>
                <a:gd name="T39" fmla="*/ 190 h 452"/>
                <a:gd name="T40" fmla="*/ 278 w 492"/>
                <a:gd name="T41" fmla="*/ 175 h 452"/>
                <a:gd name="T42" fmla="*/ 294 w 492"/>
                <a:gd name="T43" fmla="*/ 136 h 452"/>
                <a:gd name="T44" fmla="*/ 295 w 492"/>
                <a:gd name="T45" fmla="*/ 134 h 452"/>
                <a:gd name="T46" fmla="*/ 297 w 492"/>
                <a:gd name="T47" fmla="*/ 130 h 452"/>
                <a:gd name="T48" fmla="*/ 293 w 492"/>
                <a:gd name="T49" fmla="*/ 128 h 452"/>
                <a:gd name="T50" fmla="*/ 294 w 492"/>
                <a:gd name="T51" fmla="*/ 125 h 452"/>
                <a:gd name="T52" fmla="*/ 301 w 492"/>
                <a:gd name="T53" fmla="*/ 120 h 452"/>
                <a:gd name="T54" fmla="*/ 306 w 492"/>
                <a:gd name="T55" fmla="*/ 112 h 452"/>
                <a:gd name="T56" fmla="*/ 305 w 492"/>
                <a:gd name="T57" fmla="*/ 103 h 452"/>
                <a:gd name="T58" fmla="*/ 302 w 492"/>
                <a:gd name="T59" fmla="*/ 100 h 452"/>
                <a:gd name="T60" fmla="*/ 307 w 492"/>
                <a:gd name="T61" fmla="*/ 88 h 452"/>
                <a:gd name="T62" fmla="*/ 312 w 492"/>
                <a:gd name="T63" fmla="*/ 83 h 452"/>
                <a:gd name="T64" fmla="*/ 315 w 492"/>
                <a:gd name="T65" fmla="*/ 80 h 452"/>
                <a:gd name="T66" fmla="*/ 320 w 492"/>
                <a:gd name="T67" fmla="*/ 72 h 452"/>
                <a:gd name="T68" fmla="*/ 314 w 492"/>
                <a:gd name="T69" fmla="*/ 68 h 452"/>
                <a:gd name="T70" fmla="*/ 312 w 492"/>
                <a:gd name="T71" fmla="*/ 68 h 452"/>
                <a:gd name="T72" fmla="*/ 317 w 492"/>
                <a:gd name="T73" fmla="*/ 64 h 452"/>
                <a:gd name="T74" fmla="*/ 320 w 492"/>
                <a:gd name="T75" fmla="*/ 60 h 452"/>
                <a:gd name="T76" fmla="*/ 327 w 492"/>
                <a:gd name="T77" fmla="*/ 50 h 452"/>
                <a:gd name="T78" fmla="*/ 329 w 492"/>
                <a:gd name="T79" fmla="*/ 45 h 452"/>
                <a:gd name="T80" fmla="*/ 326 w 492"/>
                <a:gd name="T81" fmla="*/ 43 h 452"/>
                <a:gd name="T82" fmla="*/ 283 w 492"/>
                <a:gd name="T83" fmla="*/ 44 h 452"/>
                <a:gd name="T84" fmla="*/ 287 w 492"/>
                <a:gd name="T85" fmla="*/ 37 h 452"/>
                <a:gd name="T86" fmla="*/ 293 w 492"/>
                <a:gd name="T87" fmla="*/ 20 h 452"/>
                <a:gd name="T88" fmla="*/ 302 w 492"/>
                <a:gd name="T89" fmla="*/ 17 h 452"/>
                <a:gd name="T90" fmla="*/ 295 w 492"/>
                <a:gd name="T91" fmla="*/ 5 h 452"/>
                <a:gd name="T92" fmla="*/ 288 w 492"/>
                <a:gd name="T93" fmla="*/ 0 h 452"/>
                <a:gd name="T94" fmla="*/ 280 w 492"/>
                <a:gd name="T95" fmla="*/ 2 h 452"/>
                <a:gd name="T96" fmla="*/ 261 w 492"/>
                <a:gd name="T97" fmla="*/ 3 h 452"/>
                <a:gd name="T98" fmla="*/ 232 w 492"/>
                <a:gd name="T99" fmla="*/ 5 h 452"/>
                <a:gd name="T100" fmla="*/ 198 w 492"/>
                <a:gd name="T101" fmla="*/ 7 h 452"/>
                <a:gd name="T102" fmla="*/ 158 w 492"/>
                <a:gd name="T103" fmla="*/ 10 h 452"/>
                <a:gd name="T104" fmla="*/ 119 w 492"/>
                <a:gd name="T105" fmla="*/ 12 h 452"/>
                <a:gd name="T106" fmla="*/ 83 w 492"/>
                <a:gd name="T107" fmla="*/ 15 h 452"/>
                <a:gd name="T108" fmla="*/ 48 w 492"/>
                <a:gd name="T109" fmla="*/ 17 h 452"/>
                <a:gd name="T110" fmla="*/ 18 w 492"/>
                <a:gd name="T111" fmla="*/ 17 h 452"/>
                <a:gd name="T112" fmla="*/ 6 w 492"/>
                <a:gd name="T113" fmla="*/ 17 h 452"/>
                <a:gd name="T114" fmla="*/ 17 w 492"/>
                <a:gd name="T115" fmla="*/ 106 h 452"/>
                <a:gd name="T116" fmla="*/ 17 w 492"/>
                <a:gd name="T117" fmla="*/ 258 h 452"/>
                <a:gd name="T118" fmla="*/ 44 w 492"/>
                <a:gd name="T119" fmla="*/ 300 h 452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w 492"/>
                <a:gd name="T181" fmla="*/ 0 h 452"/>
                <a:gd name="T182" fmla="*/ 492 w 492"/>
                <a:gd name="T183" fmla="*/ 452 h 452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T180" t="T181" r="T182" b="T183"/>
              <a:pathLst>
                <a:path w="492" h="452">
                  <a:moveTo>
                    <a:pt x="362" y="443"/>
                  </a:moveTo>
                  <a:lnTo>
                    <a:pt x="362" y="443"/>
                  </a:lnTo>
                  <a:lnTo>
                    <a:pt x="362" y="442"/>
                  </a:lnTo>
                  <a:lnTo>
                    <a:pt x="362" y="438"/>
                  </a:lnTo>
                  <a:lnTo>
                    <a:pt x="362" y="435"/>
                  </a:lnTo>
                  <a:lnTo>
                    <a:pt x="364" y="432"/>
                  </a:lnTo>
                  <a:lnTo>
                    <a:pt x="364" y="428"/>
                  </a:lnTo>
                  <a:lnTo>
                    <a:pt x="365" y="426"/>
                  </a:lnTo>
                  <a:lnTo>
                    <a:pt x="369" y="425"/>
                  </a:lnTo>
                  <a:lnTo>
                    <a:pt x="370" y="423"/>
                  </a:lnTo>
                  <a:lnTo>
                    <a:pt x="370" y="421"/>
                  </a:lnTo>
                  <a:lnTo>
                    <a:pt x="370" y="420"/>
                  </a:lnTo>
                  <a:lnTo>
                    <a:pt x="369" y="416"/>
                  </a:lnTo>
                  <a:lnTo>
                    <a:pt x="369" y="415"/>
                  </a:lnTo>
                  <a:lnTo>
                    <a:pt x="367" y="413"/>
                  </a:lnTo>
                  <a:lnTo>
                    <a:pt x="362" y="393"/>
                  </a:lnTo>
                  <a:lnTo>
                    <a:pt x="360" y="386"/>
                  </a:lnTo>
                  <a:lnTo>
                    <a:pt x="352" y="377"/>
                  </a:lnTo>
                  <a:lnTo>
                    <a:pt x="355" y="369"/>
                  </a:lnTo>
                  <a:lnTo>
                    <a:pt x="355" y="364"/>
                  </a:lnTo>
                  <a:lnTo>
                    <a:pt x="357" y="362"/>
                  </a:lnTo>
                  <a:lnTo>
                    <a:pt x="358" y="362"/>
                  </a:lnTo>
                  <a:lnTo>
                    <a:pt x="362" y="360"/>
                  </a:lnTo>
                  <a:lnTo>
                    <a:pt x="364" y="360"/>
                  </a:lnTo>
                  <a:lnTo>
                    <a:pt x="369" y="357"/>
                  </a:lnTo>
                  <a:lnTo>
                    <a:pt x="370" y="355"/>
                  </a:lnTo>
                  <a:lnTo>
                    <a:pt x="370" y="354"/>
                  </a:lnTo>
                  <a:lnTo>
                    <a:pt x="369" y="352"/>
                  </a:lnTo>
                  <a:lnTo>
                    <a:pt x="367" y="350"/>
                  </a:lnTo>
                  <a:lnTo>
                    <a:pt x="365" y="350"/>
                  </a:lnTo>
                  <a:lnTo>
                    <a:pt x="364" y="350"/>
                  </a:lnTo>
                  <a:lnTo>
                    <a:pt x="362" y="350"/>
                  </a:lnTo>
                  <a:lnTo>
                    <a:pt x="362" y="349"/>
                  </a:lnTo>
                  <a:lnTo>
                    <a:pt x="364" y="347"/>
                  </a:lnTo>
                  <a:lnTo>
                    <a:pt x="365" y="345"/>
                  </a:lnTo>
                  <a:lnTo>
                    <a:pt x="367" y="344"/>
                  </a:lnTo>
                  <a:lnTo>
                    <a:pt x="369" y="340"/>
                  </a:lnTo>
                  <a:lnTo>
                    <a:pt x="370" y="338"/>
                  </a:lnTo>
                  <a:lnTo>
                    <a:pt x="370" y="337"/>
                  </a:lnTo>
                  <a:lnTo>
                    <a:pt x="370" y="335"/>
                  </a:lnTo>
                  <a:lnTo>
                    <a:pt x="369" y="332"/>
                  </a:lnTo>
                  <a:lnTo>
                    <a:pt x="367" y="330"/>
                  </a:lnTo>
                  <a:lnTo>
                    <a:pt x="367" y="327"/>
                  </a:lnTo>
                  <a:lnTo>
                    <a:pt x="367" y="323"/>
                  </a:lnTo>
                  <a:lnTo>
                    <a:pt x="367" y="322"/>
                  </a:lnTo>
                  <a:lnTo>
                    <a:pt x="369" y="320"/>
                  </a:lnTo>
                  <a:lnTo>
                    <a:pt x="370" y="318"/>
                  </a:lnTo>
                  <a:lnTo>
                    <a:pt x="372" y="318"/>
                  </a:lnTo>
                  <a:lnTo>
                    <a:pt x="377" y="316"/>
                  </a:lnTo>
                  <a:lnTo>
                    <a:pt x="380" y="315"/>
                  </a:lnTo>
                  <a:lnTo>
                    <a:pt x="380" y="311"/>
                  </a:lnTo>
                  <a:lnTo>
                    <a:pt x="380" y="310"/>
                  </a:lnTo>
                  <a:lnTo>
                    <a:pt x="380" y="308"/>
                  </a:lnTo>
                  <a:lnTo>
                    <a:pt x="379" y="306"/>
                  </a:lnTo>
                  <a:lnTo>
                    <a:pt x="379" y="305"/>
                  </a:lnTo>
                  <a:lnTo>
                    <a:pt x="377" y="305"/>
                  </a:lnTo>
                  <a:lnTo>
                    <a:pt x="392" y="296"/>
                  </a:lnTo>
                  <a:lnTo>
                    <a:pt x="387" y="286"/>
                  </a:lnTo>
                  <a:lnTo>
                    <a:pt x="402" y="271"/>
                  </a:lnTo>
                  <a:lnTo>
                    <a:pt x="408" y="271"/>
                  </a:lnTo>
                  <a:lnTo>
                    <a:pt x="416" y="262"/>
                  </a:lnTo>
                  <a:lnTo>
                    <a:pt x="416" y="232"/>
                  </a:lnTo>
                  <a:lnTo>
                    <a:pt x="426" y="217"/>
                  </a:lnTo>
                  <a:lnTo>
                    <a:pt x="441" y="205"/>
                  </a:lnTo>
                  <a:lnTo>
                    <a:pt x="441" y="203"/>
                  </a:lnTo>
                  <a:lnTo>
                    <a:pt x="443" y="201"/>
                  </a:lnTo>
                  <a:lnTo>
                    <a:pt x="443" y="198"/>
                  </a:lnTo>
                  <a:lnTo>
                    <a:pt x="443" y="196"/>
                  </a:lnTo>
                  <a:lnTo>
                    <a:pt x="445" y="195"/>
                  </a:lnTo>
                  <a:lnTo>
                    <a:pt x="445" y="193"/>
                  </a:lnTo>
                  <a:lnTo>
                    <a:pt x="440" y="193"/>
                  </a:lnTo>
                  <a:lnTo>
                    <a:pt x="438" y="191"/>
                  </a:lnTo>
                  <a:lnTo>
                    <a:pt x="438" y="190"/>
                  </a:lnTo>
                  <a:lnTo>
                    <a:pt x="441" y="188"/>
                  </a:lnTo>
                  <a:lnTo>
                    <a:pt x="445" y="184"/>
                  </a:lnTo>
                  <a:lnTo>
                    <a:pt x="446" y="183"/>
                  </a:lnTo>
                  <a:lnTo>
                    <a:pt x="450" y="181"/>
                  </a:lnTo>
                  <a:lnTo>
                    <a:pt x="452" y="181"/>
                  </a:lnTo>
                  <a:lnTo>
                    <a:pt x="457" y="174"/>
                  </a:lnTo>
                  <a:lnTo>
                    <a:pt x="458" y="168"/>
                  </a:lnTo>
                  <a:lnTo>
                    <a:pt x="460" y="162"/>
                  </a:lnTo>
                  <a:lnTo>
                    <a:pt x="458" y="157"/>
                  </a:lnTo>
                  <a:lnTo>
                    <a:pt x="457" y="154"/>
                  </a:lnTo>
                  <a:lnTo>
                    <a:pt x="455" y="152"/>
                  </a:lnTo>
                  <a:lnTo>
                    <a:pt x="453" y="149"/>
                  </a:lnTo>
                  <a:lnTo>
                    <a:pt x="458" y="137"/>
                  </a:lnTo>
                  <a:lnTo>
                    <a:pt x="458" y="135"/>
                  </a:lnTo>
                  <a:lnTo>
                    <a:pt x="460" y="134"/>
                  </a:lnTo>
                  <a:lnTo>
                    <a:pt x="462" y="132"/>
                  </a:lnTo>
                  <a:lnTo>
                    <a:pt x="463" y="129"/>
                  </a:lnTo>
                  <a:lnTo>
                    <a:pt x="467" y="125"/>
                  </a:lnTo>
                  <a:lnTo>
                    <a:pt x="468" y="122"/>
                  </a:lnTo>
                  <a:lnTo>
                    <a:pt x="470" y="120"/>
                  </a:lnTo>
                  <a:lnTo>
                    <a:pt x="472" y="120"/>
                  </a:lnTo>
                  <a:lnTo>
                    <a:pt x="477" y="113"/>
                  </a:lnTo>
                  <a:lnTo>
                    <a:pt x="479" y="108"/>
                  </a:lnTo>
                  <a:lnTo>
                    <a:pt x="479" y="107"/>
                  </a:lnTo>
                  <a:lnTo>
                    <a:pt x="477" y="103"/>
                  </a:lnTo>
                  <a:lnTo>
                    <a:pt x="474" y="103"/>
                  </a:lnTo>
                  <a:lnTo>
                    <a:pt x="470" y="102"/>
                  </a:lnTo>
                  <a:lnTo>
                    <a:pt x="468" y="102"/>
                  </a:lnTo>
                  <a:lnTo>
                    <a:pt x="470" y="100"/>
                  </a:lnTo>
                  <a:lnTo>
                    <a:pt x="472" y="98"/>
                  </a:lnTo>
                  <a:lnTo>
                    <a:pt x="474" y="96"/>
                  </a:lnTo>
                  <a:lnTo>
                    <a:pt x="477" y="93"/>
                  </a:lnTo>
                  <a:lnTo>
                    <a:pt x="479" y="91"/>
                  </a:lnTo>
                  <a:lnTo>
                    <a:pt x="480" y="90"/>
                  </a:lnTo>
                  <a:lnTo>
                    <a:pt x="482" y="88"/>
                  </a:lnTo>
                  <a:lnTo>
                    <a:pt x="487" y="81"/>
                  </a:lnTo>
                  <a:lnTo>
                    <a:pt x="490" y="76"/>
                  </a:lnTo>
                  <a:lnTo>
                    <a:pt x="492" y="73"/>
                  </a:lnTo>
                  <a:lnTo>
                    <a:pt x="492" y="69"/>
                  </a:lnTo>
                  <a:lnTo>
                    <a:pt x="492" y="66"/>
                  </a:lnTo>
                  <a:lnTo>
                    <a:pt x="490" y="64"/>
                  </a:lnTo>
                  <a:lnTo>
                    <a:pt x="489" y="63"/>
                  </a:lnTo>
                  <a:lnTo>
                    <a:pt x="424" y="66"/>
                  </a:lnTo>
                  <a:lnTo>
                    <a:pt x="424" y="64"/>
                  </a:lnTo>
                  <a:lnTo>
                    <a:pt x="426" y="61"/>
                  </a:lnTo>
                  <a:lnTo>
                    <a:pt x="428" y="58"/>
                  </a:lnTo>
                  <a:lnTo>
                    <a:pt x="430" y="51"/>
                  </a:lnTo>
                  <a:lnTo>
                    <a:pt x="433" y="46"/>
                  </a:lnTo>
                  <a:lnTo>
                    <a:pt x="436" y="39"/>
                  </a:lnTo>
                  <a:lnTo>
                    <a:pt x="440" y="34"/>
                  </a:lnTo>
                  <a:lnTo>
                    <a:pt x="446" y="29"/>
                  </a:lnTo>
                  <a:lnTo>
                    <a:pt x="450" y="24"/>
                  </a:lnTo>
                  <a:lnTo>
                    <a:pt x="452" y="19"/>
                  </a:lnTo>
                  <a:lnTo>
                    <a:pt x="450" y="14"/>
                  </a:lnTo>
                  <a:lnTo>
                    <a:pt x="446" y="8"/>
                  </a:lnTo>
                  <a:lnTo>
                    <a:pt x="443" y="5"/>
                  </a:lnTo>
                  <a:lnTo>
                    <a:pt x="438" y="2"/>
                  </a:lnTo>
                  <a:lnTo>
                    <a:pt x="435" y="0"/>
                  </a:lnTo>
                  <a:lnTo>
                    <a:pt x="431" y="0"/>
                  </a:lnTo>
                  <a:lnTo>
                    <a:pt x="430" y="2"/>
                  </a:lnTo>
                  <a:lnTo>
                    <a:pt x="426" y="2"/>
                  </a:lnTo>
                  <a:lnTo>
                    <a:pt x="419" y="2"/>
                  </a:lnTo>
                  <a:lnTo>
                    <a:pt x="411" y="2"/>
                  </a:lnTo>
                  <a:lnTo>
                    <a:pt x="402" y="3"/>
                  </a:lnTo>
                  <a:lnTo>
                    <a:pt x="391" y="3"/>
                  </a:lnTo>
                  <a:lnTo>
                    <a:pt x="377" y="3"/>
                  </a:lnTo>
                  <a:lnTo>
                    <a:pt x="364" y="5"/>
                  </a:lnTo>
                  <a:lnTo>
                    <a:pt x="348" y="5"/>
                  </a:lnTo>
                  <a:lnTo>
                    <a:pt x="331" y="7"/>
                  </a:lnTo>
                  <a:lnTo>
                    <a:pt x="314" y="7"/>
                  </a:lnTo>
                  <a:lnTo>
                    <a:pt x="296" y="7"/>
                  </a:lnTo>
                  <a:lnTo>
                    <a:pt x="277" y="8"/>
                  </a:lnTo>
                  <a:lnTo>
                    <a:pt x="259" y="8"/>
                  </a:lnTo>
                  <a:lnTo>
                    <a:pt x="238" y="10"/>
                  </a:lnTo>
                  <a:lnTo>
                    <a:pt x="220" y="10"/>
                  </a:lnTo>
                  <a:lnTo>
                    <a:pt x="199" y="12"/>
                  </a:lnTo>
                  <a:lnTo>
                    <a:pt x="179" y="12"/>
                  </a:lnTo>
                  <a:lnTo>
                    <a:pt x="160" y="14"/>
                  </a:lnTo>
                  <a:lnTo>
                    <a:pt x="142" y="14"/>
                  </a:lnTo>
                  <a:lnTo>
                    <a:pt x="123" y="15"/>
                  </a:lnTo>
                  <a:lnTo>
                    <a:pt x="105" y="15"/>
                  </a:lnTo>
                  <a:lnTo>
                    <a:pt x="88" y="17"/>
                  </a:lnTo>
                  <a:lnTo>
                    <a:pt x="72" y="17"/>
                  </a:lnTo>
                  <a:lnTo>
                    <a:pt x="57" y="17"/>
                  </a:lnTo>
                  <a:lnTo>
                    <a:pt x="45" y="19"/>
                  </a:lnTo>
                  <a:lnTo>
                    <a:pt x="32" y="19"/>
                  </a:lnTo>
                  <a:lnTo>
                    <a:pt x="22" y="19"/>
                  </a:lnTo>
                  <a:lnTo>
                    <a:pt x="13" y="19"/>
                  </a:lnTo>
                  <a:lnTo>
                    <a:pt x="6" y="19"/>
                  </a:lnTo>
                  <a:lnTo>
                    <a:pt x="1" y="20"/>
                  </a:lnTo>
                  <a:lnTo>
                    <a:pt x="0" y="20"/>
                  </a:lnTo>
                  <a:lnTo>
                    <a:pt x="20" y="159"/>
                  </a:lnTo>
                  <a:lnTo>
                    <a:pt x="18" y="377"/>
                  </a:lnTo>
                  <a:lnTo>
                    <a:pt x="17" y="374"/>
                  </a:lnTo>
                  <a:lnTo>
                    <a:pt x="28" y="389"/>
                  </a:lnTo>
                  <a:lnTo>
                    <a:pt x="54" y="386"/>
                  </a:lnTo>
                  <a:lnTo>
                    <a:pt x="64" y="388"/>
                  </a:lnTo>
                  <a:lnTo>
                    <a:pt x="64" y="452"/>
                  </a:lnTo>
                  <a:lnTo>
                    <a:pt x="362" y="443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05" name="Freeform 60"/>
            <p:cNvSpPr>
              <a:spLocks/>
            </p:cNvSpPr>
            <p:nvPr/>
          </p:nvSpPr>
          <p:spPr bwMode="auto">
            <a:xfrm>
              <a:off x="2931" y="3072"/>
              <a:ext cx="540" cy="475"/>
            </a:xfrm>
            <a:custGeom>
              <a:avLst/>
              <a:gdLst>
                <a:gd name="T0" fmla="*/ 27 w 555"/>
                <a:gd name="T1" fmla="*/ 234 h 489"/>
                <a:gd name="T2" fmla="*/ 27 w 555"/>
                <a:gd name="T3" fmla="*/ 209 h 489"/>
                <a:gd name="T4" fmla="*/ 43 w 555"/>
                <a:gd name="T5" fmla="*/ 176 h 489"/>
                <a:gd name="T6" fmla="*/ 35 w 555"/>
                <a:gd name="T7" fmla="*/ 153 h 489"/>
                <a:gd name="T8" fmla="*/ 203 w 555"/>
                <a:gd name="T9" fmla="*/ 0 h 489"/>
                <a:gd name="T10" fmla="*/ 204 w 555"/>
                <a:gd name="T11" fmla="*/ 12 h 489"/>
                <a:gd name="T12" fmla="*/ 206 w 555"/>
                <a:gd name="T13" fmla="*/ 30 h 489"/>
                <a:gd name="T14" fmla="*/ 211 w 555"/>
                <a:gd name="T15" fmla="*/ 45 h 489"/>
                <a:gd name="T16" fmla="*/ 217 w 555"/>
                <a:gd name="T17" fmla="*/ 51 h 489"/>
                <a:gd name="T18" fmla="*/ 221 w 555"/>
                <a:gd name="T19" fmla="*/ 63 h 489"/>
                <a:gd name="T20" fmla="*/ 206 w 555"/>
                <a:gd name="T21" fmla="*/ 70 h 489"/>
                <a:gd name="T22" fmla="*/ 209 w 555"/>
                <a:gd name="T23" fmla="*/ 84 h 489"/>
                <a:gd name="T24" fmla="*/ 193 w 555"/>
                <a:gd name="T25" fmla="*/ 118 h 489"/>
                <a:gd name="T26" fmla="*/ 188 w 555"/>
                <a:gd name="T27" fmla="*/ 130 h 489"/>
                <a:gd name="T28" fmla="*/ 186 w 555"/>
                <a:gd name="T29" fmla="*/ 141 h 489"/>
                <a:gd name="T30" fmla="*/ 177 w 555"/>
                <a:gd name="T31" fmla="*/ 153 h 489"/>
                <a:gd name="T32" fmla="*/ 180 w 555"/>
                <a:gd name="T33" fmla="*/ 162 h 489"/>
                <a:gd name="T34" fmla="*/ 313 w 555"/>
                <a:gd name="T35" fmla="*/ 179 h 489"/>
                <a:gd name="T36" fmla="*/ 318 w 555"/>
                <a:gd name="T37" fmla="*/ 202 h 489"/>
                <a:gd name="T38" fmla="*/ 326 w 555"/>
                <a:gd name="T39" fmla="*/ 227 h 489"/>
                <a:gd name="T40" fmla="*/ 304 w 555"/>
                <a:gd name="T41" fmla="*/ 222 h 489"/>
                <a:gd name="T42" fmla="*/ 282 w 555"/>
                <a:gd name="T43" fmla="*/ 220 h 489"/>
                <a:gd name="T44" fmla="*/ 273 w 555"/>
                <a:gd name="T45" fmla="*/ 230 h 489"/>
                <a:gd name="T46" fmla="*/ 289 w 555"/>
                <a:gd name="T47" fmla="*/ 242 h 489"/>
                <a:gd name="T48" fmla="*/ 312 w 555"/>
                <a:gd name="T49" fmla="*/ 234 h 489"/>
                <a:gd name="T50" fmla="*/ 322 w 555"/>
                <a:gd name="T51" fmla="*/ 242 h 489"/>
                <a:gd name="T52" fmla="*/ 322 w 555"/>
                <a:gd name="T53" fmla="*/ 249 h 489"/>
                <a:gd name="T54" fmla="*/ 333 w 555"/>
                <a:gd name="T55" fmla="*/ 247 h 489"/>
                <a:gd name="T56" fmla="*/ 341 w 555"/>
                <a:gd name="T57" fmla="*/ 238 h 489"/>
                <a:gd name="T58" fmla="*/ 342 w 555"/>
                <a:gd name="T59" fmla="*/ 242 h 489"/>
                <a:gd name="T60" fmla="*/ 344 w 555"/>
                <a:gd name="T61" fmla="*/ 263 h 489"/>
                <a:gd name="T62" fmla="*/ 332 w 555"/>
                <a:gd name="T63" fmla="*/ 284 h 489"/>
                <a:gd name="T64" fmla="*/ 370 w 555"/>
                <a:gd name="T65" fmla="*/ 304 h 489"/>
                <a:gd name="T66" fmla="*/ 360 w 555"/>
                <a:gd name="T67" fmla="*/ 320 h 489"/>
                <a:gd name="T68" fmla="*/ 352 w 555"/>
                <a:gd name="T69" fmla="*/ 314 h 489"/>
                <a:gd name="T70" fmla="*/ 342 w 555"/>
                <a:gd name="T71" fmla="*/ 304 h 489"/>
                <a:gd name="T72" fmla="*/ 321 w 555"/>
                <a:gd name="T73" fmla="*/ 300 h 489"/>
                <a:gd name="T74" fmla="*/ 315 w 555"/>
                <a:gd name="T75" fmla="*/ 288 h 489"/>
                <a:gd name="T76" fmla="*/ 291 w 555"/>
                <a:gd name="T77" fmla="*/ 283 h 489"/>
                <a:gd name="T78" fmla="*/ 301 w 555"/>
                <a:gd name="T79" fmla="*/ 300 h 489"/>
                <a:gd name="T80" fmla="*/ 301 w 555"/>
                <a:gd name="T81" fmla="*/ 310 h 489"/>
                <a:gd name="T82" fmla="*/ 290 w 555"/>
                <a:gd name="T83" fmla="*/ 322 h 489"/>
                <a:gd name="T84" fmla="*/ 265 w 555"/>
                <a:gd name="T85" fmla="*/ 313 h 489"/>
                <a:gd name="T86" fmla="*/ 239 w 555"/>
                <a:gd name="T87" fmla="*/ 318 h 489"/>
                <a:gd name="T88" fmla="*/ 223 w 555"/>
                <a:gd name="T89" fmla="*/ 314 h 489"/>
                <a:gd name="T90" fmla="*/ 193 w 555"/>
                <a:gd name="T91" fmla="*/ 291 h 489"/>
                <a:gd name="T92" fmla="*/ 185 w 555"/>
                <a:gd name="T93" fmla="*/ 278 h 489"/>
                <a:gd name="T94" fmla="*/ 173 w 555"/>
                <a:gd name="T95" fmla="*/ 275 h 489"/>
                <a:gd name="T96" fmla="*/ 167 w 555"/>
                <a:gd name="T97" fmla="*/ 268 h 489"/>
                <a:gd name="T98" fmla="*/ 139 w 555"/>
                <a:gd name="T99" fmla="*/ 292 h 489"/>
                <a:gd name="T100" fmla="*/ 114 w 555"/>
                <a:gd name="T101" fmla="*/ 290 h 489"/>
                <a:gd name="T102" fmla="*/ 77 w 555"/>
                <a:gd name="T103" fmla="*/ 278 h 489"/>
                <a:gd name="T104" fmla="*/ 60 w 555"/>
                <a:gd name="T105" fmla="*/ 276 h 489"/>
                <a:gd name="T106" fmla="*/ 57 w 555"/>
                <a:gd name="T107" fmla="*/ 272 h 489"/>
                <a:gd name="T108" fmla="*/ 28 w 555"/>
                <a:gd name="T109" fmla="*/ 280 h 489"/>
                <a:gd name="T110" fmla="*/ 18 w 555"/>
                <a:gd name="T111" fmla="*/ 275 h 489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w 555"/>
                <a:gd name="T169" fmla="*/ 0 h 489"/>
                <a:gd name="T170" fmla="*/ 555 w 555"/>
                <a:gd name="T171" fmla="*/ 489 h 489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T168" t="T169" r="T170" b="T171"/>
              <a:pathLst>
                <a:path w="555" h="489">
                  <a:moveTo>
                    <a:pt x="41" y="390"/>
                  </a:moveTo>
                  <a:lnTo>
                    <a:pt x="47" y="381"/>
                  </a:lnTo>
                  <a:lnTo>
                    <a:pt x="51" y="373"/>
                  </a:lnTo>
                  <a:lnTo>
                    <a:pt x="51" y="366"/>
                  </a:lnTo>
                  <a:lnTo>
                    <a:pt x="49" y="361"/>
                  </a:lnTo>
                  <a:lnTo>
                    <a:pt x="46" y="356"/>
                  </a:lnTo>
                  <a:lnTo>
                    <a:pt x="44" y="352"/>
                  </a:lnTo>
                  <a:lnTo>
                    <a:pt x="41" y="351"/>
                  </a:lnTo>
                  <a:lnTo>
                    <a:pt x="44" y="329"/>
                  </a:lnTo>
                  <a:lnTo>
                    <a:pt x="42" y="327"/>
                  </a:lnTo>
                  <a:lnTo>
                    <a:pt x="41" y="325"/>
                  </a:lnTo>
                  <a:lnTo>
                    <a:pt x="39" y="322"/>
                  </a:lnTo>
                  <a:lnTo>
                    <a:pt x="39" y="319"/>
                  </a:lnTo>
                  <a:lnTo>
                    <a:pt x="41" y="313"/>
                  </a:lnTo>
                  <a:lnTo>
                    <a:pt x="44" y="307"/>
                  </a:lnTo>
                  <a:lnTo>
                    <a:pt x="51" y="298"/>
                  </a:lnTo>
                  <a:lnTo>
                    <a:pt x="54" y="293"/>
                  </a:lnTo>
                  <a:lnTo>
                    <a:pt x="56" y="288"/>
                  </a:lnTo>
                  <a:lnTo>
                    <a:pt x="58" y="281"/>
                  </a:lnTo>
                  <a:lnTo>
                    <a:pt x="59" y="276"/>
                  </a:lnTo>
                  <a:lnTo>
                    <a:pt x="59" y="271"/>
                  </a:lnTo>
                  <a:lnTo>
                    <a:pt x="59" y="264"/>
                  </a:lnTo>
                  <a:lnTo>
                    <a:pt x="59" y="259"/>
                  </a:lnTo>
                  <a:lnTo>
                    <a:pt x="58" y="254"/>
                  </a:lnTo>
                  <a:lnTo>
                    <a:pt x="56" y="249"/>
                  </a:lnTo>
                  <a:lnTo>
                    <a:pt x="54" y="244"/>
                  </a:lnTo>
                  <a:lnTo>
                    <a:pt x="54" y="241"/>
                  </a:lnTo>
                  <a:lnTo>
                    <a:pt x="52" y="236"/>
                  </a:lnTo>
                  <a:lnTo>
                    <a:pt x="51" y="232"/>
                  </a:lnTo>
                  <a:lnTo>
                    <a:pt x="49" y="231"/>
                  </a:lnTo>
                  <a:lnTo>
                    <a:pt x="49" y="229"/>
                  </a:lnTo>
                  <a:lnTo>
                    <a:pt x="42" y="209"/>
                  </a:lnTo>
                  <a:lnTo>
                    <a:pt x="29" y="195"/>
                  </a:lnTo>
                  <a:lnTo>
                    <a:pt x="29" y="165"/>
                  </a:lnTo>
                  <a:lnTo>
                    <a:pt x="5" y="134"/>
                  </a:lnTo>
                  <a:lnTo>
                    <a:pt x="0" y="9"/>
                  </a:lnTo>
                  <a:lnTo>
                    <a:pt x="298" y="0"/>
                  </a:lnTo>
                  <a:lnTo>
                    <a:pt x="296" y="0"/>
                  </a:lnTo>
                  <a:lnTo>
                    <a:pt x="296" y="2"/>
                  </a:lnTo>
                  <a:lnTo>
                    <a:pt x="296" y="4"/>
                  </a:lnTo>
                  <a:lnTo>
                    <a:pt x="296" y="5"/>
                  </a:lnTo>
                  <a:lnTo>
                    <a:pt x="296" y="9"/>
                  </a:lnTo>
                  <a:lnTo>
                    <a:pt x="296" y="11"/>
                  </a:lnTo>
                  <a:lnTo>
                    <a:pt x="298" y="12"/>
                  </a:lnTo>
                  <a:lnTo>
                    <a:pt x="300" y="12"/>
                  </a:lnTo>
                  <a:lnTo>
                    <a:pt x="301" y="11"/>
                  </a:lnTo>
                  <a:lnTo>
                    <a:pt x="303" y="11"/>
                  </a:lnTo>
                  <a:lnTo>
                    <a:pt x="305" y="14"/>
                  </a:lnTo>
                  <a:lnTo>
                    <a:pt x="305" y="16"/>
                  </a:lnTo>
                  <a:lnTo>
                    <a:pt x="306" y="17"/>
                  </a:lnTo>
                  <a:lnTo>
                    <a:pt x="305" y="29"/>
                  </a:lnTo>
                  <a:lnTo>
                    <a:pt x="311" y="34"/>
                  </a:lnTo>
                  <a:lnTo>
                    <a:pt x="303" y="44"/>
                  </a:lnTo>
                  <a:lnTo>
                    <a:pt x="305" y="49"/>
                  </a:lnTo>
                  <a:lnTo>
                    <a:pt x="316" y="48"/>
                  </a:lnTo>
                  <a:lnTo>
                    <a:pt x="316" y="60"/>
                  </a:lnTo>
                  <a:lnTo>
                    <a:pt x="315" y="60"/>
                  </a:lnTo>
                  <a:lnTo>
                    <a:pt x="315" y="61"/>
                  </a:lnTo>
                  <a:lnTo>
                    <a:pt x="313" y="63"/>
                  </a:lnTo>
                  <a:lnTo>
                    <a:pt x="311" y="65"/>
                  </a:lnTo>
                  <a:lnTo>
                    <a:pt x="310" y="66"/>
                  </a:lnTo>
                  <a:lnTo>
                    <a:pt x="311" y="68"/>
                  </a:lnTo>
                  <a:lnTo>
                    <a:pt x="313" y="70"/>
                  </a:lnTo>
                  <a:lnTo>
                    <a:pt x="320" y="70"/>
                  </a:lnTo>
                  <a:lnTo>
                    <a:pt x="320" y="71"/>
                  </a:lnTo>
                  <a:lnTo>
                    <a:pt x="320" y="73"/>
                  </a:lnTo>
                  <a:lnTo>
                    <a:pt x="318" y="75"/>
                  </a:lnTo>
                  <a:lnTo>
                    <a:pt x="318" y="78"/>
                  </a:lnTo>
                  <a:lnTo>
                    <a:pt x="320" y="80"/>
                  </a:lnTo>
                  <a:lnTo>
                    <a:pt x="323" y="82"/>
                  </a:lnTo>
                  <a:lnTo>
                    <a:pt x="328" y="82"/>
                  </a:lnTo>
                  <a:lnTo>
                    <a:pt x="327" y="85"/>
                  </a:lnTo>
                  <a:lnTo>
                    <a:pt x="325" y="87"/>
                  </a:lnTo>
                  <a:lnTo>
                    <a:pt x="325" y="90"/>
                  </a:lnTo>
                  <a:lnTo>
                    <a:pt x="323" y="93"/>
                  </a:lnTo>
                  <a:lnTo>
                    <a:pt x="322" y="97"/>
                  </a:lnTo>
                  <a:lnTo>
                    <a:pt x="320" y="99"/>
                  </a:lnTo>
                  <a:lnTo>
                    <a:pt x="320" y="100"/>
                  </a:lnTo>
                  <a:lnTo>
                    <a:pt x="318" y="100"/>
                  </a:lnTo>
                  <a:lnTo>
                    <a:pt x="315" y="100"/>
                  </a:lnTo>
                  <a:lnTo>
                    <a:pt x="310" y="102"/>
                  </a:lnTo>
                  <a:lnTo>
                    <a:pt x="306" y="102"/>
                  </a:lnTo>
                  <a:lnTo>
                    <a:pt x="303" y="104"/>
                  </a:lnTo>
                  <a:lnTo>
                    <a:pt x="303" y="105"/>
                  </a:lnTo>
                  <a:lnTo>
                    <a:pt x="306" y="107"/>
                  </a:lnTo>
                  <a:lnTo>
                    <a:pt x="313" y="110"/>
                  </a:lnTo>
                  <a:lnTo>
                    <a:pt x="313" y="112"/>
                  </a:lnTo>
                  <a:lnTo>
                    <a:pt x="313" y="114"/>
                  </a:lnTo>
                  <a:lnTo>
                    <a:pt x="311" y="119"/>
                  </a:lnTo>
                  <a:lnTo>
                    <a:pt x="308" y="122"/>
                  </a:lnTo>
                  <a:lnTo>
                    <a:pt x="306" y="126"/>
                  </a:lnTo>
                  <a:lnTo>
                    <a:pt x="303" y="129"/>
                  </a:lnTo>
                  <a:lnTo>
                    <a:pt x="303" y="132"/>
                  </a:lnTo>
                  <a:lnTo>
                    <a:pt x="301" y="134"/>
                  </a:lnTo>
                  <a:lnTo>
                    <a:pt x="300" y="146"/>
                  </a:lnTo>
                  <a:lnTo>
                    <a:pt x="291" y="146"/>
                  </a:lnTo>
                  <a:lnTo>
                    <a:pt x="284" y="173"/>
                  </a:lnTo>
                  <a:lnTo>
                    <a:pt x="276" y="178"/>
                  </a:lnTo>
                  <a:lnTo>
                    <a:pt x="284" y="178"/>
                  </a:lnTo>
                  <a:lnTo>
                    <a:pt x="284" y="180"/>
                  </a:lnTo>
                  <a:lnTo>
                    <a:pt x="283" y="180"/>
                  </a:lnTo>
                  <a:lnTo>
                    <a:pt x="279" y="183"/>
                  </a:lnTo>
                  <a:lnTo>
                    <a:pt x="278" y="185"/>
                  </a:lnTo>
                  <a:lnTo>
                    <a:pt x="274" y="188"/>
                  </a:lnTo>
                  <a:lnTo>
                    <a:pt x="274" y="190"/>
                  </a:lnTo>
                  <a:lnTo>
                    <a:pt x="274" y="193"/>
                  </a:lnTo>
                  <a:lnTo>
                    <a:pt x="276" y="195"/>
                  </a:lnTo>
                  <a:lnTo>
                    <a:pt x="276" y="197"/>
                  </a:lnTo>
                  <a:lnTo>
                    <a:pt x="274" y="198"/>
                  </a:lnTo>
                  <a:lnTo>
                    <a:pt x="272" y="200"/>
                  </a:lnTo>
                  <a:lnTo>
                    <a:pt x="269" y="203"/>
                  </a:lnTo>
                  <a:lnTo>
                    <a:pt x="269" y="207"/>
                  </a:lnTo>
                  <a:lnTo>
                    <a:pt x="267" y="209"/>
                  </a:lnTo>
                  <a:lnTo>
                    <a:pt x="269" y="210"/>
                  </a:lnTo>
                  <a:lnTo>
                    <a:pt x="272" y="210"/>
                  </a:lnTo>
                  <a:lnTo>
                    <a:pt x="274" y="212"/>
                  </a:lnTo>
                  <a:lnTo>
                    <a:pt x="274" y="215"/>
                  </a:lnTo>
                  <a:lnTo>
                    <a:pt x="272" y="217"/>
                  </a:lnTo>
                  <a:lnTo>
                    <a:pt x="267" y="222"/>
                  </a:lnTo>
                  <a:lnTo>
                    <a:pt x="264" y="224"/>
                  </a:lnTo>
                  <a:lnTo>
                    <a:pt x="261" y="225"/>
                  </a:lnTo>
                  <a:lnTo>
                    <a:pt x="259" y="227"/>
                  </a:lnTo>
                  <a:lnTo>
                    <a:pt x="259" y="231"/>
                  </a:lnTo>
                  <a:lnTo>
                    <a:pt x="259" y="232"/>
                  </a:lnTo>
                  <a:lnTo>
                    <a:pt x="261" y="234"/>
                  </a:lnTo>
                  <a:lnTo>
                    <a:pt x="262" y="236"/>
                  </a:lnTo>
                  <a:lnTo>
                    <a:pt x="264" y="236"/>
                  </a:lnTo>
                  <a:lnTo>
                    <a:pt x="266" y="237"/>
                  </a:lnTo>
                  <a:lnTo>
                    <a:pt x="264" y="239"/>
                  </a:lnTo>
                  <a:lnTo>
                    <a:pt x="264" y="242"/>
                  </a:lnTo>
                  <a:lnTo>
                    <a:pt x="264" y="244"/>
                  </a:lnTo>
                  <a:lnTo>
                    <a:pt x="262" y="247"/>
                  </a:lnTo>
                  <a:lnTo>
                    <a:pt x="262" y="251"/>
                  </a:lnTo>
                  <a:lnTo>
                    <a:pt x="262" y="253"/>
                  </a:lnTo>
                  <a:lnTo>
                    <a:pt x="262" y="254"/>
                  </a:lnTo>
                  <a:lnTo>
                    <a:pt x="462" y="241"/>
                  </a:lnTo>
                  <a:lnTo>
                    <a:pt x="462" y="264"/>
                  </a:lnTo>
                  <a:lnTo>
                    <a:pt x="460" y="264"/>
                  </a:lnTo>
                  <a:lnTo>
                    <a:pt x="459" y="268"/>
                  </a:lnTo>
                  <a:lnTo>
                    <a:pt x="457" y="273"/>
                  </a:lnTo>
                  <a:lnTo>
                    <a:pt x="455" y="276"/>
                  </a:lnTo>
                  <a:lnTo>
                    <a:pt x="454" y="283"/>
                  </a:lnTo>
                  <a:lnTo>
                    <a:pt x="454" y="288"/>
                  </a:lnTo>
                  <a:lnTo>
                    <a:pt x="457" y="293"/>
                  </a:lnTo>
                  <a:lnTo>
                    <a:pt x="462" y="297"/>
                  </a:lnTo>
                  <a:lnTo>
                    <a:pt x="464" y="298"/>
                  </a:lnTo>
                  <a:lnTo>
                    <a:pt x="467" y="302"/>
                  </a:lnTo>
                  <a:lnTo>
                    <a:pt x="470" y="307"/>
                  </a:lnTo>
                  <a:lnTo>
                    <a:pt x="476" y="313"/>
                  </a:lnTo>
                  <a:lnTo>
                    <a:pt x="479" y="320"/>
                  </a:lnTo>
                  <a:lnTo>
                    <a:pt x="482" y="327"/>
                  </a:lnTo>
                  <a:lnTo>
                    <a:pt x="482" y="335"/>
                  </a:lnTo>
                  <a:lnTo>
                    <a:pt x="481" y="342"/>
                  </a:lnTo>
                  <a:lnTo>
                    <a:pt x="479" y="342"/>
                  </a:lnTo>
                  <a:lnTo>
                    <a:pt x="477" y="342"/>
                  </a:lnTo>
                  <a:lnTo>
                    <a:pt x="474" y="342"/>
                  </a:lnTo>
                  <a:lnTo>
                    <a:pt x="472" y="342"/>
                  </a:lnTo>
                  <a:lnTo>
                    <a:pt x="470" y="342"/>
                  </a:lnTo>
                  <a:lnTo>
                    <a:pt x="469" y="342"/>
                  </a:lnTo>
                  <a:lnTo>
                    <a:pt x="467" y="342"/>
                  </a:lnTo>
                  <a:lnTo>
                    <a:pt x="450" y="334"/>
                  </a:lnTo>
                  <a:lnTo>
                    <a:pt x="445" y="335"/>
                  </a:lnTo>
                  <a:lnTo>
                    <a:pt x="443" y="334"/>
                  </a:lnTo>
                  <a:lnTo>
                    <a:pt x="442" y="332"/>
                  </a:lnTo>
                  <a:lnTo>
                    <a:pt x="440" y="329"/>
                  </a:lnTo>
                  <a:lnTo>
                    <a:pt x="437" y="325"/>
                  </a:lnTo>
                  <a:lnTo>
                    <a:pt x="432" y="322"/>
                  </a:lnTo>
                  <a:lnTo>
                    <a:pt x="426" y="322"/>
                  </a:lnTo>
                  <a:lnTo>
                    <a:pt x="421" y="324"/>
                  </a:lnTo>
                  <a:lnTo>
                    <a:pt x="415" y="329"/>
                  </a:lnTo>
                  <a:lnTo>
                    <a:pt x="413" y="330"/>
                  </a:lnTo>
                  <a:lnTo>
                    <a:pt x="411" y="332"/>
                  </a:lnTo>
                  <a:lnTo>
                    <a:pt x="410" y="335"/>
                  </a:lnTo>
                  <a:lnTo>
                    <a:pt x="408" y="339"/>
                  </a:lnTo>
                  <a:lnTo>
                    <a:pt x="404" y="341"/>
                  </a:lnTo>
                  <a:lnTo>
                    <a:pt x="403" y="344"/>
                  </a:lnTo>
                  <a:lnTo>
                    <a:pt x="403" y="346"/>
                  </a:lnTo>
                  <a:lnTo>
                    <a:pt x="401" y="346"/>
                  </a:lnTo>
                  <a:lnTo>
                    <a:pt x="401" y="347"/>
                  </a:lnTo>
                  <a:lnTo>
                    <a:pt x="399" y="349"/>
                  </a:lnTo>
                  <a:lnTo>
                    <a:pt x="398" y="352"/>
                  </a:lnTo>
                  <a:lnTo>
                    <a:pt x="398" y="356"/>
                  </a:lnTo>
                  <a:lnTo>
                    <a:pt x="399" y="359"/>
                  </a:lnTo>
                  <a:lnTo>
                    <a:pt x="403" y="361"/>
                  </a:lnTo>
                  <a:lnTo>
                    <a:pt x="411" y="364"/>
                  </a:lnTo>
                  <a:lnTo>
                    <a:pt x="423" y="364"/>
                  </a:lnTo>
                  <a:lnTo>
                    <a:pt x="426" y="366"/>
                  </a:lnTo>
                  <a:lnTo>
                    <a:pt x="428" y="366"/>
                  </a:lnTo>
                  <a:lnTo>
                    <a:pt x="433" y="366"/>
                  </a:lnTo>
                  <a:lnTo>
                    <a:pt x="437" y="364"/>
                  </a:lnTo>
                  <a:lnTo>
                    <a:pt x="443" y="363"/>
                  </a:lnTo>
                  <a:lnTo>
                    <a:pt x="450" y="359"/>
                  </a:lnTo>
                  <a:lnTo>
                    <a:pt x="457" y="352"/>
                  </a:lnTo>
                  <a:lnTo>
                    <a:pt x="459" y="352"/>
                  </a:lnTo>
                  <a:lnTo>
                    <a:pt x="462" y="352"/>
                  </a:lnTo>
                  <a:lnTo>
                    <a:pt x="464" y="356"/>
                  </a:lnTo>
                  <a:lnTo>
                    <a:pt x="465" y="356"/>
                  </a:lnTo>
                  <a:lnTo>
                    <a:pt x="474" y="347"/>
                  </a:lnTo>
                  <a:lnTo>
                    <a:pt x="481" y="352"/>
                  </a:lnTo>
                  <a:lnTo>
                    <a:pt x="474" y="363"/>
                  </a:lnTo>
                  <a:lnTo>
                    <a:pt x="472" y="363"/>
                  </a:lnTo>
                  <a:lnTo>
                    <a:pt x="469" y="364"/>
                  </a:lnTo>
                  <a:lnTo>
                    <a:pt x="465" y="366"/>
                  </a:lnTo>
                  <a:lnTo>
                    <a:pt x="462" y="368"/>
                  </a:lnTo>
                  <a:lnTo>
                    <a:pt x="460" y="369"/>
                  </a:lnTo>
                  <a:lnTo>
                    <a:pt x="459" y="373"/>
                  </a:lnTo>
                  <a:lnTo>
                    <a:pt x="462" y="373"/>
                  </a:lnTo>
                  <a:lnTo>
                    <a:pt x="470" y="374"/>
                  </a:lnTo>
                  <a:lnTo>
                    <a:pt x="472" y="374"/>
                  </a:lnTo>
                  <a:lnTo>
                    <a:pt x="474" y="376"/>
                  </a:lnTo>
                  <a:lnTo>
                    <a:pt x="479" y="378"/>
                  </a:lnTo>
                  <a:lnTo>
                    <a:pt x="484" y="379"/>
                  </a:lnTo>
                  <a:lnTo>
                    <a:pt x="487" y="381"/>
                  </a:lnTo>
                  <a:lnTo>
                    <a:pt x="491" y="379"/>
                  </a:lnTo>
                  <a:lnTo>
                    <a:pt x="491" y="378"/>
                  </a:lnTo>
                  <a:lnTo>
                    <a:pt x="489" y="373"/>
                  </a:lnTo>
                  <a:lnTo>
                    <a:pt x="489" y="371"/>
                  </a:lnTo>
                  <a:lnTo>
                    <a:pt x="491" y="369"/>
                  </a:lnTo>
                  <a:lnTo>
                    <a:pt x="492" y="368"/>
                  </a:lnTo>
                  <a:lnTo>
                    <a:pt x="494" y="364"/>
                  </a:lnTo>
                  <a:lnTo>
                    <a:pt x="496" y="363"/>
                  </a:lnTo>
                  <a:lnTo>
                    <a:pt x="496" y="361"/>
                  </a:lnTo>
                  <a:lnTo>
                    <a:pt x="498" y="359"/>
                  </a:lnTo>
                  <a:lnTo>
                    <a:pt x="499" y="357"/>
                  </a:lnTo>
                  <a:lnTo>
                    <a:pt x="503" y="357"/>
                  </a:lnTo>
                  <a:lnTo>
                    <a:pt x="504" y="357"/>
                  </a:lnTo>
                  <a:lnTo>
                    <a:pt x="506" y="357"/>
                  </a:lnTo>
                  <a:lnTo>
                    <a:pt x="504" y="359"/>
                  </a:lnTo>
                  <a:lnTo>
                    <a:pt x="503" y="361"/>
                  </a:lnTo>
                  <a:lnTo>
                    <a:pt x="503" y="364"/>
                  </a:lnTo>
                  <a:lnTo>
                    <a:pt x="504" y="366"/>
                  </a:lnTo>
                  <a:lnTo>
                    <a:pt x="506" y="369"/>
                  </a:lnTo>
                  <a:lnTo>
                    <a:pt x="508" y="369"/>
                  </a:lnTo>
                  <a:lnTo>
                    <a:pt x="506" y="383"/>
                  </a:lnTo>
                  <a:lnTo>
                    <a:pt x="509" y="388"/>
                  </a:lnTo>
                  <a:lnTo>
                    <a:pt x="523" y="388"/>
                  </a:lnTo>
                  <a:lnTo>
                    <a:pt x="521" y="395"/>
                  </a:lnTo>
                  <a:lnTo>
                    <a:pt x="506" y="395"/>
                  </a:lnTo>
                  <a:lnTo>
                    <a:pt x="499" y="400"/>
                  </a:lnTo>
                  <a:lnTo>
                    <a:pt x="486" y="400"/>
                  </a:lnTo>
                  <a:lnTo>
                    <a:pt x="486" y="417"/>
                  </a:lnTo>
                  <a:lnTo>
                    <a:pt x="486" y="418"/>
                  </a:lnTo>
                  <a:lnTo>
                    <a:pt x="486" y="422"/>
                  </a:lnTo>
                  <a:lnTo>
                    <a:pt x="486" y="423"/>
                  </a:lnTo>
                  <a:lnTo>
                    <a:pt x="486" y="427"/>
                  </a:lnTo>
                  <a:lnTo>
                    <a:pt x="487" y="429"/>
                  </a:lnTo>
                  <a:lnTo>
                    <a:pt x="489" y="430"/>
                  </a:lnTo>
                  <a:lnTo>
                    <a:pt x="494" y="432"/>
                  </a:lnTo>
                  <a:lnTo>
                    <a:pt x="499" y="437"/>
                  </a:lnTo>
                  <a:lnTo>
                    <a:pt x="504" y="442"/>
                  </a:lnTo>
                  <a:lnTo>
                    <a:pt x="516" y="442"/>
                  </a:lnTo>
                  <a:lnTo>
                    <a:pt x="523" y="449"/>
                  </a:lnTo>
                  <a:lnTo>
                    <a:pt x="543" y="456"/>
                  </a:lnTo>
                  <a:lnTo>
                    <a:pt x="542" y="462"/>
                  </a:lnTo>
                  <a:lnTo>
                    <a:pt x="555" y="462"/>
                  </a:lnTo>
                  <a:lnTo>
                    <a:pt x="553" y="474"/>
                  </a:lnTo>
                  <a:lnTo>
                    <a:pt x="542" y="479"/>
                  </a:lnTo>
                  <a:lnTo>
                    <a:pt x="540" y="486"/>
                  </a:lnTo>
                  <a:lnTo>
                    <a:pt x="531" y="478"/>
                  </a:lnTo>
                  <a:lnTo>
                    <a:pt x="530" y="478"/>
                  </a:lnTo>
                  <a:lnTo>
                    <a:pt x="528" y="481"/>
                  </a:lnTo>
                  <a:lnTo>
                    <a:pt x="525" y="484"/>
                  </a:lnTo>
                  <a:lnTo>
                    <a:pt x="521" y="488"/>
                  </a:lnTo>
                  <a:lnTo>
                    <a:pt x="520" y="489"/>
                  </a:lnTo>
                  <a:lnTo>
                    <a:pt x="518" y="489"/>
                  </a:lnTo>
                  <a:lnTo>
                    <a:pt x="518" y="486"/>
                  </a:lnTo>
                  <a:lnTo>
                    <a:pt x="521" y="478"/>
                  </a:lnTo>
                  <a:lnTo>
                    <a:pt x="521" y="474"/>
                  </a:lnTo>
                  <a:lnTo>
                    <a:pt x="518" y="471"/>
                  </a:lnTo>
                  <a:lnTo>
                    <a:pt x="514" y="469"/>
                  </a:lnTo>
                  <a:lnTo>
                    <a:pt x="513" y="467"/>
                  </a:lnTo>
                  <a:lnTo>
                    <a:pt x="513" y="466"/>
                  </a:lnTo>
                  <a:lnTo>
                    <a:pt x="513" y="464"/>
                  </a:lnTo>
                  <a:lnTo>
                    <a:pt x="511" y="462"/>
                  </a:lnTo>
                  <a:lnTo>
                    <a:pt x="508" y="461"/>
                  </a:lnTo>
                  <a:lnTo>
                    <a:pt x="503" y="457"/>
                  </a:lnTo>
                  <a:lnTo>
                    <a:pt x="494" y="456"/>
                  </a:lnTo>
                  <a:lnTo>
                    <a:pt x="484" y="454"/>
                  </a:lnTo>
                  <a:lnTo>
                    <a:pt x="481" y="454"/>
                  </a:lnTo>
                  <a:lnTo>
                    <a:pt x="477" y="454"/>
                  </a:lnTo>
                  <a:lnTo>
                    <a:pt x="476" y="452"/>
                  </a:lnTo>
                  <a:lnTo>
                    <a:pt x="472" y="452"/>
                  </a:lnTo>
                  <a:lnTo>
                    <a:pt x="470" y="452"/>
                  </a:lnTo>
                  <a:lnTo>
                    <a:pt x="469" y="451"/>
                  </a:lnTo>
                  <a:lnTo>
                    <a:pt x="469" y="447"/>
                  </a:lnTo>
                  <a:lnTo>
                    <a:pt x="467" y="442"/>
                  </a:lnTo>
                  <a:lnTo>
                    <a:pt x="465" y="439"/>
                  </a:lnTo>
                  <a:lnTo>
                    <a:pt x="464" y="435"/>
                  </a:lnTo>
                  <a:lnTo>
                    <a:pt x="462" y="432"/>
                  </a:lnTo>
                  <a:lnTo>
                    <a:pt x="459" y="432"/>
                  </a:lnTo>
                  <a:lnTo>
                    <a:pt x="454" y="435"/>
                  </a:lnTo>
                  <a:lnTo>
                    <a:pt x="452" y="435"/>
                  </a:lnTo>
                  <a:lnTo>
                    <a:pt x="447" y="432"/>
                  </a:lnTo>
                  <a:lnTo>
                    <a:pt x="440" y="429"/>
                  </a:lnTo>
                  <a:lnTo>
                    <a:pt x="435" y="425"/>
                  </a:lnTo>
                  <a:lnTo>
                    <a:pt x="430" y="423"/>
                  </a:lnTo>
                  <a:lnTo>
                    <a:pt x="428" y="425"/>
                  </a:lnTo>
                  <a:lnTo>
                    <a:pt x="433" y="430"/>
                  </a:lnTo>
                  <a:lnTo>
                    <a:pt x="443" y="440"/>
                  </a:lnTo>
                  <a:lnTo>
                    <a:pt x="443" y="444"/>
                  </a:lnTo>
                  <a:lnTo>
                    <a:pt x="443" y="445"/>
                  </a:lnTo>
                  <a:lnTo>
                    <a:pt x="445" y="449"/>
                  </a:lnTo>
                  <a:lnTo>
                    <a:pt x="445" y="451"/>
                  </a:lnTo>
                  <a:lnTo>
                    <a:pt x="443" y="451"/>
                  </a:lnTo>
                  <a:lnTo>
                    <a:pt x="442" y="451"/>
                  </a:lnTo>
                  <a:lnTo>
                    <a:pt x="438" y="449"/>
                  </a:lnTo>
                  <a:lnTo>
                    <a:pt x="435" y="451"/>
                  </a:lnTo>
                  <a:lnTo>
                    <a:pt x="433" y="451"/>
                  </a:lnTo>
                  <a:lnTo>
                    <a:pt x="432" y="452"/>
                  </a:lnTo>
                  <a:lnTo>
                    <a:pt x="433" y="456"/>
                  </a:lnTo>
                  <a:lnTo>
                    <a:pt x="437" y="461"/>
                  </a:lnTo>
                  <a:lnTo>
                    <a:pt x="438" y="462"/>
                  </a:lnTo>
                  <a:lnTo>
                    <a:pt x="442" y="466"/>
                  </a:lnTo>
                  <a:lnTo>
                    <a:pt x="445" y="469"/>
                  </a:lnTo>
                  <a:lnTo>
                    <a:pt x="445" y="471"/>
                  </a:lnTo>
                  <a:lnTo>
                    <a:pt x="432" y="484"/>
                  </a:lnTo>
                  <a:lnTo>
                    <a:pt x="430" y="484"/>
                  </a:lnTo>
                  <a:lnTo>
                    <a:pt x="428" y="484"/>
                  </a:lnTo>
                  <a:lnTo>
                    <a:pt x="425" y="483"/>
                  </a:lnTo>
                  <a:lnTo>
                    <a:pt x="425" y="481"/>
                  </a:lnTo>
                  <a:lnTo>
                    <a:pt x="423" y="478"/>
                  </a:lnTo>
                  <a:lnTo>
                    <a:pt x="423" y="473"/>
                  </a:lnTo>
                  <a:lnTo>
                    <a:pt x="411" y="459"/>
                  </a:lnTo>
                  <a:lnTo>
                    <a:pt x="401" y="454"/>
                  </a:lnTo>
                  <a:lnTo>
                    <a:pt x="393" y="462"/>
                  </a:lnTo>
                  <a:lnTo>
                    <a:pt x="386" y="459"/>
                  </a:lnTo>
                  <a:lnTo>
                    <a:pt x="388" y="469"/>
                  </a:lnTo>
                  <a:lnTo>
                    <a:pt x="369" y="484"/>
                  </a:lnTo>
                  <a:lnTo>
                    <a:pt x="366" y="486"/>
                  </a:lnTo>
                  <a:lnTo>
                    <a:pt x="362" y="486"/>
                  </a:lnTo>
                  <a:lnTo>
                    <a:pt x="359" y="486"/>
                  </a:lnTo>
                  <a:lnTo>
                    <a:pt x="355" y="484"/>
                  </a:lnTo>
                  <a:lnTo>
                    <a:pt x="352" y="481"/>
                  </a:lnTo>
                  <a:lnTo>
                    <a:pt x="352" y="478"/>
                  </a:lnTo>
                  <a:lnTo>
                    <a:pt x="355" y="471"/>
                  </a:lnTo>
                  <a:lnTo>
                    <a:pt x="355" y="469"/>
                  </a:lnTo>
                  <a:lnTo>
                    <a:pt x="359" y="467"/>
                  </a:lnTo>
                  <a:lnTo>
                    <a:pt x="360" y="466"/>
                  </a:lnTo>
                  <a:lnTo>
                    <a:pt x="362" y="466"/>
                  </a:lnTo>
                  <a:lnTo>
                    <a:pt x="345" y="467"/>
                  </a:lnTo>
                  <a:lnTo>
                    <a:pt x="342" y="478"/>
                  </a:lnTo>
                  <a:lnTo>
                    <a:pt x="327" y="471"/>
                  </a:lnTo>
                  <a:lnTo>
                    <a:pt x="330" y="462"/>
                  </a:lnTo>
                  <a:lnTo>
                    <a:pt x="308" y="440"/>
                  </a:lnTo>
                  <a:lnTo>
                    <a:pt x="301" y="440"/>
                  </a:lnTo>
                  <a:lnTo>
                    <a:pt x="289" y="435"/>
                  </a:lnTo>
                  <a:lnTo>
                    <a:pt x="288" y="437"/>
                  </a:lnTo>
                  <a:lnTo>
                    <a:pt x="286" y="437"/>
                  </a:lnTo>
                  <a:lnTo>
                    <a:pt x="284" y="439"/>
                  </a:lnTo>
                  <a:lnTo>
                    <a:pt x="281" y="439"/>
                  </a:lnTo>
                  <a:lnTo>
                    <a:pt x="281" y="437"/>
                  </a:lnTo>
                  <a:lnTo>
                    <a:pt x="279" y="435"/>
                  </a:lnTo>
                  <a:lnTo>
                    <a:pt x="278" y="432"/>
                  </a:lnTo>
                  <a:lnTo>
                    <a:pt x="278" y="423"/>
                  </a:lnTo>
                  <a:lnTo>
                    <a:pt x="271" y="420"/>
                  </a:lnTo>
                  <a:lnTo>
                    <a:pt x="271" y="418"/>
                  </a:lnTo>
                  <a:lnTo>
                    <a:pt x="271" y="417"/>
                  </a:lnTo>
                  <a:lnTo>
                    <a:pt x="269" y="413"/>
                  </a:lnTo>
                  <a:lnTo>
                    <a:pt x="269" y="412"/>
                  </a:lnTo>
                  <a:lnTo>
                    <a:pt x="267" y="408"/>
                  </a:lnTo>
                  <a:lnTo>
                    <a:pt x="264" y="407"/>
                  </a:lnTo>
                  <a:lnTo>
                    <a:pt x="261" y="408"/>
                  </a:lnTo>
                  <a:lnTo>
                    <a:pt x="256" y="412"/>
                  </a:lnTo>
                  <a:lnTo>
                    <a:pt x="254" y="413"/>
                  </a:lnTo>
                  <a:lnTo>
                    <a:pt x="252" y="415"/>
                  </a:lnTo>
                  <a:lnTo>
                    <a:pt x="250" y="417"/>
                  </a:lnTo>
                  <a:lnTo>
                    <a:pt x="247" y="417"/>
                  </a:lnTo>
                  <a:lnTo>
                    <a:pt x="245" y="415"/>
                  </a:lnTo>
                  <a:lnTo>
                    <a:pt x="244" y="412"/>
                  </a:lnTo>
                  <a:lnTo>
                    <a:pt x="244" y="405"/>
                  </a:lnTo>
                  <a:lnTo>
                    <a:pt x="245" y="403"/>
                  </a:lnTo>
                  <a:lnTo>
                    <a:pt x="245" y="401"/>
                  </a:lnTo>
                  <a:lnTo>
                    <a:pt x="245" y="400"/>
                  </a:lnTo>
                  <a:lnTo>
                    <a:pt x="232" y="401"/>
                  </a:lnTo>
                  <a:lnTo>
                    <a:pt x="215" y="412"/>
                  </a:lnTo>
                  <a:lnTo>
                    <a:pt x="210" y="415"/>
                  </a:lnTo>
                  <a:lnTo>
                    <a:pt x="225" y="429"/>
                  </a:lnTo>
                  <a:lnTo>
                    <a:pt x="223" y="435"/>
                  </a:lnTo>
                  <a:lnTo>
                    <a:pt x="203" y="440"/>
                  </a:lnTo>
                  <a:lnTo>
                    <a:pt x="200" y="440"/>
                  </a:lnTo>
                  <a:lnTo>
                    <a:pt x="196" y="440"/>
                  </a:lnTo>
                  <a:lnTo>
                    <a:pt x="193" y="440"/>
                  </a:lnTo>
                  <a:lnTo>
                    <a:pt x="186" y="440"/>
                  </a:lnTo>
                  <a:lnTo>
                    <a:pt x="179" y="439"/>
                  </a:lnTo>
                  <a:lnTo>
                    <a:pt x="173" y="439"/>
                  </a:lnTo>
                  <a:lnTo>
                    <a:pt x="166" y="437"/>
                  </a:lnTo>
                  <a:lnTo>
                    <a:pt x="159" y="435"/>
                  </a:lnTo>
                  <a:lnTo>
                    <a:pt x="151" y="434"/>
                  </a:lnTo>
                  <a:lnTo>
                    <a:pt x="142" y="432"/>
                  </a:lnTo>
                  <a:lnTo>
                    <a:pt x="135" y="430"/>
                  </a:lnTo>
                  <a:lnTo>
                    <a:pt x="129" y="427"/>
                  </a:lnTo>
                  <a:lnTo>
                    <a:pt x="122" y="423"/>
                  </a:lnTo>
                  <a:lnTo>
                    <a:pt x="117" y="420"/>
                  </a:lnTo>
                  <a:lnTo>
                    <a:pt x="112" y="417"/>
                  </a:lnTo>
                  <a:lnTo>
                    <a:pt x="108" y="417"/>
                  </a:lnTo>
                  <a:lnTo>
                    <a:pt x="105" y="417"/>
                  </a:lnTo>
                  <a:lnTo>
                    <a:pt x="100" y="415"/>
                  </a:lnTo>
                  <a:lnTo>
                    <a:pt x="95" y="415"/>
                  </a:lnTo>
                  <a:lnTo>
                    <a:pt x="91" y="415"/>
                  </a:lnTo>
                  <a:lnTo>
                    <a:pt x="90" y="415"/>
                  </a:lnTo>
                  <a:lnTo>
                    <a:pt x="88" y="415"/>
                  </a:lnTo>
                  <a:lnTo>
                    <a:pt x="90" y="407"/>
                  </a:lnTo>
                  <a:lnTo>
                    <a:pt x="98" y="400"/>
                  </a:lnTo>
                  <a:lnTo>
                    <a:pt x="88" y="381"/>
                  </a:lnTo>
                  <a:lnTo>
                    <a:pt x="81" y="391"/>
                  </a:lnTo>
                  <a:lnTo>
                    <a:pt x="85" y="396"/>
                  </a:lnTo>
                  <a:lnTo>
                    <a:pt x="81" y="400"/>
                  </a:lnTo>
                  <a:lnTo>
                    <a:pt x="76" y="405"/>
                  </a:lnTo>
                  <a:lnTo>
                    <a:pt x="85" y="408"/>
                  </a:lnTo>
                  <a:lnTo>
                    <a:pt x="81" y="417"/>
                  </a:lnTo>
                  <a:lnTo>
                    <a:pt x="76" y="417"/>
                  </a:lnTo>
                  <a:lnTo>
                    <a:pt x="71" y="417"/>
                  </a:lnTo>
                  <a:lnTo>
                    <a:pt x="64" y="417"/>
                  </a:lnTo>
                  <a:lnTo>
                    <a:pt x="56" y="417"/>
                  </a:lnTo>
                  <a:lnTo>
                    <a:pt x="49" y="418"/>
                  </a:lnTo>
                  <a:lnTo>
                    <a:pt x="42" y="420"/>
                  </a:lnTo>
                  <a:lnTo>
                    <a:pt x="36" y="423"/>
                  </a:lnTo>
                  <a:lnTo>
                    <a:pt x="34" y="423"/>
                  </a:lnTo>
                  <a:lnTo>
                    <a:pt x="32" y="422"/>
                  </a:lnTo>
                  <a:lnTo>
                    <a:pt x="32" y="420"/>
                  </a:lnTo>
                  <a:lnTo>
                    <a:pt x="30" y="417"/>
                  </a:lnTo>
                  <a:lnTo>
                    <a:pt x="29" y="415"/>
                  </a:lnTo>
                  <a:lnTo>
                    <a:pt x="29" y="413"/>
                  </a:lnTo>
                  <a:lnTo>
                    <a:pt x="27" y="413"/>
                  </a:lnTo>
                  <a:lnTo>
                    <a:pt x="39" y="400"/>
                  </a:lnTo>
                  <a:lnTo>
                    <a:pt x="41" y="390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06" name="Freeform 61"/>
            <p:cNvSpPr>
              <a:spLocks/>
            </p:cNvSpPr>
            <p:nvPr/>
          </p:nvSpPr>
          <p:spPr bwMode="auto">
            <a:xfrm>
              <a:off x="3486" y="1959"/>
              <a:ext cx="289" cy="512"/>
            </a:xfrm>
            <a:custGeom>
              <a:avLst/>
              <a:gdLst>
                <a:gd name="T0" fmla="*/ 0 w 298"/>
                <a:gd name="T1" fmla="*/ 333 h 528"/>
                <a:gd name="T2" fmla="*/ 5 w 298"/>
                <a:gd name="T3" fmla="*/ 327 h 528"/>
                <a:gd name="T4" fmla="*/ 7 w 298"/>
                <a:gd name="T5" fmla="*/ 317 h 528"/>
                <a:gd name="T6" fmla="*/ 10 w 298"/>
                <a:gd name="T7" fmla="*/ 307 h 528"/>
                <a:gd name="T8" fmla="*/ 16 w 298"/>
                <a:gd name="T9" fmla="*/ 297 h 528"/>
                <a:gd name="T10" fmla="*/ 20 w 298"/>
                <a:gd name="T11" fmla="*/ 277 h 528"/>
                <a:gd name="T12" fmla="*/ 24 w 298"/>
                <a:gd name="T13" fmla="*/ 271 h 528"/>
                <a:gd name="T14" fmla="*/ 29 w 298"/>
                <a:gd name="T15" fmla="*/ 255 h 528"/>
                <a:gd name="T16" fmla="*/ 18 w 298"/>
                <a:gd name="T17" fmla="*/ 238 h 528"/>
                <a:gd name="T18" fmla="*/ 16 w 298"/>
                <a:gd name="T19" fmla="*/ 217 h 528"/>
                <a:gd name="T20" fmla="*/ 18 w 298"/>
                <a:gd name="T21" fmla="*/ 208 h 528"/>
                <a:gd name="T22" fmla="*/ 16 w 298"/>
                <a:gd name="T23" fmla="*/ 189 h 528"/>
                <a:gd name="T24" fmla="*/ 16 w 298"/>
                <a:gd name="T25" fmla="*/ 161 h 528"/>
                <a:gd name="T26" fmla="*/ 16 w 298"/>
                <a:gd name="T27" fmla="*/ 127 h 528"/>
                <a:gd name="T28" fmla="*/ 16 w 298"/>
                <a:gd name="T29" fmla="*/ 91 h 528"/>
                <a:gd name="T30" fmla="*/ 12 w 298"/>
                <a:gd name="T31" fmla="*/ 59 h 528"/>
                <a:gd name="T32" fmla="*/ 9 w 298"/>
                <a:gd name="T33" fmla="*/ 37 h 528"/>
                <a:gd name="T34" fmla="*/ 7 w 298"/>
                <a:gd name="T35" fmla="*/ 20 h 528"/>
                <a:gd name="T36" fmla="*/ 9 w 298"/>
                <a:gd name="T37" fmla="*/ 22 h 528"/>
                <a:gd name="T38" fmla="*/ 16 w 298"/>
                <a:gd name="T39" fmla="*/ 29 h 528"/>
                <a:gd name="T40" fmla="*/ 18 w 298"/>
                <a:gd name="T41" fmla="*/ 30 h 528"/>
                <a:gd name="T42" fmla="*/ 41 w 298"/>
                <a:gd name="T43" fmla="*/ 16 h 528"/>
                <a:gd name="T44" fmla="*/ 168 w 298"/>
                <a:gd name="T45" fmla="*/ 16 h 528"/>
                <a:gd name="T46" fmla="*/ 191 w 298"/>
                <a:gd name="T47" fmla="*/ 218 h 528"/>
                <a:gd name="T48" fmla="*/ 189 w 298"/>
                <a:gd name="T49" fmla="*/ 228 h 528"/>
                <a:gd name="T50" fmla="*/ 192 w 298"/>
                <a:gd name="T51" fmla="*/ 238 h 528"/>
                <a:gd name="T52" fmla="*/ 193 w 298"/>
                <a:gd name="T53" fmla="*/ 245 h 528"/>
                <a:gd name="T54" fmla="*/ 179 w 298"/>
                <a:gd name="T55" fmla="*/ 247 h 528"/>
                <a:gd name="T56" fmla="*/ 170 w 298"/>
                <a:gd name="T57" fmla="*/ 249 h 528"/>
                <a:gd name="T58" fmla="*/ 166 w 298"/>
                <a:gd name="T59" fmla="*/ 249 h 528"/>
                <a:gd name="T60" fmla="*/ 156 w 298"/>
                <a:gd name="T61" fmla="*/ 256 h 528"/>
                <a:gd name="T62" fmla="*/ 159 w 298"/>
                <a:gd name="T63" fmla="*/ 267 h 528"/>
                <a:gd name="T64" fmla="*/ 156 w 298"/>
                <a:gd name="T65" fmla="*/ 271 h 528"/>
                <a:gd name="T66" fmla="*/ 149 w 298"/>
                <a:gd name="T67" fmla="*/ 278 h 528"/>
                <a:gd name="T68" fmla="*/ 146 w 298"/>
                <a:gd name="T69" fmla="*/ 286 h 528"/>
                <a:gd name="T70" fmla="*/ 146 w 298"/>
                <a:gd name="T71" fmla="*/ 288 h 528"/>
                <a:gd name="T72" fmla="*/ 143 w 298"/>
                <a:gd name="T73" fmla="*/ 289 h 528"/>
                <a:gd name="T74" fmla="*/ 137 w 298"/>
                <a:gd name="T75" fmla="*/ 293 h 528"/>
                <a:gd name="T76" fmla="*/ 133 w 298"/>
                <a:gd name="T77" fmla="*/ 306 h 528"/>
                <a:gd name="T78" fmla="*/ 132 w 298"/>
                <a:gd name="T79" fmla="*/ 311 h 528"/>
                <a:gd name="T80" fmla="*/ 123 w 298"/>
                <a:gd name="T81" fmla="*/ 315 h 528"/>
                <a:gd name="T82" fmla="*/ 110 w 298"/>
                <a:gd name="T83" fmla="*/ 306 h 528"/>
                <a:gd name="T84" fmla="*/ 104 w 298"/>
                <a:gd name="T85" fmla="*/ 302 h 528"/>
                <a:gd name="T86" fmla="*/ 98 w 298"/>
                <a:gd name="T87" fmla="*/ 317 h 528"/>
                <a:gd name="T88" fmla="*/ 92 w 298"/>
                <a:gd name="T89" fmla="*/ 332 h 528"/>
                <a:gd name="T90" fmla="*/ 81 w 298"/>
                <a:gd name="T91" fmla="*/ 324 h 528"/>
                <a:gd name="T92" fmla="*/ 76 w 298"/>
                <a:gd name="T93" fmla="*/ 321 h 528"/>
                <a:gd name="T94" fmla="*/ 67 w 298"/>
                <a:gd name="T95" fmla="*/ 332 h 528"/>
                <a:gd name="T96" fmla="*/ 59 w 298"/>
                <a:gd name="T97" fmla="*/ 337 h 528"/>
                <a:gd name="T98" fmla="*/ 48 w 298"/>
                <a:gd name="T99" fmla="*/ 332 h 528"/>
                <a:gd name="T100" fmla="*/ 42 w 298"/>
                <a:gd name="T101" fmla="*/ 328 h 528"/>
                <a:gd name="T102" fmla="*/ 37 w 298"/>
                <a:gd name="T103" fmla="*/ 329 h 528"/>
                <a:gd name="T104" fmla="*/ 32 w 298"/>
                <a:gd name="T105" fmla="*/ 328 h 528"/>
                <a:gd name="T106" fmla="*/ 32 w 298"/>
                <a:gd name="T107" fmla="*/ 336 h 528"/>
                <a:gd name="T108" fmla="*/ 29 w 298"/>
                <a:gd name="T109" fmla="*/ 339 h 528"/>
                <a:gd name="T110" fmla="*/ 16 w 298"/>
                <a:gd name="T111" fmla="*/ 335 h 528"/>
                <a:gd name="T112" fmla="*/ 12 w 298"/>
                <a:gd name="T113" fmla="*/ 333 h 528"/>
                <a:gd name="T114" fmla="*/ 16 w 298"/>
                <a:gd name="T115" fmla="*/ 339 h 528"/>
                <a:gd name="T116" fmla="*/ 10 w 298"/>
                <a:gd name="T117" fmla="*/ 343 h 528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w 298"/>
                <a:gd name="T178" fmla="*/ 0 h 528"/>
                <a:gd name="T179" fmla="*/ 298 w 298"/>
                <a:gd name="T180" fmla="*/ 528 h 528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T177" t="T178" r="T179" b="T180"/>
              <a:pathLst>
                <a:path w="298" h="528">
                  <a:moveTo>
                    <a:pt x="7" y="528"/>
                  </a:moveTo>
                  <a:lnTo>
                    <a:pt x="2" y="523"/>
                  </a:lnTo>
                  <a:lnTo>
                    <a:pt x="0" y="518"/>
                  </a:lnTo>
                  <a:lnTo>
                    <a:pt x="0" y="513"/>
                  </a:lnTo>
                  <a:lnTo>
                    <a:pt x="0" y="510"/>
                  </a:lnTo>
                  <a:lnTo>
                    <a:pt x="2" y="506"/>
                  </a:lnTo>
                  <a:lnTo>
                    <a:pt x="4" y="505"/>
                  </a:lnTo>
                  <a:lnTo>
                    <a:pt x="5" y="503"/>
                  </a:lnTo>
                  <a:lnTo>
                    <a:pt x="7" y="493"/>
                  </a:lnTo>
                  <a:lnTo>
                    <a:pt x="7" y="491"/>
                  </a:lnTo>
                  <a:lnTo>
                    <a:pt x="7" y="489"/>
                  </a:lnTo>
                  <a:lnTo>
                    <a:pt x="7" y="486"/>
                  </a:lnTo>
                  <a:lnTo>
                    <a:pt x="9" y="481"/>
                  </a:lnTo>
                  <a:lnTo>
                    <a:pt x="9" y="478"/>
                  </a:lnTo>
                  <a:lnTo>
                    <a:pt x="10" y="474"/>
                  </a:lnTo>
                  <a:lnTo>
                    <a:pt x="10" y="471"/>
                  </a:lnTo>
                  <a:lnTo>
                    <a:pt x="10" y="469"/>
                  </a:lnTo>
                  <a:lnTo>
                    <a:pt x="17" y="464"/>
                  </a:lnTo>
                  <a:lnTo>
                    <a:pt x="22" y="456"/>
                  </a:lnTo>
                  <a:lnTo>
                    <a:pt x="26" y="447"/>
                  </a:lnTo>
                  <a:lnTo>
                    <a:pt x="29" y="440"/>
                  </a:lnTo>
                  <a:lnTo>
                    <a:pt x="32" y="432"/>
                  </a:lnTo>
                  <a:lnTo>
                    <a:pt x="34" y="427"/>
                  </a:lnTo>
                  <a:lnTo>
                    <a:pt x="36" y="422"/>
                  </a:lnTo>
                  <a:lnTo>
                    <a:pt x="36" y="420"/>
                  </a:lnTo>
                  <a:lnTo>
                    <a:pt x="38" y="417"/>
                  </a:lnTo>
                  <a:lnTo>
                    <a:pt x="39" y="413"/>
                  </a:lnTo>
                  <a:lnTo>
                    <a:pt x="41" y="412"/>
                  </a:lnTo>
                  <a:lnTo>
                    <a:pt x="43" y="401"/>
                  </a:lnTo>
                  <a:lnTo>
                    <a:pt x="43" y="393"/>
                  </a:lnTo>
                  <a:lnTo>
                    <a:pt x="41" y="384"/>
                  </a:lnTo>
                  <a:lnTo>
                    <a:pt x="38" y="378"/>
                  </a:lnTo>
                  <a:lnTo>
                    <a:pt x="36" y="371"/>
                  </a:lnTo>
                  <a:lnTo>
                    <a:pt x="32" y="366"/>
                  </a:lnTo>
                  <a:lnTo>
                    <a:pt x="31" y="362"/>
                  </a:lnTo>
                  <a:lnTo>
                    <a:pt x="29" y="361"/>
                  </a:lnTo>
                  <a:lnTo>
                    <a:pt x="29" y="357"/>
                  </a:lnTo>
                  <a:lnTo>
                    <a:pt x="29" y="334"/>
                  </a:lnTo>
                  <a:lnTo>
                    <a:pt x="32" y="329"/>
                  </a:lnTo>
                  <a:lnTo>
                    <a:pt x="32" y="327"/>
                  </a:lnTo>
                  <a:lnTo>
                    <a:pt x="32" y="325"/>
                  </a:lnTo>
                  <a:lnTo>
                    <a:pt x="32" y="320"/>
                  </a:lnTo>
                  <a:lnTo>
                    <a:pt x="31" y="315"/>
                  </a:lnTo>
                  <a:lnTo>
                    <a:pt x="31" y="308"/>
                  </a:lnTo>
                  <a:lnTo>
                    <a:pt x="31" y="300"/>
                  </a:lnTo>
                  <a:lnTo>
                    <a:pt x="29" y="291"/>
                  </a:lnTo>
                  <a:lnTo>
                    <a:pt x="29" y="281"/>
                  </a:lnTo>
                  <a:lnTo>
                    <a:pt x="27" y="271"/>
                  </a:lnTo>
                  <a:lnTo>
                    <a:pt x="27" y="259"/>
                  </a:lnTo>
                  <a:lnTo>
                    <a:pt x="26" y="247"/>
                  </a:lnTo>
                  <a:lnTo>
                    <a:pt x="24" y="234"/>
                  </a:lnTo>
                  <a:lnTo>
                    <a:pt x="24" y="222"/>
                  </a:lnTo>
                  <a:lnTo>
                    <a:pt x="22" y="208"/>
                  </a:lnTo>
                  <a:lnTo>
                    <a:pt x="21" y="195"/>
                  </a:lnTo>
                  <a:lnTo>
                    <a:pt x="21" y="181"/>
                  </a:lnTo>
                  <a:lnTo>
                    <a:pt x="19" y="166"/>
                  </a:lnTo>
                  <a:lnTo>
                    <a:pt x="17" y="153"/>
                  </a:lnTo>
                  <a:lnTo>
                    <a:pt x="17" y="139"/>
                  </a:lnTo>
                  <a:lnTo>
                    <a:pt x="16" y="127"/>
                  </a:lnTo>
                  <a:lnTo>
                    <a:pt x="14" y="114"/>
                  </a:lnTo>
                  <a:lnTo>
                    <a:pt x="14" y="102"/>
                  </a:lnTo>
                  <a:lnTo>
                    <a:pt x="12" y="90"/>
                  </a:lnTo>
                  <a:lnTo>
                    <a:pt x="12" y="80"/>
                  </a:lnTo>
                  <a:lnTo>
                    <a:pt x="10" y="70"/>
                  </a:lnTo>
                  <a:lnTo>
                    <a:pt x="10" y="60"/>
                  </a:lnTo>
                  <a:lnTo>
                    <a:pt x="9" y="53"/>
                  </a:lnTo>
                  <a:lnTo>
                    <a:pt x="9" y="46"/>
                  </a:lnTo>
                  <a:lnTo>
                    <a:pt x="9" y="41"/>
                  </a:lnTo>
                  <a:lnTo>
                    <a:pt x="7" y="36"/>
                  </a:lnTo>
                  <a:lnTo>
                    <a:pt x="7" y="34"/>
                  </a:lnTo>
                  <a:lnTo>
                    <a:pt x="7" y="32"/>
                  </a:lnTo>
                  <a:lnTo>
                    <a:pt x="7" y="34"/>
                  </a:lnTo>
                  <a:lnTo>
                    <a:pt x="9" y="36"/>
                  </a:lnTo>
                  <a:lnTo>
                    <a:pt x="10" y="38"/>
                  </a:lnTo>
                  <a:lnTo>
                    <a:pt x="12" y="39"/>
                  </a:lnTo>
                  <a:lnTo>
                    <a:pt x="14" y="41"/>
                  </a:lnTo>
                  <a:lnTo>
                    <a:pt x="16" y="43"/>
                  </a:lnTo>
                  <a:lnTo>
                    <a:pt x="19" y="44"/>
                  </a:lnTo>
                  <a:lnTo>
                    <a:pt x="22" y="44"/>
                  </a:lnTo>
                  <a:lnTo>
                    <a:pt x="27" y="44"/>
                  </a:lnTo>
                  <a:lnTo>
                    <a:pt x="32" y="44"/>
                  </a:lnTo>
                  <a:lnTo>
                    <a:pt x="38" y="43"/>
                  </a:lnTo>
                  <a:lnTo>
                    <a:pt x="46" y="39"/>
                  </a:lnTo>
                  <a:lnTo>
                    <a:pt x="53" y="36"/>
                  </a:lnTo>
                  <a:lnTo>
                    <a:pt x="61" y="29"/>
                  </a:lnTo>
                  <a:lnTo>
                    <a:pt x="71" y="22"/>
                  </a:lnTo>
                  <a:lnTo>
                    <a:pt x="70" y="22"/>
                  </a:lnTo>
                  <a:lnTo>
                    <a:pt x="254" y="0"/>
                  </a:lnTo>
                  <a:lnTo>
                    <a:pt x="258" y="17"/>
                  </a:lnTo>
                  <a:lnTo>
                    <a:pt x="293" y="335"/>
                  </a:lnTo>
                  <a:lnTo>
                    <a:pt x="295" y="334"/>
                  </a:lnTo>
                  <a:lnTo>
                    <a:pt x="293" y="334"/>
                  </a:lnTo>
                  <a:lnTo>
                    <a:pt x="293" y="335"/>
                  </a:lnTo>
                  <a:lnTo>
                    <a:pt x="291" y="337"/>
                  </a:lnTo>
                  <a:lnTo>
                    <a:pt x="291" y="340"/>
                  </a:lnTo>
                  <a:lnTo>
                    <a:pt x="290" y="346"/>
                  </a:lnTo>
                  <a:lnTo>
                    <a:pt x="290" y="351"/>
                  </a:lnTo>
                  <a:lnTo>
                    <a:pt x="290" y="356"/>
                  </a:lnTo>
                  <a:lnTo>
                    <a:pt x="291" y="362"/>
                  </a:lnTo>
                  <a:lnTo>
                    <a:pt x="293" y="364"/>
                  </a:lnTo>
                  <a:lnTo>
                    <a:pt x="295" y="366"/>
                  </a:lnTo>
                  <a:lnTo>
                    <a:pt x="296" y="369"/>
                  </a:lnTo>
                  <a:lnTo>
                    <a:pt x="298" y="371"/>
                  </a:lnTo>
                  <a:lnTo>
                    <a:pt x="298" y="374"/>
                  </a:lnTo>
                  <a:lnTo>
                    <a:pt x="296" y="376"/>
                  </a:lnTo>
                  <a:lnTo>
                    <a:pt x="290" y="378"/>
                  </a:lnTo>
                  <a:lnTo>
                    <a:pt x="281" y="379"/>
                  </a:lnTo>
                  <a:lnTo>
                    <a:pt x="280" y="379"/>
                  </a:lnTo>
                  <a:lnTo>
                    <a:pt x="276" y="379"/>
                  </a:lnTo>
                  <a:lnTo>
                    <a:pt x="273" y="381"/>
                  </a:lnTo>
                  <a:lnTo>
                    <a:pt x="268" y="383"/>
                  </a:lnTo>
                  <a:lnTo>
                    <a:pt x="264" y="383"/>
                  </a:lnTo>
                  <a:lnTo>
                    <a:pt x="261" y="384"/>
                  </a:lnTo>
                  <a:lnTo>
                    <a:pt x="259" y="384"/>
                  </a:lnTo>
                  <a:lnTo>
                    <a:pt x="258" y="384"/>
                  </a:lnTo>
                  <a:lnTo>
                    <a:pt x="254" y="384"/>
                  </a:lnTo>
                  <a:lnTo>
                    <a:pt x="251" y="386"/>
                  </a:lnTo>
                  <a:lnTo>
                    <a:pt x="246" y="388"/>
                  </a:lnTo>
                  <a:lnTo>
                    <a:pt x="242" y="390"/>
                  </a:lnTo>
                  <a:lnTo>
                    <a:pt x="239" y="395"/>
                  </a:lnTo>
                  <a:lnTo>
                    <a:pt x="241" y="400"/>
                  </a:lnTo>
                  <a:lnTo>
                    <a:pt x="244" y="408"/>
                  </a:lnTo>
                  <a:lnTo>
                    <a:pt x="244" y="410"/>
                  </a:lnTo>
                  <a:lnTo>
                    <a:pt x="244" y="412"/>
                  </a:lnTo>
                  <a:lnTo>
                    <a:pt x="242" y="413"/>
                  </a:lnTo>
                  <a:lnTo>
                    <a:pt x="241" y="417"/>
                  </a:lnTo>
                  <a:lnTo>
                    <a:pt x="239" y="418"/>
                  </a:lnTo>
                  <a:lnTo>
                    <a:pt x="236" y="422"/>
                  </a:lnTo>
                  <a:lnTo>
                    <a:pt x="232" y="425"/>
                  </a:lnTo>
                  <a:lnTo>
                    <a:pt x="232" y="427"/>
                  </a:lnTo>
                  <a:lnTo>
                    <a:pt x="230" y="428"/>
                  </a:lnTo>
                  <a:lnTo>
                    <a:pt x="229" y="430"/>
                  </a:lnTo>
                  <a:lnTo>
                    <a:pt x="229" y="434"/>
                  </a:lnTo>
                  <a:lnTo>
                    <a:pt x="227" y="435"/>
                  </a:lnTo>
                  <a:lnTo>
                    <a:pt x="225" y="439"/>
                  </a:lnTo>
                  <a:lnTo>
                    <a:pt x="225" y="440"/>
                  </a:lnTo>
                  <a:lnTo>
                    <a:pt x="225" y="442"/>
                  </a:lnTo>
                  <a:lnTo>
                    <a:pt x="224" y="442"/>
                  </a:lnTo>
                  <a:lnTo>
                    <a:pt x="224" y="444"/>
                  </a:lnTo>
                  <a:lnTo>
                    <a:pt x="222" y="445"/>
                  </a:lnTo>
                  <a:lnTo>
                    <a:pt x="220" y="445"/>
                  </a:lnTo>
                  <a:lnTo>
                    <a:pt x="217" y="447"/>
                  </a:lnTo>
                  <a:lnTo>
                    <a:pt x="212" y="447"/>
                  </a:lnTo>
                  <a:lnTo>
                    <a:pt x="210" y="450"/>
                  </a:lnTo>
                  <a:lnTo>
                    <a:pt x="208" y="456"/>
                  </a:lnTo>
                  <a:lnTo>
                    <a:pt x="207" y="461"/>
                  </a:lnTo>
                  <a:lnTo>
                    <a:pt x="205" y="467"/>
                  </a:lnTo>
                  <a:lnTo>
                    <a:pt x="203" y="471"/>
                  </a:lnTo>
                  <a:lnTo>
                    <a:pt x="203" y="474"/>
                  </a:lnTo>
                  <a:lnTo>
                    <a:pt x="203" y="476"/>
                  </a:lnTo>
                  <a:lnTo>
                    <a:pt x="203" y="478"/>
                  </a:lnTo>
                  <a:lnTo>
                    <a:pt x="202" y="479"/>
                  </a:lnTo>
                  <a:lnTo>
                    <a:pt x="200" y="481"/>
                  </a:lnTo>
                  <a:lnTo>
                    <a:pt x="198" y="483"/>
                  </a:lnTo>
                  <a:lnTo>
                    <a:pt x="193" y="484"/>
                  </a:lnTo>
                  <a:lnTo>
                    <a:pt x="188" y="484"/>
                  </a:lnTo>
                  <a:lnTo>
                    <a:pt x="180" y="483"/>
                  </a:lnTo>
                  <a:lnTo>
                    <a:pt x="170" y="478"/>
                  </a:lnTo>
                  <a:lnTo>
                    <a:pt x="170" y="476"/>
                  </a:lnTo>
                  <a:lnTo>
                    <a:pt x="170" y="472"/>
                  </a:lnTo>
                  <a:lnTo>
                    <a:pt x="168" y="469"/>
                  </a:lnTo>
                  <a:lnTo>
                    <a:pt x="166" y="466"/>
                  </a:lnTo>
                  <a:lnTo>
                    <a:pt x="163" y="464"/>
                  </a:lnTo>
                  <a:lnTo>
                    <a:pt x="159" y="464"/>
                  </a:lnTo>
                  <a:lnTo>
                    <a:pt x="156" y="471"/>
                  </a:lnTo>
                  <a:lnTo>
                    <a:pt x="151" y="481"/>
                  </a:lnTo>
                  <a:lnTo>
                    <a:pt x="151" y="484"/>
                  </a:lnTo>
                  <a:lnTo>
                    <a:pt x="149" y="489"/>
                  </a:lnTo>
                  <a:lnTo>
                    <a:pt x="149" y="496"/>
                  </a:lnTo>
                  <a:lnTo>
                    <a:pt x="148" y="503"/>
                  </a:lnTo>
                  <a:lnTo>
                    <a:pt x="144" y="506"/>
                  </a:lnTo>
                  <a:lnTo>
                    <a:pt x="141" y="510"/>
                  </a:lnTo>
                  <a:lnTo>
                    <a:pt x="134" y="508"/>
                  </a:lnTo>
                  <a:lnTo>
                    <a:pt x="127" y="501"/>
                  </a:lnTo>
                  <a:lnTo>
                    <a:pt x="126" y="500"/>
                  </a:lnTo>
                  <a:lnTo>
                    <a:pt x="126" y="498"/>
                  </a:lnTo>
                  <a:lnTo>
                    <a:pt x="126" y="496"/>
                  </a:lnTo>
                  <a:lnTo>
                    <a:pt x="124" y="493"/>
                  </a:lnTo>
                  <a:lnTo>
                    <a:pt x="122" y="493"/>
                  </a:lnTo>
                  <a:lnTo>
                    <a:pt x="117" y="493"/>
                  </a:lnTo>
                  <a:lnTo>
                    <a:pt x="112" y="498"/>
                  </a:lnTo>
                  <a:lnTo>
                    <a:pt x="104" y="505"/>
                  </a:lnTo>
                  <a:lnTo>
                    <a:pt x="104" y="506"/>
                  </a:lnTo>
                  <a:lnTo>
                    <a:pt x="102" y="510"/>
                  </a:lnTo>
                  <a:lnTo>
                    <a:pt x="100" y="513"/>
                  </a:lnTo>
                  <a:lnTo>
                    <a:pt x="98" y="516"/>
                  </a:lnTo>
                  <a:lnTo>
                    <a:pt x="95" y="520"/>
                  </a:lnTo>
                  <a:lnTo>
                    <a:pt x="90" y="520"/>
                  </a:lnTo>
                  <a:lnTo>
                    <a:pt x="85" y="518"/>
                  </a:lnTo>
                  <a:lnTo>
                    <a:pt x="78" y="513"/>
                  </a:lnTo>
                  <a:lnTo>
                    <a:pt x="78" y="511"/>
                  </a:lnTo>
                  <a:lnTo>
                    <a:pt x="76" y="510"/>
                  </a:lnTo>
                  <a:lnTo>
                    <a:pt x="73" y="508"/>
                  </a:lnTo>
                  <a:lnTo>
                    <a:pt x="70" y="506"/>
                  </a:lnTo>
                  <a:lnTo>
                    <a:pt x="66" y="505"/>
                  </a:lnTo>
                  <a:lnTo>
                    <a:pt x="63" y="505"/>
                  </a:lnTo>
                  <a:lnTo>
                    <a:pt x="58" y="505"/>
                  </a:lnTo>
                  <a:lnTo>
                    <a:pt x="54" y="508"/>
                  </a:lnTo>
                  <a:lnTo>
                    <a:pt x="53" y="506"/>
                  </a:lnTo>
                  <a:lnTo>
                    <a:pt x="51" y="505"/>
                  </a:lnTo>
                  <a:lnTo>
                    <a:pt x="49" y="505"/>
                  </a:lnTo>
                  <a:lnTo>
                    <a:pt x="48" y="505"/>
                  </a:lnTo>
                  <a:lnTo>
                    <a:pt x="46" y="505"/>
                  </a:lnTo>
                  <a:lnTo>
                    <a:pt x="46" y="510"/>
                  </a:lnTo>
                  <a:lnTo>
                    <a:pt x="46" y="515"/>
                  </a:lnTo>
                  <a:lnTo>
                    <a:pt x="46" y="516"/>
                  </a:lnTo>
                  <a:lnTo>
                    <a:pt x="46" y="518"/>
                  </a:lnTo>
                  <a:lnTo>
                    <a:pt x="44" y="520"/>
                  </a:lnTo>
                  <a:lnTo>
                    <a:pt x="44" y="522"/>
                  </a:lnTo>
                  <a:lnTo>
                    <a:pt x="43" y="522"/>
                  </a:lnTo>
                  <a:lnTo>
                    <a:pt x="39" y="520"/>
                  </a:lnTo>
                  <a:lnTo>
                    <a:pt x="36" y="516"/>
                  </a:lnTo>
                  <a:lnTo>
                    <a:pt x="34" y="516"/>
                  </a:lnTo>
                  <a:lnTo>
                    <a:pt x="29" y="515"/>
                  </a:lnTo>
                  <a:lnTo>
                    <a:pt x="24" y="513"/>
                  </a:lnTo>
                  <a:lnTo>
                    <a:pt x="19" y="513"/>
                  </a:lnTo>
                  <a:lnTo>
                    <a:pt x="16" y="513"/>
                  </a:lnTo>
                  <a:lnTo>
                    <a:pt x="12" y="513"/>
                  </a:lnTo>
                  <a:lnTo>
                    <a:pt x="12" y="516"/>
                  </a:lnTo>
                  <a:lnTo>
                    <a:pt x="16" y="520"/>
                  </a:lnTo>
                  <a:lnTo>
                    <a:pt x="16" y="522"/>
                  </a:lnTo>
                  <a:lnTo>
                    <a:pt x="14" y="525"/>
                  </a:lnTo>
                  <a:lnTo>
                    <a:pt x="14" y="527"/>
                  </a:lnTo>
                  <a:lnTo>
                    <a:pt x="12" y="527"/>
                  </a:lnTo>
                  <a:lnTo>
                    <a:pt x="10" y="528"/>
                  </a:lnTo>
                  <a:lnTo>
                    <a:pt x="9" y="528"/>
                  </a:lnTo>
                  <a:lnTo>
                    <a:pt x="7" y="528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07" name="Freeform 62"/>
            <p:cNvSpPr>
              <a:spLocks/>
            </p:cNvSpPr>
            <p:nvPr/>
          </p:nvSpPr>
          <p:spPr bwMode="auto">
            <a:xfrm>
              <a:off x="3357" y="2283"/>
              <a:ext cx="703" cy="359"/>
            </a:xfrm>
            <a:custGeom>
              <a:avLst/>
              <a:gdLst>
                <a:gd name="T0" fmla="*/ 426 w 723"/>
                <a:gd name="T1" fmla="*/ 23 h 370"/>
                <a:gd name="T2" fmla="*/ 415 w 723"/>
                <a:gd name="T3" fmla="*/ 16 h 370"/>
                <a:gd name="T4" fmla="*/ 394 w 723"/>
                <a:gd name="T5" fmla="*/ 26 h 370"/>
                <a:gd name="T6" fmla="*/ 378 w 723"/>
                <a:gd name="T7" fmla="*/ 21 h 370"/>
                <a:gd name="T8" fmla="*/ 362 w 723"/>
                <a:gd name="T9" fmla="*/ 28 h 370"/>
                <a:gd name="T10" fmla="*/ 329 w 723"/>
                <a:gd name="T11" fmla="*/ 16 h 370"/>
                <a:gd name="T12" fmla="*/ 300 w 723"/>
                <a:gd name="T13" fmla="*/ 1 h 370"/>
                <a:gd name="T14" fmla="*/ 289 w 723"/>
                <a:gd name="T15" fmla="*/ 0 h 370"/>
                <a:gd name="T16" fmla="*/ 285 w 723"/>
                <a:gd name="T17" fmla="*/ 16 h 370"/>
                <a:gd name="T18" fmla="*/ 289 w 723"/>
                <a:gd name="T19" fmla="*/ 28 h 370"/>
                <a:gd name="T20" fmla="*/ 267 w 723"/>
                <a:gd name="T21" fmla="*/ 35 h 370"/>
                <a:gd name="T22" fmla="*/ 256 w 723"/>
                <a:gd name="T23" fmla="*/ 38 h 370"/>
                <a:gd name="T24" fmla="*/ 254 w 723"/>
                <a:gd name="T25" fmla="*/ 50 h 370"/>
                <a:gd name="T26" fmla="*/ 245 w 723"/>
                <a:gd name="T27" fmla="*/ 62 h 370"/>
                <a:gd name="T28" fmla="*/ 241 w 723"/>
                <a:gd name="T29" fmla="*/ 70 h 370"/>
                <a:gd name="T30" fmla="*/ 232 w 723"/>
                <a:gd name="T31" fmla="*/ 75 h 370"/>
                <a:gd name="T32" fmla="*/ 226 w 723"/>
                <a:gd name="T33" fmla="*/ 92 h 370"/>
                <a:gd name="T34" fmla="*/ 216 w 723"/>
                <a:gd name="T35" fmla="*/ 99 h 370"/>
                <a:gd name="T36" fmla="*/ 199 w 723"/>
                <a:gd name="T37" fmla="*/ 84 h 370"/>
                <a:gd name="T38" fmla="*/ 188 w 723"/>
                <a:gd name="T39" fmla="*/ 111 h 370"/>
                <a:gd name="T40" fmla="*/ 174 w 723"/>
                <a:gd name="T41" fmla="*/ 106 h 370"/>
                <a:gd name="T42" fmla="*/ 158 w 723"/>
                <a:gd name="T43" fmla="*/ 115 h 370"/>
                <a:gd name="T44" fmla="*/ 142 w 723"/>
                <a:gd name="T45" fmla="*/ 115 h 370"/>
                <a:gd name="T46" fmla="*/ 125 w 723"/>
                <a:gd name="T47" fmla="*/ 114 h 370"/>
                <a:gd name="T48" fmla="*/ 120 w 723"/>
                <a:gd name="T49" fmla="*/ 115 h 370"/>
                <a:gd name="T50" fmla="*/ 118 w 723"/>
                <a:gd name="T51" fmla="*/ 123 h 370"/>
                <a:gd name="T52" fmla="*/ 100 w 723"/>
                <a:gd name="T53" fmla="*/ 117 h 370"/>
                <a:gd name="T54" fmla="*/ 97 w 723"/>
                <a:gd name="T55" fmla="*/ 127 h 370"/>
                <a:gd name="T56" fmla="*/ 90 w 723"/>
                <a:gd name="T57" fmla="*/ 131 h 370"/>
                <a:gd name="T58" fmla="*/ 88 w 723"/>
                <a:gd name="T59" fmla="*/ 146 h 370"/>
                <a:gd name="T60" fmla="*/ 86 w 723"/>
                <a:gd name="T61" fmla="*/ 156 h 370"/>
                <a:gd name="T62" fmla="*/ 65 w 723"/>
                <a:gd name="T63" fmla="*/ 167 h 370"/>
                <a:gd name="T64" fmla="*/ 71 w 723"/>
                <a:gd name="T65" fmla="*/ 188 h 370"/>
                <a:gd name="T66" fmla="*/ 43 w 723"/>
                <a:gd name="T67" fmla="*/ 178 h 370"/>
                <a:gd name="T68" fmla="*/ 18 w 723"/>
                <a:gd name="T69" fmla="*/ 188 h 370"/>
                <a:gd name="T70" fmla="*/ 18 w 723"/>
                <a:gd name="T71" fmla="*/ 198 h 370"/>
                <a:gd name="T72" fmla="*/ 0 w 723"/>
                <a:gd name="T73" fmla="*/ 243 h 370"/>
                <a:gd name="T74" fmla="*/ 108 w 723"/>
                <a:gd name="T75" fmla="*/ 219 h 370"/>
                <a:gd name="T76" fmla="*/ 134 w 723"/>
                <a:gd name="T77" fmla="*/ 219 h 370"/>
                <a:gd name="T78" fmla="*/ 184 w 723"/>
                <a:gd name="T79" fmla="*/ 215 h 370"/>
                <a:gd name="T80" fmla="*/ 264 w 723"/>
                <a:gd name="T81" fmla="*/ 209 h 370"/>
                <a:gd name="T82" fmla="*/ 339 w 723"/>
                <a:gd name="T83" fmla="*/ 203 h 370"/>
                <a:gd name="T84" fmla="*/ 376 w 723"/>
                <a:gd name="T85" fmla="*/ 199 h 370"/>
                <a:gd name="T86" fmla="*/ 390 w 723"/>
                <a:gd name="T87" fmla="*/ 194 h 370"/>
                <a:gd name="T88" fmla="*/ 413 w 723"/>
                <a:gd name="T89" fmla="*/ 181 h 370"/>
                <a:gd name="T90" fmla="*/ 423 w 723"/>
                <a:gd name="T91" fmla="*/ 174 h 370"/>
                <a:gd name="T92" fmla="*/ 436 w 723"/>
                <a:gd name="T93" fmla="*/ 166 h 370"/>
                <a:gd name="T94" fmla="*/ 439 w 723"/>
                <a:gd name="T95" fmla="*/ 156 h 370"/>
                <a:gd name="T96" fmla="*/ 449 w 723"/>
                <a:gd name="T97" fmla="*/ 142 h 370"/>
                <a:gd name="T98" fmla="*/ 473 w 723"/>
                <a:gd name="T99" fmla="*/ 124 h 370"/>
                <a:gd name="T100" fmla="*/ 473 w 723"/>
                <a:gd name="T101" fmla="*/ 123 h 370"/>
                <a:gd name="T102" fmla="*/ 477 w 723"/>
                <a:gd name="T103" fmla="*/ 100 h 370"/>
                <a:gd name="T104" fmla="*/ 464 w 723"/>
                <a:gd name="T105" fmla="*/ 90 h 370"/>
                <a:gd name="T106" fmla="*/ 439 w 723"/>
                <a:gd name="T107" fmla="*/ 58 h 370"/>
                <a:gd name="T108" fmla="*/ 437 w 723"/>
                <a:gd name="T109" fmla="*/ 39 h 370"/>
                <a:gd name="T110" fmla="*/ 439 w 723"/>
                <a:gd name="T111" fmla="*/ 37 h 370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w 723"/>
                <a:gd name="T169" fmla="*/ 0 h 370"/>
                <a:gd name="T170" fmla="*/ 723 w 723"/>
                <a:gd name="T171" fmla="*/ 370 h 370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T168" t="T169" r="T170" b="T171"/>
              <a:pathLst>
                <a:path w="723" h="370">
                  <a:moveTo>
                    <a:pt x="650" y="52"/>
                  </a:moveTo>
                  <a:lnTo>
                    <a:pt x="648" y="50"/>
                  </a:lnTo>
                  <a:lnTo>
                    <a:pt x="647" y="49"/>
                  </a:lnTo>
                  <a:lnTo>
                    <a:pt x="643" y="45"/>
                  </a:lnTo>
                  <a:lnTo>
                    <a:pt x="640" y="42"/>
                  </a:lnTo>
                  <a:lnTo>
                    <a:pt x="635" y="39"/>
                  </a:lnTo>
                  <a:lnTo>
                    <a:pt x="631" y="37"/>
                  </a:lnTo>
                  <a:lnTo>
                    <a:pt x="626" y="37"/>
                  </a:lnTo>
                  <a:lnTo>
                    <a:pt x="623" y="40"/>
                  </a:lnTo>
                  <a:lnTo>
                    <a:pt x="621" y="39"/>
                  </a:lnTo>
                  <a:lnTo>
                    <a:pt x="621" y="35"/>
                  </a:lnTo>
                  <a:lnTo>
                    <a:pt x="621" y="30"/>
                  </a:lnTo>
                  <a:lnTo>
                    <a:pt x="620" y="25"/>
                  </a:lnTo>
                  <a:lnTo>
                    <a:pt x="616" y="22"/>
                  </a:lnTo>
                  <a:lnTo>
                    <a:pt x="611" y="20"/>
                  </a:lnTo>
                  <a:lnTo>
                    <a:pt x="604" y="23"/>
                  </a:lnTo>
                  <a:lnTo>
                    <a:pt x="594" y="32"/>
                  </a:lnTo>
                  <a:lnTo>
                    <a:pt x="593" y="34"/>
                  </a:lnTo>
                  <a:lnTo>
                    <a:pt x="591" y="35"/>
                  </a:lnTo>
                  <a:lnTo>
                    <a:pt x="588" y="39"/>
                  </a:lnTo>
                  <a:lnTo>
                    <a:pt x="584" y="40"/>
                  </a:lnTo>
                  <a:lnTo>
                    <a:pt x="579" y="42"/>
                  </a:lnTo>
                  <a:lnTo>
                    <a:pt x="574" y="44"/>
                  </a:lnTo>
                  <a:lnTo>
                    <a:pt x="567" y="40"/>
                  </a:lnTo>
                  <a:lnTo>
                    <a:pt x="562" y="37"/>
                  </a:lnTo>
                  <a:lnTo>
                    <a:pt x="560" y="35"/>
                  </a:lnTo>
                  <a:lnTo>
                    <a:pt x="559" y="35"/>
                  </a:lnTo>
                  <a:lnTo>
                    <a:pt x="557" y="34"/>
                  </a:lnTo>
                  <a:lnTo>
                    <a:pt x="554" y="35"/>
                  </a:lnTo>
                  <a:lnTo>
                    <a:pt x="550" y="35"/>
                  </a:lnTo>
                  <a:lnTo>
                    <a:pt x="547" y="39"/>
                  </a:lnTo>
                  <a:lnTo>
                    <a:pt x="542" y="44"/>
                  </a:lnTo>
                  <a:lnTo>
                    <a:pt x="540" y="44"/>
                  </a:lnTo>
                  <a:lnTo>
                    <a:pt x="537" y="42"/>
                  </a:lnTo>
                  <a:lnTo>
                    <a:pt x="533" y="42"/>
                  </a:lnTo>
                  <a:lnTo>
                    <a:pt x="532" y="42"/>
                  </a:lnTo>
                  <a:lnTo>
                    <a:pt x="518" y="30"/>
                  </a:lnTo>
                  <a:lnTo>
                    <a:pt x="488" y="28"/>
                  </a:lnTo>
                  <a:lnTo>
                    <a:pt x="488" y="27"/>
                  </a:lnTo>
                  <a:lnTo>
                    <a:pt x="488" y="23"/>
                  </a:lnTo>
                  <a:lnTo>
                    <a:pt x="486" y="20"/>
                  </a:lnTo>
                  <a:lnTo>
                    <a:pt x="484" y="15"/>
                  </a:lnTo>
                  <a:lnTo>
                    <a:pt x="479" y="10"/>
                  </a:lnTo>
                  <a:lnTo>
                    <a:pt x="472" y="5"/>
                  </a:lnTo>
                  <a:lnTo>
                    <a:pt x="462" y="3"/>
                  </a:lnTo>
                  <a:lnTo>
                    <a:pt x="450" y="1"/>
                  </a:lnTo>
                  <a:lnTo>
                    <a:pt x="449" y="1"/>
                  </a:lnTo>
                  <a:lnTo>
                    <a:pt x="445" y="1"/>
                  </a:lnTo>
                  <a:lnTo>
                    <a:pt x="442" y="1"/>
                  </a:lnTo>
                  <a:lnTo>
                    <a:pt x="437" y="1"/>
                  </a:lnTo>
                  <a:lnTo>
                    <a:pt x="432" y="1"/>
                  </a:lnTo>
                  <a:lnTo>
                    <a:pt x="428" y="1"/>
                  </a:lnTo>
                  <a:lnTo>
                    <a:pt x="427" y="1"/>
                  </a:lnTo>
                  <a:lnTo>
                    <a:pt x="425" y="1"/>
                  </a:lnTo>
                  <a:lnTo>
                    <a:pt x="427" y="0"/>
                  </a:lnTo>
                  <a:lnTo>
                    <a:pt x="425" y="0"/>
                  </a:lnTo>
                  <a:lnTo>
                    <a:pt x="425" y="1"/>
                  </a:lnTo>
                  <a:lnTo>
                    <a:pt x="423" y="3"/>
                  </a:lnTo>
                  <a:lnTo>
                    <a:pt x="423" y="6"/>
                  </a:lnTo>
                  <a:lnTo>
                    <a:pt x="422" y="12"/>
                  </a:lnTo>
                  <a:lnTo>
                    <a:pt x="422" y="17"/>
                  </a:lnTo>
                  <a:lnTo>
                    <a:pt x="422" y="22"/>
                  </a:lnTo>
                  <a:lnTo>
                    <a:pt x="423" y="28"/>
                  </a:lnTo>
                  <a:lnTo>
                    <a:pt x="425" y="30"/>
                  </a:lnTo>
                  <a:lnTo>
                    <a:pt x="427" y="32"/>
                  </a:lnTo>
                  <a:lnTo>
                    <a:pt x="428" y="35"/>
                  </a:lnTo>
                  <a:lnTo>
                    <a:pt x="430" y="37"/>
                  </a:lnTo>
                  <a:lnTo>
                    <a:pt x="430" y="40"/>
                  </a:lnTo>
                  <a:lnTo>
                    <a:pt x="428" y="42"/>
                  </a:lnTo>
                  <a:lnTo>
                    <a:pt x="422" y="44"/>
                  </a:lnTo>
                  <a:lnTo>
                    <a:pt x="413" y="45"/>
                  </a:lnTo>
                  <a:lnTo>
                    <a:pt x="412" y="45"/>
                  </a:lnTo>
                  <a:lnTo>
                    <a:pt x="408" y="45"/>
                  </a:lnTo>
                  <a:lnTo>
                    <a:pt x="405" y="47"/>
                  </a:lnTo>
                  <a:lnTo>
                    <a:pt x="400" y="49"/>
                  </a:lnTo>
                  <a:lnTo>
                    <a:pt x="396" y="49"/>
                  </a:lnTo>
                  <a:lnTo>
                    <a:pt x="393" y="50"/>
                  </a:lnTo>
                  <a:lnTo>
                    <a:pt x="391" y="50"/>
                  </a:lnTo>
                  <a:lnTo>
                    <a:pt x="390" y="50"/>
                  </a:lnTo>
                  <a:lnTo>
                    <a:pt x="386" y="50"/>
                  </a:lnTo>
                  <a:lnTo>
                    <a:pt x="383" y="52"/>
                  </a:lnTo>
                  <a:lnTo>
                    <a:pt x="378" y="54"/>
                  </a:lnTo>
                  <a:lnTo>
                    <a:pt x="374" y="56"/>
                  </a:lnTo>
                  <a:lnTo>
                    <a:pt x="371" y="61"/>
                  </a:lnTo>
                  <a:lnTo>
                    <a:pt x="373" y="66"/>
                  </a:lnTo>
                  <a:lnTo>
                    <a:pt x="376" y="74"/>
                  </a:lnTo>
                  <a:lnTo>
                    <a:pt x="376" y="76"/>
                  </a:lnTo>
                  <a:lnTo>
                    <a:pt x="376" y="78"/>
                  </a:lnTo>
                  <a:lnTo>
                    <a:pt x="374" y="79"/>
                  </a:lnTo>
                  <a:lnTo>
                    <a:pt x="373" y="83"/>
                  </a:lnTo>
                  <a:lnTo>
                    <a:pt x="371" y="84"/>
                  </a:lnTo>
                  <a:lnTo>
                    <a:pt x="368" y="88"/>
                  </a:lnTo>
                  <a:lnTo>
                    <a:pt x="364" y="91"/>
                  </a:lnTo>
                  <a:lnTo>
                    <a:pt x="364" y="93"/>
                  </a:lnTo>
                  <a:lnTo>
                    <a:pt x="362" y="94"/>
                  </a:lnTo>
                  <a:lnTo>
                    <a:pt x="361" y="96"/>
                  </a:lnTo>
                  <a:lnTo>
                    <a:pt x="361" y="100"/>
                  </a:lnTo>
                  <a:lnTo>
                    <a:pt x="359" y="101"/>
                  </a:lnTo>
                  <a:lnTo>
                    <a:pt x="357" y="105"/>
                  </a:lnTo>
                  <a:lnTo>
                    <a:pt x="357" y="106"/>
                  </a:lnTo>
                  <a:lnTo>
                    <a:pt x="357" y="108"/>
                  </a:lnTo>
                  <a:lnTo>
                    <a:pt x="356" y="108"/>
                  </a:lnTo>
                  <a:lnTo>
                    <a:pt x="356" y="110"/>
                  </a:lnTo>
                  <a:lnTo>
                    <a:pt x="354" y="111"/>
                  </a:lnTo>
                  <a:lnTo>
                    <a:pt x="352" y="111"/>
                  </a:lnTo>
                  <a:lnTo>
                    <a:pt x="349" y="113"/>
                  </a:lnTo>
                  <a:lnTo>
                    <a:pt x="344" y="113"/>
                  </a:lnTo>
                  <a:lnTo>
                    <a:pt x="342" y="116"/>
                  </a:lnTo>
                  <a:lnTo>
                    <a:pt x="340" y="122"/>
                  </a:lnTo>
                  <a:lnTo>
                    <a:pt x="339" y="127"/>
                  </a:lnTo>
                  <a:lnTo>
                    <a:pt x="337" y="133"/>
                  </a:lnTo>
                  <a:lnTo>
                    <a:pt x="335" y="137"/>
                  </a:lnTo>
                  <a:lnTo>
                    <a:pt x="335" y="140"/>
                  </a:lnTo>
                  <a:lnTo>
                    <a:pt x="335" y="142"/>
                  </a:lnTo>
                  <a:lnTo>
                    <a:pt x="335" y="144"/>
                  </a:lnTo>
                  <a:lnTo>
                    <a:pt x="334" y="145"/>
                  </a:lnTo>
                  <a:lnTo>
                    <a:pt x="332" y="147"/>
                  </a:lnTo>
                  <a:lnTo>
                    <a:pt x="330" y="149"/>
                  </a:lnTo>
                  <a:lnTo>
                    <a:pt x="325" y="150"/>
                  </a:lnTo>
                  <a:lnTo>
                    <a:pt x="320" y="150"/>
                  </a:lnTo>
                  <a:lnTo>
                    <a:pt x="312" y="149"/>
                  </a:lnTo>
                  <a:lnTo>
                    <a:pt x="302" y="144"/>
                  </a:lnTo>
                  <a:lnTo>
                    <a:pt x="302" y="142"/>
                  </a:lnTo>
                  <a:lnTo>
                    <a:pt x="302" y="138"/>
                  </a:lnTo>
                  <a:lnTo>
                    <a:pt x="300" y="135"/>
                  </a:lnTo>
                  <a:lnTo>
                    <a:pt x="298" y="132"/>
                  </a:lnTo>
                  <a:lnTo>
                    <a:pt x="295" y="130"/>
                  </a:lnTo>
                  <a:lnTo>
                    <a:pt x="291" y="130"/>
                  </a:lnTo>
                  <a:lnTo>
                    <a:pt x="288" y="137"/>
                  </a:lnTo>
                  <a:lnTo>
                    <a:pt x="283" y="147"/>
                  </a:lnTo>
                  <a:lnTo>
                    <a:pt x="283" y="150"/>
                  </a:lnTo>
                  <a:lnTo>
                    <a:pt x="281" y="155"/>
                  </a:lnTo>
                  <a:lnTo>
                    <a:pt x="281" y="162"/>
                  </a:lnTo>
                  <a:lnTo>
                    <a:pt x="280" y="169"/>
                  </a:lnTo>
                  <a:lnTo>
                    <a:pt x="276" y="172"/>
                  </a:lnTo>
                  <a:lnTo>
                    <a:pt x="273" y="176"/>
                  </a:lnTo>
                  <a:lnTo>
                    <a:pt x="266" y="174"/>
                  </a:lnTo>
                  <a:lnTo>
                    <a:pt x="259" y="167"/>
                  </a:lnTo>
                  <a:lnTo>
                    <a:pt x="258" y="166"/>
                  </a:lnTo>
                  <a:lnTo>
                    <a:pt x="258" y="164"/>
                  </a:lnTo>
                  <a:lnTo>
                    <a:pt x="258" y="162"/>
                  </a:lnTo>
                  <a:lnTo>
                    <a:pt x="256" y="159"/>
                  </a:lnTo>
                  <a:lnTo>
                    <a:pt x="254" y="159"/>
                  </a:lnTo>
                  <a:lnTo>
                    <a:pt x="249" y="159"/>
                  </a:lnTo>
                  <a:lnTo>
                    <a:pt x="244" y="164"/>
                  </a:lnTo>
                  <a:lnTo>
                    <a:pt x="236" y="171"/>
                  </a:lnTo>
                  <a:lnTo>
                    <a:pt x="236" y="172"/>
                  </a:lnTo>
                  <a:lnTo>
                    <a:pt x="234" y="176"/>
                  </a:lnTo>
                  <a:lnTo>
                    <a:pt x="232" y="179"/>
                  </a:lnTo>
                  <a:lnTo>
                    <a:pt x="230" y="182"/>
                  </a:lnTo>
                  <a:lnTo>
                    <a:pt x="227" y="186"/>
                  </a:lnTo>
                  <a:lnTo>
                    <a:pt x="222" y="186"/>
                  </a:lnTo>
                  <a:lnTo>
                    <a:pt x="217" y="184"/>
                  </a:lnTo>
                  <a:lnTo>
                    <a:pt x="210" y="179"/>
                  </a:lnTo>
                  <a:lnTo>
                    <a:pt x="210" y="177"/>
                  </a:lnTo>
                  <a:lnTo>
                    <a:pt x="208" y="176"/>
                  </a:lnTo>
                  <a:lnTo>
                    <a:pt x="205" y="174"/>
                  </a:lnTo>
                  <a:lnTo>
                    <a:pt x="202" y="172"/>
                  </a:lnTo>
                  <a:lnTo>
                    <a:pt x="198" y="171"/>
                  </a:lnTo>
                  <a:lnTo>
                    <a:pt x="195" y="171"/>
                  </a:lnTo>
                  <a:lnTo>
                    <a:pt x="190" y="171"/>
                  </a:lnTo>
                  <a:lnTo>
                    <a:pt x="186" y="174"/>
                  </a:lnTo>
                  <a:lnTo>
                    <a:pt x="185" y="172"/>
                  </a:lnTo>
                  <a:lnTo>
                    <a:pt x="183" y="171"/>
                  </a:lnTo>
                  <a:lnTo>
                    <a:pt x="181" y="171"/>
                  </a:lnTo>
                  <a:lnTo>
                    <a:pt x="180" y="171"/>
                  </a:lnTo>
                  <a:lnTo>
                    <a:pt x="178" y="171"/>
                  </a:lnTo>
                  <a:lnTo>
                    <a:pt x="178" y="176"/>
                  </a:lnTo>
                  <a:lnTo>
                    <a:pt x="178" y="181"/>
                  </a:lnTo>
                  <a:lnTo>
                    <a:pt x="178" y="182"/>
                  </a:lnTo>
                  <a:lnTo>
                    <a:pt x="178" y="184"/>
                  </a:lnTo>
                  <a:lnTo>
                    <a:pt x="176" y="186"/>
                  </a:lnTo>
                  <a:lnTo>
                    <a:pt x="176" y="188"/>
                  </a:lnTo>
                  <a:lnTo>
                    <a:pt x="175" y="188"/>
                  </a:lnTo>
                  <a:lnTo>
                    <a:pt x="171" y="186"/>
                  </a:lnTo>
                  <a:lnTo>
                    <a:pt x="168" y="182"/>
                  </a:lnTo>
                  <a:lnTo>
                    <a:pt x="166" y="182"/>
                  </a:lnTo>
                  <a:lnTo>
                    <a:pt x="161" y="181"/>
                  </a:lnTo>
                  <a:lnTo>
                    <a:pt x="156" y="179"/>
                  </a:lnTo>
                  <a:lnTo>
                    <a:pt x="151" y="179"/>
                  </a:lnTo>
                  <a:lnTo>
                    <a:pt x="148" y="179"/>
                  </a:lnTo>
                  <a:lnTo>
                    <a:pt x="144" y="179"/>
                  </a:lnTo>
                  <a:lnTo>
                    <a:pt x="144" y="182"/>
                  </a:lnTo>
                  <a:lnTo>
                    <a:pt x="148" y="186"/>
                  </a:lnTo>
                  <a:lnTo>
                    <a:pt x="148" y="188"/>
                  </a:lnTo>
                  <a:lnTo>
                    <a:pt x="146" y="188"/>
                  </a:lnTo>
                  <a:lnTo>
                    <a:pt x="146" y="191"/>
                  </a:lnTo>
                  <a:lnTo>
                    <a:pt x="144" y="193"/>
                  </a:lnTo>
                  <a:lnTo>
                    <a:pt x="142" y="193"/>
                  </a:lnTo>
                  <a:lnTo>
                    <a:pt x="141" y="194"/>
                  </a:lnTo>
                  <a:lnTo>
                    <a:pt x="139" y="194"/>
                  </a:lnTo>
                  <a:lnTo>
                    <a:pt x="136" y="194"/>
                  </a:lnTo>
                  <a:lnTo>
                    <a:pt x="136" y="196"/>
                  </a:lnTo>
                  <a:lnTo>
                    <a:pt x="136" y="198"/>
                  </a:lnTo>
                  <a:lnTo>
                    <a:pt x="134" y="199"/>
                  </a:lnTo>
                  <a:lnTo>
                    <a:pt x="134" y="201"/>
                  </a:lnTo>
                  <a:lnTo>
                    <a:pt x="132" y="204"/>
                  </a:lnTo>
                  <a:lnTo>
                    <a:pt x="131" y="206"/>
                  </a:lnTo>
                  <a:lnTo>
                    <a:pt x="129" y="208"/>
                  </a:lnTo>
                  <a:lnTo>
                    <a:pt x="129" y="210"/>
                  </a:lnTo>
                  <a:lnTo>
                    <a:pt x="127" y="218"/>
                  </a:lnTo>
                  <a:lnTo>
                    <a:pt x="131" y="223"/>
                  </a:lnTo>
                  <a:lnTo>
                    <a:pt x="132" y="225"/>
                  </a:lnTo>
                  <a:lnTo>
                    <a:pt x="134" y="226"/>
                  </a:lnTo>
                  <a:lnTo>
                    <a:pt x="134" y="228"/>
                  </a:lnTo>
                  <a:lnTo>
                    <a:pt x="136" y="232"/>
                  </a:lnTo>
                  <a:lnTo>
                    <a:pt x="136" y="235"/>
                  </a:lnTo>
                  <a:lnTo>
                    <a:pt x="134" y="237"/>
                  </a:lnTo>
                  <a:lnTo>
                    <a:pt x="127" y="238"/>
                  </a:lnTo>
                  <a:lnTo>
                    <a:pt x="119" y="240"/>
                  </a:lnTo>
                  <a:lnTo>
                    <a:pt x="117" y="240"/>
                  </a:lnTo>
                  <a:lnTo>
                    <a:pt x="112" y="240"/>
                  </a:lnTo>
                  <a:lnTo>
                    <a:pt x="107" y="243"/>
                  </a:lnTo>
                  <a:lnTo>
                    <a:pt x="102" y="245"/>
                  </a:lnTo>
                  <a:lnTo>
                    <a:pt x="97" y="250"/>
                  </a:lnTo>
                  <a:lnTo>
                    <a:pt x="95" y="255"/>
                  </a:lnTo>
                  <a:lnTo>
                    <a:pt x="95" y="264"/>
                  </a:lnTo>
                  <a:lnTo>
                    <a:pt x="100" y="272"/>
                  </a:lnTo>
                  <a:lnTo>
                    <a:pt x="100" y="274"/>
                  </a:lnTo>
                  <a:lnTo>
                    <a:pt x="104" y="277"/>
                  </a:lnTo>
                  <a:lnTo>
                    <a:pt x="104" y="281"/>
                  </a:lnTo>
                  <a:lnTo>
                    <a:pt x="105" y="284"/>
                  </a:lnTo>
                  <a:lnTo>
                    <a:pt x="104" y="287"/>
                  </a:lnTo>
                  <a:lnTo>
                    <a:pt x="98" y="289"/>
                  </a:lnTo>
                  <a:lnTo>
                    <a:pt x="88" y="287"/>
                  </a:lnTo>
                  <a:lnTo>
                    <a:pt x="75" y="282"/>
                  </a:lnTo>
                  <a:lnTo>
                    <a:pt x="71" y="281"/>
                  </a:lnTo>
                  <a:lnTo>
                    <a:pt x="68" y="277"/>
                  </a:lnTo>
                  <a:lnTo>
                    <a:pt x="65" y="276"/>
                  </a:lnTo>
                  <a:lnTo>
                    <a:pt x="60" y="272"/>
                  </a:lnTo>
                  <a:lnTo>
                    <a:pt x="54" y="272"/>
                  </a:lnTo>
                  <a:lnTo>
                    <a:pt x="49" y="272"/>
                  </a:lnTo>
                  <a:lnTo>
                    <a:pt x="44" y="276"/>
                  </a:lnTo>
                  <a:lnTo>
                    <a:pt x="38" y="282"/>
                  </a:lnTo>
                  <a:lnTo>
                    <a:pt x="38" y="284"/>
                  </a:lnTo>
                  <a:lnTo>
                    <a:pt x="36" y="286"/>
                  </a:lnTo>
                  <a:lnTo>
                    <a:pt x="32" y="287"/>
                  </a:lnTo>
                  <a:lnTo>
                    <a:pt x="31" y="289"/>
                  </a:lnTo>
                  <a:lnTo>
                    <a:pt x="27" y="292"/>
                  </a:lnTo>
                  <a:lnTo>
                    <a:pt x="26" y="294"/>
                  </a:lnTo>
                  <a:lnTo>
                    <a:pt x="26" y="296"/>
                  </a:lnTo>
                  <a:lnTo>
                    <a:pt x="24" y="296"/>
                  </a:lnTo>
                  <a:lnTo>
                    <a:pt x="26" y="298"/>
                  </a:lnTo>
                  <a:lnTo>
                    <a:pt x="29" y="301"/>
                  </a:lnTo>
                  <a:lnTo>
                    <a:pt x="32" y="303"/>
                  </a:lnTo>
                  <a:lnTo>
                    <a:pt x="34" y="304"/>
                  </a:lnTo>
                  <a:lnTo>
                    <a:pt x="43" y="311"/>
                  </a:lnTo>
                  <a:lnTo>
                    <a:pt x="38" y="320"/>
                  </a:lnTo>
                  <a:lnTo>
                    <a:pt x="38" y="355"/>
                  </a:lnTo>
                  <a:lnTo>
                    <a:pt x="19" y="357"/>
                  </a:lnTo>
                  <a:lnTo>
                    <a:pt x="0" y="370"/>
                  </a:lnTo>
                  <a:lnTo>
                    <a:pt x="0" y="369"/>
                  </a:lnTo>
                  <a:lnTo>
                    <a:pt x="148" y="357"/>
                  </a:lnTo>
                  <a:lnTo>
                    <a:pt x="148" y="333"/>
                  </a:lnTo>
                  <a:lnTo>
                    <a:pt x="149" y="335"/>
                  </a:lnTo>
                  <a:lnTo>
                    <a:pt x="153" y="335"/>
                  </a:lnTo>
                  <a:lnTo>
                    <a:pt x="158" y="335"/>
                  </a:lnTo>
                  <a:lnTo>
                    <a:pt x="164" y="335"/>
                  </a:lnTo>
                  <a:lnTo>
                    <a:pt x="171" y="336"/>
                  </a:lnTo>
                  <a:lnTo>
                    <a:pt x="178" y="336"/>
                  </a:lnTo>
                  <a:lnTo>
                    <a:pt x="186" y="336"/>
                  </a:lnTo>
                  <a:lnTo>
                    <a:pt x="188" y="336"/>
                  </a:lnTo>
                  <a:lnTo>
                    <a:pt x="192" y="336"/>
                  </a:lnTo>
                  <a:lnTo>
                    <a:pt x="197" y="335"/>
                  </a:lnTo>
                  <a:lnTo>
                    <a:pt x="203" y="335"/>
                  </a:lnTo>
                  <a:lnTo>
                    <a:pt x="212" y="333"/>
                  </a:lnTo>
                  <a:lnTo>
                    <a:pt x="222" y="333"/>
                  </a:lnTo>
                  <a:lnTo>
                    <a:pt x="232" y="331"/>
                  </a:lnTo>
                  <a:lnTo>
                    <a:pt x="246" y="331"/>
                  </a:lnTo>
                  <a:lnTo>
                    <a:pt x="259" y="330"/>
                  </a:lnTo>
                  <a:lnTo>
                    <a:pt x="273" y="328"/>
                  </a:lnTo>
                  <a:lnTo>
                    <a:pt x="288" y="328"/>
                  </a:lnTo>
                  <a:lnTo>
                    <a:pt x="305" y="326"/>
                  </a:lnTo>
                  <a:lnTo>
                    <a:pt x="322" y="325"/>
                  </a:lnTo>
                  <a:lnTo>
                    <a:pt x="339" y="323"/>
                  </a:lnTo>
                  <a:lnTo>
                    <a:pt x="356" y="321"/>
                  </a:lnTo>
                  <a:lnTo>
                    <a:pt x="373" y="320"/>
                  </a:lnTo>
                  <a:lnTo>
                    <a:pt x="391" y="318"/>
                  </a:lnTo>
                  <a:lnTo>
                    <a:pt x="408" y="318"/>
                  </a:lnTo>
                  <a:lnTo>
                    <a:pt x="425" y="316"/>
                  </a:lnTo>
                  <a:lnTo>
                    <a:pt x="440" y="314"/>
                  </a:lnTo>
                  <a:lnTo>
                    <a:pt x="457" y="313"/>
                  </a:lnTo>
                  <a:lnTo>
                    <a:pt x="472" y="311"/>
                  </a:lnTo>
                  <a:lnTo>
                    <a:pt x="488" y="309"/>
                  </a:lnTo>
                  <a:lnTo>
                    <a:pt x="501" y="309"/>
                  </a:lnTo>
                  <a:lnTo>
                    <a:pt x="513" y="308"/>
                  </a:lnTo>
                  <a:lnTo>
                    <a:pt x="525" y="306"/>
                  </a:lnTo>
                  <a:lnTo>
                    <a:pt x="535" y="306"/>
                  </a:lnTo>
                  <a:lnTo>
                    <a:pt x="544" y="306"/>
                  </a:lnTo>
                  <a:lnTo>
                    <a:pt x="549" y="304"/>
                  </a:lnTo>
                  <a:lnTo>
                    <a:pt x="554" y="304"/>
                  </a:lnTo>
                  <a:lnTo>
                    <a:pt x="557" y="304"/>
                  </a:lnTo>
                  <a:lnTo>
                    <a:pt x="559" y="304"/>
                  </a:lnTo>
                  <a:lnTo>
                    <a:pt x="560" y="303"/>
                  </a:lnTo>
                  <a:lnTo>
                    <a:pt x="564" y="301"/>
                  </a:lnTo>
                  <a:lnTo>
                    <a:pt x="567" y="299"/>
                  </a:lnTo>
                  <a:lnTo>
                    <a:pt x="571" y="298"/>
                  </a:lnTo>
                  <a:lnTo>
                    <a:pt x="576" y="296"/>
                  </a:lnTo>
                  <a:lnTo>
                    <a:pt x="581" y="292"/>
                  </a:lnTo>
                  <a:lnTo>
                    <a:pt x="586" y="291"/>
                  </a:lnTo>
                  <a:lnTo>
                    <a:pt x="591" y="287"/>
                  </a:lnTo>
                  <a:lnTo>
                    <a:pt x="596" y="286"/>
                  </a:lnTo>
                  <a:lnTo>
                    <a:pt x="601" y="282"/>
                  </a:lnTo>
                  <a:lnTo>
                    <a:pt x="606" y="281"/>
                  </a:lnTo>
                  <a:lnTo>
                    <a:pt x="611" y="277"/>
                  </a:lnTo>
                  <a:lnTo>
                    <a:pt x="615" y="276"/>
                  </a:lnTo>
                  <a:lnTo>
                    <a:pt x="618" y="274"/>
                  </a:lnTo>
                  <a:lnTo>
                    <a:pt x="620" y="274"/>
                  </a:lnTo>
                  <a:lnTo>
                    <a:pt x="621" y="272"/>
                  </a:lnTo>
                  <a:lnTo>
                    <a:pt x="621" y="270"/>
                  </a:lnTo>
                  <a:lnTo>
                    <a:pt x="623" y="269"/>
                  </a:lnTo>
                  <a:lnTo>
                    <a:pt x="625" y="265"/>
                  </a:lnTo>
                  <a:lnTo>
                    <a:pt x="626" y="264"/>
                  </a:lnTo>
                  <a:lnTo>
                    <a:pt x="630" y="260"/>
                  </a:lnTo>
                  <a:lnTo>
                    <a:pt x="635" y="259"/>
                  </a:lnTo>
                  <a:lnTo>
                    <a:pt x="640" y="255"/>
                  </a:lnTo>
                  <a:lnTo>
                    <a:pt x="643" y="255"/>
                  </a:lnTo>
                  <a:lnTo>
                    <a:pt x="643" y="254"/>
                  </a:lnTo>
                  <a:lnTo>
                    <a:pt x="645" y="252"/>
                  </a:lnTo>
                  <a:lnTo>
                    <a:pt x="647" y="252"/>
                  </a:lnTo>
                  <a:lnTo>
                    <a:pt x="647" y="248"/>
                  </a:lnTo>
                  <a:lnTo>
                    <a:pt x="647" y="247"/>
                  </a:lnTo>
                  <a:lnTo>
                    <a:pt x="648" y="245"/>
                  </a:lnTo>
                  <a:lnTo>
                    <a:pt x="648" y="243"/>
                  </a:lnTo>
                  <a:lnTo>
                    <a:pt x="650" y="240"/>
                  </a:lnTo>
                  <a:lnTo>
                    <a:pt x="652" y="238"/>
                  </a:lnTo>
                  <a:lnTo>
                    <a:pt x="653" y="237"/>
                  </a:lnTo>
                  <a:lnTo>
                    <a:pt x="655" y="235"/>
                  </a:lnTo>
                  <a:lnTo>
                    <a:pt x="657" y="232"/>
                  </a:lnTo>
                  <a:lnTo>
                    <a:pt x="659" y="228"/>
                  </a:lnTo>
                  <a:lnTo>
                    <a:pt x="660" y="225"/>
                  </a:lnTo>
                  <a:lnTo>
                    <a:pt x="662" y="221"/>
                  </a:lnTo>
                  <a:lnTo>
                    <a:pt x="664" y="215"/>
                  </a:lnTo>
                  <a:lnTo>
                    <a:pt x="667" y="211"/>
                  </a:lnTo>
                  <a:lnTo>
                    <a:pt x="672" y="208"/>
                  </a:lnTo>
                  <a:lnTo>
                    <a:pt x="677" y="204"/>
                  </a:lnTo>
                  <a:lnTo>
                    <a:pt x="684" y="201"/>
                  </a:lnTo>
                  <a:lnTo>
                    <a:pt x="689" y="198"/>
                  </a:lnTo>
                  <a:lnTo>
                    <a:pt x="694" y="194"/>
                  </a:lnTo>
                  <a:lnTo>
                    <a:pt x="699" y="189"/>
                  </a:lnTo>
                  <a:lnTo>
                    <a:pt x="701" y="184"/>
                  </a:lnTo>
                  <a:lnTo>
                    <a:pt x="703" y="182"/>
                  </a:lnTo>
                  <a:lnTo>
                    <a:pt x="704" y="182"/>
                  </a:lnTo>
                  <a:lnTo>
                    <a:pt x="703" y="184"/>
                  </a:lnTo>
                  <a:lnTo>
                    <a:pt x="701" y="186"/>
                  </a:lnTo>
                  <a:lnTo>
                    <a:pt x="701" y="188"/>
                  </a:lnTo>
                  <a:lnTo>
                    <a:pt x="699" y="188"/>
                  </a:lnTo>
                  <a:lnTo>
                    <a:pt x="699" y="189"/>
                  </a:lnTo>
                  <a:lnTo>
                    <a:pt x="723" y="157"/>
                  </a:lnTo>
                  <a:lnTo>
                    <a:pt x="711" y="157"/>
                  </a:lnTo>
                  <a:lnTo>
                    <a:pt x="711" y="155"/>
                  </a:lnTo>
                  <a:lnTo>
                    <a:pt x="709" y="154"/>
                  </a:lnTo>
                  <a:lnTo>
                    <a:pt x="709" y="152"/>
                  </a:lnTo>
                  <a:lnTo>
                    <a:pt x="708" y="150"/>
                  </a:lnTo>
                  <a:lnTo>
                    <a:pt x="704" y="150"/>
                  </a:lnTo>
                  <a:lnTo>
                    <a:pt x="701" y="149"/>
                  </a:lnTo>
                  <a:lnTo>
                    <a:pt x="696" y="149"/>
                  </a:lnTo>
                  <a:lnTo>
                    <a:pt x="696" y="147"/>
                  </a:lnTo>
                  <a:lnTo>
                    <a:pt x="692" y="142"/>
                  </a:lnTo>
                  <a:lnTo>
                    <a:pt x="687" y="137"/>
                  </a:lnTo>
                  <a:lnTo>
                    <a:pt x="682" y="128"/>
                  </a:lnTo>
                  <a:lnTo>
                    <a:pt x="675" y="120"/>
                  </a:lnTo>
                  <a:lnTo>
                    <a:pt x="669" y="110"/>
                  </a:lnTo>
                  <a:lnTo>
                    <a:pt x="660" y="101"/>
                  </a:lnTo>
                  <a:lnTo>
                    <a:pt x="652" y="91"/>
                  </a:lnTo>
                  <a:lnTo>
                    <a:pt x="652" y="88"/>
                  </a:lnTo>
                  <a:lnTo>
                    <a:pt x="652" y="84"/>
                  </a:lnTo>
                  <a:lnTo>
                    <a:pt x="653" y="79"/>
                  </a:lnTo>
                  <a:lnTo>
                    <a:pt x="653" y="76"/>
                  </a:lnTo>
                  <a:lnTo>
                    <a:pt x="653" y="71"/>
                  </a:lnTo>
                  <a:lnTo>
                    <a:pt x="652" y="64"/>
                  </a:lnTo>
                  <a:lnTo>
                    <a:pt x="650" y="59"/>
                  </a:lnTo>
                  <a:lnTo>
                    <a:pt x="647" y="56"/>
                  </a:lnTo>
                  <a:lnTo>
                    <a:pt x="647" y="52"/>
                  </a:lnTo>
                  <a:lnTo>
                    <a:pt x="647" y="50"/>
                  </a:lnTo>
                  <a:lnTo>
                    <a:pt x="648" y="50"/>
                  </a:lnTo>
                  <a:lnTo>
                    <a:pt x="648" y="52"/>
                  </a:lnTo>
                  <a:lnTo>
                    <a:pt x="650" y="52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208" name="Group 63"/>
            <p:cNvGrpSpPr>
              <a:grpSpLocks/>
            </p:cNvGrpSpPr>
            <p:nvPr/>
          </p:nvGrpSpPr>
          <p:grpSpPr bwMode="auto">
            <a:xfrm>
              <a:off x="4830" y="1006"/>
              <a:ext cx="350" cy="562"/>
              <a:chOff x="5086" y="1113"/>
              <a:chExt cx="359" cy="579"/>
            </a:xfrm>
          </p:grpSpPr>
          <p:sp>
            <p:nvSpPr>
              <p:cNvPr id="334" name="Freeform 64"/>
              <p:cNvSpPr>
                <a:spLocks/>
              </p:cNvSpPr>
              <p:nvPr/>
            </p:nvSpPr>
            <p:spPr bwMode="auto">
              <a:xfrm>
                <a:off x="5086" y="1113"/>
                <a:ext cx="359" cy="579"/>
              </a:xfrm>
              <a:custGeom>
                <a:avLst/>
                <a:gdLst>
                  <a:gd name="T0" fmla="*/ 90 w 359"/>
                  <a:gd name="T1" fmla="*/ 565 h 579"/>
                  <a:gd name="T2" fmla="*/ 74 w 359"/>
                  <a:gd name="T3" fmla="*/ 550 h 579"/>
                  <a:gd name="T4" fmla="*/ 0 w 359"/>
                  <a:gd name="T5" fmla="*/ 318 h 579"/>
                  <a:gd name="T6" fmla="*/ 15 w 359"/>
                  <a:gd name="T7" fmla="*/ 311 h 579"/>
                  <a:gd name="T8" fmla="*/ 18 w 359"/>
                  <a:gd name="T9" fmla="*/ 311 h 579"/>
                  <a:gd name="T10" fmla="*/ 18 w 359"/>
                  <a:gd name="T11" fmla="*/ 294 h 579"/>
                  <a:gd name="T12" fmla="*/ 27 w 359"/>
                  <a:gd name="T13" fmla="*/ 289 h 579"/>
                  <a:gd name="T14" fmla="*/ 30 w 359"/>
                  <a:gd name="T15" fmla="*/ 259 h 579"/>
                  <a:gd name="T16" fmla="*/ 39 w 359"/>
                  <a:gd name="T17" fmla="*/ 250 h 579"/>
                  <a:gd name="T18" fmla="*/ 39 w 359"/>
                  <a:gd name="T19" fmla="*/ 238 h 579"/>
                  <a:gd name="T20" fmla="*/ 47 w 359"/>
                  <a:gd name="T21" fmla="*/ 221 h 579"/>
                  <a:gd name="T22" fmla="*/ 39 w 359"/>
                  <a:gd name="T23" fmla="*/ 198 h 579"/>
                  <a:gd name="T24" fmla="*/ 39 w 359"/>
                  <a:gd name="T25" fmla="*/ 169 h 579"/>
                  <a:gd name="T26" fmla="*/ 44 w 359"/>
                  <a:gd name="T27" fmla="*/ 154 h 579"/>
                  <a:gd name="T28" fmla="*/ 44 w 359"/>
                  <a:gd name="T29" fmla="*/ 125 h 579"/>
                  <a:gd name="T30" fmla="*/ 51 w 359"/>
                  <a:gd name="T31" fmla="*/ 98 h 579"/>
                  <a:gd name="T32" fmla="*/ 91 w 359"/>
                  <a:gd name="T33" fmla="*/ 12 h 579"/>
                  <a:gd name="T34" fmla="*/ 105 w 359"/>
                  <a:gd name="T35" fmla="*/ 34 h 579"/>
                  <a:gd name="T36" fmla="*/ 125 w 359"/>
                  <a:gd name="T37" fmla="*/ 29 h 579"/>
                  <a:gd name="T38" fmla="*/ 145 w 359"/>
                  <a:gd name="T39" fmla="*/ 12 h 579"/>
                  <a:gd name="T40" fmla="*/ 152 w 359"/>
                  <a:gd name="T41" fmla="*/ 3 h 579"/>
                  <a:gd name="T42" fmla="*/ 174 w 359"/>
                  <a:gd name="T43" fmla="*/ 7 h 579"/>
                  <a:gd name="T44" fmla="*/ 205 w 359"/>
                  <a:gd name="T45" fmla="*/ 22 h 579"/>
                  <a:gd name="T46" fmla="*/ 255 w 359"/>
                  <a:gd name="T47" fmla="*/ 177 h 579"/>
                  <a:gd name="T48" fmla="*/ 294 w 359"/>
                  <a:gd name="T49" fmla="*/ 213 h 579"/>
                  <a:gd name="T50" fmla="*/ 311 w 359"/>
                  <a:gd name="T51" fmla="*/ 237 h 579"/>
                  <a:gd name="T52" fmla="*/ 332 w 359"/>
                  <a:gd name="T53" fmla="*/ 243 h 579"/>
                  <a:gd name="T54" fmla="*/ 340 w 359"/>
                  <a:gd name="T55" fmla="*/ 265 h 579"/>
                  <a:gd name="T56" fmla="*/ 359 w 359"/>
                  <a:gd name="T57" fmla="*/ 267 h 579"/>
                  <a:gd name="T58" fmla="*/ 350 w 359"/>
                  <a:gd name="T59" fmla="*/ 289 h 579"/>
                  <a:gd name="T60" fmla="*/ 335 w 359"/>
                  <a:gd name="T61" fmla="*/ 293 h 579"/>
                  <a:gd name="T62" fmla="*/ 323 w 359"/>
                  <a:gd name="T63" fmla="*/ 306 h 579"/>
                  <a:gd name="T64" fmla="*/ 320 w 359"/>
                  <a:gd name="T65" fmla="*/ 320 h 579"/>
                  <a:gd name="T66" fmla="*/ 304 w 359"/>
                  <a:gd name="T67" fmla="*/ 326 h 579"/>
                  <a:gd name="T68" fmla="*/ 299 w 359"/>
                  <a:gd name="T69" fmla="*/ 323 h 579"/>
                  <a:gd name="T70" fmla="*/ 296 w 359"/>
                  <a:gd name="T71" fmla="*/ 330 h 579"/>
                  <a:gd name="T72" fmla="*/ 284 w 359"/>
                  <a:gd name="T73" fmla="*/ 357 h 579"/>
                  <a:gd name="T74" fmla="*/ 264 w 359"/>
                  <a:gd name="T75" fmla="*/ 335 h 579"/>
                  <a:gd name="T76" fmla="*/ 262 w 359"/>
                  <a:gd name="T77" fmla="*/ 348 h 579"/>
                  <a:gd name="T78" fmla="*/ 244 w 359"/>
                  <a:gd name="T79" fmla="*/ 362 h 579"/>
                  <a:gd name="T80" fmla="*/ 220 w 359"/>
                  <a:gd name="T81" fmla="*/ 362 h 579"/>
                  <a:gd name="T82" fmla="*/ 213 w 359"/>
                  <a:gd name="T83" fmla="*/ 353 h 579"/>
                  <a:gd name="T84" fmla="*/ 208 w 359"/>
                  <a:gd name="T85" fmla="*/ 372 h 579"/>
                  <a:gd name="T86" fmla="*/ 198 w 359"/>
                  <a:gd name="T87" fmla="*/ 436 h 579"/>
                  <a:gd name="T88" fmla="*/ 171 w 359"/>
                  <a:gd name="T89" fmla="*/ 450 h 579"/>
                  <a:gd name="T90" fmla="*/ 162 w 359"/>
                  <a:gd name="T91" fmla="*/ 448 h 579"/>
                  <a:gd name="T92" fmla="*/ 156 w 359"/>
                  <a:gd name="T93" fmla="*/ 448 h 579"/>
                  <a:gd name="T94" fmla="*/ 157 w 359"/>
                  <a:gd name="T95" fmla="*/ 475 h 579"/>
                  <a:gd name="T96" fmla="*/ 144 w 359"/>
                  <a:gd name="T97" fmla="*/ 460 h 579"/>
                  <a:gd name="T98" fmla="*/ 125 w 359"/>
                  <a:gd name="T99" fmla="*/ 475 h 579"/>
                  <a:gd name="T100" fmla="*/ 122 w 359"/>
                  <a:gd name="T101" fmla="*/ 506 h 579"/>
                  <a:gd name="T102" fmla="*/ 120 w 359"/>
                  <a:gd name="T103" fmla="*/ 528 h 579"/>
                  <a:gd name="T104" fmla="*/ 106 w 359"/>
                  <a:gd name="T105" fmla="*/ 541 h 579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w 359"/>
                  <a:gd name="T160" fmla="*/ 0 h 579"/>
                  <a:gd name="T161" fmla="*/ 359 w 359"/>
                  <a:gd name="T162" fmla="*/ 579 h 579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T159" t="T160" r="T161" b="T162"/>
                <a:pathLst>
                  <a:path w="359" h="579">
                    <a:moveTo>
                      <a:pt x="98" y="579"/>
                    </a:moveTo>
                    <a:lnTo>
                      <a:pt x="96" y="577"/>
                    </a:lnTo>
                    <a:lnTo>
                      <a:pt x="95" y="575"/>
                    </a:lnTo>
                    <a:lnTo>
                      <a:pt x="91" y="573"/>
                    </a:lnTo>
                    <a:lnTo>
                      <a:pt x="90" y="572"/>
                    </a:lnTo>
                    <a:lnTo>
                      <a:pt x="90" y="565"/>
                    </a:lnTo>
                    <a:lnTo>
                      <a:pt x="88" y="560"/>
                    </a:lnTo>
                    <a:lnTo>
                      <a:pt x="84" y="557"/>
                    </a:lnTo>
                    <a:lnTo>
                      <a:pt x="83" y="553"/>
                    </a:lnTo>
                    <a:lnTo>
                      <a:pt x="79" y="551"/>
                    </a:lnTo>
                    <a:lnTo>
                      <a:pt x="78" y="551"/>
                    </a:lnTo>
                    <a:lnTo>
                      <a:pt x="74" y="550"/>
                    </a:lnTo>
                    <a:lnTo>
                      <a:pt x="68" y="541"/>
                    </a:lnTo>
                    <a:lnTo>
                      <a:pt x="2" y="323"/>
                    </a:lnTo>
                    <a:lnTo>
                      <a:pt x="0" y="323"/>
                    </a:lnTo>
                    <a:lnTo>
                      <a:pt x="0" y="321"/>
                    </a:lnTo>
                    <a:lnTo>
                      <a:pt x="0" y="318"/>
                    </a:lnTo>
                    <a:lnTo>
                      <a:pt x="0" y="315"/>
                    </a:lnTo>
                    <a:lnTo>
                      <a:pt x="2" y="311"/>
                    </a:lnTo>
                    <a:lnTo>
                      <a:pt x="3" y="308"/>
                    </a:lnTo>
                    <a:lnTo>
                      <a:pt x="7" y="306"/>
                    </a:lnTo>
                    <a:lnTo>
                      <a:pt x="10" y="308"/>
                    </a:lnTo>
                    <a:lnTo>
                      <a:pt x="15" y="311"/>
                    </a:lnTo>
                    <a:lnTo>
                      <a:pt x="15" y="313"/>
                    </a:lnTo>
                    <a:lnTo>
                      <a:pt x="17" y="313"/>
                    </a:lnTo>
                    <a:lnTo>
                      <a:pt x="17" y="315"/>
                    </a:lnTo>
                    <a:lnTo>
                      <a:pt x="18" y="315"/>
                    </a:lnTo>
                    <a:lnTo>
                      <a:pt x="18" y="313"/>
                    </a:lnTo>
                    <a:lnTo>
                      <a:pt x="18" y="311"/>
                    </a:lnTo>
                    <a:lnTo>
                      <a:pt x="20" y="306"/>
                    </a:lnTo>
                    <a:lnTo>
                      <a:pt x="20" y="301"/>
                    </a:lnTo>
                    <a:lnTo>
                      <a:pt x="20" y="299"/>
                    </a:lnTo>
                    <a:lnTo>
                      <a:pt x="18" y="298"/>
                    </a:lnTo>
                    <a:lnTo>
                      <a:pt x="18" y="296"/>
                    </a:lnTo>
                    <a:lnTo>
                      <a:pt x="18" y="294"/>
                    </a:lnTo>
                    <a:lnTo>
                      <a:pt x="18" y="293"/>
                    </a:lnTo>
                    <a:lnTo>
                      <a:pt x="20" y="291"/>
                    </a:lnTo>
                    <a:lnTo>
                      <a:pt x="24" y="293"/>
                    </a:lnTo>
                    <a:lnTo>
                      <a:pt x="30" y="294"/>
                    </a:lnTo>
                    <a:lnTo>
                      <a:pt x="29" y="293"/>
                    </a:lnTo>
                    <a:lnTo>
                      <a:pt x="27" y="289"/>
                    </a:lnTo>
                    <a:lnTo>
                      <a:pt x="25" y="284"/>
                    </a:lnTo>
                    <a:lnTo>
                      <a:pt x="24" y="279"/>
                    </a:lnTo>
                    <a:lnTo>
                      <a:pt x="22" y="274"/>
                    </a:lnTo>
                    <a:lnTo>
                      <a:pt x="24" y="267"/>
                    </a:lnTo>
                    <a:lnTo>
                      <a:pt x="25" y="262"/>
                    </a:lnTo>
                    <a:lnTo>
                      <a:pt x="30" y="259"/>
                    </a:lnTo>
                    <a:lnTo>
                      <a:pt x="32" y="257"/>
                    </a:lnTo>
                    <a:lnTo>
                      <a:pt x="34" y="255"/>
                    </a:lnTo>
                    <a:lnTo>
                      <a:pt x="35" y="254"/>
                    </a:lnTo>
                    <a:lnTo>
                      <a:pt x="37" y="252"/>
                    </a:lnTo>
                    <a:lnTo>
                      <a:pt x="39" y="250"/>
                    </a:lnTo>
                    <a:lnTo>
                      <a:pt x="39" y="249"/>
                    </a:lnTo>
                    <a:lnTo>
                      <a:pt x="40" y="249"/>
                    </a:lnTo>
                    <a:lnTo>
                      <a:pt x="40" y="247"/>
                    </a:lnTo>
                    <a:lnTo>
                      <a:pt x="39" y="245"/>
                    </a:lnTo>
                    <a:lnTo>
                      <a:pt x="39" y="242"/>
                    </a:lnTo>
                    <a:lnTo>
                      <a:pt x="39" y="238"/>
                    </a:lnTo>
                    <a:lnTo>
                      <a:pt x="40" y="235"/>
                    </a:lnTo>
                    <a:lnTo>
                      <a:pt x="42" y="230"/>
                    </a:lnTo>
                    <a:lnTo>
                      <a:pt x="44" y="227"/>
                    </a:lnTo>
                    <a:lnTo>
                      <a:pt x="49" y="223"/>
                    </a:lnTo>
                    <a:lnTo>
                      <a:pt x="47" y="223"/>
                    </a:lnTo>
                    <a:lnTo>
                      <a:pt x="47" y="221"/>
                    </a:lnTo>
                    <a:lnTo>
                      <a:pt x="47" y="218"/>
                    </a:lnTo>
                    <a:lnTo>
                      <a:pt x="46" y="215"/>
                    </a:lnTo>
                    <a:lnTo>
                      <a:pt x="44" y="211"/>
                    </a:lnTo>
                    <a:lnTo>
                      <a:pt x="42" y="208"/>
                    </a:lnTo>
                    <a:lnTo>
                      <a:pt x="40" y="203"/>
                    </a:lnTo>
                    <a:lnTo>
                      <a:pt x="39" y="198"/>
                    </a:lnTo>
                    <a:lnTo>
                      <a:pt x="39" y="193"/>
                    </a:lnTo>
                    <a:lnTo>
                      <a:pt x="37" y="188"/>
                    </a:lnTo>
                    <a:lnTo>
                      <a:pt x="37" y="183"/>
                    </a:lnTo>
                    <a:lnTo>
                      <a:pt x="37" y="177"/>
                    </a:lnTo>
                    <a:lnTo>
                      <a:pt x="39" y="172"/>
                    </a:lnTo>
                    <a:lnTo>
                      <a:pt x="39" y="169"/>
                    </a:lnTo>
                    <a:lnTo>
                      <a:pt x="42" y="164"/>
                    </a:lnTo>
                    <a:lnTo>
                      <a:pt x="46" y="161"/>
                    </a:lnTo>
                    <a:lnTo>
                      <a:pt x="46" y="159"/>
                    </a:lnTo>
                    <a:lnTo>
                      <a:pt x="44" y="157"/>
                    </a:lnTo>
                    <a:lnTo>
                      <a:pt x="44" y="154"/>
                    </a:lnTo>
                    <a:lnTo>
                      <a:pt x="44" y="149"/>
                    </a:lnTo>
                    <a:lnTo>
                      <a:pt x="44" y="145"/>
                    </a:lnTo>
                    <a:lnTo>
                      <a:pt x="44" y="140"/>
                    </a:lnTo>
                    <a:lnTo>
                      <a:pt x="44" y="135"/>
                    </a:lnTo>
                    <a:lnTo>
                      <a:pt x="44" y="130"/>
                    </a:lnTo>
                    <a:lnTo>
                      <a:pt x="44" y="125"/>
                    </a:lnTo>
                    <a:lnTo>
                      <a:pt x="44" y="120"/>
                    </a:lnTo>
                    <a:lnTo>
                      <a:pt x="44" y="115"/>
                    </a:lnTo>
                    <a:lnTo>
                      <a:pt x="46" y="110"/>
                    </a:lnTo>
                    <a:lnTo>
                      <a:pt x="47" y="105"/>
                    </a:lnTo>
                    <a:lnTo>
                      <a:pt x="49" y="101"/>
                    </a:lnTo>
                    <a:lnTo>
                      <a:pt x="51" y="98"/>
                    </a:lnTo>
                    <a:lnTo>
                      <a:pt x="78" y="15"/>
                    </a:lnTo>
                    <a:lnTo>
                      <a:pt x="79" y="13"/>
                    </a:lnTo>
                    <a:lnTo>
                      <a:pt x="81" y="13"/>
                    </a:lnTo>
                    <a:lnTo>
                      <a:pt x="84" y="12"/>
                    </a:lnTo>
                    <a:lnTo>
                      <a:pt x="88" y="10"/>
                    </a:lnTo>
                    <a:lnTo>
                      <a:pt x="91" y="12"/>
                    </a:lnTo>
                    <a:lnTo>
                      <a:pt x="95" y="13"/>
                    </a:lnTo>
                    <a:lnTo>
                      <a:pt x="98" y="18"/>
                    </a:lnTo>
                    <a:lnTo>
                      <a:pt x="101" y="29"/>
                    </a:lnTo>
                    <a:lnTo>
                      <a:pt x="101" y="30"/>
                    </a:lnTo>
                    <a:lnTo>
                      <a:pt x="103" y="32"/>
                    </a:lnTo>
                    <a:lnTo>
                      <a:pt x="105" y="34"/>
                    </a:lnTo>
                    <a:lnTo>
                      <a:pt x="108" y="35"/>
                    </a:lnTo>
                    <a:lnTo>
                      <a:pt x="110" y="37"/>
                    </a:lnTo>
                    <a:lnTo>
                      <a:pt x="115" y="37"/>
                    </a:lnTo>
                    <a:lnTo>
                      <a:pt x="118" y="34"/>
                    </a:lnTo>
                    <a:lnTo>
                      <a:pt x="125" y="30"/>
                    </a:lnTo>
                    <a:lnTo>
                      <a:pt x="125" y="29"/>
                    </a:lnTo>
                    <a:lnTo>
                      <a:pt x="128" y="27"/>
                    </a:lnTo>
                    <a:lnTo>
                      <a:pt x="132" y="23"/>
                    </a:lnTo>
                    <a:lnTo>
                      <a:pt x="135" y="20"/>
                    </a:lnTo>
                    <a:lnTo>
                      <a:pt x="139" y="17"/>
                    </a:lnTo>
                    <a:lnTo>
                      <a:pt x="142" y="13"/>
                    </a:lnTo>
                    <a:lnTo>
                      <a:pt x="145" y="12"/>
                    </a:lnTo>
                    <a:lnTo>
                      <a:pt x="152" y="10"/>
                    </a:lnTo>
                    <a:lnTo>
                      <a:pt x="152" y="8"/>
                    </a:lnTo>
                    <a:lnTo>
                      <a:pt x="152" y="5"/>
                    </a:lnTo>
                    <a:lnTo>
                      <a:pt x="152" y="3"/>
                    </a:lnTo>
                    <a:lnTo>
                      <a:pt x="154" y="1"/>
                    </a:lnTo>
                    <a:lnTo>
                      <a:pt x="157" y="0"/>
                    </a:lnTo>
                    <a:lnTo>
                      <a:pt x="162" y="1"/>
                    </a:lnTo>
                    <a:lnTo>
                      <a:pt x="169" y="3"/>
                    </a:lnTo>
                    <a:lnTo>
                      <a:pt x="171" y="5"/>
                    </a:lnTo>
                    <a:lnTo>
                      <a:pt x="174" y="7"/>
                    </a:lnTo>
                    <a:lnTo>
                      <a:pt x="179" y="10"/>
                    </a:lnTo>
                    <a:lnTo>
                      <a:pt x="186" y="13"/>
                    </a:lnTo>
                    <a:lnTo>
                      <a:pt x="193" y="15"/>
                    </a:lnTo>
                    <a:lnTo>
                      <a:pt x="198" y="18"/>
                    </a:lnTo>
                    <a:lnTo>
                      <a:pt x="203" y="20"/>
                    </a:lnTo>
                    <a:lnTo>
                      <a:pt x="205" y="22"/>
                    </a:lnTo>
                    <a:lnTo>
                      <a:pt x="213" y="30"/>
                    </a:lnTo>
                    <a:lnTo>
                      <a:pt x="254" y="164"/>
                    </a:lnTo>
                    <a:lnTo>
                      <a:pt x="254" y="166"/>
                    </a:lnTo>
                    <a:lnTo>
                      <a:pt x="254" y="169"/>
                    </a:lnTo>
                    <a:lnTo>
                      <a:pt x="254" y="172"/>
                    </a:lnTo>
                    <a:lnTo>
                      <a:pt x="255" y="177"/>
                    </a:lnTo>
                    <a:lnTo>
                      <a:pt x="260" y="184"/>
                    </a:lnTo>
                    <a:lnTo>
                      <a:pt x="266" y="188"/>
                    </a:lnTo>
                    <a:lnTo>
                      <a:pt x="276" y="191"/>
                    </a:lnTo>
                    <a:lnTo>
                      <a:pt x="289" y="193"/>
                    </a:lnTo>
                    <a:lnTo>
                      <a:pt x="294" y="196"/>
                    </a:lnTo>
                    <a:lnTo>
                      <a:pt x="294" y="213"/>
                    </a:lnTo>
                    <a:lnTo>
                      <a:pt x="303" y="221"/>
                    </a:lnTo>
                    <a:lnTo>
                      <a:pt x="304" y="225"/>
                    </a:lnTo>
                    <a:lnTo>
                      <a:pt x="306" y="228"/>
                    </a:lnTo>
                    <a:lnTo>
                      <a:pt x="308" y="233"/>
                    </a:lnTo>
                    <a:lnTo>
                      <a:pt x="311" y="237"/>
                    </a:lnTo>
                    <a:lnTo>
                      <a:pt x="315" y="238"/>
                    </a:lnTo>
                    <a:lnTo>
                      <a:pt x="318" y="238"/>
                    </a:lnTo>
                    <a:lnTo>
                      <a:pt x="321" y="237"/>
                    </a:lnTo>
                    <a:lnTo>
                      <a:pt x="323" y="237"/>
                    </a:lnTo>
                    <a:lnTo>
                      <a:pt x="326" y="240"/>
                    </a:lnTo>
                    <a:lnTo>
                      <a:pt x="332" y="243"/>
                    </a:lnTo>
                    <a:lnTo>
                      <a:pt x="337" y="247"/>
                    </a:lnTo>
                    <a:lnTo>
                      <a:pt x="340" y="250"/>
                    </a:lnTo>
                    <a:lnTo>
                      <a:pt x="345" y="254"/>
                    </a:lnTo>
                    <a:lnTo>
                      <a:pt x="348" y="257"/>
                    </a:lnTo>
                    <a:lnTo>
                      <a:pt x="340" y="265"/>
                    </a:lnTo>
                    <a:lnTo>
                      <a:pt x="347" y="276"/>
                    </a:lnTo>
                    <a:lnTo>
                      <a:pt x="350" y="272"/>
                    </a:lnTo>
                    <a:lnTo>
                      <a:pt x="354" y="271"/>
                    </a:lnTo>
                    <a:lnTo>
                      <a:pt x="357" y="267"/>
                    </a:lnTo>
                    <a:lnTo>
                      <a:pt x="359" y="267"/>
                    </a:lnTo>
                    <a:lnTo>
                      <a:pt x="359" y="269"/>
                    </a:lnTo>
                    <a:lnTo>
                      <a:pt x="359" y="274"/>
                    </a:lnTo>
                    <a:lnTo>
                      <a:pt x="354" y="284"/>
                    </a:lnTo>
                    <a:lnTo>
                      <a:pt x="352" y="287"/>
                    </a:lnTo>
                    <a:lnTo>
                      <a:pt x="350" y="289"/>
                    </a:lnTo>
                    <a:lnTo>
                      <a:pt x="347" y="293"/>
                    </a:lnTo>
                    <a:lnTo>
                      <a:pt x="345" y="296"/>
                    </a:lnTo>
                    <a:lnTo>
                      <a:pt x="343" y="298"/>
                    </a:lnTo>
                    <a:lnTo>
                      <a:pt x="342" y="299"/>
                    </a:lnTo>
                    <a:lnTo>
                      <a:pt x="342" y="301"/>
                    </a:lnTo>
                    <a:lnTo>
                      <a:pt x="335" y="293"/>
                    </a:lnTo>
                    <a:lnTo>
                      <a:pt x="330" y="298"/>
                    </a:lnTo>
                    <a:lnTo>
                      <a:pt x="333" y="306"/>
                    </a:lnTo>
                    <a:lnTo>
                      <a:pt x="326" y="308"/>
                    </a:lnTo>
                    <a:lnTo>
                      <a:pt x="325" y="308"/>
                    </a:lnTo>
                    <a:lnTo>
                      <a:pt x="323" y="306"/>
                    </a:lnTo>
                    <a:lnTo>
                      <a:pt x="321" y="306"/>
                    </a:lnTo>
                    <a:lnTo>
                      <a:pt x="318" y="306"/>
                    </a:lnTo>
                    <a:lnTo>
                      <a:pt x="318" y="308"/>
                    </a:lnTo>
                    <a:lnTo>
                      <a:pt x="318" y="311"/>
                    </a:lnTo>
                    <a:lnTo>
                      <a:pt x="320" y="316"/>
                    </a:lnTo>
                    <a:lnTo>
                      <a:pt x="320" y="320"/>
                    </a:lnTo>
                    <a:lnTo>
                      <a:pt x="318" y="321"/>
                    </a:lnTo>
                    <a:lnTo>
                      <a:pt x="316" y="323"/>
                    </a:lnTo>
                    <a:lnTo>
                      <a:pt x="313" y="325"/>
                    </a:lnTo>
                    <a:lnTo>
                      <a:pt x="310" y="326"/>
                    </a:lnTo>
                    <a:lnTo>
                      <a:pt x="306" y="326"/>
                    </a:lnTo>
                    <a:lnTo>
                      <a:pt x="304" y="326"/>
                    </a:lnTo>
                    <a:lnTo>
                      <a:pt x="301" y="325"/>
                    </a:lnTo>
                    <a:lnTo>
                      <a:pt x="298" y="321"/>
                    </a:lnTo>
                    <a:lnTo>
                      <a:pt x="299" y="323"/>
                    </a:lnTo>
                    <a:lnTo>
                      <a:pt x="299" y="321"/>
                    </a:lnTo>
                    <a:lnTo>
                      <a:pt x="298" y="321"/>
                    </a:lnTo>
                    <a:lnTo>
                      <a:pt x="298" y="323"/>
                    </a:lnTo>
                    <a:lnTo>
                      <a:pt x="296" y="326"/>
                    </a:lnTo>
                    <a:lnTo>
                      <a:pt x="296" y="330"/>
                    </a:lnTo>
                    <a:lnTo>
                      <a:pt x="296" y="338"/>
                    </a:lnTo>
                    <a:lnTo>
                      <a:pt x="294" y="340"/>
                    </a:lnTo>
                    <a:lnTo>
                      <a:pt x="293" y="345"/>
                    </a:lnTo>
                    <a:lnTo>
                      <a:pt x="289" y="347"/>
                    </a:lnTo>
                    <a:lnTo>
                      <a:pt x="289" y="348"/>
                    </a:lnTo>
                    <a:lnTo>
                      <a:pt x="284" y="357"/>
                    </a:lnTo>
                    <a:lnTo>
                      <a:pt x="277" y="348"/>
                    </a:lnTo>
                    <a:lnTo>
                      <a:pt x="277" y="342"/>
                    </a:lnTo>
                    <a:lnTo>
                      <a:pt x="267" y="337"/>
                    </a:lnTo>
                    <a:lnTo>
                      <a:pt x="267" y="335"/>
                    </a:lnTo>
                    <a:lnTo>
                      <a:pt x="266" y="335"/>
                    </a:lnTo>
                    <a:lnTo>
                      <a:pt x="264" y="335"/>
                    </a:lnTo>
                    <a:lnTo>
                      <a:pt x="262" y="335"/>
                    </a:lnTo>
                    <a:lnTo>
                      <a:pt x="260" y="337"/>
                    </a:lnTo>
                    <a:lnTo>
                      <a:pt x="260" y="338"/>
                    </a:lnTo>
                    <a:lnTo>
                      <a:pt x="260" y="342"/>
                    </a:lnTo>
                    <a:lnTo>
                      <a:pt x="262" y="347"/>
                    </a:lnTo>
                    <a:lnTo>
                      <a:pt x="262" y="348"/>
                    </a:lnTo>
                    <a:lnTo>
                      <a:pt x="260" y="350"/>
                    </a:lnTo>
                    <a:lnTo>
                      <a:pt x="257" y="353"/>
                    </a:lnTo>
                    <a:lnTo>
                      <a:pt x="254" y="355"/>
                    </a:lnTo>
                    <a:lnTo>
                      <a:pt x="249" y="359"/>
                    </a:lnTo>
                    <a:lnTo>
                      <a:pt x="245" y="360"/>
                    </a:lnTo>
                    <a:lnTo>
                      <a:pt x="244" y="362"/>
                    </a:lnTo>
                    <a:lnTo>
                      <a:pt x="242" y="362"/>
                    </a:lnTo>
                    <a:lnTo>
                      <a:pt x="244" y="375"/>
                    </a:lnTo>
                    <a:lnTo>
                      <a:pt x="223" y="375"/>
                    </a:lnTo>
                    <a:lnTo>
                      <a:pt x="230" y="364"/>
                    </a:lnTo>
                    <a:lnTo>
                      <a:pt x="220" y="364"/>
                    </a:lnTo>
                    <a:lnTo>
                      <a:pt x="220" y="362"/>
                    </a:lnTo>
                    <a:lnTo>
                      <a:pt x="220" y="359"/>
                    </a:lnTo>
                    <a:lnTo>
                      <a:pt x="218" y="353"/>
                    </a:lnTo>
                    <a:lnTo>
                      <a:pt x="218" y="350"/>
                    </a:lnTo>
                    <a:lnTo>
                      <a:pt x="216" y="348"/>
                    </a:lnTo>
                    <a:lnTo>
                      <a:pt x="215" y="348"/>
                    </a:lnTo>
                    <a:lnTo>
                      <a:pt x="213" y="353"/>
                    </a:lnTo>
                    <a:lnTo>
                      <a:pt x="210" y="364"/>
                    </a:lnTo>
                    <a:lnTo>
                      <a:pt x="210" y="365"/>
                    </a:lnTo>
                    <a:lnTo>
                      <a:pt x="210" y="367"/>
                    </a:lnTo>
                    <a:lnTo>
                      <a:pt x="210" y="370"/>
                    </a:lnTo>
                    <a:lnTo>
                      <a:pt x="208" y="372"/>
                    </a:lnTo>
                    <a:lnTo>
                      <a:pt x="208" y="375"/>
                    </a:lnTo>
                    <a:lnTo>
                      <a:pt x="208" y="377"/>
                    </a:lnTo>
                    <a:lnTo>
                      <a:pt x="210" y="411"/>
                    </a:lnTo>
                    <a:lnTo>
                      <a:pt x="205" y="421"/>
                    </a:lnTo>
                    <a:lnTo>
                      <a:pt x="198" y="436"/>
                    </a:lnTo>
                    <a:lnTo>
                      <a:pt x="193" y="428"/>
                    </a:lnTo>
                    <a:lnTo>
                      <a:pt x="183" y="431"/>
                    </a:lnTo>
                    <a:lnTo>
                      <a:pt x="179" y="450"/>
                    </a:lnTo>
                    <a:lnTo>
                      <a:pt x="171" y="448"/>
                    </a:lnTo>
                    <a:lnTo>
                      <a:pt x="171" y="450"/>
                    </a:lnTo>
                    <a:lnTo>
                      <a:pt x="171" y="453"/>
                    </a:lnTo>
                    <a:lnTo>
                      <a:pt x="169" y="453"/>
                    </a:lnTo>
                    <a:lnTo>
                      <a:pt x="169" y="455"/>
                    </a:lnTo>
                    <a:lnTo>
                      <a:pt x="167" y="455"/>
                    </a:lnTo>
                    <a:lnTo>
                      <a:pt x="166" y="453"/>
                    </a:lnTo>
                    <a:lnTo>
                      <a:pt x="162" y="448"/>
                    </a:lnTo>
                    <a:lnTo>
                      <a:pt x="162" y="447"/>
                    </a:lnTo>
                    <a:lnTo>
                      <a:pt x="161" y="447"/>
                    </a:lnTo>
                    <a:lnTo>
                      <a:pt x="161" y="445"/>
                    </a:lnTo>
                    <a:lnTo>
                      <a:pt x="159" y="445"/>
                    </a:lnTo>
                    <a:lnTo>
                      <a:pt x="157" y="447"/>
                    </a:lnTo>
                    <a:lnTo>
                      <a:pt x="156" y="448"/>
                    </a:lnTo>
                    <a:lnTo>
                      <a:pt x="156" y="453"/>
                    </a:lnTo>
                    <a:lnTo>
                      <a:pt x="154" y="462"/>
                    </a:lnTo>
                    <a:lnTo>
                      <a:pt x="156" y="463"/>
                    </a:lnTo>
                    <a:lnTo>
                      <a:pt x="156" y="467"/>
                    </a:lnTo>
                    <a:lnTo>
                      <a:pt x="156" y="472"/>
                    </a:lnTo>
                    <a:lnTo>
                      <a:pt x="157" y="475"/>
                    </a:lnTo>
                    <a:lnTo>
                      <a:pt x="156" y="477"/>
                    </a:lnTo>
                    <a:lnTo>
                      <a:pt x="154" y="475"/>
                    </a:lnTo>
                    <a:lnTo>
                      <a:pt x="152" y="469"/>
                    </a:lnTo>
                    <a:lnTo>
                      <a:pt x="147" y="457"/>
                    </a:lnTo>
                    <a:lnTo>
                      <a:pt x="144" y="460"/>
                    </a:lnTo>
                    <a:lnTo>
                      <a:pt x="140" y="462"/>
                    </a:lnTo>
                    <a:lnTo>
                      <a:pt x="137" y="465"/>
                    </a:lnTo>
                    <a:lnTo>
                      <a:pt x="132" y="469"/>
                    </a:lnTo>
                    <a:lnTo>
                      <a:pt x="128" y="472"/>
                    </a:lnTo>
                    <a:lnTo>
                      <a:pt x="127" y="475"/>
                    </a:lnTo>
                    <a:lnTo>
                      <a:pt x="125" y="475"/>
                    </a:lnTo>
                    <a:lnTo>
                      <a:pt x="122" y="497"/>
                    </a:lnTo>
                    <a:lnTo>
                      <a:pt x="127" y="499"/>
                    </a:lnTo>
                    <a:lnTo>
                      <a:pt x="127" y="506"/>
                    </a:lnTo>
                    <a:lnTo>
                      <a:pt x="123" y="506"/>
                    </a:lnTo>
                    <a:lnTo>
                      <a:pt x="122" y="506"/>
                    </a:lnTo>
                    <a:lnTo>
                      <a:pt x="118" y="507"/>
                    </a:lnTo>
                    <a:lnTo>
                      <a:pt x="117" y="511"/>
                    </a:lnTo>
                    <a:lnTo>
                      <a:pt x="115" y="514"/>
                    </a:lnTo>
                    <a:lnTo>
                      <a:pt x="117" y="519"/>
                    </a:lnTo>
                    <a:lnTo>
                      <a:pt x="120" y="528"/>
                    </a:lnTo>
                    <a:lnTo>
                      <a:pt x="118" y="529"/>
                    </a:lnTo>
                    <a:lnTo>
                      <a:pt x="117" y="533"/>
                    </a:lnTo>
                    <a:lnTo>
                      <a:pt x="113" y="536"/>
                    </a:lnTo>
                    <a:lnTo>
                      <a:pt x="110" y="538"/>
                    </a:lnTo>
                    <a:lnTo>
                      <a:pt x="108" y="541"/>
                    </a:lnTo>
                    <a:lnTo>
                      <a:pt x="106" y="541"/>
                    </a:lnTo>
                    <a:lnTo>
                      <a:pt x="106" y="543"/>
                    </a:lnTo>
                    <a:lnTo>
                      <a:pt x="106" y="565"/>
                    </a:lnTo>
                    <a:lnTo>
                      <a:pt x="98" y="57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35" name="Freeform 65"/>
              <p:cNvSpPr>
                <a:spLocks/>
              </p:cNvSpPr>
              <p:nvPr/>
            </p:nvSpPr>
            <p:spPr bwMode="auto">
              <a:xfrm>
                <a:off x="5343" y="1465"/>
                <a:ext cx="17" cy="23"/>
              </a:xfrm>
              <a:custGeom>
                <a:avLst/>
                <a:gdLst>
                  <a:gd name="T0" fmla="*/ 9 w 17"/>
                  <a:gd name="T1" fmla="*/ 0 h 23"/>
                  <a:gd name="T2" fmla="*/ 17 w 17"/>
                  <a:gd name="T3" fmla="*/ 7 h 23"/>
                  <a:gd name="T4" fmla="*/ 14 w 17"/>
                  <a:gd name="T5" fmla="*/ 15 h 23"/>
                  <a:gd name="T6" fmla="*/ 10 w 17"/>
                  <a:gd name="T7" fmla="*/ 17 h 23"/>
                  <a:gd name="T8" fmla="*/ 10 w 17"/>
                  <a:gd name="T9" fmla="*/ 17 h 23"/>
                  <a:gd name="T10" fmla="*/ 12 w 17"/>
                  <a:gd name="T11" fmla="*/ 18 h 23"/>
                  <a:gd name="T12" fmla="*/ 12 w 17"/>
                  <a:gd name="T13" fmla="*/ 20 h 23"/>
                  <a:gd name="T14" fmla="*/ 12 w 17"/>
                  <a:gd name="T15" fmla="*/ 23 h 23"/>
                  <a:gd name="T16" fmla="*/ 10 w 17"/>
                  <a:gd name="T17" fmla="*/ 23 h 23"/>
                  <a:gd name="T18" fmla="*/ 9 w 17"/>
                  <a:gd name="T19" fmla="*/ 23 h 23"/>
                  <a:gd name="T20" fmla="*/ 5 w 17"/>
                  <a:gd name="T21" fmla="*/ 22 h 23"/>
                  <a:gd name="T22" fmla="*/ 0 w 17"/>
                  <a:gd name="T23" fmla="*/ 18 h 23"/>
                  <a:gd name="T24" fmla="*/ 0 w 17"/>
                  <a:gd name="T25" fmla="*/ 17 h 23"/>
                  <a:gd name="T26" fmla="*/ 0 w 17"/>
                  <a:gd name="T27" fmla="*/ 12 h 23"/>
                  <a:gd name="T28" fmla="*/ 0 w 17"/>
                  <a:gd name="T29" fmla="*/ 10 h 23"/>
                  <a:gd name="T30" fmla="*/ 2 w 17"/>
                  <a:gd name="T31" fmla="*/ 8 h 23"/>
                  <a:gd name="T32" fmla="*/ 9 w 17"/>
                  <a:gd name="T33" fmla="*/ 0 h 23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7"/>
                  <a:gd name="T52" fmla="*/ 0 h 23"/>
                  <a:gd name="T53" fmla="*/ 17 w 17"/>
                  <a:gd name="T54" fmla="*/ 23 h 23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7" h="23">
                    <a:moveTo>
                      <a:pt x="9" y="0"/>
                    </a:moveTo>
                    <a:lnTo>
                      <a:pt x="17" y="7"/>
                    </a:lnTo>
                    <a:lnTo>
                      <a:pt x="14" y="15"/>
                    </a:lnTo>
                    <a:lnTo>
                      <a:pt x="10" y="17"/>
                    </a:lnTo>
                    <a:lnTo>
                      <a:pt x="12" y="18"/>
                    </a:lnTo>
                    <a:lnTo>
                      <a:pt x="12" y="20"/>
                    </a:lnTo>
                    <a:lnTo>
                      <a:pt x="12" y="23"/>
                    </a:lnTo>
                    <a:lnTo>
                      <a:pt x="10" y="23"/>
                    </a:lnTo>
                    <a:lnTo>
                      <a:pt x="9" y="23"/>
                    </a:lnTo>
                    <a:lnTo>
                      <a:pt x="5" y="22"/>
                    </a:lnTo>
                    <a:lnTo>
                      <a:pt x="0" y="18"/>
                    </a:lnTo>
                    <a:lnTo>
                      <a:pt x="0" y="17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2" y="8"/>
                    </a:lnTo>
                    <a:lnTo>
                      <a:pt x="9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209" name="Group 66"/>
            <p:cNvGrpSpPr>
              <a:grpSpLocks/>
            </p:cNvGrpSpPr>
            <p:nvPr/>
          </p:nvGrpSpPr>
          <p:grpSpPr bwMode="auto">
            <a:xfrm>
              <a:off x="4607" y="1852"/>
              <a:ext cx="126" cy="291"/>
              <a:chOff x="4856" y="1462"/>
              <a:chExt cx="130" cy="300"/>
            </a:xfrm>
          </p:grpSpPr>
          <p:sp>
            <p:nvSpPr>
              <p:cNvPr id="332" name="Freeform 67"/>
              <p:cNvSpPr>
                <a:spLocks/>
              </p:cNvSpPr>
              <p:nvPr/>
            </p:nvSpPr>
            <p:spPr bwMode="auto">
              <a:xfrm>
                <a:off x="4856" y="1462"/>
                <a:ext cx="130" cy="300"/>
              </a:xfrm>
              <a:custGeom>
                <a:avLst/>
                <a:gdLst>
                  <a:gd name="T0" fmla="*/ 12 w 130"/>
                  <a:gd name="T1" fmla="*/ 202 h 300"/>
                  <a:gd name="T2" fmla="*/ 23 w 130"/>
                  <a:gd name="T3" fmla="*/ 192 h 300"/>
                  <a:gd name="T4" fmla="*/ 32 w 130"/>
                  <a:gd name="T5" fmla="*/ 186 h 300"/>
                  <a:gd name="T6" fmla="*/ 39 w 130"/>
                  <a:gd name="T7" fmla="*/ 171 h 300"/>
                  <a:gd name="T8" fmla="*/ 49 w 130"/>
                  <a:gd name="T9" fmla="*/ 159 h 300"/>
                  <a:gd name="T10" fmla="*/ 57 w 130"/>
                  <a:gd name="T11" fmla="*/ 154 h 300"/>
                  <a:gd name="T12" fmla="*/ 59 w 130"/>
                  <a:gd name="T13" fmla="*/ 146 h 300"/>
                  <a:gd name="T14" fmla="*/ 56 w 130"/>
                  <a:gd name="T15" fmla="*/ 141 h 300"/>
                  <a:gd name="T16" fmla="*/ 49 w 130"/>
                  <a:gd name="T17" fmla="*/ 137 h 300"/>
                  <a:gd name="T18" fmla="*/ 32 w 130"/>
                  <a:gd name="T19" fmla="*/ 122 h 300"/>
                  <a:gd name="T20" fmla="*/ 20 w 130"/>
                  <a:gd name="T21" fmla="*/ 112 h 300"/>
                  <a:gd name="T22" fmla="*/ 3 w 130"/>
                  <a:gd name="T23" fmla="*/ 93 h 300"/>
                  <a:gd name="T24" fmla="*/ 6 w 130"/>
                  <a:gd name="T25" fmla="*/ 76 h 300"/>
                  <a:gd name="T26" fmla="*/ 0 w 130"/>
                  <a:gd name="T27" fmla="*/ 56 h 300"/>
                  <a:gd name="T28" fmla="*/ 28 w 130"/>
                  <a:gd name="T29" fmla="*/ 0 h 300"/>
                  <a:gd name="T30" fmla="*/ 113 w 130"/>
                  <a:gd name="T31" fmla="*/ 60 h 300"/>
                  <a:gd name="T32" fmla="*/ 106 w 130"/>
                  <a:gd name="T33" fmla="*/ 76 h 300"/>
                  <a:gd name="T34" fmla="*/ 106 w 130"/>
                  <a:gd name="T35" fmla="*/ 87 h 300"/>
                  <a:gd name="T36" fmla="*/ 96 w 130"/>
                  <a:gd name="T37" fmla="*/ 95 h 300"/>
                  <a:gd name="T38" fmla="*/ 113 w 130"/>
                  <a:gd name="T39" fmla="*/ 102 h 300"/>
                  <a:gd name="T40" fmla="*/ 118 w 130"/>
                  <a:gd name="T41" fmla="*/ 100 h 300"/>
                  <a:gd name="T42" fmla="*/ 120 w 130"/>
                  <a:gd name="T43" fmla="*/ 97 h 300"/>
                  <a:gd name="T44" fmla="*/ 122 w 130"/>
                  <a:gd name="T45" fmla="*/ 95 h 300"/>
                  <a:gd name="T46" fmla="*/ 125 w 130"/>
                  <a:gd name="T47" fmla="*/ 98 h 300"/>
                  <a:gd name="T48" fmla="*/ 127 w 130"/>
                  <a:gd name="T49" fmla="*/ 107 h 300"/>
                  <a:gd name="T50" fmla="*/ 127 w 130"/>
                  <a:gd name="T51" fmla="*/ 127 h 300"/>
                  <a:gd name="T52" fmla="*/ 127 w 130"/>
                  <a:gd name="T53" fmla="*/ 141 h 300"/>
                  <a:gd name="T54" fmla="*/ 127 w 130"/>
                  <a:gd name="T55" fmla="*/ 146 h 300"/>
                  <a:gd name="T56" fmla="*/ 127 w 130"/>
                  <a:gd name="T57" fmla="*/ 151 h 300"/>
                  <a:gd name="T58" fmla="*/ 130 w 130"/>
                  <a:gd name="T59" fmla="*/ 161 h 300"/>
                  <a:gd name="T60" fmla="*/ 130 w 130"/>
                  <a:gd name="T61" fmla="*/ 173 h 300"/>
                  <a:gd name="T62" fmla="*/ 130 w 130"/>
                  <a:gd name="T63" fmla="*/ 183 h 300"/>
                  <a:gd name="T64" fmla="*/ 128 w 130"/>
                  <a:gd name="T65" fmla="*/ 181 h 300"/>
                  <a:gd name="T66" fmla="*/ 125 w 130"/>
                  <a:gd name="T67" fmla="*/ 163 h 300"/>
                  <a:gd name="T68" fmla="*/ 122 w 130"/>
                  <a:gd name="T69" fmla="*/ 151 h 300"/>
                  <a:gd name="T70" fmla="*/ 118 w 130"/>
                  <a:gd name="T71" fmla="*/ 151 h 300"/>
                  <a:gd name="T72" fmla="*/ 122 w 130"/>
                  <a:gd name="T73" fmla="*/ 168 h 300"/>
                  <a:gd name="T74" fmla="*/ 122 w 130"/>
                  <a:gd name="T75" fmla="*/ 175 h 300"/>
                  <a:gd name="T76" fmla="*/ 122 w 130"/>
                  <a:gd name="T77" fmla="*/ 186 h 300"/>
                  <a:gd name="T78" fmla="*/ 122 w 130"/>
                  <a:gd name="T79" fmla="*/ 190 h 300"/>
                  <a:gd name="T80" fmla="*/ 122 w 130"/>
                  <a:gd name="T81" fmla="*/ 193 h 300"/>
                  <a:gd name="T82" fmla="*/ 118 w 130"/>
                  <a:gd name="T83" fmla="*/ 202 h 300"/>
                  <a:gd name="T84" fmla="*/ 115 w 130"/>
                  <a:gd name="T85" fmla="*/ 208 h 300"/>
                  <a:gd name="T86" fmla="*/ 110 w 130"/>
                  <a:gd name="T87" fmla="*/ 219 h 300"/>
                  <a:gd name="T88" fmla="*/ 108 w 130"/>
                  <a:gd name="T89" fmla="*/ 230 h 300"/>
                  <a:gd name="T90" fmla="*/ 103 w 130"/>
                  <a:gd name="T91" fmla="*/ 239 h 300"/>
                  <a:gd name="T92" fmla="*/ 94 w 130"/>
                  <a:gd name="T93" fmla="*/ 249 h 300"/>
                  <a:gd name="T94" fmla="*/ 96 w 130"/>
                  <a:gd name="T95" fmla="*/ 256 h 300"/>
                  <a:gd name="T96" fmla="*/ 86 w 130"/>
                  <a:gd name="T97" fmla="*/ 290 h 300"/>
                  <a:gd name="T98" fmla="*/ 76 w 130"/>
                  <a:gd name="T99" fmla="*/ 300 h 300"/>
                  <a:gd name="T100" fmla="*/ 71 w 130"/>
                  <a:gd name="T101" fmla="*/ 295 h 300"/>
                  <a:gd name="T102" fmla="*/ 72 w 130"/>
                  <a:gd name="T103" fmla="*/ 285 h 300"/>
                  <a:gd name="T104" fmla="*/ 74 w 130"/>
                  <a:gd name="T105" fmla="*/ 276 h 300"/>
                  <a:gd name="T106" fmla="*/ 64 w 130"/>
                  <a:gd name="T107" fmla="*/ 271 h 300"/>
                  <a:gd name="T108" fmla="*/ 49 w 130"/>
                  <a:gd name="T109" fmla="*/ 278 h 300"/>
                  <a:gd name="T110" fmla="*/ 44 w 130"/>
                  <a:gd name="T111" fmla="*/ 271 h 300"/>
                  <a:gd name="T112" fmla="*/ 34 w 130"/>
                  <a:gd name="T113" fmla="*/ 266 h 300"/>
                  <a:gd name="T114" fmla="*/ 23 w 130"/>
                  <a:gd name="T115" fmla="*/ 261 h 300"/>
                  <a:gd name="T116" fmla="*/ 6 w 130"/>
                  <a:gd name="T117" fmla="*/ 247 h 300"/>
                  <a:gd name="T118" fmla="*/ 3 w 130"/>
                  <a:gd name="T119" fmla="*/ 237 h 300"/>
                  <a:gd name="T120" fmla="*/ 1 w 130"/>
                  <a:gd name="T121" fmla="*/ 227 h 300"/>
                  <a:gd name="T122" fmla="*/ 3 w 130"/>
                  <a:gd name="T123" fmla="*/ 219 h 300"/>
                  <a:gd name="T124" fmla="*/ 13 w 130"/>
                  <a:gd name="T125" fmla="*/ 205 h 300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  <a:gd name="T189" fmla="*/ 0 w 130"/>
                  <a:gd name="T190" fmla="*/ 0 h 300"/>
                  <a:gd name="T191" fmla="*/ 130 w 130"/>
                  <a:gd name="T192" fmla="*/ 300 h 300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T189" t="T190" r="T191" b="T192"/>
                <a:pathLst>
                  <a:path w="130" h="300">
                    <a:moveTo>
                      <a:pt x="8" y="205"/>
                    </a:moveTo>
                    <a:lnTo>
                      <a:pt x="8" y="203"/>
                    </a:lnTo>
                    <a:lnTo>
                      <a:pt x="12" y="202"/>
                    </a:lnTo>
                    <a:lnTo>
                      <a:pt x="15" y="198"/>
                    </a:lnTo>
                    <a:lnTo>
                      <a:pt x="20" y="195"/>
                    </a:lnTo>
                    <a:lnTo>
                      <a:pt x="23" y="192"/>
                    </a:lnTo>
                    <a:lnTo>
                      <a:pt x="28" y="190"/>
                    </a:lnTo>
                    <a:lnTo>
                      <a:pt x="30" y="186"/>
                    </a:lnTo>
                    <a:lnTo>
                      <a:pt x="32" y="186"/>
                    </a:lnTo>
                    <a:lnTo>
                      <a:pt x="32" y="181"/>
                    </a:lnTo>
                    <a:lnTo>
                      <a:pt x="35" y="176"/>
                    </a:lnTo>
                    <a:lnTo>
                      <a:pt x="39" y="171"/>
                    </a:lnTo>
                    <a:lnTo>
                      <a:pt x="42" y="166"/>
                    </a:lnTo>
                    <a:lnTo>
                      <a:pt x="45" y="163"/>
                    </a:lnTo>
                    <a:lnTo>
                      <a:pt x="49" y="159"/>
                    </a:lnTo>
                    <a:lnTo>
                      <a:pt x="52" y="158"/>
                    </a:lnTo>
                    <a:lnTo>
                      <a:pt x="54" y="156"/>
                    </a:lnTo>
                    <a:lnTo>
                      <a:pt x="57" y="154"/>
                    </a:lnTo>
                    <a:lnTo>
                      <a:pt x="59" y="151"/>
                    </a:lnTo>
                    <a:lnTo>
                      <a:pt x="59" y="149"/>
                    </a:lnTo>
                    <a:lnTo>
                      <a:pt x="59" y="146"/>
                    </a:lnTo>
                    <a:lnTo>
                      <a:pt x="57" y="144"/>
                    </a:lnTo>
                    <a:lnTo>
                      <a:pt x="56" y="142"/>
                    </a:lnTo>
                    <a:lnTo>
                      <a:pt x="56" y="141"/>
                    </a:lnTo>
                    <a:lnTo>
                      <a:pt x="54" y="141"/>
                    </a:lnTo>
                    <a:lnTo>
                      <a:pt x="52" y="139"/>
                    </a:lnTo>
                    <a:lnTo>
                      <a:pt x="49" y="137"/>
                    </a:lnTo>
                    <a:lnTo>
                      <a:pt x="44" y="132"/>
                    </a:lnTo>
                    <a:lnTo>
                      <a:pt x="39" y="127"/>
                    </a:lnTo>
                    <a:lnTo>
                      <a:pt x="32" y="122"/>
                    </a:lnTo>
                    <a:lnTo>
                      <a:pt x="27" y="117"/>
                    </a:lnTo>
                    <a:lnTo>
                      <a:pt x="22" y="114"/>
                    </a:lnTo>
                    <a:lnTo>
                      <a:pt x="20" y="112"/>
                    </a:lnTo>
                    <a:lnTo>
                      <a:pt x="10" y="107"/>
                    </a:lnTo>
                    <a:lnTo>
                      <a:pt x="5" y="100"/>
                    </a:lnTo>
                    <a:lnTo>
                      <a:pt x="3" y="93"/>
                    </a:lnTo>
                    <a:lnTo>
                      <a:pt x="3" y="87"/>
                    </a:lnTo>
                    <a:lnTo>
                      <a:pt x="5" y="82"/>
                    </a:lnTo>
                    <a:lnTo>
                      <a:pt x="6" y="76"/>
                    </a:lnTo>
                    <a:lnTo>
                      <a:pt x="8" y="73"/>
                    </a:lnTo>
                    <a:lnTo>
                      <a:pt x="10" y="73"/>
                    </a:lnTo>
                    <a:lnTo>
                      <a:pt x="0" y="56"/>
                    </a:lnTo>
                    <a:lnTo>
                      <a:pt x="17" y="31"/>
                    </a:lnTo>
                    <a:lnTo>
                      <a:pt x="23" y="9"/>
                    </a:lnTo>
                    <a:lnTo>
                      <a:pt x="28" y="0"/>
                    </a:lnTo>
                    <a:lnTo>
                      <a:pt x="113" y="27"/>
                    </a:lnTo>
                    <a:lnTo>
                      <a:pt x="115" y="60"/>
                    </a:lnTo>
                    <a:lnTo>
                      <a:pt x="113" y="60"/>
                    </a:lnTo>
                    <a:lnTo>
                      <a:pt x="105" y="75"/>
                    </a:lnTo>
                    <a:lnTo>
                      <a:pt x="105" y="76"/>
                    </a:lnTo>
                    <a:lnTo>
                      <a:pt x="106" y="76"/>
                    </a:lnTo>
                    <a:lnTo>
                      <a:pt x="106" y="80"/>
                    </a:lnTo>
                    <a:lnTo>
                      <a:pt x="106" y="83"/>
                    </a:lnTo>
                    <a:lnTo>
                      <a:pt x="106" y="87"/>
                    </a:lnTo>
                    <a:lnTo>
                      <a:pt x="105" y="90"/>
                    </a:lnTo>
                    <a:lnTo>
                      <a:pt x="101" y="93"/>
                    </a:lnTo>
                    <a:lnTo>
                      <a:pt x="96" y="95"/>
                    </a:lnTo>
                    <a:lnTo>
                      <a:pt x="94" y="100"/>
                    </a:lnTo>
                    <a:lnTo>
                      <a:pt x="113" y="100"/>
                    </a:lnTo>
                    <a:lnTo>
                      <a:pt x="113" y="102"/>
                    </a:lnTo>
                    <a:lnTo>
                      <a:pt x="116" y="104"/>
                    </a:lnTo>
                    <a:lnTo>
                      <a:pt x="118" y="104"/>
                    </a:lnTo>
                    <a:lnTo>
                      <a:pt x="118" y="100"/>
                    </a:lnTo>
                    <a:lnTo>
                      <a:pt x="118" y="98"/>
                    </a:lnTo>
                    <a:lnTo>
                      <a:pt x="120" y="97"/>
                    </a:lnTo>
                    <a:lnTo>
                      <a:pt x="122" y="95"/>
                    </a:lnTo>
                    <a:lnTo>
                      <a:pt x="123" y="95"/>
                    </a:lnTo>
                    <a:lnTo>
                      <a:pt x="123" y="97"/>
                    </a:lnTo>
                    <a:lnTo>
                      <a:pt x="125" y="98"/>
                    </a:lnTo>
                    <a:lnTo>
                      <a:pt x="125" y="100"/>
                    </a:lnTo>
                    <a:lnTo>
                      <a:pt x="125" y="104"/>
                    </a:lnTo>
                    <a:lnTo>
                      <a:pt x="127" y="107"/>
                    </a:lnTo>
                    <a:lnTo>
                      <a:pt x="127" y="112"/>
                    </a:lnTo>
                    <a:lnTo>
                      <a:pt x="127" y="119"/>
                    </a:lnTo>
                    <a:lnTo>
                      <a:pt x="127" y="127"/>
                    </a:lnTo>
                    <a:lnTo>
                      <a:pt x="125" y="137"/>
                    </a:lnTo>
                    <a:lnTo>
                      <a:pt x="125" y="139"/>
                    </a:lnTo>
                    <a:lnTo>
                      <a:pt x="127" y="141"/>
                    </a:lnTo>
                    <a:lnTo>
                      <a:pt x="127" y="142"/>
                    </a:lnTo>
                    <a:lnTo>
                      <a:pt x="127" y="144"/>
                    </a:lnTo>
                    <a:lnTo>
                      <a:pt x="127" y="146"/>
                    </a:lnTo>
                    <a:lnTo>
                      <a:pt x="127" y="148"/>
                    </a:lnTo>
                    <a:lnTo>
                      <a:pt x="127" y="149"/>
                    </a:lnTo>
                    <a:lnTo>
                      <a:pt x="127" y="151"/>
                    </a:lnTo>
                    <a:lnTo>
                      <a:pt x="128" y="153"/>
                    </a:lnTo>
                    <a:lnTo>
                      <a:pt x="128" y="156"/>
                    </a:lnTo>
                    <a:lnTo>
                      <a:pt x="130" y="161"/>
                    </a:lnTo>
                    <a:lnTo>
                      <a:pt x="130" y="164"/>
                    </a:lnTo>
                    <a:lnTo>
                      <a:pt x="130" y="170"/>
                    </a:lnTo>
                    <a:lnTo>
                      <a:pt x="130" y="173"/>
                    </a:lnTo>
                    <a:lnTo>
                      <a:pt x="130" y="178"/>
                    </a:lnTo>
                    <a:lnTo>
                      <a:pt x="130" y="180"/>
                    </a:lnTo>
                    <a:lnTo>
                      <a:pt x="130" y="183"/>
                    </a:lnTo>
                    <a:lnTo>
                      <a:pt x="128" y="181"/>
                    </a:lnTo>
                    <a:lnTo>
                      <a:pt x="127" y="178"/>
                    </a:lnTo>
                    <a:lnTo>
                      <a:pt x="127" y="171"/>
                    </a:lnTo>
                    <a:lnTo>
                      <a:pt x="125" y="163"/>
                    </a:lnTo>
                    <a:lnTo>
                      <a:pt x="123" y="153"/>
                    </a:lnTo>
                    <a:lnTo>
                      <a:pt x="123" y="151"/>
                    </a:lnTo>
                    <a:lnTo>
                      <a:pt x="122" y="151"/>
                    </a:lnTo>
                    <a:lnTo>
                      <a:pt x="120" y="149"/>
                    </a:lnTo>
                    <a:lnTo>
                      <a:pt x="118" y="151"/>
                    </a:lnTo>
                    <a:lnTo>
                      <a:pt x="118" y="154"/>
                    </a:lnTo>
                    <a:lnTo>
                      <a:pt x="120" y="159"/>
                    </a:lnTo>
                    <a:lnTo>
                      <a:pt x="122" y="168"/>
                    </a:lnTo>
                    <a:lnTo>
                      <a:pt x="122" y="170"/>
                    </a:lnTo>
                    <a:lnTo>
                      <a:pt x="122" y="171"/>
                    </a:lnTo>
                    <a:lnTo>
                      <a:pt x="122" y="175"/>
                    </a:lnTo>
                    <a:lnTo>
                      <a:pt x="122" y="178"/>
                    </a:lnTo>
                    <a:lnTo>
                      <a:pt x="122" y="183"/>
                    </a:lnTo>
                    <a:lnTo>
                      <a:pt x="122" y="186"/>
                    </a:lnTo>
                    <a:lnTo>
                      <a:pt x="122" y="188"/>
                    </a:lnTo>
                    <a:lnTo>
                      <a:pt x="122" y="190"/>
                    </a:lnTo>
                    <a:lnTo>
                      <a:pt x="122" y="192"/>
                    </a:lnTo>
                    <a:lnTo>
                      <a:pt x="122" y="193"/>
                    </a:lnTo>
                    <a:lnTo>
                      <a:pt x="122" y="197"/>
                    </a:lnTo>
                    <a:lnTo>
                      <a:pt x="122" y="198"/>
                    </a:lnTo>
                    <a:lnTo>
                      <a:pt x="118" y="202"/>
                    </a:lnTo>
                    <a:lnTo>
                      <a:pt x="116" y="205"/>
                    </a:lnTo>
                    <a:lnTo>
                      <a:pt x="116" y="207"/>
                    </a:lnTo>
                    <a:lnTo>
                      <a:pt x="115" y="208"/>
                    </a:lnTo>
                    <a:lnTo>
                      <a:pt x="115" y="212"/>
                    </a:lnTo>
                    <a:lnTo>
                      <a:pt x="115" y="214"/>
                    </a:lnTo>
                    <a:lnTo>
                      <a:pt x="110" y="219"/>
                    </a:lnTo>
                    <a:lnTo>
                      <a:pt x="108" y="227"/>
                    </a:lnTo>
                    <a:lnTo>
                      <a:pt x="108" y="229"/>
                    </a:lnTo>
                    <a:lnTo>
                      <a:pt x="108" y="230"/>
                    </a:lnTo>
                    <a:lnTo>
                      <a:pt x="106" y="232"/>
                    </a:lnTo>
                    <a:lnTo>
                      <a:pt x="105" y="236"/>
                    </a:lnTo>
                    <a:lnTo>
                      <a:pt x="103" y="239"/>
                    </a:lnTo>
                    <a:lnTo>
                      <a:pt x="100" y="244"/>
                    </a:lnTo>
                    <a:lnTo>
                      <a:pt x="98" y="247"/>
                    </a:lnTo>
                    <a:lnTo>
                      <a:pt x="94" y="249"/>
                    </a:lnTo>
                    <a:lnTo>
                      <a:pt x="94" y="251"/>
                    </a:lnTo>
                    <a:lnTo>
                      <a:pt x="96" y="254"/>
                    </a:lnTo>
                    <a:lnTo>
                      <a:pt x="96" y="256"/>
                    </a:lnTo>
                    <a:lnTo>
                      <a:pt x="96" y="258"/>
                    </a:lnTo>
                    <a:lnTo>
                      <a:pt x="89" y="281"/>
                    </a:lnTo>
                    <a:lnTo>
                      <a:pt x="86" y="290"/>
                    </a:lnTo>
                    <a:lnTo>
                      <a:pt x="83" y="296"/>
                    </a:lnTo>
                    <a:lnTo>
                      <a:pt x="79" y="300"/>
                    </a:lnTo>
                    <a:lnTo>
                      <a:pt x="76" y="300"/>
                    </a:lnTo>
                    <a:lnTo>
                      <a:pt x="74" y="300"/>
                    </a:lnTo>
                    <a:lnTo>
                      <a:pt x="72" y="296"/>
                    </a:lnTo>
                    <a:lnTo>
                      <a:pt x="71" y="295"/>
                    </a:lnTo>
                    <a:lnTo>
                      <a:pt x="71" y="290"/>
                    </a:lnTo>
                    <a:lnTo>
                      <a:pt x="72" y="286"/>
                    </a:lnTo>
                    <a:lnTo>
                      <a:pt x="72" y="285"/>
                    </a:lnTo>
                    <a:lnTo>
                      <a:pt x="74" y="283"/>
                    </a:lnTo>
                    <a:lnTo>
                      <a:pt x="74" y="280"/>
                    </a:lnTo>
                    <a:lnTo>
                      <a:pt x="74" y="276"/>
                    </a:lnTo>
                    <a:lnTo>
                      <a:pt x="72" y="273"/>
                    </a:lnTo>
                    <a:lnTo>
                      <a:pt x="69" y="271"/>
                    </a:lnTo>
                    <a:lnTo>
                      <a:pt x="64" y="271"/>
                    </a:lnTo>
                    <a:lnTo>
                      <a:pt x="56" y="273"/>
                    </a:lnTo>
                    <a:lnTo>
                      <a:pt x="49" y="278"/>
                    </a:lnTo>
                    <a:lnTo>
                      <a:pt x="49" y="276"/>
                    </a:lnTo>
                    <a:lnTo>
                      <a:pt x="47" y="274"/>
                    </a:lnTo>
                    <a:lnTo>
                      <a:pt x="44" y="271"/>
                    </a:lnTo>
                    <a:lnTo>
                      <a:pt x="42" y="269"/>
                    </a:lnTo>
                    <a:lnTo>
                      <a:pt x="39" y="266"/>
                    </a:lnTo>
                    <a:lnTo>
                      <a:pt x="34" y="266"/>
                    </a:lnTo>
                    <a:lnTo>
                      <a:pt x="28" y="264"/>
                    </a:lnTo>
                    <a:lnTo>
                      <a:pt x="27" y="263"/>
                    </a:lnTo>
                    <a:lnTo>
                      <a:pt x="23" y="261"/>
                    </a:lnTo>
                    <a:lnTo>
                      <a:pt x="20" y="258"/>
                    </a:lnTo>
                    <a:lnTo>
                      <a:pt x="18" y="256"/>
                    </a:lnTo>
                    <a:lnTo>
                      <a:pt x="6" y="247"/>
                    </a:lnTo>
                    <a:lnTo>
                      <a:pt x="6" y="239"/>
                    </a:lnTo>
                    <a:lnTo>
                      <a:pt x="3" y="237"/>
                    </a:lnTo>
                    <a:lnTo>
                      <a:pt x="1" y="234"/>
                    </a:lnTo>
                    <a:lnTo>
                      <a:pt x="1" y="230"/>
                    </a:lnTo>
                    <a:lnTo>
                      <a:pt x="1" y="227"/>
                    </a:lnTo>
                    <a:lnTo>
                      <a:pt x="1" y="224"/>
                    </a:lnTo>
                    <a:lnTo>
                      <a:pt x="1" y="220"/>
                    </a:lnTo>
                    <a:lnTo>
                      <a:pt x="3" y="219"/>
                    </a:lnTo>
                    <a:lnTo>
                      <a:pt x="5" y="217"/>
                    </a:lnTo>
                    <a:lnTo>
                      <a:pt x="12" y="208"/>
                    </a:lnTo>
                    <a:lnTo>
                      <a:pt x="13" y="205"/>
                    </a:lnTo>
                    <a:lnTo>
                      <a:pt x="8" y="20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33" name="Freeform 68"/>
              <p:cNvSpPr>
                <a:spLocks/>
              </p:cNvSpPr>
              <p:nvPr/>
            </p:nvSpPr>
            <p:spPr bwMode="auto">
              <a:xfrm>
                <a:off x="4856" y="1462"/>
                <a:ext cx="130" cy="300"/>
              </a:xfrm>
              <a:custGeom>
                <a:avLst/>
                <a:gdLst>
                  <a:gd name="T0" fmla="*/ 12 w 130"/>
                  <a:gd name="T1" fmla="*/ 202 h 300"/>
                  <a:gd name="T2" fmla="*/ 28 w 130"/>
                  <a:gd name="T3" fmla="*/ 190 h 300"/>
                  <a:gd name="T4" fmla="*/ 32 w 130"/>
                  <a:gd name="T5" fmla="*/ 181 h 300"/>
                  <a:gd name="T6" fmla="*/ 45 w 130"/>
                  <a:gd name="T7" fmla="*/ 163 h 300"/>
                  <a:gd name="T8" fmla="*/ 54 w 130"/>
                  <a:gd name="T9" fmla="*/ 156 h 300"/>
                  <a:gd name="T10" fmla="*/ 59 w 130"/>
                  <a:gd name="T11" fmla="*/ 146 h 300"/>
                  <a:gd name="T12" fmla="*/ 54 w 130"/>
                  <a:gd name="T13" fmla="*/ 141 h 300"/>
                  <a:gd name="T14" fmla="*/ 44 w 130"/>
                  <a:gd name="T15" fmla="*/ 132 h 300"/>
                  <a:gd name="T16" fmla="*/ 22 w 130"/>
                  <a:gd name="T17" fmla="*/ 114 h 300"/>
                  <a:gd name="T18" fmla="*/ 5 w 130"/>
                  <a:gd name="T19" fmla="*/ 100 h 300"/>
                  <a:gd name="T20" fmla="*/ 6 w 130"/>
                  <a:gd name="T21" fmla="*/ 76 h 300"/>
                  <a:gd name="T22" fmla="*/ 17 w 130"/>
                  <a:gd name="T23" fmla="*/ 31 h 300"/>
                  <a:gd name="T24" fmla="*/ 115 w 130"/>
                  <a:gd name="T25" fmla="*/ 60 h 300"/>
                  <a:gd name="T26" fmla="*/ 105 w 130"/>
                  <a:gd name="T27" fmla="*/ 76 h 300"/>
                  <a:gd name="T28" fmla="*/ 106 w 130"/>
                  <a:gd name="T29" fmla="*/ 87 h 300"/>
                  <a:gd name="T30" fmla="*/ 94 w 130"/>
                  <a:gd name="T31" fmla="*/ 100 h 300"/>
                  <a:gd name="T32" fmla="*/ 116 w 130"/>
                  <a:gd name="T33" fmla="*/ 104 h 300"/>
                  <a:gd name="T34" fmla="*/ 118 w 130"/>
                  <a:gd name="T35" fmla="*/ 98 h 300"/>
                  <a:gd name="T36" fmla="*/ 122 w 130"/>
                  <a:gd name="T37" fmla="*/ 95 h 300"/>
                  <a:gd name="T38" fmla="*/ 125 w 130"/>
                  <a:gd name="T39" fmla="*/ 98 h 300"/>
                  <a:gd name="T40" fmla="*/ 127 w 130"/>
                  <a:gd name="T41" fmla="*/ 112 h 300"/>
                  <a:gd name="T42" fmla="*/ 125 w 130"/>
                  <a:gd name="T43" fmla="*/ 137 h 300"/>
                  <a:gd name="T44" fmla="*/ 127 w 130"/>
                  <a:gd name="T45" fmla="*/ 144 h 300"/>
                  <a:gd name="T46" fmla="*/ 127 w 130"/>
                  <a:gd name="T47" fmla="*/ 151 h 300"/>
                  <a:gd name="T48" fmla="*/ 130 w 130"/>
                  <a:gd name="T49" fmla="*/ 161 h 300"/>
                  <a:gd name="T50" fmla="*/ 130 w 130"/>
                  <a:gd name="T51" fmla="*/ 178 h 300"/>
                  <a:gd name="T52" fmla="*/ 130 w 130"/>
                  <a:gd name="T53" fmla="*/ 183 h 300"/>
                  <a:gd name="T54" fmla="*/ 125 w 130"/>
                  <a:gd name="T55" fmla="*/ 163 h 300"/>
                  <a:gd name="T56" fmla="*/ 122 w 130"/>
                  <a:gd name="T57" fmla="*/ 151 h 300"/>
                  <a:gd name="T58" fmla="*/ 118 w 130"/>
                  <a:gd name="T59" fmla="*/ 154 h 300"/>
                  <a:gd name="T60" fmla="*/ 122 w 130"/>
                  <a:gd name="T61" fmla="*/ 170 h 300"/>
                  <a:gd name="T62" fmla="*/ 122 w 130"/>
                  <a:gd name="T63" fmla="*/ 183 h 300"/>
                  <a:gd name="T64" fmla="*/ 122 w 130"/>
                  <a:gd name="T65" fmla="*/ 190 h 300"/>
                  <a:gd name="T66" fmla="*/ 122 w 130"/>
                  <a:gd name="T67" fmla="*/ 193 h 300"/>
                  <a:gd name="T68" fmla="*/ 116 w 130"/>
                  <a:gd name="T69" fmla="*/ 205 h 300"/>
                  <a:gd name="T70" fmla="*/ 115 w 130"/>
                  <a:gd name="T71" fmla="*/ 212 h 300"/>
                  <a:gd name="T72" fmla="*/ 108 w 130"/>
                  <a:gd name="T73" fmla="*/ 227 h 300"/>
                  <a:gd name="T74" fmla="*/ 105 w 130"/>
                  <a:gd name="T75" fmla="*/ 236 h 300"/>
                  <a:gd name="T76" fmla="*/ 94 w 130"/>
                  <a:gd name="T77" fmla="*/ 249 h 300"/>
                  <a:gd name="T78" fmla="*/ 96 w 130"/>
                  <a:gd name="T79" fmla="*/ 256 h 300"/>
                  <a:gd name="T80" fmla="*/ 86 w 130"/>
                  <a:gd name="T81" fmla="*/ 290 h 300"/>
                  <a:gd name="T82" fmla="*/ 74 w 130"/>
                  <a:gd name="T83" fmla="*/ 300 h 300"/>
                  <a:gd name="T84" fmla="*/ 72 w 130"/>
                  <a:gd name="T85" fmla="*/ 286 h 300"/>
                  <a:gd name="T86" fmla="*/ 74 w 130"/>
                  <a:gd name="T87" fmla="*/ 280 h 300"/>
                  <a:gd name="T88" fmla="*/ 64 w 130"/>
                  <a:gd name="T89" fmla="*/ 271 h 300"/>
                  <a:gd name="T90" fmla="*/ 49 w 130"/>
                  <a:gd name="T91" fmla="*/ 278 h 300"/>
                  <a:gd name="T92" fmla="*/ 42 w 130"/>
                  <a:gd name="T93" fmla="*/ 269 h 300"/>
                  <a:gd name="T94" fmla="*/ 28 w 130"/>
                  <a:gd name="T95" fmla="*/ 264 h 300"/>
                  <a:gd name="T96" fmla="*/ 18 w 130"/>
                  <a:gd name="T97" fmla="*/ 256 h 300"/>
                  <a:gd name="T98" fmla="*/ 3 w 130"/>
                  <a:gd name="T99" fmla="*/ 237 h 300"/>
                  <a:gd name="T100" fmla="*/ 1 w 130"/>
                  <a:gd name="T101" fmla="*/ 227 h 300"/>
                  <a:gd name="T102" fmla="*/ 5 w 130"/>
                  <a:gd name="T103" fmla="*/ 217 h 300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w 130"/>
                  <a:gd name="T157" fmla="*/ 0 h 300"/>
                  <a:gd name="T158" fmla="*/ 130 w 130"/>
                  <a:gd name="T159" fmla="*/ 300 h 300"/>
                </a:gdLst>
                <a:ahLst/>
                <a:cxnLst>
                  <a:cxn ang="T104">
                    <a:pos x="T0" y="T1"/>
                  </a:cxn>
                  <a:cxn ang="T105">
                    <a:pos x="T2" y="T3"/>
                  </a:cxn>
                  <a:cxn ang="T106">
                    <a:pos x="T4" y="T5"/>
                  </a:cxn>
                  <a:cxn ang="T107">
                    <a:pos x="T6" y="T7"/>
                  </a:cxn>
                  <a:cxn ang="T108">
                    <a:pos x="T8" y="T9"/>
                  </a:cxn>
                  <a:cxn ang="T109">
                    <a:pos x="T10" y="T11"/>
                  </a:cxn>
                  <a:cxn ang="T110">
                    <a:pos x="T12" y="T13"/>
                  </a:cxn>
                  <a:cxn ang="T111">
                    <a:pos x="T14" y="T15"/>
                  </a:cxn>
                  <a:cxn ang="T112">
                    <a:pos x="T16" y="T17"/>
                  </a:cxn>
                  <a:cxn ang="T113">
                    <a:pos x="T18" y="T19"/>
                  </a:cxn>
                  <a:cxn ang="T114">
                    <a:pos x="T20" y="T21"/>
                  </a:cxn>
                  <a:cxn ang="T115">
                    <a:pos x="T22" y="T23"/>
                  </a:cxn>
                  <a:cxn ang="T116">
                    <a:pos x="T24" y="T25"/>
                  </a:cxn>
                  <a:cxn ang="T117">
                    <a:pos x="T26" y="T27"/>
                  </a:cxn>
                  <a:cxn ang="T118">
                    <a:pos x="T28" y="T29"/>
                  </a:cxn>
                  <a:cxn ang="T119">
                    <a:pos x="T30" y="T31"/>
                  </a:cxn>
                  <a:cxn ang="T120">
                    <a:pos x="T32" y="T33"/>
                  </a:cxn>
                  <a:cxn ang="T121">
                    <a:pos x="T34" y="T35"/>
                  </a:cxn>
                  <a:cxn ang="T122">
                    <a:pos x="T36" y="T37"/>
                  </a:cxn>
                  <a:cxn ang="T123">
                    <a:pos x="T38" y="T39"/>
                  </a:cxn>
                  <a:cxn ang="T124">
                    <a:pos x="T40" y="T41"/>
                  </a:cxn>
                  <a:cxn ang="T125">
                    <a:pos x="T42" y="T43"/>
                  </a:cxn>
                  <a:cxn ang="T126">
                    <a:pos x="T44" y="T45"/>
                  </a:cxn>
                  <a:cxn ang="T127">
                    <a:pos x="T46" y="T47"/>
                  </a:cxn>
                  <a:cxn ang="T128">
                    <a:pos x="T48" y="T49"/>
                  </a:cxn>
                  <a:cxn ang="T129">
                    <a:pos x="T50" y="T51"/>
                  </a:cxn>
                  <a:cxn ang="T130">
                    <a:pos x="T52" y="T53"/>
                  </a:cxn>
                  <a:cxn ang="T131">
                    <a:pos x="T54" y="T55"/>
                  </a:cxn>
                  <a:cxn ang="T132">
                    <a:pos x="T56" y="T57"/>
                  </a:cxn>
                  <a:cxn ang="T133">
                    <a:pos x="T58" y="T59"/>
                  </a:cxn>
                  <a:cxn ang="T134">
                    <a:pos x="T60" y="T61"/>
                  </a:cxn>
                  <a:cxn ang="T135">
                    <a:pos x="T62" y="T63"/>
                  </a:cxn>
                  <a:cxn ang="T136">
                    <a:pos x="T64" y="T65"/>
                  </a:cxn>
                  <a:cxn ang="T137">
                    <a:pos x="T66" y="T67"/>
                  </a:cxn>
                  <a:cxn ang="T138">
                    <a:pos x="T68" y="T69"/>
                  </a:cxn>
                  <a:cxn ang="T139">
                    <a:pos x="T70" y="T71"/>
                  </a:cxn>
                  <a:cxn ang="T140">
                    <a:pos x="T72" y="T73"/>
                  </a:cxn>
                  <a:cxn ang="T141">
                    <a:pos x="T74" y="T75"/>
                  </a:cxn>
                  <a:cxn ang="T142">
                    <a:pos x="T76" y="T77"/>
                  </a:cxn>
                  <a:cxn ang="T143">
                    <a:pos x="T78" y="T79"/>
                  </a:cxn>
                  <a:cxn ang="T144">
                    <a:pos x="T80" y="T81"/>
                  </a:cxn>
                  <a:cxn ang="T145">
                    <a:pos x="T82" y="T83"/>
                  </a:cxn>
                  <a:cxn ang="T146">
                    <a:pos x="T84" y="T85"/>
                  </a:cxn>
                  <a:cxn ang="T147">
                    <a:pos x="T86" y="T87"/>
                  </a:cxn>
                  <a:cxn ang="T148">
                    <a:pos x="T88" y="T89"/>
                  </a:cxn>
                  <a:cxn ang="T149">
                    <a:pos x="T90" y="T91"/>
                  </a:cxn>
                  <a:cxn ang="T150">
                    <a:pos x="T92" y="T93"/>
                  </a:cxn>
                  <a:cxn ang="T151">
                    <a:pos x="T94" y="T95"/>
                  </a:cxn>
                  <a:cxn ang="T152">
                    <a:pos x="T96" y="T97"/>
                  </a:cxn>
                  <a:cxn ang="T153">
                    <a:pos x="T98" y="T99"/>
                  </a:cxn>
                  <a:cxn ang="T154">
                    <a:pos x="T100" y="T101"/>
                  </a:cxn>
                  <a:cxn ang="T155">
                    <a:pos x="T102" y="T103"/>
                  </a:cxn>
                </a:cxnLst>
                <a:rect l="T156" t="T157" r="T158" b="T159"/>
                <a:pathLst>
                  <a:path w="130" h="300">
                    <a:moveTo>
                      <a:pt x="8" y="205"/>
                    </a:moveTo>
                    <a:lnTo>
                      <a:pt x="8" y="205"/>
                    </a:lnTo>
                    <a:lnTo>
                      <a:pt x="8" y="203"/>
                    </a:lnTo>
                    <a:lnTo>
                      <a:pt x="12" y="202"/>
                    </a:lnTo>
                    <a:lnTo>
                      <a:pt x="15" y="198"/>
                    </a:lnTo>
                    <a:lnTo>
                      <a:pt x="20" y="195"/>
                    </a:lnTo>
                    <a:lnTo>
                      <a:pt x="23" y="192"/>
                    </a:lnTo>
                    <a:lnTo>
                      <a:pt x="28" y="190"/>
                    </a:lnTo>
                    <a:lnTo>
                      <a:pt x="30" y="186"/>
                    </a:lnTo>
                    <a:lnTo>
                      <a:pt x="32" y="186"/>
                    </a:lnTo>
                    <a:lnTo>
                      <a:pt x="32" y="181"/>
                    </a:lnTo>
                    <a:lnTo>
                      <a:pt x="35" y="176"/>
                    </a:lnTo>
                    <a:lnTo>
                      <a:pt x="39" y="171"/>
                    </a:lnTo>
                    <a:lnTo>
                      <a:pt x="42" y="166"/>
                    </a:lnTo>
                    <a:lnTo>
                      <a:pt x="45" y="163"/>
                    </a:lnTo>
                    <a:lnTo>
                      <a:pt x="49" y="159"/>
                    </a:lnTo>
                    <a:lnTo>
                      <a:pt x="52" y="158"/>
                    </a:lnTo>
                    <a:lnTo>
                      <a:pt x="54" y="156"/>
                    </a:lnTo>
                    <a:lnTo>
                      <a:pt x="57" y="154"/>
                    </a:lnTo>
                    <a:lnTo>
                      <a:pt x="59" y="151"/>
                    </a:lnTo>
                    <a:lnTo>
                      <a:pt x="59" y="149"/>
                    </a:lnTo>
                    <a:lnTo>
                      <a:pt x="59" y="146"/>
                    </a:lnTo>
                    <a:lnTo>
                      <a:pt x="57" y="144"/>
                    </a:lnTo>
                    <a:lnTo>
                      <a:pt x="56" y="142"/>
                    </a:lnTo>
                    <a:lnTo>
                      <a:pt x="56" y="141"/>
                    </a:lnTo>
                    <a:lnTo>
                      <a:pt x="54" y="141"/>
                    </a:lnTo>
                    <a:lnTo>
                      <a:pt x="52" y="139"/>
                    </a:lnTo>
                    <a:lnTo>
                      <a:pt x="49" y="137"/>
                    </a:lnTo>
                    <a:lnTo>
                      <a:pt x="44" y="132"/>
                    </a:lnTo>
                    <a:lnTo>
                      <a:pt x="39" y="127"/>
                    </a:lnTo>
                    <a:lnTo>
                      <a:pt x="32" y="122"/>
                    </a:lnTo>
                    <a:lnTo>
                      <a:pt x="27" y="117"/>
                    </a:lnTo>
                    <a:lnTo>
                      <a:pt x="22" y="114"/>
                    </a:lnTo>
                    <a:lnTo>
                      <a:pt x="20" y="112"/>
                    </a:lnTo>
                    <a:lnTo>
                      <a:pt x="10" y="107"/>
                    </a:lnTo>
                    <a:lnTo>
                      <a:pt x="5" y="100"/>
                    </a:lnTo>
                    <a:lnTo>
                      <a:pt x="3" y="93"/>
                    </a:lnTo>
                    <a:lnTo>
                      <a:pt x="3" y="87"/>
                    </a:lnTo>
                    <a:lnTo>
                      <a:pt x="5" y="82"/>
                    </a:lnTo>
                    <a:lnTo>
                      <a:pt x="6" y="76"/>
                    </a:lnTo>
                    <a:lnTo>
                      <a:pt x="8" y="73"/>
                    </a:lnTo>
                    <a:lnTo>
                      <a:pt x="10" y="73"/>
                    </a:lnTo>
                    <a:lnTo>
                      <a:pt x="0" y="56"/>
                    </a:lnTo>
                    <a:lnTo>
                      <a:pt x="17" y="31"/>
                    </a:lnTo>
                    <a:lnTo>
                      <a:pt x="23" y="9"/>
                    </a:lnTo>
                    <a:lnTo>
                      <a:pt x="28" y="0"/>
                    </a:lnTo>
                    <a:lnTo>
                      <a:pt x="113" y="27"/>
                    </a:lnTo>
                    <a:lnTo>
                      <a:pt x="115" y="60"/>
                    </a:lnTo>
                    <a:lnTo>
                      <a:pt x="113" y="60"/>
                    </a:lnTo>
                    <a:lnTo>
                      <a:pt x="105" y="75"/>
                    </a:lnTo>
                    <a:lnTo>
                      <a:pt x="105" y="76"/>
                    </a:lnTo>
                    <a:lnTo>
                      <a:pt x="106" y="76"/>
                    </a:lnTo>
                    <a:lnTo>
                      <a:pt x="106" y="80"/>
                    </a:lnTo>
                    <a:lnTo>
                      <a:pt x="106" y="83"/>
                    </a:lnTo>
                    <a:lnTo>
                      <a:pt x="106" y="87"/>
                    </a:lnTo>
                    <a:lnTo>
                      <a:pt x="105" y="90"/>
                    </a:lnTo>
                    <a:lnTo>
                      <a:pt x="101" y="93"/>
                    </a:lnTo>
                    <a:lnTo>
                      <a:pt x="96" y="95"/>
                    </a:lnTo>
                    <a:lnTo>
                      <a:pt x="94" y="100"/>
                    </a:lnTo>
                    <a:lnTo>
                      <a:pt x="113" y="100"/>
                    </a:lnTo>
                    <a:lnTo>
                      <a:pt x="113" y="102"/>
                    </a:lnTo>
                    <a:lnTo>
                      <a:pt x="116" y="104"/>
                    </a:lnTo>
                    <a:lnTo>
                      <a:pt x="118" y="104"/>
                    </a:lnTo>
                    <a:lnTo>
                      <a:pt x="118" y="100"/>
                    </a:lnTo>
                    <a:lnTo>
                      <a:pt x="118" y="98"/>
                    </a:lnTo>
                    <a:lnTo>
                      <a:pt x="120" y="97"/>
                    </a:lnTo>
                    <a:lnTo>
                      <a:pt x="122" y="95"/>
                    </a:lnTo>
                    <a:lnTo>
                      <a:pt x="123" y="95"/>
                    </a:lnTo>
                    <a:lnTo>
                      <a:pt x="123" y="97"/>
                    </a:lnTo>
                    <a:lnTo>
                      <a:pt x="125" y="98"/>
                    </a:lnTo>
                    <a:lnTo>
                      <a:pt x="125" y="100"/>
                    </a:lnTo>
                    <a:lnTo>
                      <a:pt x="125" y="104"/>
                    </a:lnTo>
                    <a:lnTo>
                      <a:pt x="127" y="107"/>
                    </a:lnTo>
                    <a:lnTo>
                      <a:pt x="127" y="112"/>
                    </a:lnTo>
                    <a:lnTo>
                      <a:pt x="127" y="119"/>
                    </a:lnTo>
                    <a:lnTo>
                      <a:pt x="127" y="127"/>
                    </a:lnTo>
                    <a:lnTo>
                      <a:pt x="125" y="137"/>
                    </a:lnTo>
                    <a:lnTo>
                      <a:pt x="125" y="139"/>
                    </a:lnTo>
                    <a:lnTo>
                      <a:pt x="127" y="141"/>
                    </a:lnTo>
                    <a:lnTo>
                      <a:pt x="127" y="142"/>
                    </a:lnTo>
                    <a:lnTo>
                      <a:pt x="127" y="144"/>
                    </a:lnTo>
                    <a:lnTo>
                      <a:pt x="127" y="146"/>
                    </a:lnTo>
                    <a:lnTo>
                      <a:pt x="127" y="148"/>
                    </a:lnTo>
                    <a:lnTo>
                      <a:pt x="127" y="149"/>
                    </a:lnTo>
                    <a:lnTo>
                      <a:pt x="127" y="151"/>
                    </a:lnTo>
                    <a:lnTo>
                      <a:pt x="128" y="153"/>
                    </a:lnTo>
                    <a:lnTo>
                      <a:pt x="128" y="156"/>
                    </a:lnTo>
                    <a:lnTo>
                      <a:pt x="130" y="161"/>
                    </a:lnTo>
                    <a:lnTo>
                      <a:pt x="130" y="164"/>
                    </a:lnTo>
                    <a:lnTo>
                      <a:pt x="130" y="170"/>
                    </a:lnTo>
                    <a:lnTo>
                      <a:pt x="130" y="173"/>
                    </a:lnTo>
                    <a:lnTo>
                      <a:pt x="130" y="178"/>
                    </a:lnTo>
                    <a:lnTo>
                      <a:pt x="130" y="180"/>
                    </a:lnTo>
                    <a:lnTo>
                      <a:pt x="130" y="183"/>
                    </a:lnTo>
                    <a:lnTo>
                      <a:pt x="128" y="181"/>
                    </a:lnTo>
                    <a:lnTo>
                      <a:pt x="127" y="178"/>
                    </a:lnTo>
                    <a:lnTo>
                      <a:pt x="127" y="171"/>
                    </a:lnTo>
                    <a:lnTo>
                      <a:pt x="125" y="163"/>
                    </a:lnTo>
                    <a:lnTo>
                      <a:pt x="123" y="153"/>
                    </a:lnTo>
                    <a:lnTo>
                      <a:pt x="123" y="151"/>
                    </a:lnTo>
                    <a:lnTo>
                      <a:pt x="122" y="151"/>
                    </a:lnTo>
                    <a:lnTo>
                      <a:pt x="120" y="149"/>
                    </a:lnTo>
                    <a:lnTo>
                      <a:pt x="118" y="151"/>
                    </a:lnTo>
                    <a:lnTo>
                      <a:pt x="118" y="154"/>
                    </a:lnTo>
                    <a:lnTo>
                      <a:pt x="120" y="159"/>
                    </a:lnTo>
                    <a:lnTo>
                      <a:pt x="122" y="168"/>
                    </a:lnTo>
                    <a:lnTo>
                      <a:pt x="122" y="170"/>
                    </a:lnTo>
                    <a:lnTo>
                      <a:pt x="122" y="171"/>
                    </a:lnTo>
                    <a:lnTo>
                      <a:pt x="122" y="175"/>
                    </a:lnTo>
                    <a:lnTo>
                      <a:pt x="122" y="178"/>
                    </a:lnTo>
                    <a:lnTo>
                      <a:pt x="122" y="183"/>
                    </a:lnTo>
                    <a:lnTo>
                      <a:pt x="122" y="186"/>
                    </a:lnTo>
                    <a:lnTo>
                      <a:pt x="122" y="188"/>
                    </a:lnTo>
                    <a:lnTo>
                      <a:pt x="122" y="190"/>
                    </a:lnTo>
                    <a:lnTo>
                      <a:pt x="122" y="192"/>
                    </a:lnTo>
                    <a:lnTo>
                      <a:pt x="122" y="193"/>
                    </a:lnTo>
                    <a:lnTo>
                      <a:pt x="122" y="197"/>
                    </a:lnTo>
                    <a:lnTo>
                      <a:pt x="122" y="198"/>
                    </a:lnTo>
                    <a:lnTo>
                      <a:pt x="118" y="202"/>
                    </a:lnTo>
                    <a:lnTo>
                      <a:pt x="116" y="205"/>
                    </a:lnTo>
                    <a:lnTo>
                      <a:pt x="116" y="207"/>
                    </a:lnTo>
                    <a:lnTo>
                      <a:pt x="115" y="208"/>
                    </a:lnTo>
                    <a:lnTo>
                      <a:pt x="115" y="212"/>
                    </a:lnTo>
                    <a:lnTo>
                      <a:pt x="115" y="214"/>
                    </a:lnTo>
                    <a:lnTo>
                      <a:pt x="110" y="219"/>
                    </a:lnTo>
                    <a:lnTo>
                      <a:pt x="108" y="227"/>
                    </a:lnTo>
                    <a:lnTo>
                      <a:pt x="108" y="229"/>
                    </a:lnTo>
                    <a:lnTo>
                      <a:pt x="108" y="230"/>
                    </a:lnTo>
                    <a:lnTo>
                      <a:pt x="106" y="232"/>
                    </a:lnTo>
                    <a:lnTo>
                      <a:pt x="105" y="236"/>
                    </a:lnTo>
                    <a:lnTo>
                      <a:pt x="103" y="239"/>
                    </a:lnTo>
                    <a:lnTo>
                      <a:pt x="100" y="244"/>
                    </a:lnTo>
                    <a:lnTo>
                      <a:pt x="98" y="247"/>
                    </a:lnTo>
                    <a:lnTo>
                      <a:pt x="94" y="249"/>
                    </a:lnTo>
                    <a:lnTo>
                      <a:pt x="94" y="251"/>
                    </a:lnTo>
                    <a:lnTo>
                      <a:pt x="96" y="254"/>
                    </a:lnTo>
                    <a:lnTo>
                      <a:pt x="96" y="256"/>
                    </a:lnTo>
                    <a:lnTo>
                      <a:pt x="96" y="258"/>
                    </a:lnTo>
                    <a:lnTo>
                      <a:pt x="89" y="281"/>
                    </a:lnTo>
                    <a:lnTo>
                      <a:pt x="86" y="290"/>
                    </a:lnTo>
                    <a:lnTo>
                      <a:pt x="83" y="296"/>
                    </a:lnTo>
                    <a:lnTo>
                      <a:pt x="79" y="300"/>
                    </a:lnTo>
                    <a:lnTo>
                      <a:pt x="76" y="300"/>
                    </a:lnTo>
                    <a:lnTo>
                      <a:pt x="74" y="300"/>
                    </a:lnTo>
                    <a:lnTo>
                      <a:pt x="72" y="296"/>
                    </a:lnTo>
                    <a:lnTo>
                      <a:pt x="71" y="295"/>
                    </a:lnTo>
                    <a:lnTo>
                      <a:pt x="71" y="290"/>
                    </a:lnTo>
                    <a:lnTo>
                      <a:pt x="72" y="286"/>
                    </a:lnTo>
                    <a:lnTo>
                      <a:pt x="72" y="285"/>
                    </a:lnTo>
                    <a:lnTo>
                      <a:pt x="74" y="283"/>
                    </a:lnTo>
                    <a:lnTo>
                      <a:pt x="74" y="280"/>
                    </a:lnTo>
                    <a:lnTo>
                      <a:pt x="74" y="276"/>
                    </a:lnTo>
                    <a:lnTo>
                      <a:pt x="72" y="273"/>
                    </a:lnTo>
                    <a:lnTo>
                      <a:pt x="69" y="271"/>
                    </a:lnTo>
                    <a:lnTo>
                      <a:pt x="64" y="271"/>
                    </a:lnTo>
                    <a:lnTo>
                      <a:pt x="56" y="273"/>
                    </a:lnTo>
                    <a:lnTo>
                      <a:pt x="49" y="278"/>
                    </a:lnTo>
                    <a:lnTo>
                      <a:pt x="49" y="276"/>
                    </a:lnTo>
                    <a:lnTo>
                      <a:pt x="47" y="274"/>
                    </a:lnTo>
                    <a:lnTo>
                      <a:pt x="44" y="271"/>
                    </a:lnTo>
                    <a:lnTo>
                      <a:pt x="42" y="269"/>
                    </a:lnTo>
                    <a:lnTo>
                      <a:pt x="39" y="266"/>
                    </a:lnTo>
                    <a:lnTo>
                      <a:pt x="34" y="266"/>
                    </a:lnTo>
                    <a:lnTo>
                      <a:pt x="28" y="264"/>
                    </a:lnTo>
                    <a:lnTo>
                      <a:pt x="27" y="263"/>
                    </a:lnTo>
                    <a:lnTo>
                      <a:pt x="23" y="261"/>
                    </a:lnTo>
                    <a:lnTo>
                      <a:pt x="20" y="258"/>
                    </a:lnTo>
                    <a:lnTo>
                      <a:pt x="18" y="256"/>
                    </a:lnTo>
                    <a:lnTo>
                      <a:pt x="6" y="247"/>
                    </a:lnTo>
                    <a:lnTo>
                      <a:pt x="6" y="239"/>
                    </a:lnTo>
                    <a:lnTo>
                      <a:pt x="3" y="237"/>
                    </a:lnTo>
                    <a:lnTo>
                      <a:pt x="1" y="234"/>
                    </a:lnTo>
                    <a:lnTo>
                      <a:pt x="1" y="230"/>
                    </a:lnTo>
                    <a:lnTo>
                      <a:pt x="1" y="227"/>
                    </a:lnTo>
                    <a:lnTo>
                      <a:pt x="1" y="224"/>
                    </a:lnTo>
                    <a:lnTo>
                      <a:pt x="1" y="220"/>
                    </a:lnTo>
                    <a:lnTo>
                      <a:pt x="3" y="219"/>
                    </a:lnTo>
                    <a:lnTo>
                      <a:pt x="5" y="217"/>
                    </a:lnTo>
                    <a:lnTo>
                      <a:pt x="12" y="208"/>
                    </a:lnTo>
                    <a:lnTo>
                      <a:pt x="13" y="205"/>
                    </a:lnTo>
                    <a:lnTo>
                      <a:pt x="8" y="205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210" name="Freeform 69"/>
            <p:cNvSpPr>
              <a:spLocks/>
            </p:cNvSpPr>
            <p:nvPr/>
          </p:nvSpPr>
          <p:spPr bwMode="auto">
            <a:xfrm>
              <a:off x="3295" y="2545"/>
              <a:ext cx="810" cy="287"/>
            </a:xfrm>
            <a:custGeom>
              <a:avLst/>
              <a:gdLst>
                <a:gd name="T0" fmla="*/ 562 w 833"/>
                <a:gd name="T1" fmla="*/ 0 h 295"/>
                <a:gd name="T2" fmla="*/ 562 w 833"/>
                <a:gd name="T3" fmla="*/ 12 h 295"/>
                <a:gd name="T4" fmla="*/ 562 w 833"/>
                <a:gd name="T5" fmla="*/ 18 h 295"/>
                <a:gd name="T6" fmla="*/ 556 w 833"/>
                <a:gd name="T7" fmla="*/ 22 h 295"/>
                <a:gd name="T8" fmla="*/ 549 w 833"/>
                <a:gd name="T9" fmla="*/ 37 h 295"/>
                <a:gd name="T10" fmla="*/ 544 w 833"/>
                <a:gd name="T11" fmla="*/ 46 h 295"/>
                <a:gd name="T12" fmla="*/ 534 w 833"/>
                <a:gd name="T13" fmla="*/ 45 h 295"/>
                <a:gd name="T14" fmla="*/ 519 w 833"/>
                <a:gd name="T15" fmla="*/ 55 h 295"/>
                <a:gd name="T16" fmla="*/ 508 w 833"/>
                <a:gd name="T17" fmla="*/ 65 h 295"/>
                <a:gd name="T18" fmla="*/ 505 w 833"/>
                <a:gd name="T19" fmla="*/ 57 h 295"/>
                <a:gd name="T20" fmla="*/ 497 w 833"/>
                <a:gd name="T21" fmla="*/ 60 h 295"/>
                <a:gd name="T22" fmla="*/ 492 w 833"/>
                <a:gd name="T23" fmla="*/ 69 h 295"/>
                <a:gd name="T24" fmla="*/ 488 w 833"/>
                <a:gd name="T25" fmla="*/ 78 h 295"/>
                <a:gd name="T26" fmla="*/ 483 w 833"/>
                <a:gd name="T27" fmla="*/ 84 h 295"/>
                <a:gd name="T28" fmla="*/ 473 w 833"/>
                <a:gd name="T29" fmla="*/ 88 h 295"/>
                <a:gd name="T30" fmla="*/ 457 w 833"/>
                <a:gd name="T31" fmla="*/ 99 h 295"/>
                <a:gd name="T32" fmla="*/ 449 w 833"/>
                <a:gd name="T33" fmla="*/ 108 h 295"/>
                <a:gd name="T34" fmla="*/ 432 w 833"/>
                <a:gd name="T35" fmla="*/ 114 h 295"/>
                <a:gd name="T36" fmla="*/ 424 w 833"/>
                <a:gd name="T37" fmla="*/ 123 h 295"/>
                <a:gd name="T38" fmla="*/ 421 w 833"/>
                <a:gd name="T39" fmla="*/ 130 h 295"/>
                <a:gd name="T40" fmla="*/ 413 w 833"/>
                <a:gd name="T41" fmla="*/ 139 h 295"/>
                <a:gd name="T42" fmla="*/ 405 w 833"/>
                <a:gd name="T43" fmla="*/ 140 h 295"/>
                <a:gd name="T44" fmla="*/ 317 w 833"/>
                <a:gd name="T45" fmla="*/ 172 h 295"/>
                <a:gd name="T46" fmla="*/ 7 w 833"/>
                <a:gd name="T47" fmla="*/ 200 h 295"/>
                <a:gd name="T48" fmla="*/ 0 w 833"/>
                <a:gd name="T49" fmla="*/ 198 h 295"/>
                <a:gd name="T50" fmla="*/ 8 w 833"/>
                <a:gd name="T51" fmla="*/ 193 h 295"/>
                <a:gd name="T52" fmla="*/ 18 w 833"/>
                <a:gd name="T53" fmla="*/ 188 h 295"/>
                <a:gd name="T54" fmla="*/ 18 w 833"/>
                <a:gd name="T55" fmla="*/ 177 h 295"/>
                <a:gd name="T56" fmla="*/ 15 w 833"/>
                <a:gd name="T57" fmla="*/ 171 h 295"/>
                <a:gd name="T58" fmla="*/ 18 w 833"/>
                <a:gd name="T59" fmla="*/ 161 h 295"/>
                <a:gd name="T60" fmla="*/ 18 w 833"/>
                <a:gd name="T61" fmla="*/ 157 h 295"/>
                <a:gd name="T62" fmla="*/ 18 w 833"/>
                <a:gd name="T63" fmla="*/ 151 h 295"/>
                <a:gd name="T64" fmla="*/ 27 w 833"/>
                <a:gd name="T65" fmla="*/ 143 h 295"/>
                <a:gd name="T66" fmla="*/ 22 w 833"/>
                <a:gd name="T67" fmla="*/ 140 h 295"/>
                <a:gd name="T68" fmla="*/ 18 w 833"/>
                <a:gd name="T69" fmla="*/ 139 h 295"/>
                <a:gd name="T70" fmla="*/ 20 w 833"/>
                <a:gd name="T71" fmla="*/ 137 h 295"/>
                <a:gd name="T72" fmla="*/ 27 w 833"/>
                <a:gd name="T73" fmla="*/ 131 h 295"/>
                <a:gd name="T74" fmla="*/ 35 w 833"/>
                <a:gd name="T75" fmla="*/ 124 h 295"/>
                <a:gd name="T76" fmla="*/ 40 w 833"/>
                <a:gd name="T77" fmla="*/ 117 h 295"/>
                <a:gd name="T78" fmla="*/ 37 w 833"/>
                <a:gd name="T79" fmla="*/ 114 h 295"/>
                <a:gd name="T80" fmla="*/ 43 w 833"/>
                <a:gd name="T81" fmla="*/ 101 h 295"/>
                <a:gd name="T82" fmla="*/ 45 w 833"/>
                <a:gd name="T83" fmla="*/ 101 h 295"/>
                <a:gd name="T84" fmla="*/ 44 w 833"/>
                <a:gd name="T85" fmla="*/ 97 h 295"/>
                <a:gd name="T86" fmla="*/ 38 w 833"/>
                <a:gd name="T87" fmla="*/ 90 h 295"/>
                <a:gd name="T88" fmla="*/ 42 w 833"/>
                <a:gd name="T89" fmla="*/ 88 h 295"/>
                <a:gd name="T90" fmla="*/ 44 w 833"/>
                <a:gd name="T91" fmla="*/ 88 h 295"/>
                <a:gd name="T92" fmla="*/ 143 w 833"/>
                <a:gd name="T93" fmla="*/ 59 h 295"/>
                <a:gd name="T94" fmla="*/ 144 w 833"/>
                <a:gd name="T95" fmla="*/ 46 h 295"/>
                <a:gd name="T96" fmla="*/ 154 w 833"/>
                <a:gd name="T97" fmla="*/ 46 h 295"/>
                <a:gd name="T98" fmla="*/ 169 w 833"/>
                <a:gd name="T99" fmla="*/ 46 h 295"/>
                <a:gd name="T100" fmla="*/ 177 w 833"/>
                <a:gd name="T101" fmla="*/ 46 h 295"/>
                <a:gd name="T102" fmla="*/ 194 w 833"/>
                <a:gd name="T103" fmla="*/ 45 h 295"/>
                <a:gd name="T104" fmla="*/ 218 w 833"/>
                <a:gd name="T105" fmla="*/ 43 h 295"/>
                <a:gd name="T106" fmla="*/ 250 w 833"/>
                <a:gd name="T107" fmla="*/ 41 h 295"/>
                <a:gd name="T108" fmla="*/ 283 w 833"/>
                <a:gd name="T109" fmla="*/ 37 h 295"/>
                <a:gd name="T110" fmla="*/ 319 w 833"/>
                <a:gd name="T111" fmla="*/ 34 h 295"/>
                <a:gd name="T112" fmla="*/ 352 w 833"/>
                <a:gd name="T113" fmla="*/ 29 h 295"/>
                <a:gd name="T114" fmla="*/ 382 w 833"/>
                <a:gd name="T115" fmla="*/ 25 h 295"/>
                <a:gd name="T116" fmla="*/ 405 w 833"/>
                <a:gd name="T117" fmla="*/ 22 h 295"/>
                <a:gd name="T118" fmla="*/ 417 w 833"/>
                <a:gd name="T119" fmla="*/ 20 h 295"/>
                <a:gd name="T120" fmla="*/ 544 w 833"/>
                <a:gd name="T121" fmla="*/ 7 h 295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w 833"/>
                <a:gd name="T184" fmla="*/ 0 h 295"/>
                <a:gd name="T185" fmla="*/ 833 w 833"/>
                <a:gd name="T186" fmla="*/ 295 h 295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T183" t="T184" r="T185" b="T186"/>
              <a:pathLst>
                <a:path w="833" h="295">
                  <a:moveTo>
                    <a:pt x="804" y="7"/>
                  </a:moveTo>
                  <a:lnTo>
                    <a:pt x="816" y="0"/>
                  </a:lnTo>
                  <a:lnTo>
                    <a:pt x="831" y="0"/>
                  </a:lnTo>
                  <a:lnTo>
                    <a:pt x="831" y="2"/>
                  </a:lnTo>
                  <a:lnTo>
                    <a:pt x="831" y="6"/>
                  </a:lnTo>
                  <a:lnTo>
                    <a:pt x="831" y="12"/>
                  </a:lnTo>
                  <a:lnTo>
                    <a:pt x="831" y="17"/>
                  </a:lnTo>
                  <a:lnTo>
                    <a:pt x="833" y="24"/>
                  </a:lnTo>
                  <a:lnTo>
                    <a:pt x="831" y="31"/>
                  </a:lnTo>
                  <a:lnTo>
                    <a:pt x="831" y="34"/>
                  </a:lnTo>
                  <a:lnTo>
                    <a:pt x="831" y="36"/>
                  </a:lnTo>
                  <a:lnTo>
                    <a:pt x="824" y="36"/>
                  </a:lnTo>
                  <a:lnTo>
                    <a:pt x="819" y="39"/>
                  </a:lnTo>
                  <a:lnTo>
                    <a:pt x="814" y="44"/>
                  </a:lnTo>
                  <a:lnTo>
                    <a:pt x="811" y="51"/>
                  </a:lnTo>
                  <a:lnTo>
                    <a:pt x="807" y="58"/>
                  </a:lnTo>
                  <a:lnTo>
                    <a:pt x="805" y="63"/>
                  </a:lnTo>
                  <a:lnTo>
                    <a:pt x="804" y="66"/>
                  </a:lnTo>
                  <a:lnTo>
                    <a:pt x="797" y="63"/>
                  </a:lnTo>
                  <a:lnTo>
                    <a:pt x="790" y="63"/>
                  </a:lnTo>
                  <a:lnTo>
                    <a:pt x="782" y="68"/>
                  </a:lnTo>
                  <a:lnTo>
                    <a:pt x="773" y="75"/>
                  </a:lnTo>
                  <a:lnTo>
                    <a:pt x="767" y="83"/>
                  </a:lnTo>
                  <a:lnTo>
                    <a:pt x="760" y="90"/>
                  </a:lnTo>
                  <a:lnTo>
                    <a:pt x="755" y="94"/>
                  </a:lnTo>
                  <a:lnTo>
                    <a:pt x="753" y="94"/>
                  </a:lnTo>
                  <a:lnTo>
                    <a:pt x="751" y="88"/>
                  </a:lnTo>
                  <a:lnTo>
                    <a:pt x="748" y="87"/>
                  </a:lnTo>
                  <a:lnTo>
                    <a:pt x="746" y="85"/>
                  </a:lnTo>
                  <a:lnTo>
                    <a:pt x="743" y="85"/>
                  </a:lnTo>
                  <a:lnTo>
                    <a:pt x="739" y="87"/>
                  </a:lnTo>
                  <a:lnTo>
                    <a:pt x="736" y="88"/>
                  </a:lnTo>
                  <a:lnTo>
                    <a:pt x="733" y="92"/>
                  </a:lnTo>
                  <a:lnTo>
                    <a:pt x="731" y="97"/>
                  </a:lnTo>
                  <a:lnTo>
                    <a:pt x="728" y="100"/>
                  </a:lnTo>
                  <a:lnTo>
                    <a:pt x="724" y="105"/>
                  </a:lnTo>
                  <a:lnTo>
                    <a:pt x="723" y="110"/>
                  </a:lnTo>
                  <a:lnTo>
                    <a:pt x="721" y="114"/>
                  </a:lnTo>
                  <a:lnTo>
                    <a:pt x="717" y="119"/>
                  </a:lnTo>
                  <a:lnTo>
                    <a:pt x="717" y="121"/>
                  </a:lnTo>
                  <a:lnTo>
                    <a:pt x="716" y="122"/>
                  </a:lnTo>
                  <a:lnTo>
                    <a:pt x="716" y="124"/>
                  </a:lnTo>
                  <a:lnTo>
                    <a:pt x="707" y="126"/>
                  </a:lnTo>
                  <a:lnTo>
                    <a:pt x="699" y="129"/>
                  </a:lnTo>
                  <a:lnTo>
                    <a:pt x="690" y="134"/>
                  </a:lnTo>
                  <a:lnTo>
                    <a:pt x="682" y="141"/>
                  </a:lnTo>
                  <a:lnTo>
                    <a:pt x="677" y="146"/>
                  </a:lnTo>
                  <a:lnTo>
                    <a:pt x="670" y="153"/>
                  </a:lnTo>
                  <a:lnTo>
                    <a:pt x="667" y="156"/>
                  </a:lnTo>
                  <a:lnTo>
                    <a:pt x="665" y="158"/>
                  </a:lnTo>
                  <a:lnTo>
                    <a:pt x="655" y="158"/>
                  </a:lnTo>
                  <a:lnTo>
                    <a:pt x="646" y="161"/>
                  </a:lnTo>
                  <a:lnTo>
                    <a:pt x="640" y="165"/>
                  </a:lnTo>
                  <a:lnTo>
                    <a:pt x="633" y="170"/>
                  </a:lnTo>
                  <a:lnTo>
                    <a:pt x="630" y="175"/>
                  </a:lnTo>
                  <a:lnTo>
                    <a:pt x="626" y="180"/>
                  </a:lnTo>
                  <a:lnTo>
                    <a:pt x="624" y="183"/>
                  </a:lnTo>
                  <a:lnTo>
                    <a:pt x="624" y="185"/>
                  </a:lnTo>
                  <a:lnTo>
                    <a:pt x="623" y="192"/>
                  </a:lnTo>
                  <a:lnTo>
                    <a:pt x="619" y="197"/>
                  </a:lnTo>
                  <a:lnTo>
                    <a:pt x="616" y="202"/>
                  </a:lnTo>
                  <a:lnTo>
                    <a:pt x="611" y="204"/>
                  </a:lnTo>
                  <a:lnTo>
                    <a:pt x="608" y="205"/>
                  </a:lnTo>
                  <a:lnTo>
                    <a:pt x="602" y="205"/>
                  </a:lnTo>
                  <a:lnTo>
                    <a:pt x="599" y="205"/>
                  </a:lnTo>
                  <a:lnTo>
                    <a:pt x="599" y="239"/>
                  </a:lnTo>
                  <a:lnTo>
                    <a:pt x="470" y="253"/>
                  </a:lnTo>
                  <a:lnTo>
                    <a:pt x="218" y="275"/>
                  </a:lnTo>
                  <a:lnTo>
                    <a:pt x="7" y="293"/>
                  </a:lnTo>
                  <a:lnTo>
                    <a:pt x="7" y="295"/>
                  </a:lnTo>
                  <a:lnTo>
                    <a:pt x="2" y="295"/>
                  </a:lnTo>
                  <a:lnTo>
                    <a:pt x="0" y="293"/>
                  </a:lnTo>
                  <a:lnTo>
                    <a:pt x="0" y="292"/>
                  </a:lnTo>
                  <a:lnTo>
                    <a:pt x="3" y="290"/>
                  </a:lnTo>
                  <a:lnTo>
                    <a:pt x="7" y="286"/>
                  </a:lnTo>
                  <a:lnTo>
                    <a:pt x="8" y="285"/>
                  </a:lnTo>
                  <a:lnTo>
                    <a:pt x="12" y="283"/>
                  </a:lnTo>
                  <a:lnTo>
                    <a:pt x="14" y="283"/>
                  </a:lnTo>
                  <a:lnTo>
                    <a:pt x="19" y="276"/>
                  </a:lnTo>
                  <a:lnTo>
                    <a:pt x="20" y="270"/>
                  </a:lnTo>
                  <a:lnTo>
                    <a:pt x="22" y="264"/>
                  </a:lnTo>
                  <a:lnTo>
                    <a:pt x="20" y="259"/>
                  </a:lnTo>
                  <a:lnTo>
                    <a:pt x="19" y="256"/>
                  </a:lnTo>
                  <a:lnTo>
                    <a:pt x="17" y="254"/>
                  </a:lnTo>
                  <a:lnTo>
                    <a:pt x="15" y="251"/>
                  </a:lnTo>
                  <a:lnTo>
                    <a:pt x="20" y="239"/>
                  </a:lnTo>
                  <a:lnTo>
                    <a:pt x="20" y="237"/>
                  </a:lnTo>
                  <a:lnTo>
                    <a:pt x="22" y="236"/>
                  </a:lnTo>
                  <a:lnTo>
                    <a:pt x="24" y="234"/>
                  </a:lnTo>
                  <a:lnTo>
                    <a:pt x="25" y="231"/>
                  </a:lnTo>
                  <a:lnTo>
                    <a:pt x="29" y="227"/>
                  </a:lnTo>
                  <a:lnTo>
                    <a:pt x="30" y="224"/>
                  </a:lnTo>
                  <a:lnTo>
                    <a:pt x="32" y="222"/>
                  </a:lnTo>
                  <a:lnTo>
                    <a:pt x="34" y="222"/>
                  </a:lnTo>
                  <a:lnTo>
                    <a:pt x="39" y="215"/>
                  </a:lnTo>
                  <a:lnTo>
                    <a:pt x="41" y="210"/>
                  </a:lnTo>
                  <a:lnTo>
                    <a:pt x="41" y="209"/>
                  </a:lnTo>
                  <a:lnTo>
                    <a:pt x="39" y="205"/>
                  </a:lnTo>
                  <a:lnTo>
                    <a:pt x="36" y="205"/>
                  </a:lnTo>
                  <a:lnTo>
                    <a:pt x="32" y="204"/>
                  </a:lnTo>
                  <a:lnTo>
                    <a:pt x="30" y="204"/>
                  </a:lnTo>
                  <a:lnTo>
                    <a:pt x="32" y="202"/>
                  </a:lnTo>
                  <a:lnTo>
                    <a:pt x="34" y="200"/>
                  </a:lnTo>
                  <a:lnTo>
                    <a:pt x="36" y="198"/>
                  </a:lnTo>
                  <a:lnTo>
                    <a:pt x="39" y="195"/>
                  </a:lnTo>
                  <a:lnTo>
                    <a:pt x="41" y="193"/>
                  </a:lnTo>
                  <a:lnTo>
                    <a:pt x="42" y="192"/>
                  </a:lnTo>
                  <a:lnTo>
                    <a:pt x="44" y="190"/>
                  </a:lnTo>
                  <a:lnTo>
                    <a:pt x="49" y="183"/>
                  </a:lnTo>
                  <a:lnTo>
                    <a:pt x="52" y="178"/>
                  </a:lnTo>
                  <a:lnTo>
                    <a:pt x="54" y="175"/>
                  </a:lnTo>
                  <a:lnTo>
                    <a:pt x="54" y="171"/>
                  </a:lnTo>
                  <a:lnTo>
                    <a:pt x="54" y="168"/>
                  </a:lnTo>
                  <a:lnTo>
                    <a:pt x="52" y="166"/>
                  </a:lnTo>
                  <a:lnTo>
                    <a:pt x="51" y="165"/>
                  </a:lnTo>
                  <a:lnTo>
                    <a:pt x="61" y="148"/>
                  </a:lnTo>
                  <a:lnTo>
                    <a:pt x="63" y="148"/>
                  </a:lnTo>
                  <a:lnTo>
                    <a:pt x="64" y="148"/>
                  </a:lnTo>
                  <a:lnTo>
                    <a:pt x="64" y="146"/>
                  </a:lnTo>
                  <a:lnTo>
                    <a:pt x="63" y="143"/>
                  </a:lnTo>
                  <a:lnTo>
                    <a:pt x="58" y="139"/>
                  </a:lnTo>
                  <a:lnTo>
                    <a:pt x="54" y="136"/>
                  </a:lnTo>
                  <a:lnTo>
                    <a:pt x="52" y="132"/>
                  </a:lnTo>
                  <a:lnTo>
                    <a:pt x="52" y="131"/>
                  </a:lnTo>
                  <a:lnTo>
                    <a:pt x="54" y="129"/>
                  </a:lnTo>
                  <a:lnTo>
                    <a:pt x="58" y="129"/>
                  </a:lnTo>
                  <a:lnTo>
                    <a:pt x="59" y="129"/>
                  </a:lnTo>
                  <a:lnTo>
                    <a:pt x="61" y="129"/>
                  </a:lnTo>
                  <a:lnTo>
                    <a:pt x="63" y="129"/>
                  </a:lnTo>
                  <a:lnTo>
                    <a:pt x="64" y="100"/>
                  </a:lnTo>
                  <a:lnTo>
                    <a:pt x="64" y="99"/>
                  </a:lnTo>
                  <a:lnTo>
                    <a:pt x="212" y="87"/>
                  </a:lnTo>
                  <a:lnTo>
                    <a:pt x="212" y="63"/>
                  </a:lnTo>
                  <a:lnTo>
                    <a:pt x="213" y="65"/>
                  </a:lnTo>
                  <a:lnTo>
                    <a:pt x="217" y="65"/>
                  </a:lnTo>
                  <a:lnTo>
                    <a:pt x="222" y="65"/>
                  </a:lnTo>
                  <a:lnTo>
                    <a:pt x="228" y="65"/>
                  </a:lnTo>
                  <a:lnTo>
                    <a:pt x="235" y="66"/>
                  </a:lnTo>
                  <a:lnTo>
                    <a:pt x="242" y="66"/>
                  </a:lnTo>
                  <a:lnTo>
                    <a:pt x="250" y="66"/>
                  </a:lnTo>
                  <a:lnTo>
                    <a:pt x="252" y="66"/>
                  </a:lnTo>
                  <a:lnTo>
                    <a:pt x="256" y="66"/>
                  </a:lnTo>
                  <a:lnTo>
                    <a:pt x="261" y="65"/>
                  </a:lnTo>
                  <a:lnTo>
                    <a:pt x="267" y="65"/>
                  </a:lnTo>
                  <a:lnTo>
                    <a:pt x="276" y="63"/>
                  </a:lnTo>
                  <a:lnTo>
                    <a:pt x="286" y="63"/>
                  </a:lnTo>
                  <a:lnTo>
                    <a:pt x="296" y="61"/>
                  </a:lnTo>
                  <a:lnTo>
                    <a:pt x="310" y="61"/>
                  </a:lnTo>
                  <a:lnTo>
                    <a:pt x="323" y="60"/>
                  </a:lnTo>
                  <a:lnTo>
                    <a:pt x="337" y="58"/>
                  </a:lnTo>
                  <a:lnTo>
                    <a:pt x="352" y="58"/>
                  </a:lnTo>
                  <a:lnTo>
                    <a:pt x="369" y="56"/>
                  </a:lnTo>
                  <a:lnTo>
                    <a:pt x="386" y="55"/>
                  </a:lnTo>
                  <a:lnTo>
                    <a:pt x="403" y="53"/>
                  </a:lnTo>
                  <a:lnTo>
                    <a:pt x="420" y="51"/>
                  </a:lnTo>
                  <a:lnTo>
                    <a:pt x="437" y="50"/>
                  </a:lnTo>
                  <a:lnTo>
                    <a:pt x="455" y="48"/>
                  </a:lnTo>
                  <a:lnTo>
                    <a:pt x="472" y="48"/>
                  </a:lnTo>
                  <a:lnTo>
                    <a:pt x="489" y="46"/>
                  </a:lnTo>
                  <a:lnTo>
                    <a:pt x="504" y="44"/>
                  </a:lnTo>
                  <a:lnTo>
                    <a:pt x="521" y="43"/>
                  </a:lnTo>
                  <a:lnTo>
                    <a:pt x="536" y="41"/>
                  </a:lnTo>
                  <a:lnTo>
                    <a:pt x="552" y="39"/>
                  </a:lnTo>
                  <a:lnTo>
                    <a:pt x="565" y="39"/>
                  </a:lnTo>
                  <a:lnTo>
                    <a:pt x="577" y="38"/>
                  </a:lnTo>
                  <a:lnTo>
                    <a:pt x="589" y="36"/>
                  </a:lnTo>
                  <a:lnTo>
                    <a:pt x="599" y="36"/>
                  </a:lnTo>
                  <a:lnTo>
                    <a:pt x="608" y="36"/>
                  </a:lnTo>
                  <a:lnTo>
                    <a:pt x="613" y="34"/>
                  </a:lnTo>
                  <a:lnTo>
                    <a:pt x="618" y="34"/>
                  </a:lnTo>
                  <a:lnTo>
                    <a:pt x="621" y="34"/>
                  </a:lnTo>
                  <a:lnTo>
                    <a:pt x="623" y="34"/>
                  </a:lnTo>
                  <a:lnTo>
                    <a:pt x="804" y="7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211" name="Group 70"/>
            <p:cNvGrpSpPr>
              <a:grpSpLocks/>
            </p:cNvGrpSpPr>
            <p:nvPr/>
          </p:nvGrpSpPr>
          <p:grpSpPr bwMode="auto">
            <a:xfrm>
              <a:off x="3183" y="2812"/>
              <a:ext cx="342" cy="594"/>
              <a:chOff x="3392" y="2451"/>
              <a:chExt cx="352" cy="612"/>
            </a:xfrm>
          </p:grpSpPr>
          <p:sp>
            <p:nvSpPr>
              <p:cNvPr id="330" name="Freeform 71"/>
              <p:cNvSpPr>
                <a:spLocks/>
              </p:cNvSpPr>
              <p:nvPr/>
            </p:nvSpPr>
            <p:spPr bwMode="auto">
              <a:xfrm>
                <a:off x="3392" y="2451"/>
                <a:ext cx="352" cy="612"/>
              </a:xfrm>
              <a:custGeom>
                <a:avLst/>
                <a:gdLst>
                  <a:gd name="T0" fmla="*/ 262 w 352"/>
                  <a:gd name="T1" fmla="*/ 594 h 612"/>
                  <a:gd name="T2" fmla="*/ 276 w 352"/>
                  <a:gd name="T3" fmla="*/ 589 h 612"/>
                  <a:gd name="T4" fmla="*/ 291 w 352"/>
                  <a:gd name="T5" fmla="*/ 585 h 612"/>
                  <a:gd name="T6" fmla="*/ 305 w 352"/>
                  <a:gd name="T7" fmla="*/ 580 h 612"/>
                  <a:gd name="T8" fmla="*/ 293 w 352"/>
                  <a:gd name="T9" fmla="*/ 577 h 612"/>
                  <a:gd name="T10" fmla="*/ 313 w 352"/>
                  <a:gd name="T11" fmla="*/ 577 h 612"/>
                  <a:gd name="T12" fmla="*/ 315 w 352"/>
                  <a:gd name="T13" fmla="*/ 583 h 612"/>
                  <a:gd name="T14" fmla="*/ 333 w 352"/>
                  <a:gd name="T15" fmla="*/ 577 h 612"/>
                  <a:gd name="T16" fmla="*/ 343 w 352"/>
                  <a:gd name="T17" fmla="*/ 585 h 612"/>
                  <a:gd name="T18" fmla="*/ 352 w 352"/>
                  <a:gd name="T19" fmla="*/ 578 h 612"/>
                  <a:gd name="T20" fmla="*/ 333 w 352"/>
                  <a:gd name="T21" fmla="*/ 0 h 612"/>
                  <a:gd name="T22" fmla="*/ 122 w 352"/>
                  <a:gd name="T23" fmla="*/ 20 h 612"/>
                  <a:gd name="T24" fmla="*/ 120 w 352"/>
                  <a:gd name="T25" fmla="*/ 28 h 612"/>
                  <a:gd name="T26" fmla="*/ 93 w 352"/>
                  <a:gd name="T27" fmla="*/ 59 h 612"/>
                  <a:gd name="T28" fmla="*/ 64 w 352"/>
                  <a:gd name="T29" fmla="*/ 113 h 612"/>
                  <a:gd name="T30" fmla="*/ 56 w 352"/>
                  <a:gd name="T31" fmla="*/ 133 h 612"/>
                  <a:gd name="T32" fmla="*/ 57 w 352"/>
                  <a:gd name="T33" fmla="*/ 142 h 612"/>
                  <a:gd name="T34" fmla="*/ 46 w 352"/>
                  <a:gd name="T35" fmla="*/ 147 h 612"/>
                  <a:gd name="T36" fmla="*/ 44 w 352"/>
                  <a:gd name="T37" fmla="*/ 157 h 612"/>
                  <a:gd name="T38" fmla="*/ 47 w 352"/>
                  <a:gd name="T39" fmla="*/ 165 h 612"/>
                  <a:gd name="T40" fmla="*/ 41 w 352"/>
                  <a:gd name="T41" fmla="*/ 174 h 612"/>
                  <a:gd name="T42" fmla="*/ 42 w 352"/>
                  <a:gd name="T43" fmla="*/ 177 h 612"/>
                  <a:gd name="T44" fmla="*/ 47 w 352"/>
                  <a:gd name="T45" fmla="*/ 182 h 612"/>
                  <a:gd name="T46" fmla="*/ 35 w 352"/>
                  <a:gd name="T47" fmla="*/ 189 h 612"/>
                  <a:gd name="T48" fmla="*/ 29 w 352"/>
                  <a:gd name="T49" fmla="*/ 204 h 612"/>
                  <a:gd name="T50" fmla="*/ 44 w 352"/>
                  <a:gd name="T51" fmla="*/ 240 h 612"/>
                  <a:gd name="T52" fmla="*/ 47 w 352"/>
                  <a:gd name="T53" fmla="*/ 248 h 612"/>
                  <a:gd name="T54" fmla="*/ 42 w 352"/>
                  <a:gd name="T55" fmla="*/ 253 h 612"/>
                  <a:gd name="T56" fmla="*/ 39 w 352"/>
                  <a:gd name="T57" fmla="*/ 265 h 612"/>
                  <a:gd name="T58" fmla="*/ 37 w 352"/>
                  <a:gd name="T59" fmla="*/ 270 h 612"/>
                  <a:gd name="T60" fmla="*/ 37 w 352"/>
                  <a:gd name="T61" fmla="*/ 279 h 612"/>
                  <a:gd name="T62" fmla="*/ 42 w 352"/>
                  <a:gd name="T63" fmla="*/ 281 h 612"/>
                  <a:gd name="T64" fmla="*/ 47 w 352"/>
                  <a:gd name="T65" fmla="*/ 287 h 612"/>
                  <a:gd name="T66" fmla="*/ 46 w 352"/>
                  <a:gd name="T67" fmla="*/ 319 h 612"/>
                  <a:gd name="T68" fmla="*/ 56 w 352"/>
                  <a:gd name="T69" fmla="*/ 331 h 612"/>
                  <a:gd name="T70" fmla="*/ 52 w 352"/>
                  <a:gd name="T71" fmla="*/ 338 h 612"/>
                  <a:gd name="T72" fmla="*/ 61 w 352"/>
                  <a:gd name="T73" fmla="*/ 341 h 612"/>
                  <a:gd name="T74" fmla="*/ 61 w 352"/>
                  <a:gd name="T75" fmla="*/ 350 h 612"/>
                  <a:gd name="T76" fmla="*/ 68 w 352"/>
                  <a:gd name="T77" fmla="*/ 355 h 612"/>
                  <a:gd name="T78" fmla="*/ 63 w 352"/>
                  <a:gd name="T79" fmla="*/ 367 h 612"/>
                  <a:gd name="T80" fmla="*/ 56 w 352"/>
                  <a:gd name="T81" fmla="*/ 370 h 612"/>
                  <a:gd name="T82" fmla="*/ 44 w 352"/>
                  <a:gd name="T83" fmla="*/ 375 h 612"/>
                  <a:gd name="T84" fmla="*/ 54 w 352"/>
                  <a:gd name="T85" fmla="*/ 384 h 612"/>
                  <a:gd name="T86" fmla="*/ 44 w 352"/>
                  <a:gd name="T87" fmla="*/ 399 h 612"/>
                  <a:gd name="T88" fmla="*/ 32 w 352"/>
                  <a:gd name="T89" fmla="*/ 416 h 612"/>
                  <a:gd name="T90" fmla="*/ 25 w 352"/>
                  <a:gd name="T91" fmla="*/ 450 h 612"/>
                  <a:gd name="T92" fmla="*/ 15 w 352"/>
                  <a:gd name="T93" fmla="*/ 458 h 612"/>
                  <a:gd name="T94" fmla="*/ 17 w 352"/>
                  <a:gd name="T95" fmla="*/ 467 h 612"/>
                  <a:gd name="T96" fmla="*/ 10 w 352"/>
                  <a:gd name="T97" fmla="*/ 477 h 612"/>
                  <a:gd name="T98" fmla="*/ 15 w 352"/>
                  <a:gd name="T99" fmla="*/ 482 h 612"/>
                  <a:gd name="T100" fmla="*/ 5 w 352"/>
                  <a:gd name="T101" fmla="*/ 494 h 612"/>
                  <a:gd name="T102" fmla="*/ 0 w 352"/>
                  <a:gd name="T103" fmla="*/ 502 h 612"/>
                  <a:gd name="T104" fmla="*/ 7 w 352"/>
                  <a:gd name="T105" fmla="*/ 507 h 612"/>
                  <a:gd name="T106" fmla="*/ 3 w 352"/>
                  <a:gd name="T107" fmla="*/ 517 h 612"/>
                  <a:gd name="T108" fmla="*/ 203 w 352"/>
                  <a:gd name="T109" fmla="*/ 511 h 612"/>
                  <a:gd name="T110" fmla="*/ 198 w 352"/>
                  <a:gd name="T111" fmla="*/ 543 h 612"/>
                  <a:gd name="T112" fmla="*/ 198 w 352"/>
                  <a:gd name="T113" fmla="*/ 563 h 612"/>
                  <a:gd name="T114" fmla="*/ 211 w 352"/>
                  <a:gd name="T115" fmla="*/ 577 h 612"/>
                  <a:gd name="T116" fmla="*/ 223 w 352"/>
                  <a:gd name="T117" fmla="*/ 605 h 612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352"/>
                  <a:gd name="T178" fmla="*/ 0 h 612"/>
                  <a:gd name="T179" fmla="*/ 352 w 352"/>
                  <a:gd name="T180" fmla="*/ 612 h 612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352" h="612">
                    <a:moveTo>
                      <a:pt x="240" y="609"/>
                    </a:moveTo>
                    <a:lnTo>
                      <a:pt x="252" y="599"/>
                    </a:lnTo>
                    <a:lnTo>
                      <a:pt x="252" y="590"/>
                    </a:lnTo>
                    <a:lnTo>
                      <a:pt x="262" y="594"/>
                    </a:lnTo>
                    <a:lnTo>
                      <a:pt x="266" y="592"/>
                    </a:lnTo>
                    <a:lnTo>
                      <a:pt x="271" y="590"/>
                    </a:lnTo>
                    <a:lnTo>
                      <a:pt x="276" y="589"/>
                    </a:lnTo>
                    <a:lnTo>
                      <a:pt x="281" y="587"/>
                    </a:lnTo>
                    <a:lnTo>
                      <a:pt x="284" y="585"/>
                    </a:lnTo>
                    <a:lnTo>
                      <a:pt x="288" y="585"/>
                    </a:lnTo>
                    <a:lnTo>
                      <a:pt x="291" y="585"/>
                    </a:lnTo>
                    <a:lnTo>
                      <a:pt x="301" y="583"/>
                    </a:lnTo>
                    <a:lnTo>
                      <a:pt x="306" y="583"/>
                    </a:lnTo>
                    <a:lnTo>
                      <a:pt x="306" y="582"/>
                    </a:lnTo>
                    <a:lnTo>
                      <a:pt x="305" y="580"/>
                    </a:lnTo>
                    <a:lnTo>
                      <a:pt x="301" y="578"/>
                    </a:lnTo>
                    <a:lnTo>
                      <a:pt x="296" y="577"/>
                    </a:lnTo>
                    <a:lnTo>
                      <a:pt x="293" y="577"/>
                    </a:lnTo>
                    <a:lnTo>
                      <a:pt x="301" y="573"/>
                    </a:lnTo>
                    <a:lnTo>
                      <a:pt x="306" y="573"/>
                    </a:lnTo>
                    <a:lnTo>
                      <a:pt x="311" y="575"/>
                    </a:lnTo>
                    <a:lnTo>
                      <a:pt x="313" y="577"/>
                    </a:lnTo>
                    <a:lnTo>
                      <a:pt x="315" y="578"/>
                    </a:lnTo>
                    <a:lnTo>
                      <a:pt x="315" y="582"/>
                    </a:lnTo>
                    <a:lnTo>
                      <a:pt x="315" y="583"/>
                    </a:lnTo>
                    <a:lnTo>
                      <a:pt x="323" y="585"/>
                    </a:lnTo>
                    <a:lnTo>
                      <a:pt x="332" y="575"/>
                    </a:lnTo>
                    <a:lnTo>
                      <a:pt x="333" y="577"/>
                    </a:lnTo>
                    <a:lnTo>
                      <a:pt x="335" y="578"/>
                    </a:lnTo>
                    <a:lnTo>
                      <a:pt x="335" y="580"/>
                    </a:lnTo>
                    <a:lnTo>
                      <a:pt x="340" y="583"/>
                    </a:lnTo>
                    <a:lnTo>
                      <a:pt x="343" y="585"/>
                    </a:lnTo>
                    <a:lnTo>
                      <a:pt x="347" y="585"/>
                    </a:lnTo>
                    <a:lnTo>
                      <a:pt x="349" y="583"/>
                    </a:lnTo>
                    <a:lnTo>
                      <a:pt x="350" y="582"/>
                    </a:lnTo>
                    <a:lnTo>
                      <a:pt x="352" y="578"/>
                    </a:lnTo>
                    <a:lnTo>
                      <a:pt x="352" y="577"/>
                    </a:lnTo>
                    <a:lnTo>
                      <a:pt x="328" y="392"/>
                    </a:lnTo>
                    <a:lnTo>
                      <a:pt x="333" y="0"/>
                    </a:lnTo>
                    <a:lnTo>
                      <a:pt x="122" y="18"/>
                    </a:lnTo>
                    <a:lnTo>
                      <a:pt x="122" y="20"/>
                    </a:lnTo>
                    <a:lnTo>
                      <a:pt x="122" y="22"/>
                    </a:lnTo>
                    <a:lnTo>
                      <a:pt x="120" y="25"/>
                    </a:lnTo>
                    <a:lnTo>
                      <a:pt x="120" y="27"/>
                    </a:lnTo>
                    <a:lnTo>
                      <a:pt x="120" y="28"/>
                    </a:lnTo>
                    <a:lnTo>
                      <a:pt x="118" y="30"/>
                    </a:lnTo>
                    <a:lnTo>
                      <a:pt x="118" y="32"/>
                    </a:lnTo>
                    <a:lnTo>
                      <a:pt x="103" y="44"/>
                    </a:lnTo>
                    <a:lnTo>
                      <a:pt x="93" y="59"/>
                    </a:lnTo>
                    <a:lnTo>
                      <a:pt x="93" y="89"/>
                    </a:lnTo>
                    <a:lnTo>
                      <a:pt x="85" y="98"/>
                    </a:lnTo>
                    <a:lnTo>
                      <a:pt x="79" y="98"/>
                    </a:lnTo>
                    <a:lnTo>
                      <a:pt x="64" y="113"/>
                    </a:lnTo>
                    <a:lnTo>
                      <a:pt x="69" y="123"/>
                    </a:lnTo>
                    <a:lnTo>
                      <a:pt x="54" y="132"/>
                    </a:lnTo>
                    <a:lnTo>
                      <a:pt x="56" y="132"/>
                    </a:lnTo>
                    <a:lnTo>
                      <a:pt x="56" y="133"/>
                    </a:lnTo>
                    <a:lnTo>
                      <a:pt x="57" y="135"/>
                    </a:lnTo>
                    <a:lnTo>
                      <a:pt x="57" y="137"/>
                    </a:lnTo>
                    <a:lnTo>
                      <a:pt x="57" y="138"/>
                    </a:lnTo>
                    <a:lnTo>
                      <a:pt x="57" y="142"/>
                    </a:lnTo>
                    <a:lnTo>
                      <a:pt x="54" y="143"/>
                    </a:lnTo>
                    <a:lnTo>
                      <a:pt x="49" y="145"/>
                    </a:lnTo>
                    <a:lnTo>
                      <a:pt x="47" y="145"/>
                    </a:lnTo>
                    <a:lnTo>
                      <a:pt x="46" y="147"/>
                    </a:lnTo>
                    <a:lnTo>
                      <a:pt x="44" y="149"/>
                    </a:lnTo>
                    <a:lnTo>
                      <a:pt x="44" y="150"/>
                    </a:lnTo>
                    <a:lnTo>
                      <a:pt x="44" y="154"/>
                    </a:lnTo>
                    <a:lnTo>
                      <a:pt x="44" y="157"/>
                    </a:lnTo>
                    <a:lnTo>
                      <a:pt x="46" y="159"/>
                    </a:lnTo>
                    <a:lnTo>
                      <a:pt x="47" y="162"/>
                    </a:lnTo>
                    <a:lnTo>
                      <a:pt x="47" y="164"/>
                    </a:lnTo>
                    <a:lnTo>
                      <a:pt x="47" y="165"/>
                    </a:lnTo>
                    <a:lnTo>
                      <a:pt x="46" y="167"/>
                    </a:lnTo>
                    <a:lnTo>
                      <a:pt x="44" y="171"/>
                    </a:lnTo>
                    <a:lnTo>
                      <a:pt x="42" y="172"/>
                    </a:lnTo>
                    <a:lnTo>
                      <a:pt x="41" y="174"/>
                    </a:lnTo>
                    <a:lnTo>
                      <a:pt x="39" y="176"/>
                    </a:lnTo>
                    <a:lnTo>
                      <a:pt x="39" y="177"/>
                    </a:lnTo>
                    <a:lnTo>
                      <a:pt x="41" y="177"/>
                    </a:lnTo>
                    <a:lnTo>
                      <a:pt x="42" y="177"/>
                    </a:lnTo>
                    <a:lnTo>
                      <a:pt x="44" y="177"/>
                    </a:lnTo>
                    <a:lnTo>
                      <a:pt x="46" y="179"/>
                    </a:lnTo>
                    <a:lnTo>
                      <a:pt x="47" y="181"/>
                    </a:lnTo>
                    <a:lnTo>
                      <a:pt x="47" y="182"/>
                    </a:lnTo>
                    <a:lnTo>
                      <a:pt x="46" y="184"/>
                    </a:lnTo>
                    <a:lnTo>
                      <a:pt x="41" y="187"/>
                    </a:lnTo>
                    <a:lnTo>
                      <a:pt x="39" y="187"/>
                    </a:lnTo>
                    <a:lnTo>
                      <a:pt x="35" y="189"/>
                    </a:lnTo>
                    <a:lnTo>
                      <a:pt x="34" y="189"/>
                    </a:lnTo>
                    <a:lnTo>
                      <a:pt x="32" y="191"/>
                    </a:lnTo>
                    <a:lnTo>
                      <a:pt x="32" y="196"/>
                    </a:lnTo>
                    <a:lnTo>
                      <a:pt x="29" y="204"/>
                    </a:lnTo>
                    <a:lnTo>
                      <a:pt x="37" y="213"/>
                    </a:lnTo>
                    <a:lnTo>
                      <a:pt x="39" y="220"/>
                    </a:lnTo>
                    <a:lnTo>
                      <a:pt x="44" y="240"/>
                    </a:lnTo>
                    <a:lnTo>
                      <a:pt x="46" y="242"/>
                    </a:lnTo>
                    <a:lnTo>
                      <a:pt x="46" y="243"/>
                    </a:lnTo>
                    <a:lnTo>
                      <a:pt x="47" y="247"/>
                    </a:lnTo>
                    <a:lnTo>
                      <a:pt x="47" y="248"/>
                    </a:lnTo>
                    <a:lnTo>
                      <a:pt x="47" y="250"/>
                    </a:lnTo>
                    <a:lnTo>
                      <a:pt x="46" y="252"/>
                    </a:lnTo>
                    <a:lnTo>
                      <a:pt x="42" y="253"/>
                    </a:lnTo>
                    <a:lnTo>
                      <a:pt x="41" y="255"/>
                    </a:lnTo>
                    <a:lnTo>
                      <a:pt x="41" y="259"/>
                    </a:lnTo>
                    <a:lnTo>
                      <a:pt x="39" y="262"/>
                    </a:lnTo>
                    <a:lnTo>
                      <a:pt x="39" y="265"/>
                    </a:lnTo>
                    <a:lnTo>
                      <a:pt x="39" y="269"/>
                    </a:lnTo>
                    <a:lnTo>
                      <a:pt x="39" y="270"/>
                    </a:lnTo>
                    <a:lnTo>
                      <a:pt x="37" y="270"/>
                    </a:lnTo>
                    <a:lnTo>
                      <a:pt x="37" y="272"/>
                    </a:lnTo>
                    <a:lnTo>
                      <a:pt x="37" y="274"/>
                    </a:lnTo>
                    <a:lnTo>
                      <a:pt x="37" y="275"/>
                    </a:lnTo>
                    <a:lnTo>
                      <a:pt x="37" y="279"/>
                    </a:lnTo>
                    <a:lnTo>
                      <a:pt x="37" y="281"/>
                    </a:lnTo>
                    <a:lnTo>
                      <a:pt x="39" y="282"/>
                    </a:lnTo>
                    <a:lnTo>
                      <a:pt x="41" y="282"/>
                    </a:lnTo>
                    <a:lnTo>
                      <a:pt x="42" y="281"/>
                    </a:lnTo>
                    <a:lnTo>
                      <a:pt x="44" y="281"/>
                    </a:lnTo>
                    <a:lnTo>
                      <a:pt x="46" y="284"/>
                    </a:lnTo>
                    <a:lnTo>
                      <a:pt x="46" y="286"/>
                    </a:lnTo>
                    <a:lnTo>
                      <a:pt x="47" y="287"/>
                    </a:lnTo>
                    <a:lnTo>
                      <a:pt x="46" y="299"/>
                    </a:lnTo>
                    <a:lnTo>
                      <a:pt x="52" y="304"/>
                    </a:lnTo>
                    <a:lnTo>
                      <a:pt x="44" y="314"/>
                    </a:lnTo>
                    <a:lnTo>
                      <a:pt x="46" y="319"/>
                    </a:lnTo>
                    <a:lnTo>
                      <a:pt x="57" y="318"/>
                    </a:lnTo>
                    <a:lnTo>
                      <a:pt x="57" y="330"/>
                    </a:lnTo>
                    <a:lnTo>
                      <a:pt x="56" y="330"/>
                    </a:lnTo>
                    <a:lnTo>
                      <a:pt x="56" y="331"/>
                    </a:lnTo>
                    <a:lnTo>
                      <a:pt x="54" y="333"/>
                    </a:lnTo>
                    <a:lnTo>
                      <a:pt x="52" y="335"/>
                    </a:lnTo>
                    <a:lnTo>
                      <a:pt x="51" y="336"/>
                    </a:lnTo>
                    <a:lnTo>
                      <a:pt x="52" y="338"/>
                    </a:lnTo>
                    <a:lnTo>
                      <a:pt x="54" y="340"/>
                    </a:lnTo>
                    <a:lnTo>
                      <a:pt x="61" y="340"/>
                    </a:lnTo>
                    <a:lnTo>
                      <a:pt x="61" y="341"/>
                    </a:lnTo>
                    <a:lnTo>
                      <a:pt x="61" y="343"/>
                    </a:lnTo>
                    <a:lnTo>
                      <a:pt x="59" y="345"/>
                    </a:lnTo>
                    <a:lnTo>
                      <a:pt x="59" y="348"/>
                    </a:lnTo>
                    <a:lnTo>
                      <a:pt x="61" y="350"/>
                    </a:lnTo>
                    <a:lnTo>
                      <a:pt x="64" y="352"/>
                    </a:lnTo>
                    <a:lnTo>
                      <a:pt x="69" y="352"/>
                    </a:lnTo>
                    <a:lnTo>
                      <a:pt x="68" y="355"/>
                    </a:lnTo>
                    <a:lnTo>
                      <a:pt x="66" y="357"/>
                    </a:lnTo>
                    <a:lnTo>
                      <a:pt x="66" y="360"/>
                    </a:lnTo>
                    <a:lnTo>
                      <a:pt x="64" y="363"/>
                    </a:lnTo>
                    <a:lnTo>
                      <a:pt x="63" y="367"/>
                    </a:lnTo>
                    <a:lnTo>
                      <a:pt x="61" y="369"/>
                    </a:lnTo>
                    <a:lnTo>
                      <a:pt x="61" y="370"/>
                    </a:lnTo>
                    <a:lnTo>
                      <a:pt x="59" y="370"/>
                    </a:lnTo>
                    <a:lnTo>
                      <a:pt x="56" y="370"/>
                    </a:lnTo>
                    <a:lnTo>
                      <a:pt x="51" y="372"/>
                    </a:lnTo>
                    <a:lnTo>
                      <a:pt x="47" y="372"/>
                    </a:lnTo>
                    <a:lnTo>
                      <a:pt x="44" y="374"/>
                    </a:lnTo>
                    <a:lnTo>
                      <a:pt x="44" y="375"/>
                    </a:lnTo>
                    <a:lnTo>
                      <a:pt x="47" y="377"/>
                    </a:lnTo>
                    <a:lnTo>
                      <a:pt x="54" y="380"/>
                    </a:lnTo>
                    <a:lnTo>
                      <a:pt x="54" y="382"/>
                    </a:lnTo>
                    <a:lnTo>
                      <a:pt x="54" y="384"/>
                    </a:lnTo>
                    <a:lnTo>
                      <a:pt x="52" y="389"/>
                    </a:lnTo>
                    <a:lnTo>
                      <a:pt x="49" y="392"/>
                    </a:lnTo>
                    <a:lnTo>
                      <a:pt x="47" y="396"/>
                    </a:lnTo>
                    <a:lnTo>
                      <a:pt x="44" y="399"/>
                    </a:lnTo>
                    <a:lnTo>
                      <a:pt x="44" y="402"/>
                    </a:lnTo>
                    <a:lnTo>
                      <a:pt x="42" y="404"/>
                    </a:lnTo>
                    <a:lnTo>
                      <a:pt x="41" y="416"/>
                    </a:lnTo>
                    <a:lnTo>
                      <a:pt x="32" y="416"/>
                    </a:lnTo>
                    <a:lnTo>
                      <a:pt x="25" y="443"/>
                    </a:lnTo>
                    <a:lnTo>
                      <a:pt x="17" y="448"/>
                    </a:lnTo>
                    <a:lnTo>
                      <a:pt x="25" y="448"/>
                    </a:lnTo>
                    <a:lnTo>
                      <a:pt x="25" y="450"/>
                    </a:lnTo>
                    <a:lnTo>
                      <a:pt x="24" y="450"/>
                    </a:lnTo>
                    <a:lnTo>
                      <a:pt x="20" y="453"/>
                    </a:lnTo>
                    <a:lnTo>
                      <a:pt x="19" y="455"/>
                    </a:lnTo>
                    <a:lnTo>
                      <a:pt x="15" y="458"/>
                    </a:lnTo>
                    <a:lnTo>
                      <a:pt x="15" y="460"/>
                    </a:lnTo>
                    <a:lnTo>
                      <a:pt x="15" y="463"/>
                    </a:lnTo>
                    <a:lnTo>
                      <a:pt x="17" y="465"/>
                    </a:lnTo>
                    <a:lnTo>
                      <a:pt x="17" y="467"/>
                    </a:lnTo>
                    <a:lnTo>
                      <a:pt x="15" y="468"/>
                    </a:lnTo>
                    <a:lnTo>
                      <a:pt x="13" y="470"/>
                    </a:lnTo>
                    <a:lnTo>
                      <a:pt x="10" y="473"/>
                    </a:lnTo>
                    <a:lnTo>
                      <a:pt x="10" y="477"/>
                    </a:lnTo>
                    <a:lnTo>
                      <a:pt x="8" y="479"/>
                    </a:lnTo>
                    <a:lnTo>
                      <a:pt x="10" y="480"/>
                    </a:lnTo>
                    <a:lnTo>
                      <a:pt x="13" y="480"/>
                    </a:lnTo>
                    <a:lnTo>
                      <a:pt x="15" y="482"/>
                    </a:lnTo>
                    <a:lnTo>
                      <a:pt x="15" y="485"/>
                    </a:lnTo>
                    <a:lnTo>
                      <a:pt x="13" y="487"/>
                    </a:lnTo>
                    <a:lnTo>
                      <a:pt x="8" y="492"/>
                    </a:lnTo>
                    <a:lnTo>
                      <a:pt x="5" y="494"/>
                    </a:lnTo>
                    <a:lnTo>
                      <a:pt x="2" y="495"/>
                    </a:lnTo>
                    <a:lnTo>
                      <a:pt x="0" y="497"/>
                    </a:lnTo>
                    <a:lnTo>
                      <a:pt x="0" y="501"/>
                    </a:lnTo>
                    <a:lnTo>
                      <a:pt x="0" y="502"/>
                    </a:lnTo>
                    <a:lnTo>
                      <a:pt x="2" y="504"/>
                    </a:lnTo>
                    <a:lnTo>
                      <a:pt x="3" y="506"/>
                    </a:lnTo>
                    <a:lnTo>
                      <a:pt x="5" y="506"/>
                    </a:lnTo>
                    <a:lnTo>
                      <a:pt x="7" y="507"/>
                    </a:lnTo>
                    <a:lnTo>
                      <a:pt x="5" y="509"/>
                    </a:lnTo>
                    <a:lnTo>
                      <a:pt x="5" y="512"/>
                    </a:lnTo>
                    <a:lnTo>
                      <a:pt x="5" y="514"/>
                    </a:lnTo>
                    <a:lnTo>
                      <a:pt x="3" y="517"/>
                    </a:lnTo>
                    <a:lnTo>
                      <a:pt x="3" y="521"/>
                    </a:lnTo>
                    <a:lnTo>
                      <a:pt x="3" y="523"/>
                    </a:lnTo>
                    <a:lnTo>
                      <a:pt x="3" y="524"/>
                    </a:lnTo>
                    <a:lnTo>
                      <a:pt x="203" y="511"/>
                    </a:lnTo>
                    <a:lnTo>
                      <a:pt x="203" y="534"/>
                    </a:lnTo>
                    <a:lnTo>
                      <a:pt x="201" y="534"/>
                    </a:lnTo>
                    <a:lnTo>
                      <a:pt x="200" y="538"/>
                    </a:lnTo>
                    <a:lnTo>
                      <a:pt x="198" y="543"/>
                    </a:lnTo>
                    <a:lnTo>
                      <a:pt x="196" y="546"/>
                    </a:lnTo>
                    <a:lnTo>
                      <a:pt x="195" y="553"/>
                    </a:lnTo>
                    <a:lnTo>
                      <a:pt x="195" y="558"/>
                    </a:lnTo>
                    <a:lnTo>
                      <a:pt x="198" y="563"/>
                    </a:lnTo>
                    <a:lnTo>
                      <a:pt x="203" y="567"/>
                    </a:lnTo>
                    <a:lnTo>
                      <a:pt x="205" y="568"/>
                    </a:lnTo>
                    <a:lnTo>
                      <a:pt x="208" y="572"/>
                    </a:lnTo>
                    <a:lnTo>
                      <a:pt x="211" y="577"/>
                    </a:lnTo>
                    <a:lnTo>
                      <a:pt x="217" y="583"/>
                    </a:lnTo>
                    <a:lnTo>
                      <a:pt x="220" y="590"/>
                    </a:lnTo>
                    <a:lnTo>
                      <a:pt x="223" y="597"/>
                    </a:lnTo>
                    <a:lnTo>
                      <a:pt x="223" y="605"/>
                    </a:lnTo>
                    <a:lnTo>
                      <a:pt x="222" y="612"/>
                    </a:lnTo>
                    <a:lnTo>
                      <a:pt x="240" y="60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31" name="Freeform 72"/>
              <p:cNvSpPr>
                <a:spLocks/>
              </p:cNvSpPr>
              <p:nvPr/>
            </p:nvSpPr>
            <p:spPr bwMode="auto">
              <a:xfrm>
                <a:off x="3392" y="2451"/>
                <a:ext cx="352" cy="612"/>
              </a:xfrm>
              <a:custGeom>
                <a:avLst/>
                <a:gdLst>
                  <a:gd name="T0" fmla="*/ 262 w 352"/>
                  <a:gd name="T1" fmla="*/ 594 h 612"/>
                  <a:gd name="T2" fmla="*/ 281 w 352"/>
                  <a:gd name="T3" fmla="*/ 587 h 612"/>
                  <a:gd name="T4" fmla="*/ 301 w 352"/>
                  <a:gd name="T5" fmla="*/ 583 h 612"/>
                  <a:gd name="T6" fmla="*/ 296 w 352"/>
                  <a:gd name="T7" fmla="*/ 577 h 612"/>
                  <a:gd name="T8" fmla="*/ 306 w 352"/>
                  <a:gd name="T9" fmla="*/ 573 h 612"/>
                  <a:gd name="T10" fmla="*/ 315 w 352"/>
                  <a:gd name="T11" fmla="*/ 582 h 612"/>
                  <a:gd name="T12" fmla="*/ 332 w 352"/>
                  <a:gd name="T13" fmla="*/ 575 h 612"/>
                  <a:gd name="T14" fmla="*/ 340 w 352"/>
                  <a:gd name="T15" fmla="*/ 583 h 612"/>
                  <a:gd name="T16" fmla="*/ 352 w 352"/>
                  <a:gd name="T17" fmla="*/ 578 h 612"/>
                  <a:gd name="T18" fmla="*/ 333 w 352"/>
                  <a:gd name="T19" fmla="*/ 0 h 612"/>
                  <a:gd name="T20" fmla="*/ 122 w 352"/>
                  <a:gd name="T21" fmla="*/ 22 h 612"/>
                  <a:gd name="T22" fmla="*/ 118 w 352"/>
                  <a:gd name="T23" fmla="*/ 32 h 612"/>
                  <a:gd name="T24" fmla="*/ 79 w 352"/>
                  <a:gd name="T25" fmla="*/ 98 h 612"/>
                  <a:gd name="T26" fmla="*/ 56 w 352"/>
                  <a:gd name="T27" fmla="*/ 132 h 612"/>
                  <a:gd name="T28" fmla="*/ 57 w 352"/>
                  <a:gd name="T29" fmla="*/ 142 h 612"/>
                  <a:gd name="T30" fmla="*/ 46 w 352"/>
                  <a:gd name="T31" fmla="*/ 147 h 612"/>
                  <a:gd name="T32" fmla="*/ 46 w 352"/>
                  <a:gd name="T33" fmla="*/ 159 h 612"/>
                  <a:gd name="T34" fmla="*/ 46 w 352"/>
                  <a:gd name="T35" fmla="*/ 167 h 612"/>
                  <a:gd name="T36" fmla="*/ 39 w 352"/>
                  <a:gd name="T37" fmla="*/ 177 h 612"/>
                  <a:gd name="T38" fmla="*/ 46 w 352"/>
                  <a:gd name="T39" fmla="*/ 179 h 612"/>
                  <a:gd name="T40" fmla="*/ 41 w 352"/>
                  <a:gd name="T41" fmla="*/ 187 h 612"/>
                  <a:gd name="T42" fmla="*/ 32 w 352"/>
                  <a:gd name="T43" fmla="*/ 196 h 612"/>
                  <a:gd name="T44" fmla="*/ 44 w 352"/>
                  <a:gd name="T45" fmla="*/ 240 h 612"/>
                  <a:gd name="T46" fmla="*/ 47 w 352"/>
                  <a:gd name="T47" fmla="*/ 248 h 612"/>
                  <a:gd name="T48" fmla="*/ 42 w 352"/>
                  <a:gd name="T49" fmla="*/ 253 h 612"/>
                  <a:gd name="T50" fmla="*/ 39 w 352"/>
                  <a:gd name="T51" fmla="*/ 269 h 612"/>
                  <a:gd name="T52" fmla="*/ 37 w 352"/>
                  <a:gd name="T53" fmla="*/ 272 h 612"/>
                  <a:gd name="T54" fmla="*/ 39 w 352"/>
                  <a:gd name="T55" fmla="*/ 282 h 612"/>
                  <a:gd name="T56" fmla="*/ 46 w 352"/>
                  <a:gd name="T57" fmla="*/ 284 h 612"/>
                  <a:gd name="T58" fmla="*/ 44 w 352"/>
                  <a:gd name="T59" fmla="*/ 314 h 612"/>
                  <a:gd name="T60" fmla="*/ 56 w 352"/>
                  <a:gd name="T61" fmla="*/ 330 h 612"/>
                  <a:gd name="T62" fmla="*/ 52 w 352"/>
                  <a:gd name="T63" fmla="*/ 338 h 612"/>
                  <a:gd name="T64" fmla="*/ 61 w 352"/>
                  <a:gd name="T65" fmla="*/ 341 h 612"/>
                  <a:gd name="T66" fmla="*/ 64 w 352"/>
                  <a:gd name="T67" fmla="*/ 352 h 612"/>
                  <a:gd name="T68" fmla="*/ 66 w 352"/>
                  <a:gd name="T69" fmla="*/ 357 h 612"/>
                  <a:gd name="T70" fmla="*/ 61 w 352"/>
                  <a:gd name="T71" fmla="*/ 370 h 612"/>
                  <a:gd name="T72" fmla="*/ 47 w 352"/>
                  <a:gd name="T73" fmla="*/ 372 h 612"/>
                  <a:gd name="T74" fmla="*/ 54 w 352"/>
                  <a:gd name="T75" fmla="*/ 380 h 612"/>
                  <a:gd name="T76" fmla="*/ 47 w 352"/>
                  <a:gd name="T77" fmla="*/ 396 h 612"/>
                  <a:gd name="T78" fmla="*/ 32 w 352"/>
                  <a:gd name="T79" fmla="*/ 416 h 612"/>
                  <a:gd name="T80" fmla="*/ 25 w 352"/>
                  <a:gd name="T81" fmla="*/ 450 h 612"/>
                  <a:gd name="T82" fmla="*/ 15 w 352"/>
                  <a:gd name="T83" fmla="*/ 460 h 612"/>
                  <a:gd name="T84" fmla="*/ 15 w 352"/>
                  <a:gd name="T85" fmla="*/ 468 h 612"/>
                  <a:gd name="T86" fmla="*/ 10 w 352"/>
                  <a:gd name="T87" fmla="*/ 480 h 612"/>
                  <a:gd name="T88" fmla="*/ 13 w 352"/>
                  <a:gd name="T89" fmla="*/ 487 h 612"/>
                  <a:gd name="T90" fmla="*/ 0 w 352"/>
                  <a:gd name="T91" fmla="*/ 497 h 612"/>
                  <a:gd name="T92" fmla="*/ 5 w 352"/>
                  <a:gd name="T93" fmla="*/ 506 h 612"/>
                  <a:gd name="T94" fmla="*/ 5 w 352"/>
                  <a:gd name="T95" fmla="*/ 514 h 612"/>
                  <a:gd name="T96" fmla="*/ 203 w 352"/>
                  <a:gd name="T97" fmla="*/ 511 h 612"/>
                  <a:gd name="T98" fmla="*/ 198 w 352"/>
                  <a:gd name="T99" fmla="*/ 543 h 612"/>
                  <a:gd name="T100" fmla="*/ 203 w 352"/>
                  <a:gd name="T101" fmla="*/ 567 h 612"/>
                  <a:gd name="T102" fmla="*/ 217 w 352"/>
                  <a:gd name="T103" fmla="*/ 583 h 612"/>
                  <a:gd name="T104" fmla="*/ 240 w 352"/>
                  <a:gd name="T105" fmla="*/ 609 h 612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w 352"/>
                  <a:gd name="T160" fmla="*/ 0 h 612"/>
                  <a:gd name="T161" fmla="*/ 352 w 352"/>
                  <a:gd name="T162" fmla="*/ 612 h 612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T159" t="T160" r="T161" b="T162"/>
                <a:pathLst>
                  <a:path w="352" h="612">
                    <a:moveTo>
                      <a:pt x="240" y="609"/>
                    </a:moveTo>
                    <a:lnTo>
                      <a:pt x="252" y="599"/>
                    </a:lnTo>
                    <a:lnTo>
                      <a:pt x="252" y="590"/>
                    </a:lnTo>
                    <a:lnTo>
                      <a:pt x="262" y="594"/>
                    </a:lnTo>
                    <a:lnTo>
                      <a:pt x="266" y="592"/>
                    </a:lnTo>
                    <a:lnTo>
                      <a:pt x="271" y="590"/>
                    </a:lnTo>
                    <a:lnTo>
                      <a:pt x="276" y="589"/>
                    </a:lnTo>
                    <a:lnTo>
                      <a:pt x="281" y="587"/>
                    </a:lnTo>
                    <a:lnTo>
                      <a:pt x="284" y="585"/>
                    </a:lnTo>
                    <a:lnTo>
                      <a:pt x="288" y="585"/>
                    </a:lnTo>
                    <a:lnTo>
                      <a:pt x="291" y="585"/>
                    </a:lnTo>
                    <a:lnTo>
                      <a:pt x="301" y="583"/>
                    </a:lnTo>
                    <a:lnTo>
                      <a:pt x="306" y="583"/>
                    </a:lnTo>
                    <a:lnTo>
                      <a:pt x="306" y="582"/>
                    </a:lnTo>
                    <a:lnTo>
                      <a:pt x="305" y="580"/>
                    </a:lnTo>
                    <a:lnTo>
                      <a:pt x="301" y="578"/>
                    </a:lnTo>
                    <a:lnTo>
                      <a:pt x="296" y="577"/>
                    </a:lnTo>
                    <a:lnTo>
                      <a:pt x="293" y="577"/>
                    </a:lnTo>
                    <a:lnTo>
                      <a:pt x="301" y="573"/>
                    </a:lnTo>
                    <a:lnTo>
                      <a:pt x="306" y="573"/>
                    </a:lnTo>
                    <a:lnTo>
                      <a:pt x="311" y="575"/>
                    </a:lnTo>
                    <a:lnTo>
                      <a:pt x="313" y="577"/>
                    </a:lnTo>
                    <a:lnTo>
                      <a:pt x="315" y="578"/>
                    </a:lnTo>
                    <a:lnTo>
                      <a:pt x="315" y="582"/>
                    </a:lnTo>
                    <a:lnTo>
                      <a:pt x="315" y="583"/>
                    </a:lnTo>
                    <a:lnTo>
                      <a:pt x="323" y="585"/>
                    </a:lnTo>
                    <a:lnTo>
                      <a:pt x="332" y="575"/>
                    </a:lnTo>
                    <a:lnTo>
                      <a:pt x="333" y="577"/>
                    </a:lnTo>
                    <a:lnTo>
                      <a:pt x="335" y="578"/>
                    </a:lnTo>
                    <a:lnTo>
                      <a:pt x="335" y="580"/>
                    </a:lnTo>
                    <a:lnTo>
                      <a:pt x="340" y="583"/>
                    </a:lnTo>
                    <a:lnTo>
                      <a:pt x="343" y="585"/>
                    </a:lnTo>
                    <a:lnTo>
                      <a:pt x="347" y="585"/>
                    </a:lnTo>
                    <a:lnTo>
                      <a:pt x="349" y="583"/>
                    </a:lnTo>
                    <a:lnTo>
                      <a:pt x="350" y="582"/>
                    </a:lnTo>
                    <a:lnTo>
                      <a:pt x="352" y="578"/>
                    </a:lnTo>
                    <a:lnTo>
                      <a:pt x="352" y="577"/>
                    </a:lnTo>
                    <a:lnTo>
                      <a:pt x="328" y="392"/>
                    </a:lnTo>
                    <a:lnTo>
                      <a:pt x="333" y="0"/>
                    </a:lnTo>
                    <a:lnTo>
                      <a:pt x="122" y="18"/>
                    </a:lnTo>
                    <a:lnTo>
                      <a:pt x="122" y="20"/>
                    </a:lnTo>
                    <a:lnTo>
                      <a:pt x="122" y="22"/>
                    </a:lnTo>
                    <a:lnTo>
                      <a:pt x="120" y="25"/>
                    </a:lnTo>
                    <a:lnTo>
                      <a:pt x="120" y="27"/>
                    </a:lnTo>
                    <a:lnTo>
                      <a:pt x="120" y="28"/>
                    </a:lnTo>
                    <a:lnTo>
                      <a:pt x="118" y="30"/>
                    </a:lnTo>
                    <a:lnTo>
                      <a:pt x="118" y="32"/>
                    </a:lnTo>
                    <a:lnTo>
                      <a:pt x="103" y="44"/>
                    </a:lnTo>
                    <a:lnTo>
                      <a:pt x="93" y="59"/>
                    </a:lnTo>
                    <a:lnTo>
                      <a:pt x="93" y="89"/>
                    </a:lnTo>
                    <a:lnTo>
                      <a:pt x="85" y="98"/>
                    </a:lnTo>
                    <a:lnTo>
                      <a:pt x="79" y="98"/>
                    </a:lnTo>
                    <a:lnTo>
                      <a:pt x="64" y="113"/>
                    </a:lnTo>
                    <a:lnTo>
                      <a:pt x="69" y="123"/>
                    </a:lnTo>
                    <a:lnTo>
                      <a:pt x="54" y="132"/>
                    </a:lnTo>
                    <a:lnTo>
                      <a:pt x="56" y="132"/>
                    </a:lnTo>
                    <a:lnTo>
                      <a:pt x="56" y="133"/>
                    </a:lnTo>
                    <a:lnTo>
                      <a:pt x="57" y="135"/>
                    </a:lnTo>
                    <a:lnTo>
                      <a:pt x="57" y="137"/>
                    </a:lnTo>
                    <a:lnTo>
                      <a:pt x="57" y="138"/>
                    </a:lnTo>
                    <a:lnTo>
                      <a:pt x="57" y="142"/>
                    </a:lnTo>
                    <a:lnTo>
                      <a:pt x="54" y="143"/>
                    </a:lnTo>
                    <a:lnTo>
                      <a:pt x="49" y="145"/>
                    </a:lnTo>
                    <a:lnTo>
                      <a:pt x="47" y="145"/>
                    </a:lnTo>
                    <a:lnTo>
                      <a:pt x="46" y="147"/>
                    </a:lnTo>
                    <a:lnTo>
                      <a:pt x="44" y="149"/>
                    </a:lnTo>
                    <a:lnTo>
                      <a:pt x="44" y="150"/>
                    </a:lnTo>
                    <a:lnTo>
                      <a:pt x="44" y="154"/>
                    </a:lnTo>
                    <a:lnTo>
                      <a:pt x="44" y="157"/>
                    </a:lnTo>
                    <a:lnTo>
                      <a:pt x="46" y="159"/>
                    </a:lnTo>
                    <a:lnTo>
                      <a:pt x="47" y="162"/>
                    </a:lnTo>
                    <a:lnTo>
                      <a:pt x="47" y="164"/>
                    </a:lnTo>
                    <a:lnTo>
                      <a:pt x="47" y="165"/>
                    </a:lnTo>
                    <a:lnTo>
                      <a:pt x="46" y="167"/>
                    </a:lnTo>
                    <a:lnTo>
                      <a:pt x="44" y="171"/>
                    </a:lnTo>
                    <a:lnTo>
                      <a:pt x="42" y="172"/>
                    </a:lnTo>
                    <a:lnTo>
                      <a:pt x="41" y="174"/>
                    </a:lnTo>
                    <a:lnTo>
                      <a:pt x="39" y="176"/>
                    </a:lnTo>
                    <a:lnTo>
                      <a:pt x="39" y="177"/>
                    </a:lnTo>
                    <a:lnTo>
                      <a:pt x="41" y="177"/>
                    </a:lnTo>
                    <a:lnTo>
                      <a:pt x="42" y="177"/>
                    </a:lnTo>
                    <a:lnTo>
                      <a:pt x="44" y="177"/>
                    </a:lnTo>
                    <a:lnTo>
                      <a:pt x="46" y="179"/>
                    </a:lnTo>
                    <a:lnTo>
                      <a:pt x="47" y="181"/>
                    </a:lnTo>
                    <a:lnTo>
                      <a:pt x="47" y="182"/>
                    </a:lnTo>
                    <a:lnTo>
                      <a:pt x="46" y="184"/>
                    </a:lnTo>
                    <a:lnTo>
                      <a:pt x="41" y="187"/>
                    </a:lnTo>
                    <a:lnTo>
                      <a:pt x="39" y="187"/>
                    </a:lnTo>
                    <a:lnTo>
                      <a:pt x="35" y="189"/>
                    </a:lnTo>
                    <a:lnTo>
                      <a:pt x="34" y="189"/>
                    </a:lnTo>
                    <a:lnTo>
                      <a:pt x="32" y="191"/>
                    </a:lnTo>
                    <a:lnTo>
                      <a:pt x="32" y="196"/>
                    </a:lnTo>
                    <a:lnTo>
                      <a:pt x="29" y="204"/>
                    </a:lnTo>
                    <a:lnTo>
                      <a:pt x="37" y="213"/>
                    </a:lnTo>
                    <a:lnTo>
                      <a:pt x="39" y="220"/>
                    </a:lnTo>
                    <a:lnTo>
                      <a:pt x="44" y="240"/>
                    </a:lnTo>
                    <a:lnTo>
                      <a:pt x="46" y="242"/>
                    </a:lnTo>
                    <a:lnTo>
                      <a:pt x="46" y="243"/>
                    </a:lnTo>
                    <a:lnTo>
                      <a:pt x="47" y="247"/>
                    </a:lnTo>
                    <a:lnTo>
                      <a:pt x="47" y="248"/>
                    </a:lnTo>
                    <a:lnTo>
                      <a:pt x="47" y="250"/>
                    </a:lnTo>
                    <a:lnTo>
                      <a:pt x="46" y="252"/>
                    </a:lnTo>
                    <a:lnTo>
                      <a:pt x="42" y="253"/>
                    </a:lnTo>
                    <a:lnTo>
                      <a:pt x="41" y="255"/>
                    </a:lnTo>
                    <a:lnTo>
                      <a:pt x="41" y="259"/>
                    </a:lnTo>
                    <a:lnTo>
                      <a:pt x="39" y="262"/>
                    </a:lnTo>
                    <a:lnTo>
                      <a:pt x="39" y="265"/>
                    </a:lnTo>
                    <a:lnTo>
                      <a:pt x="39" y="269"/>
                    </a:lnTo>
                    <a:lnTo>
                      <a:pt x="39" y="270"/>
                    </a:lnTo>
                    <a:lnTo>
                      <a:pt x="37" y="270"/>
                    </a:lnTo>
                    <a:lnTo>
                      <a:pt x="37" y="272"/>
                    </a:lnTo>
                    <a:lnTo>
                      <a:pt x="37" y="274"/>
                    </a:lnTo>
                    <a:lnTo>
                      <a:pt x="37" y="275"/>
                    </a:lnTo>
                    <a:lnTo>
                      <a:pt x="37" y="279"/>
                    </a:lnTo>
                    <a:lnTo>
                      <a:pt x="37" y="281"/>
                    </a:lnTo>
                    <a:lnTo>
                      <a:pt x="39" y="282"/>
                    </a:lnTo>
                    <a:lnTo>
                      <a:pt x="41" y="282"/>
                    </a:lnTo>
                    <a:lnTo>
                      <a:pt x="42" y="281"/>
                    </a:lnTo>
                    <a:lnTo>
                      <a:pt x="44" y="281"/>
                    </a:lnTo>
                    <a:lnTo>
                      <a:pt x="46" y="284"/>
                    </a:lnTo>
                    <a:lnTo>
                      <a:pt x="46" y="286"/>
                    </a:lnTo>
                    <a:lnTo>
                      <a:pt x="47" y="287"/>
                    </a:lnTo>
                    <a:lnTo>
                      <a:pt x="46" y="299"/>
                    </a:lnTo>
                    <a:lnTo>
                      <a:pt x="52" y="304"/>
                    </a:lnTo>
                    <a:lnTo>
                      <a:pt x="44" y="314"/>
                    </a:lnTo>
                    <a:lnTo>
                      <a:pt x="46" y="319"/>
                    </a:lnTo>
                    <a:lnTo>
                      <a:pt x="57" y="318"/>
                    </a:lnTo>
                    <a:lnTo>
                      <a:pt x="57" y="330"/>
                    </a:lnTo>
                    <a:lnTo>
                      <a:pt x="56" y="330"/>
                    </a:lnTo>
                    <a:lnTo>
                      <a:pt x="56" y="331"/>
                    </a:lnTo>
                    <a:lnTo>
                      <a:pt x="54" y="333"/>
                    </a:lnTo>
                    <a:lnTo>
                      <a:pt x="52" y="335"/>
                    </a:lnTo>
                    <a:lnTo>
                      <a:pt x="51" y="336"/>
                    </a:lnTo>
                    <a:lnTo>
                      <a:pt x="52" y="338"/>
                    </a:lnTo>
                    <a:lnTo>
                      <a:pt x="54" y="340"/>
                    </a:lnTo>
                    <a:lnTo>
                      <a:pt x="61" y="340"/>
                    </a:lnTo>
                    <a:lnTo>
                      <a:pt x="61" y="341"/>
                    </a:lnTo>
                    <a:lnTo>
                      <a:pt x="61" y="343"/>
                    </a:lnTo>
                    <a:lnTo>
                      <a:pt x="59" y="345"/>
                    </a:lnTo>
                    <a:lnTo>
                      <a:pt x="59" y="348"/>
                    </a:lnTo>
                    <a:lnTo>
                      <a:pt x="61" y="350"/>
                    </a:lnTo>
                    <a:lnTo>
                      <a:pt x="64" y="352"/>
                    </a:lnTo>
                    <a:lnTo>
                      <a:pt x="69" y="352"/>
                    </a:lnTo>
                    <a:lnTo>
                      <a:pt x="68" y="355"/>
                    </a:lnTo>
                    <a:lnTo>
                      <a:pt x="66" y="357"/>
                    </a:lnTo>
                    <a:lnTo>
                      <a:pt x="66" y="360"/>
                    </a:lnTo>
                    <a:lnTo>
                      <a:pt x="64" y="363"/>
                    </a:lnTo>
                    <a:lnTo>
                      <a:pt x="63" y="367"/>
                    </a:lnTo>
                    <a:lnTo>
                      <a:pt x="61" y="369"/>
                    </a:lnTo>
                    <a:lnTo>
                      <a:pt x="61" y="370"/>
                    </a:lnTo>
                    <a:lnTo>
                      <a:pt x="59" y="370"/>
                    </a:lnTo>
                    <a:lnTo>
                      <a:pt x="56" y="370"/>
                    </a:lnTo>
                    <a:lnTo>
                      <a:pt x="51" y="372"/>
                    </a:lnTo>
                    <a:lnTo>
                      <a:pt x="47" y="372"/>
                    </a:lnTo>
                    <a:lnTo>
                      <a:pt x="44" y="374"/>
                    </a:lnTo>
                    <a:lnTo>
                      <a:pt x="44" y="375"/>
                    </a:lnTo>
                    <a:lnTo>
                      <a:pt x="47" y="377"/>
                    </a:lnTo>
                    <a:lnTo>
                      <a:pt x="54" y="380"/>
                    </a:lnTo>
                    <a:lnTo>
                      <a:pt x="54" y="382"/>
                    </a:lnTo>
                    <a:lnTo>
                      <a:pt x="54" y="384"/>
                    </a:lnTo>
                    <a:lnTo>
                      <a:pt x="52" y="389"/>
                    </a:lnTo>
                    <a:lnTo>
                      <a:pt x="49" y="392"/>
                    </a:lnTo>
                    <a:lnTo>
                      <a:pt x="47" y="396"/>
                    </a:lnTo>
                    <a:lnTo>
                      <a:pt x="44" y="399"/>
                    </a:lnTo>
                    <a:lnTo>
                      <a:pt x="44" y="402"/>
                    </a:lnTo>
                    <a:lnTo>
                      <a:pt x="42" y="404"/>
                    </a:lnTo>
                    <a:lnTo>
                      <a:pt x="41" y="416"/>
                    </a:lnTo>
                    <a:lnTo>
                      <a:pt x="32" y="416"/>
                    </a:lnTo>
                    <a:lnTo>
                      <a:pt x="25" y="443"/>
                    </a:lnTo>
                    <a:lnTo>
                      <a:pt x="17" y="448"/>
                    </a:lnTo>
                    <a:lnTo>
                      <a:pt x="25" y="448"/>
                    </a:lnTo>
                    <a:lnTo>
                      <a:pt x="25" y="450"/>
                    </a:lnTo>
                    <a:lnTo>
                      <a:pt x="24" y="450"/>
                    </a:lnTo>
                    <a:lnTo>
                      <a:pt x="20" y="453"/>
                    </a:lnTo>
                    <a:lnTo>
                      <a:pt x="19" y="455"/>
                    </a:lnTo>
                    <a:lnTo>
                      <a:pt x="15" y="458"/>
                    </a:lnTo>
                    <a:lnTo>
                      <a:pt x="15" y="460"/>
                    </a:lnTo>
                    <a:lnTo>
                      <a:pt x="15" y="463"/>
                    </a:lnTo>
                    <a:lnTo>
                      <a:pt x="17" y="465"/>
                    </a:lnTo>
                    <a:lnTo>
                      <a:pt x="17" y="467"/>
                    </a:lnTo>
                    <a:lnTo>
                      <a:pt x="15" y="468"/>
                    </a:lnTo>
                    <a:lnTo>
                      <a:pt x="13" y="470"/>
                    </a:lnTo>
                    <a:lnTo>
                      <a:pt x="10" y="473"/>
                    </a:lnTo>
                    <a:lnTo>
                      <a:pt x="10" y="477"/>
                    </a:lnTo>
                    <a:lnTo>
                      <a:pt x="8" y="479"/>
                    </a:lnTo>
                    <a:lnTo>
                      <a:pt x="10" y="480"/>
                    </a:lnTo>
                    <a:lnTo>
                      <a:pt x="13" y="480"/>
                    </a:lnTo>
                    <a:lnTo>
                      <a:pt x="15" y="482"/>
                    </a:lnTo>
                    <a:lnTo>
                      <a:pt x="15" y="485"/>
                    </a:lnTo>
                    <a:lnTo>
                      <a:pt x="13" y="487"/>
                    </a:lnTo>
                    <a:lnTo>
                      <a:pt x="8" y="492"/>
                    </a:lnTo>
                    <a:lnTo>
                      <a:pt x="5" y="494"/>
                    </a:lnTo>
                    <a:lnTo>
                      <a:pt x="2" y="495"/>
                    </a:lnTo>
                    <a:lnTo>
                      <a:pt x="0" y="497"/>
                    </a:lnTo>
                    <a:lnTo>
                      <a:pt x="0" y="501"/>
                    </a:lnTo>
                    <a:lnTo>
                      <a:pt x="0" y="502"/>
                    </a:lnTo>
                    <a:lnTo>
                      <a:pt x="2" y="504"/>
                    </a:lnTo>
                    <a:lnTo>
                      <a:pt x="3" y="506"/>
                    </a:lnTo>
                    <a:lnTo>
                      <a:pt x="5" y="506"/>
                    </a:lnTo>
                    <a:lnTo>
                      <a:pt x="7" y="507"/>
                    </a:lnTo>
                    <a:lnTo>
                      <a:pt x="5" y="509"/>
                    </a:lnTo>
                    <a:lnTo>
                      <a:pt x="5" y="512"/>
                    </a:lnTo>
                    <a:lnTo>
                      <a:pt x="5" y="514"/>
                    </a:lnTo>
                    <a:lnTo>
                      <a:pt x="3" y="517"/>
                    </a:lnTo>
                    <a:lnTo>
                      <a:pt x="3" y="521"/>
                    </a:lnTo>
                    <a:lnTo>
                      <a:pt x="3" y="523"/>
                    </a:lnTo>
                    <a:lnTo>
                      <a:pt x="3" y="524"/>
                    </a:lnTo>
                    <a:lnTo>
                      <a:pt x="203" y="511"/>
                    </a:lnTo>
                    <a:lnTo>
                      <a:pt x="203" y="534"/>
                    </a:lnTo>
                    <a:lnTo>
                      <a:pt x="201" y="534"/>
                    </a:lnTo>
                    <a:lnTo>
                      <a:pt x="200" y="538"/>
                    </a:lnTo>
                    <a:lnTo>
                      <a:pt x="198" y="543"/>
                    </a:lnTo>
                    <a:lnTo>
                      <a:pt x="196" y="546"/>
                    </a:lnTo>
                    <a:lnTo>
                      <a:pt x="195" y="553"/>
                    </a:lnTo>
                    <a:lnTo>
                      <a:pt x="195" y="558"/>
                    </a:lnTo>
                    <a:lnTo>
                      <a:pt x="198" y="563"/>
                    </a:lnTo>
                    <a:lnTo>
                      <a:pt x="203" y="567"/>
                    </a:lnTo>
                    <a:lnTo>
                      <a:pt x="205" y="568"/>
                    </a:lnTo>
                    <a:lnTo>
                      <a:pt x="208" y="572"/>
                    </a:lnTo>
                    <a:lnTo>
                      <a:pt x="211" y="577"/>
                    </a:lnTo>
                    <a:lnTo>
                      <a:pt x="217" y="583"/>
                    </a:lnTo>
                    <a:lnTo>
                      <a:pt x="220" y="590"/>
                    </a:lnTo>
                    <a:lnTo>
                      <a:pt x="223" y="597"/>
                    </a:lnTo>
                    <a:lnTo>
                      <a:pt x="223" y="605"/>
                    </a:lnTo>
                    <a:lnTo>
                      <a:pt x="222" y="612"/>
                    </a:lnTo>
                    <a:lnTo>
                      <a:pt x="240" y="609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212" name="Group 73"/>
            <p:cNvGrpSpPr>
              <a:grpSpLocks/>
            </p:cNvGrpSpPr>
            <p:nvPr/>
          </p:nvGrpSpPr>
          <p:grpSpPr bwMode="auto">
            <a:xfrm>
              <a:off x="4248" y="2069"/>
              <a:ext cx="436" cy="217"/>
              <a:chOff x="4487" y="1686"/>
              <a:chExt cx="448" cy="223"/>
            </a:xfrm>
          </p:grpSpPr>
          <p:sp>
            <p:nvSpPr>
              <p:cNvPr id="328" name="Freeform 74"/>
              <p:cNvSpPr>
                <a:spLocks/>
              </p:cNvSpPr>
              <p:nvPr/>
            </p:nvSpPr>
            <p:spPr bwMode="auto">
              <a:xfrm>
                <a:off x="4487" y="1686"/>
                <a:ext cx="448" cy="223"/>
              </a:xfrm>
              <a:custGeom>
                <a:avLst/>
                <a:gdLst>
                  <a:gd name="T0" fmla="*/ 249 w 448"/>
                  <a:gd name="T1" fmla="*/ 155 h 223"/>
                  <a:gd name="T2" fmla="*/ 238 w 448"/>
                  <a:gd name="T3" fmla="*/ 189 h 223"/>
                  <a:gd name="T4" fmla="*/ 252 w 448"/>
                  <a:gd name="T5" fmla="*/ 186 h 223"/>
                  <a:gd name="T6" fmla="*/ 264 w 448"/>
                  <a:gd name="T7" fmla="*/ 188 h 223"/>
                  <a:gd name="T8" fmla="*/ 284 w 448"/>
                  <a:gd name="T9" fmla="*/ 201 h 223"/>
                  <a:gd name="T10" fmla="*/ 330 w 448"/>
                  <a:gd name="T11" fmla="*/ 215 h 223"/>
                  <a:gd name="T12" fmla="*/ 299 w 448"/>
                  <a:gd name="T13" fmla="*/ 179 h 223"/>
                  <a:gd name="T14" fmla="*/ 308 w 448"/>
                  <a:gd name="T15" fmla="*/ 177 h 223"/>
                  <a:gd name="T16" fmla="*/ 316 w 448"/>
                  <a:gd name="T17" fmla="*/ 172 h 223"/>
                  <a:gd name="T18" fmla="*/ 299 w 448"/>
                  <a:gd name="T19" fmla="*/ 142 h 223"/>
                  <a:gd name="T20" fmla="*/ 299 w 448"/>
                  <a:gd name="T21" fmla="*/ 111 h 223"/>
                  <a:gd name="T22" fmla="*/ 291 w 448"/>
                  <a:gd name="T23" fmla="*/ 81 h 223"/>
                  <a:gd name="T24" fmla="*/ 301 w 448"/>
                  <a:gd name="T25" fmla="*/ 66 h 223"/>
                  <a:gd name="T26" fmla="*/ 301 w 448"/>
                  <a:gd name="T27" fmla="*/ 52 h 223"/>
                  <a:gd name="T28" fmla="*/ 308 w 448"/>
                  <a:gd name="T29" fmla="*/ 61 h 223"/>
                  <a:gd name="T30" fmla="*/ 321 w 448"/>
                  <a:gd name="T31" fmla="*/ 42 h 223"/>
                  <a:gd name="T32" fmla="*/ 320 w 448"/>
                  <a:gd name="T33" fmla="*/ 28 h 223"/>
                  <a:gd name="T34" fmla="*/ 331 w 448"/>
                  <a:gd name="T35" fmla="*/ 27 h 223"/>
                  <a:gd name="T36" fmla="*/ 337 w 448"/>
                  <a:gd name="T37" fmla="*/ 32 h 223"/>
                  <a:gd name="T38" fmla="*/ 331 w 448"/>
                  <a:gd name="T39" fmla="*/ 44 h 223"/>
                  <a:gd name="T40" fmla="*/ 316 w 448"/>
                  <a:gd name="T41" fmla="*/ 72 h 223"/>
                  <a:gd name="T42" fmla="*/ 326 w 448"/>
                  <a:gd name="T43" fmla="*/ 83 h 223"/>
                  <a:gd name="T44" fmla="*/ 335 w 448"/>
                  <a:gd name="T45" fmla="*/ 76 h 223"/>
                  <a:gd name="T46" fmla="*/ 326 w 448"/>
                  <a:gd name="T47" fmla="*/ 91 h 223"/>
                  <a:gd name="T48" fmla="*/ 325 w 448"/>
                  <a:gd name="T49" fmla="*/ 110 h 223"/>
                  <a:gd name="T50" fmla="*/ 320 w 448"/>
                  <a:gd name="T51" fmla="*/ 127 h 223"/>
                  <a:gd name="T52" fmla="*/ 340 w 448"/>
                  <a:gd name="T53" fmla="*/ 145 h 223"/>
                  <a:gd name="T54" fmla="*/ 325 w 448"/>
                  <a:gd name="T55" fmla="*/ 150 h 223"/>
                  <a:gd name="T56" fmla="*/ 335 w 448"/>
                  <a:gd name="T57" fmla="*/ 157 h 223"/>
                  <a:gd name="T58" fmla="*/ 337 w 448"/>
                  <a:gd name="T59" fmla="*/ 176 h 223"/>
                  <a:gd name="T60" fmla="*/ 348 w 448"/>
                  <a:gd name="T61" fmla="*/ 182 h 223"/>
                  <a:gd name="T62" fmla="*/ 360 w 448"/>
                  <a:gd name="T63" fmla="*/ 186 h 223"/>
                  <a:gd name="T64" fmla="*/ 355 w 448"/>
                  <a:gd name="T65" fmla="*/ 176 h 223"/>
                  <a:gd name="T66" fmla="*/ 364 w 448"/>
                  <a:gd name="T67" fmla="*/ 177 h 223"/>
                  <a:gd name="T68" fmla="*/ 372 w 448"/>
                  <a:gd name="T69" fmla="*/ 181 h 223"/>
                  <a:gd name="T70" fmla="*/ 369 w 448"/>
                  <a:gd name="T71" fmla="*/ 198 h 223"/>
                  <a:gd name="T72" fmla="*/ 382 w 448"/>
                  <a:gd name="T73" fmla="*/ 194 h 223"/>
                  <a:gd name="T74" fmla="*/ 381 w 448"/>
                  <a:gd name="T75" fmla="*/ 211 h 223"/>
                  <a:gd name="T76" fmla="*/ 387 w 448"/>
                  <a:gd name="T77" fmla="*/ 223 h 223"/>
                  <a:gd name="T78" fmla="*/ 409 w 448"/>
                  <a:gd name="T79" fmla="*/ 206 h 223"/>
                  <a:gd name="T80" fmla="*/ 440 w 448"/>
                  <a:gd name="T81" fmla="*/ 145 h 223"/>
                  <a:gd name="T82" fmla="*/ 441 w 448"/>
                  <a:gd name="T83" fmla="*/ 172 h 223"/>
                  <a:gd name="T84" fmla="*/ 435 w 448"/>
                  <a:gd name="T85" fmla="*/ 203 h 223"/>
                  <a:gd name="T86" fmla="*/ 433 w 448"/>
                  <a:gd name="T87" fmla="*/ 215 h 223"/>
                  <a:gd name="T88" fmla="*/ 436 w 448"/>
                  <a:gd name="T89" fmla="*/ 213 h 223"/>
                  <a:gd name="T90" fmla="*/ 447 w 448"/>
                  <a:gd name="T91" fmla="*/ 179 h 223"/>
                  <a:gd name="T92" fmla="*/ 448 w 448"/>
                  <a:gd name="T93" fmla="*/ 144 h 223"/>
                  <a:gd name="T94" fmla="*/ 0 w 448"/>
                  <a:gd name="T95" fmla="*/ 66 h 223"/>
                  <a:gd name="T96" fmla="*/ 52 w 448"/>
                  <a:gd name="T97" fmla="*/ 94 h 223"/>
                  <a:gd name="T98" fmla="*/ 84 w 448"/>
                  <a:gd name="T99" fmla="*/ 74 h 223"/>
                  <a:gd name="T100" fmla="*/ 111 w 448"/>
                  <a:gd name="T101" fmla="*/ 54 h 223"/>
                  <a:gd name="T102" fmla="*/ 147 w 448"/>
                  <a:gd name="T103" fmla="*/ 56 h 223"/>
                  <a:gd name="T104" fmla="*/ 159 w 448"/>
                  <a:gd name="T105" fmla="*/ 62 h 223"/>
                  <a:gd name="T106" fmla="*/ 176 w 448"/>
                  <a:gd name="T107" fmla="*/ 88 h 223"/>
                  <a:gd name="T108" fmla="*/ 193 w 448"/>
                  <a:gd name="T109" fmla="*/ 86 h 223"/>
                  <a:gd name="T110" fmla="*/ 198 w 448"/>
                  <a:gd name="T111" fmla="*/ 108 h 223"/>
                  <a:gd name="T112" fmla="*/ 228 w 448"/>
                  <a:gd name="T113" fmla="*/ 115 h 223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448"/>
                  <a:gd name="T172" fmla="*/ 0 h 223"/>
                  <a:gd name="T173" fmla="*/ 448 w 448"/>
                  <a:gd name="T174" fmla="*/ 223 h 223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448" h="223">
                    <a:moveTo>
                      <a:pt x="247" y="115"/>
                    </a:moveTo>
                    <a:lnTo>
                      <a:pt x="260" y="123"/>
                    </a:lnTo>
                    <a:lnTo>
                      <a:pt x="252" y="137"/>
                    </a:lnTo>
                    <a:lnTo>
                      <a:pt x="252" y="145"/>
                    </a:lnTo>
                    <a:lnTo>
                      <a:pt x="252" y="147"/>
                    </a:lnTo>
                    <a:lnTo>
                      <a:pt x="250" y="150"/>
                    </a:lnTo>
                    <a:lnTo>
                      <a:pt x="249" y="155"/>
                    </a:lnTo>
                    <a:lnTo>
                      <a:pt x="245" y="162"/>
                    </a:lnTo>
                    <a:lnTo>
                      <a:pt x="243" y="169"/>
                    </a:lnTo>
                    <a:lnTo>
                      <a:pt x="240" y="176"/>
                    </a:lnTo>
                    <a:lnTo>
                      <a:pt x="238" y="179"/>
                    </a:lnTo>
                    <a:lnTo>
                      <a:pt x="238" y="181"/>
                    </a:lnTo>
                    <a:lnTo>
                      <a:pt x="237" y="186"/>
                    </a:lnTo>
                    <a:lnTo>
                      <a:pt x="238" y="189"/>
                    </a:lnTo>
                    <a:lnTo>
                      <a:pt x="240" y="193"/>
                    </a:lnTo>
                    <a:lnTo>
                      <a:pt x="242" y="193"/>
                    </a:lnTo>
                    <a:lnTo>
                      <a:pt x="243" y="193"/>
                    </a:lnTo>
                    <a:lnTo>
                      <a:pt x="247" y="193"/>
                    </a:lnTo>
                    <a:lnTo>
                      <a:pt x="249" y="191"/>
                    </a:lnTo>
                    <a:lnTo>
                      <a:pt x="250" y="191"/>
                    </a:lnTo>
                    <a:lnTo>
                      <a:pt x="252" y="186"/>
                    </a:lnTo>
                    <a:lnTo>
                      <a:pt x="255" y="182"/>
                    </a:lnTo>
                    <a:lnTo>
                      <a:pt x="257" y="182"/>
                    </a:lnTo>
                    <a:lnTo>
                      <a:pt x="259" y="182"/>
                    </a:lnTo>
                    <a:lnTo>
                      <a:pt x="260" y="184"/>
                    </a:lnTo>
                    <a:lnTo>
                      <a:pt x="262" y="186"/>
                    </a:lnTo>
                    <a:lnTo>
                      <a:pt x="264" y="188"/>
                    </a:lnTo>
                    <a:lnTo>
                      <a:pt x="274" y="201"/>
                    </a:lnTo>
                    <a:lnTo>
                      <a:pt x="277" y="201"/>
                    </a:lnTo>
                    <a:lnTo>
                      <a:pt x="277" y="193"/>
                    </a:lnTo>
                    <a:lnTo>
                      <a:pt x="282" y="193"/>
                    </a:lnTo>
                    <a:lnTo>
                      <a:pt x="282" y="194"/>
                    </a:lnTo>
                    <a:lnTo>
                      <a:pt x="284" y="198"/>
                    </a:lnTo>
                    <a:lnTo>
                      <a:pt x="284" y="201"/>
                    </a:lnTo>
                    <a:lnTo>
                      <a:pt x="286" y="201"/>
                    </a:lnTo>
                    <a:lnTo>
                      <a:pt x="298" y="201"/>
                    </a:lnTo>
                    <a:lnTo>
                      <a:pt x="308" y="203"/>
                    </a:lnTo>
                    <a:lnTo>
                      <a:pt x="316" y="204"/>
                    </a:lnTo>
                    <a:lnTo>
                      <a:pt x="321" y="208"/>
                    </a:lnTo>
                    <a:lnTo>
                      <a:pt x="326" y="211"/>
                    </a:lnTo>
                    <a:lnTo>
                      <a:pt x="330" y="215"/>
                    </a:lnTo>
                    <a:lnTo>
                      <a:pt x="331" y="216"/>
                    </a:lnTo>
                    <a:lnTo>
                      <a:pt x="331" y="218"/>
                    </a:lnTo>
                    <a:lnTo>
                      <a:pt x="335" y="210"/>
                    </a:lnTo>
                    <a:lnTo>
                      <a:pt x="326" y="199"/>
                    </a:lnTo>
                    <a:lnTo>
                      <a:pt x="325" y="191"/>
                    </a:lnTo>
                    <a:lnTo>
                      <a:pt x="313" y="188"/>
                    </a:lnTo>
                    <a:lnTo>
                      <a:pt x="299" y="179"/>
                    </a:lnTo>
                    <a:lnTo>
                      <a:pt x="289" y="171"/>
                    </a:lnTo>
                    <a:lnTo>
                      <a:pt x="291" y="167"/>
                    </a:lnTo>
                    <a:lnTo>
                      <a:pt x="299" y="174"/>
                    </a:lnTo>
                    <a:lnTo>
                      <a:pt x="301" y="174"/>
                    </a:lnTo>
                    <a:lnTo>
                      <a:pt x="303" y="176"/>
                    </a:lnTo>
                    <a:lnTo>
                      <a:pt x="306" y="176"/>
                    </a:lnTo>
                    <a:lnTo>
                      <a:pt x="308" y="177"/>
                    </a:lnTo>
                    <a:lnTo>
                      <a:pt x="316" y="182"/>
                    </a:lnTo>
                    <a:lnTo>
                      <a:pt x="321" y="184"/>
                    </a:lnTo>
                    <a:lnTo>
                      <a:pt x="323" y="182"/>
                    </a:lnTo>
                    <a:lnTo>
                      <a:pt x="323" y="181"/>
                    </a:lnTo>
                    <a:lnTo>
                      <a:pt x="321" y="177"/>
                    </a:lnTo>
                    <a:lnTo>
                      <a:pt x="318" y="176"/>
                    </a:lnTo>
                    <a:lnTo>
                      <a:pt x="316" y="172"/>
                    </a:lnTo>
                    <a:lnTo>
                      <a:pt x="315" y="172"/>
                    </a:lnTo>
                    <a:lnTo>
                      <a:pt x="311" y="167"/>
                    </a:lnTo>
                    <a:lnTo>
                      <a:pt x="308" y="164"/>
                    </a:lnTo>
                    <a:lnTo>
                      <a:pt x="304" y="159"/>
                    </a:lnTo>
                    <a:lnTo>
                      <a:pt x="303" y="154"/>
                    </a:lnTo>
                    <a:lnTo>
                      <a:pt x="299" y="149"/>
                    </a:lnTo>
                    <a:lnTo>
                      <a:pt x="299" y="142"/>
                    </a:lnTo>
                    <a:lnTo>
                      <a:pt x="298" y="137"/>
                    </a:lnTo>
                    <a:lnTo>
                      <a:pt x="298" y="132"/>
                    </a:lnTo>
                    <a:lnTo>
                      <a:pt x="298" y="127"/>
                    </a:lnTo>
                    <a:lnTo>
                      <a:pt x="298" y="122"/>
                    </a:lnTo>
                    <a:lnTo>
                      <a:pt x="298" y="118"/>
                    </a:lnTo>
                    <a:lnTo>
                      <a:pt x="299" y="115"/>
                    </a:lnTo>
                    <a:lnTo>
                      <a:pt x="299" y="111"/>
                    </a:lnTo>
                    <a:lnTo>
                      <a:pt x="299" y="108"/>
                    </a:lnTo>
                    <a:lnTo>
                      <a:pt x="299" y="106"/>
                    </a:lnTo>
                    <a:lnTo>
                      <a:pt x="299" y="98"/>
                    </a:lnTo>
                    <a:lnTo>
                      <a:pt x="296" y="93"/>
                    </a:lnTo>
                    <a:lnTo>
                      <a:pt x="294" y="86"/>
                    </a:lnTo>
                    <a:lnTo>
                      <a:pt x="291" y="81"/>
                    </a:lnTo>
                    <a:lnTo>
                      <a:pt x="287" y="78"/>
                    </a:lnTo>
                    <a:lnTo>
                      <a:pt x="286" y="74"/>
                    </a:lnTo>
                    <a:lnTo>
                      <a:pt x="284" y="72"/>
                    </a:lnTo>
                    <a:lnTo>
                      <a:pt x="282" y="72"/>
                    </a:lnTo>
                    <a:lnTo>
                      <a:pt x="296" y="72"/>
                    </a:lnTo>
                    <a:lnTo>
                      <a:pt x="301" y="67"/>
                    </a:lnTo>
                    <a:lnTo>
                      <a:pt x="301" y="66"/>
                    </a:lnTo>
                    <a:lnTo>
                      <a:pt x="301" y="64"/>
                    </a:lnTo>
                    <a:lnTo>
                      <a:pt x="301" y="61"/>
                    </a:lnTo>
                    <a:lnTo>
                      <a:pt x="301" y="59"/>
                    </a:lnTo>
                    <a:lnTo>
                      <a:pt x="299" y="56"/>
                    </a:lnTo>
                    <a:lnTo>
                      <a:pt x="298" y="52"/>
                    </a:lnTo>
                    <a:lnTo>
                      <a:pt x="299" y="52"/>
                    </a:lnTo>
                    <a:lnTo>
                      <a:pt x="301" y="52"/>
                    </a:lnTo>
                    <a:lnTo>
                      <a:pt x="303" y="52"/>
                    </a:lnTo>
                    <a:lnTo>
                      <a:pt x="303" y="54"/>
                    </a:lnTo>
                    <a:lnTo>
                      <a:pt x="304" y="56"/>
                    </a:lnTo>
                    <a:lnTo>
                      <a:pt x="306" y="59"/>
                    </a:lnTo>
                    <a:lnTo>
                      <a:pt x="306" y="61"/>
                    </a:lnTo>
                    <a:lnTo>
                      <a:pt x="308" y="61"/>
                    </a:lnTo>
                    <a:lnTo>
                      <a:pt x="309" y="59"/>
                    </a:lnTo>
                    <a:lnTo>
                      <a:pt x="309" y="57"/>
                    </a:lnTo>
                    <a:lnTo>
                      <a:pt x="311" y="56"/>
                    </a:lnTo>
                    <a:lnTo>
                      <a:pt x="321" y="42"/>
                    </a:lnTo>
                    <a:lnTo>
                      <a:pt x="320" y="40"/>
                    </a:lnTo>
                    <a:lnTo>
                      <a:pt x="320" y="39"/>
                    </a:lnTo>
                    <a:lnTo>
                      <a:pt x="320" y="35"/>
                    </a:lnTo>
                    <a:lnTo>
                      <a:pt x="320" y="34"/>
                    </a:lnTo>
                    <a:lnTo>
                      <a:pt x="320" y="32"/>
                    </a:lnTo>
                    <a:lnTo>
                      <a:pt x="320" y="28"/>
                    </a:lnTo>
                    <a:lnTo>
                      <a:pt x="325" y="23"/>
                    </a:lnTo>
                    <a:lnTo>
                      <a:pt x="328" y="22"/>
                    </a:lnTo>
                    <a:lnTo>
                      <a:pt x="330" y="20"/>
                    </a:lnTo>
                    <a:lnTo>
                      <a:pt x="331" y="22"/>
                    </a:lnTo>
                    <a:lnTo>
                      <a:pt x="331" y="23"/>
                    </a:lnTo>
                    <a:lnTo>
                      <a:pt x="331" y="25"/>
                    </a:lnTo>
                    <a:lnTo>
                      <a:pt x="331" y="27"/>
                    </a:lnTo>
                    <a:lnTo>
                      <a:pt x="330" y="27"/>
                    </a:lnTo>
                    <a:lnTo>
                      <a:pt x="330" y="32"/>
                    </a:lnTo>
                    <a:lnTo>
                      <a:pt x="330" y="35"/>
                    </a:lnTo>
                    <a:lnTo>
                      <a:pt x="333" y="35"/>
                    </a:lnTo>
                    <a:lnTo>
                      <a:pt x="335" y="34"/>
                    </a:lnTo>
                    <a:lnTo>
                      <a:pt x="337" y="32"/>
                    </a:lnTo>
                    <a:lnTo>
                      <a:pt x="338" y="30"/>
                    </a:lnTo>
                    <a:lnTo>
                      <a:pt x="340" y="30"/>
                    </a:lnTo>
                    <a:lnTo>
                      <a:pt x="338" y="34"/>
                    </a:lnTo>
                    <a:lnTo>
                      <a:pt x="338" y="37"/>
                    </a:lnTo>
                    <a:lnTo>
                      <a:pt x="337" y="39"/>
                    </a:lnTo>
                    <a:lnTo>
                      <a:pt x="333" y="42"/>
                    </a:lnTo>
                    <a:lnTo>
                      <a:pt x="331" y="44"/>
                    </a:lnTo>
                    <a:lnTo>
                      <a:pt x="330" y="45"/>
                    </a:lnTo>
                    <a:lnTo>
                      <a:pt x="330" y="47"/>
                    </a:lnTo>
                    <a:lnTo>
                      <a:pt x="328" y="47"/>
                    </a:lnTo>
                    <a:lnTo>
                      <a:pt x="323" y="52"/>
                    </a:lnTo>
                    <a:lnTo>
                      <a:pt x="320" y="59"/>
                    </a:lnTo>
                    <a:lnTo>
                      <a:pt x="316" y="66"/>
                    </a:lnTo>
                    <a:lnTo>
                      <a:pt x="316" y="72"/>
                    </a:lnTo>
                    <a:lnTo>
                      <a:pt x="316" y="79"/>
                    </a:lnTo>
                    <a:lnTo>
                      <a:pt x="316" y="84"/>
                    </a:lnTo>
                    <a:lnTo>
                      <a:pt x="318" y="88"/>
                    </a:lnTo>
                    <a:lnTo>
                      <a:pt x="318" y="89"/>
                    </a:lnTo>
                    <a:lnTo>
                      <a:pt x="321" y="88"/>
                    </a:lnTo>
                    <a:lnTo>
                      <a:pt x="323" y="86"/>
                    </a:lnTo>
                    <a:lnTo>
                      <a:pt x="326" y="83"/>
                    </a:lnTo>
                    <a:lnTo>
                      <a:pt x="328" y="79"/>
                    </a:lnTo>
                    <a:lnTo>
                      <a:pt x="330" y="76"/>
                    </a:lnTo>
                    <a:lnTo>
                      <a:pt x="331" y="72"/>
                    </a:lnTo>
                    <a:lnTo>
                      <a:pt x="333" y="71"/>
                    </a:lnTo>
                    <a:lnTo>
                      <a:pt x="333" y="69"/>
                    </a:lnTo>
                    <a:lnTo>
                      <a:pt x="335" y="72"/>
                    </a:lnTo>
                    <a:lnTo>
                      <a:pt x="335" y="76"/>
                    </a:lnTo>
                    <a:lnTo>
                      <a:pt x="333" y="79"/>
                    </a:lnTo>
                    <a:lnTo>
                      <a:pt x="331" y="83"/>
                    </a:lnTo>
                    <a:lnTo>
                      <a:pt x="330" y="86"/>
                    </a:lnTo>
                    <a:lnTo>
                      <a:pt x="328" y="88"/>
                    </a:lnTo>
                    <a:lnTo>
                      <a:pt x="328" y="89"/>
                    </a:lnTo>
                    <a:lnTo>
                      <a:pt x="326" y="89"/>
                    </a:lnTo>
                    <a:lnTo>
                      <a:pt x="326" y="91"/>
                    </a:lnTo>
                    <a:lnTo>
                      <a:pt x="326" y="93"/>
                    </a:lnTo>
                    <a:lnTo>
                      <a:pt x="326" y="96"/>
                    </a:lnTo>
                    <a:lnTo>
                      <a:pt x="326" y="100"/>
                    </a:lnTo>
                    <a:lnTo>
                      <a:pt x="326" y="103"/>
                    </a:lnTo>
                    <a:lnTo>
                      <a:pt x="326" y="106"/>
                    </a:lnTo>
                    <a:lnTo>
                      <a:pt x="325" y="110"/>
                    </a:lnTo>
                    <a:lnTo>
                      <a:pt x="320" y="116"/>
                    </a:lnTo>
                    <a:lnTo>
                      <a:pt x="318" y="120"/>
                    </a:lnTo>
                    <a:lnTo>
                      <a:pt x="316" y="123"/>
                    </a:lnTo>
                    <a:lnTo>
                      <a:pt x="316" y="125"/>
                    </a:lnTo>
                    <a:lnTo>
                      <a:pt x="318" y="127"/>
                    </a:lnTo>
                    <a:lnTo>
                      <a:pt x="320" y="127"/>
                    </a:lnTo>
                    <a:lnTo>
                      <a:pt x="330" y="132"/>
                    </a:lnTo>
                    <a:lnTo>
                      <a:pt x="337" y="137"/>
                    </a:lnTo>
                    <a:lnTo>
                      <a:pt x="340" y="140"/>
                    </a:lnTo>
                    <a:lnTo>
                      <a:pt x="342" y="142"/>
                    </a:lnTo>
                    <a:lnTo>
                      <a:pt x="342" y="144"/>
                    </a:lnTo>
                    <a:lnTo>
                      <a:pt x="340" y="145"/>
                    </a:lnTo>
                    <a:lnTo>
                      <a:pt x="338" y="145"/>
                    </a:lnTo>
                    <a:lnTo>
                      <a:pt x="337" y="145"/>
                    </a:lnTo>
                    <a:lnTo>
                      <a:pt x="331" y="145"/>
                    </a:lnTo>
                    <a:lnTo>
                      <a:pt x="328" y="147"/>
                    </a:lnTo>
                    <a:lnTo>
                      <a:pt x="325" y="147"/>
                    </a:lnTo>
                    <a:lnTo>
                      <a:pt x="325" y="149"/>
                    </a:lnTo>
                    <a:lnTo>
                      <a:pt x="325" y="150"/>
                    </a:lnTo>
                    <a:lnTo>
                      <a:pt x="325" y="152"/>
                    </a:lnTo>
                    <a:lnTo>
                      <a:pt x="326" y="152"/>
                    </a:lnTo>
                    <a:lnTo>
                      <a:pt x="333" y="152"/>
                    </a:lnTo>
                    <a:lnTo>
                      <a:pt x="337" y="154"/>
                    </a:lnTo>
                    <a:lnTo>
                      <a:pt x="337" y="155"/>
                    </a:lnTo>
                    <a:lnTo>
                      <a:pt x="335" y="157"/>
                    </a:lnTo>
                    <a:lnTo>
                      <a:pt x="331" y="159"/>
                    </a:lnTo>
                    <a:lnTo>
                      <a:pt x="328" y="160"/>
                    </a:lnTo>
                    <a:lnTo>
                      <a:pt x="326" y="160"/>
                    </a:lnTo>
                    <a:lnTo>
                      <a:pt x="325" y="162"/>
                    </a:lnTo>
                    <a:lnTo>
                      <a:pt x="325" y="166"/>
                    </a:lnTo>
                    <a:lnTo>
                      <a:pt x="335" y="177"/>
                    </a:lnTo>
                    <a:lnTo>
                      <a:pt x="337" y="176"/>
                    </a:lnTo>
                    <a:lnTo>
                      <a:pt x="338" y="176"/>
                    </a:lnTo>
                    <a:lnTo>
                      <a:pt x="340" y="174"/>
                    </a:lnTo>
                    <a:lnTo>
                      <a:pt x="342" y="176"/>
                    </a:lnTo>
                    <a:lnTo>
                      <a:pt x="345" y="177"/>
                    </a:lnTo>
                    <a:lnTo>
                      <a:pt x="347" y="181"/>
                    </a:lnTo>
                    <a:lnTo>
                      <a:pt x="348" y="182"/>
                    </a:lnTo>
                    <a:lnTo>
                      <a:pt x="348" y="184"/>
                    </a:lnTo>
                    <a:lnTo>
                      <a:pt x="350" y="186"/>
                    </a:lnTo>
                    <a:lnTo>
                      <a:pt x="352" y="188"/>
                    </a:lnTo>
                    <a:lnTo>
                      <a:pt x="355" y="188"/>
                    </a:lnTo>
                    <a:lnTo>
                      <a:pt x="359" y="186"/>
                    </a:lnTo>
                    <a:lnTo>
                      <a:pt x="360" y="186"/>
                    </a:lnTo>
                    <a:lnTo>
                      <a:pt x="359" y="184"/>
                    </a:lnTo>
                    <a:lnTo>
                      <a:pt x="359" y="182"/>
                    </a:lnTo>
                    <a:lnTo>
                      <a:pt x="357" y="179"/>
                    </a:lnTo>
                    <a:lnTo>
                      <a:pt x="355" y="176"/>
                    </a:lnTo>
                    <a:lnTo>
                      <a:pt x="357" y="174"/>
                    </a:lnTo>
                    <a:lnTo>
                      <a:pt x="359" y="172"/>
                    </a:lnTo>
                    <a:lnTo>
                      <a:pt x="360" y="171"/>
                    </a:lnTo>
                    <a:lnTo>
                      <a:pt x="362" y="171"/>
                    </a:lnTo>
                    <a:lnTo>
                      <a:pt x="364" y="171"/>
                    </a:lnTo>
                    <a:lnTo>
                      <a:pt x="364" y="177"/>
                    </a:lnTo>
                    <a:lnTo>
                      <a:pt x="364" y="182"/>
                    </a:lnTo>
                    <a:lnTo>
                      <a:pt x="365" y="184"/>
                    </a:lnTo>
                    <a:lnTo>
                      <a:pt x="367" y="186"/>
                    </a:lnTo>
                    <a:lnTo>
                      <a:pt x="369" y="184"/>
                    </a:lnTo>
                    <a:lnTo>
                      <a:pt x="370" y="182"/>
                    </a:lnTo>
                    <a:lnTo>
                      <a:pt x="372" y="182"/>
                    </a:lnTo>
                    <a:lnTo>
                      <a:pt x="372" y="181"/>
                    </a:lnTo>
                    <a:lnTo>
                      <a:pt x="374" y="181"/>
                    </a:lnTo>
                    <a:lnTo>
                      <a:pt x="375" y="182"/>
                    </a:lnTo>
                    <a:lnTo>
                      <a:pt x="377" y="184"/>
                    </a:lnTo>
                    <a:lnTo>
                      <a:pt x="370" y="191"/>
                    </a:lnTo>
                    <a:lnTo>
                      <a:pt x="369" y="194"/>
                    </a:lnTo>
                    <a:lnTo>
                      <a:pt x="369" y="198"/>
                    </a:lnTo>
                    <a:lnTo>
                      <a:pt x="372" y="198"/>
                    </a:lnTo>
                    <a:lnTo>
                      <a:pt x="375" y="196"/>
                    </a:lnTo>
                    <a:lnTo>
                      <a:pt x="379" y="194"/>
                    </a:lnTo>
                    <a:lnTo>
                      <a:pt x="382" y="193"/>
                    </a:lnTo>
                    <a:lnTo>
                      <a:pt x="382" y="194"/>
                    </a:lnTo>
                    <a:lnTo>
                      <a:pt x="382" y="198"/>
                    </a:lnTo>
                    <a:lnTo>
                      <a:pt x="382" y="199"/>
                    </a:lnTo>
                    <a:lnTo>
                      <a:pt x="382" y="203"/>
                    </a:lnTo>
                    <a:lnTo>
                      <a:pt x="382" y="204"/>
                    </a:lnTo>
                    <a:lnTo>
                      <a:pt x="382" y="206"/>
                    </a:lnTo>
                    <a:lnTo>
                      <a:pt x="381" y="211"/>
                    </a:lnTo>
                    <a:lnTo>
                      <a:pt x="381" y="215"/>
                    </a:lnTo>
                    <a:lnTo>
                      <a:pt x="381" y="218"/>
                    </a:lnTo>
                    <a:lnTo>
                      <a:pt x="382" y="220"/>
                    </a:lnTo>
                    <a:lnTo>
                      <a:pt x="384" y="221"/>
                    </a:lnTo>
                    <a:lnTo>
                      <a:pt x="386" y="223"/>
                    </a:lnTo>
                    <a:lnTo>
                      <a:pt x="387" y="223"/>
                    </a:lnTo>
                    <a:lnTo>
                      <a:pt x="394" y="220"/>
                    </a:lnTo>
                    <a:lnTo>
                      <a:pt x="397" y="216"/>
                    </a:lnTo>
                    <a:lnTo>
                      <a:pt x="399" y="215"/>
                    </a:lnTo>
                    <a:lnTo>
                      <a:pt x="403" y="211"/>
                    </a:lnTo>
                    <a:lnTo>
                      <a:pt x="406" y="210"/>
                    </a:lnTo>
                    <a:lnTo>
                      <a:pt x="409" y="206"/>
                    </a:lnTo>
                    <a:lnTo>
                      <a:pt x="413" y="204"/>
                    </a:lnTo>
                    <a:lnTo>
                      <a:pt x="418" y="203"/>
                    </a:lnTo>
                    <a:lnTo>
                      <a:pt x="425" y="203"/>
                    </a:lnTo>
                    <a:lnTo>
                      <a:pt x="430" y="198"/>
                    </a:lnTo>
                    <a:lnTo>
                      <a:pt x="431" y="171"/>
                    </a:lnTo>
                    <a:lnTo>
                      <a:pt x="436" y="171"/>
                    </a:lnTo>
                    <a:lnTo>
                      <a:pt x="440" y="145"/>
                    </a:lnTo>
                    <a:lnTo>
                      <a:pt x="441" y="144"/>
                    </a:lnTo>
                    <a:lnTo>
                      <a:pt x="443" y="144"/>
                    </a:lnTo>
                    <a:lnTo>
                      <a:pt x="443" y="145"/>
                    </a:lnTo>
                    <a:lnTo>
                      <a:pt x="443" y="155"/>
                    </a:lnTo>
                    <a:lnTo>
                      <a:pt x="441" y="164"/>
                    </a:lnTo>
                    <a:lnTo>
                      <a:pt x="441" y="172"/>
                    </a:lnTo>
                    <a:lnTo>
                      <a:pt x="440" y="179"/>
                    </a:lnTo>
                    <a:lnTo>
                      <a:pt x="438" y="184"/>
                    </a:lnTo>
                    <a:lnTo>
                      <a:pt x="438" y="189"/>
                    </a:lnTo>
                    <a:lnTo>
                      <a:pt x="436" y="194"/>
                    </a:lnTo>
                    <a:lnTo>
                      <a:pt x="436" y="198"/>
                    </a:lnTo>
                    <a:lnTo>
                      <a:pt x="435" y="201"/>
                    </a:lnTo>
                    <a:lnTo>
                      <a:pt x="435" y="203"/>
                    </a:lnTo>
                    <a:lnTo>
                      <a:pt x="435" y="204"/>
                    </a:lnTo>
                    <a:lnTo>
                      <a:pt x="433" y="206"/>
                    </a:lnTo>
                    <a:lnTo>
                      <a:pt x="433" y="208"/>
                    </a:lnTo>
                    <a:lnTo>
                      <a:pt x="433" y="210"/>
                    </a:lnTo>
                    <a:lnTo>
                      <a:pt x="433" y="215"/>
                    </a:lnTo>
                    <a:lnTo>
                      <a:pt x="433" y="216"/>
                    </a:lnTo>
                    <a:lnTo>
                      <a:pt x="433" y="218"/>
                    </a:lnTo>
                    <a:lnTo>
                      <a:pt x="435" y="216"/>
                    </a:lnTo>
                    <a:lnTo>
                      <a:pt x="435" y="215"/>
                    </a:lnTo>
                    <a:lnTo>
                      <a:pt x="436" y="215"/>
                    </a:lnTo>
                    <a:lnTo>
                      <a:pt x="436" y="213"/>
                    </a:lnTo>
                    <a:lnTo>
                      <a:pt x="438" y="211"/>
                    </a:lnTo>
                    <a:lnTo>
                      <a:pt x="440" y="206"/>
                    </a:lnTo>
                    <a:lnTo>
                      <a:pt x="441" y="203"/>
                    </a:lnTo>
                    <a:lnTo>
                      <a:pt x="443" y="198"/>
                    </a:lnTo>
                    <a:lnTo>
                      <a:pt x="443" y="191"/>
                    </a:lnTo>
                    <a:lnTo>
                      <a:pt x="445" y="186"/>
                    </a:lnTo>
                    <a:lnTo>
                      <a:pt x="447" y="179"/>
                    </a:lnTo>
                    <a:lnTo>
                      <a:pt x="447" y="172"/>
                    </a:lnTo>
                    <a:lnTo>
                      <a:pt x="447" y="167"/>
                    </a:lnTo>
                    <a:lnTo>
                      <a:pt x="447" y="160"/>
                    </a:lnTo>
                    <a:lnTo>
                      <a:pt x="447" y="155"/>
                    </a:lnTo>
                    <a:lnTo>
                      <a:pt x="448" y="150"/>
                    </a:lnTo>
                    <a:lnTo>
                      <a:pt x="448" y="147"/>
                    </a:lnTo>
                    <a:lnTo>
                      <a:pt x="448" y="144"/>
                    </a:lnTo>
                    <a:lnTo>
                      <a:pt x="448" y="142"/>
                    </a:lnTo>
                    <a:lnTo>
                      <a:pt x="386" y="154"/>
                    </a:lnTo>
                    <a:lnTo>
                      <a:pt x="345" y="0"/>
                    </a:lnTo>
                    <a:lnTo>
                      <a:pt x="0" y="66"/>
                    </a:lnTo>
                    <a:lnTo>
                      <a:pt x="10" y="127"/>
                    </a:lnTo>
                    <a:lnTo>
                      <a:pt x="45" y="94"/>
                    </a:lnTo>
                    <a:lnTo>
                      <a:pt x="45" y="96"/>
                    </a:lnTo>
                    <a:lnTo>
                      <a:pt x="47" y="96"/>
                    </a:lnTo>
                    <a:lnTo>
                      <a:pt x="49" y="96"/>
                    </a:lnTo>
                    <a:lnTo>
                      <a:pt x="52" y="94"/>
                    </a:lnTo>
                    <a:lnTo>
                      <a:pt x="57" y="89"/>
                    </a:lnTo>
                    <a:lnTo>
                      <a:pt x="62" y="83"/>
                    </a:lnTo>
                    <a:lnTo>
                      <a:pt x="69" y="71"/>
                    </a:lnTo>
                    <a:lnTo>
                      <a:pt x="71" y="71"/>
                    </a:lnTo>
                    <a:lnTo>
                      <a:pt x="74" y="72"/>
                    </a:lnTo>
                    <a:lnTo>
                      <a:pt x="79" y="74"/>
                    </a:lnTo>
                    <a:lnTo>
                      <a:pt x="84" y="74"/>
                    </a:lnTo>
                    <a:lnTo>
                      <a:pt x="89" y="74"/>
                    </a:lnTo>
                    <a:lnTo>
                      <a:pt x="96" y="72"/>
                    </a:lnTo>
                    <a:lnTo>
                      <a:pt x="101" y="67"/>
                    </a:lnTo>
                    <a:lnTo>
                      <a:pt x="106" y="61"/>
                    </a:lnTo>
                    <a:lnTo>
                      <a:pt x="108" y="59"/>
                    </a:lnTo>
                    <a:lnTo>
                      <a:pt x="108" y="57"/>
                    </a:lnTo>
                    <a:lnTo>
                      <a:pt x="111" y="54"/>
                    </a:lnTo>
                    <a:lnTo>
                      <a:pt x="115" y="52"/>
                    </a:lnTo>
                    <a:lnTo>
                      <a:pt x="120" y="50"/>
                    </a:lnTo>
                    <a:lnTo>
                      <a:pt x="125" y="50"/>
                    </a:lnTo>
                    <a:lnTo>
                      <a:pt x="133" y="52"/>
                    </a:lnTo>
                    <a:lnTo>
                      <a:pt x="144" y="56"/>
                    </a:lnTo>
                    <a:lnTo>
                      <a:pt x="145" y="56"/>
                    </a:lnTo>
                    <a:lnTo>
                      <a:pt x="147" y="56"/>
                    </a:lnTo>
                    <a:lnTo>
                      <a:pt x="149" y="56"/>
                    </a:lnTo>
                    <a:lnTo>
                      <a:pt x="150" y="56"/>
                    </a:lnTo>
                    <a:lnTo>
                      <a:pt x="154" y="56"/>
                    </a:lnTo>
                    <a:lnTo>
                      <a:pt x="155" y="56"/>
                    </a:lnTo>
                    <a:lnTo>
                      <a:pt x="157" y="56"/>
                    </a:lnTo>
                    <a:lnTo>
                      <a:pt x="159" y="62"/>
                    </a:lnTo>
                    <a:lnTo>
                      <a:pt x="161" y="64"/>
                    </a:lnTo>
                    <a:lnTo>
                      <a:pt x="164" y="66"/>
                    </a:lnTo>
                    <a:lnTo>
                      <a:pt x="167" y="69"/>
                    </a:lnTo>
                    <a:lnTo>
                      <a:pt x="171" y="72"/>
                    </a:lnTo>
                    <a:lnTo>
                      <a:pt x="174" y="78"/>
                    </a:lnTo>
                    <a:lnTo>
                      <a:pt x="176" y="83"/>
                    </a:lnTo>
                    <a:lnTo>
                      <a:pt x="176" y="88"/>
                    </a:lnTo>
                    <a:lnTo>
                      <a:pt x="172" y="93"/>
                    </a:lnTo>
                    <a:lnTo>
                      <a:pt x="174" y="91"/>
                    </a:lnTo>
                    <a:lnTo>
                      <a:pt x="176" y="89"/>
                    </a:lnTo>
                    <a:lnTo>
                      <a:pt x="179" y="89"/>
                    </a:lnTo>
                    <a:lnTo>
                      <a:pt x="184" y="88"/>
                    </a:lnTo>
                    <a:lnTo>
                      <a:pt x="188" y="86"/>
                    </a:lnTo>
                    <a:lnTo>
                      <a:pt x="193" y="86"/>
                    </a:lnTo>
                    <a:lnTo>
                      <a:pt x="196" y="89"/>
                    </a:lnTo>
                    <a:lnTo>
                      <a:pt x="199" y="93"/>
                    </a:lnTo>
                    <a:lnTo>
                      <a:pt x="199" y="94"/>
                    </a:lnTo>
                    <a:lnTo>
                      <a:pt x="198" y="98"/>
                    </a:lnTo>
                    <a:lnTo>
                      <a:pt x="198" y="100"/>
                    </a:lnTo>
                    <a:lnTo>
                      <a:pt x="198" y="103"/>
                    </a:lnTo>
                    <a:lnTo>
                      <a:pt x="198" y="108"/>
                    </a:lnTo>
                    <a:lnTo>
                      <a:pt x="203" y="110"/>
                    </a:lnTo>
                    <a:lnTo>
                      <a:pt x="210" y="113"/>
                    </a:lnTo>
                    <a:lnTo>
                      <a:pt x="221" y="113"/>
                    </a:lnTo>
                    <a:lnTo>
                      <a:pt x="223" y="113"/>
                    </a:lnTo>
                    <a:lnTo>
                      <a:pt x="227" y="115"/>
                    </a:lnTo>
                    <a:lnTo>
                      <a:pt x="228" y="115"/>
                    </a:lnTo>
                    <a:lnTo>
                      <a:pt x="230" y="116"/>
                    </a:lnTo>
                    <a:lnTo>
                      <a:pt x="233" y="118"/>
                    </a:lnTo>
                    <a:lnTo>
                      <a:pt x="237" y="120"/>
                    </a:lnTo>
                    <a:lnTo>
                      <a:pt x="240" y="122"/>
                    </a:lnTo>
                    <a:lnTo>
                      <a:pt x="247" y="11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29" name="Freeform 75"/>
              <p:cNvSpPr>
                <a:spLocks/>
              </p:cNvSpPr>
              <p:nvPr/>
            </p:nvSpPr>
            <p:spPr bwMode="auto">
              <a:xfrm>
                <a:off x="4487" y="1686"/>
                <a:ext cx="448" cy="223"/>
              </a:xfrm>
              <a:custGeom>
                <a:avLst/>
                <a:gdLst>
                  <a:gd name="T0" fmla="*/ 249 w 448"/>
                  <a:gd name="T1" fmla="*/ 155 h 223"/>
                  <a:gd name="T2" fmla="*/ 238 w 448"/>
                  <a:gd name="T3" fmla="*/ 189 h 223"/>
                  <a:gd name="T4" fmla="*/ 252 w 448"/>
                  <a:gd name="T5" fmla="*/ 186 h 223"/>
                  <a:gd name="T6" fmla="*/ 274 w 448"/>
                  <a:gd name="T7" fmla="*/ 201 h 223"/>
                  <a:gd name="T8" fmla="*/ 286 w 448"/>
                  <a:gd name="T9" fmla="*/ 201 h 223"/>
                  <a:gd name="T10" fmla="*/ 331 w 448"/>
                  <a:gd name="T11" fmla="*/ 216 h 223"/>
                  <a:gd name="T12" fmla="*/ 291 w 448"/>
                  <a:gd name="T13" fmla="*/ 167 h 223"/>
                  <a:gd name="T14" fmla="*/ 316 w 448"/>
                  <a:gd name="T15" fmla="*/ 182 h 223"/>
                  <a:gd name="T16" fmla="*/ 315 w 448"/>
                  <a:gd name="T17" fmla="*/ 172 h 223"/>
                  <a:gd name="T18" fmla="*/ 298 w 448"/>
                  <a:gd name="T19" fmla="*/ 132 h 223"/>
                  <a:gd name="T20" fmla="*/ 299 w 448"/>
                  <a:gd name="T21" fmla="*/ 106 h 223"/>
                  <a:gd name="T22" fmla="*/ 284 w 448"/>
                  <a:gd name="T23" fmla="*/ 72 h 223"/>
                  <a:gd name="T24" fmla="*/ 301 w 448"/>
                  <a:gd name="T25" fmla="*/ 59 h 223"/>
                  <a:gd name="T26" fmla="*/ 304 w 448"/>
                  <a:gd name="T27" fmla="*/ 56 h 223"/>
                  <a:gd name="T28" fmla="*/ 309 w 448"/>
                  <a:gd name="T29" fmla="*/ 57 h 223"/>
                  <a:gd name="T30" fmla="*/ 320 w 448"/>
                  <a:gd name="T31" fmla="*/ 35 h 223"/>
                  <a:gd name="T32" fmla="*/ 330 w 448"/>
                  <a:gd name="T33" fmla="*/ 20 h 223"/>
                  <a:gd name="T34" fmla="*/ 330 w 448"/>
                  <a:gd name="T35" fmla="*/ 35 h 223"/>
                  <a:gd name="T36" fmla="*/ 338 w 448"/>
                  <a:gd name="T37" fmla="*/ 34 h 223"/>
                  <a:gd name="T38" fmla="*/ 328 w 448"/>
                  <a:gd name="T39" fmla="*/ 47 h 223"/>
                  <a:gd name="T40" fmla="*/ 318 w 448"/>
                  <a:gd name="T41" fmla="*/ 89 h 223"/>
                  <a:gd name="T42" fmla="*/ 333 w 448"/>
                  <a:gd name="T43" fmla="*/ 71 h 223"/>
                  <a:gd name="T44" fmla="*/ 328 w 448"/>
                  <a:gd name="T45" fmla="*/ 88 h 223"/>
                  <a:gd name="T46" fmla="*/ 326 w 448"/>
                  <a:gd name="T47" fmla="*/ 103 h 223"/>
                  <a:gd name="T48" fmla="*/ 316 w 448"/>
                  <a:gd name="T49" fmla="*/ 125 h 223"/>
                  <a:gd name="T50" fmla="*/ 340 w 448"/>
                  <a:gd name="T51" fmla="*/ 140 h 223"/>
                  <a:gd name="T52" fmla="*/ 328 w 448"/>
                  <a:gd name="T53" fmla="*/ 147 h 223"/>
                  <a:gd name="T54" fmla="*/ 333 w 448"/>
                  <a:gd name="T55" fmla="*/ 152 h 223"/>
                  <a:gd name="T56" fmla="*/ 325 w 448"/>
                  <a:gd name="T57" fmla="*/ 166 h 223"/>
                  <a:gd name="T58" fmla="*/ 342 w 448"/>
                  <a:gd name="T59" fmla="*/ 176 h 223"/>
                  <a:gd name="T60" fmla="*/ 352 w 448"/>
                  <a:gd name="T61" fmla="*/ 188 h 223"/>
                  <a:gd name="T62" fmla="*/ 359 w 448"/>
                  <a:gd name="T63" fmla="*/ 182 h 223"/>
                  <a:gd name="T64" fmla="*/ 362 w 448"/>
                  <a:gd name="T65" fmla="*/ 171 h 223"/>
                  <a:gd name="T66" fmla="*/ 370 w 448"/>
                  <a:gd name="T67" fmla="*/ 182 h 223"/>
                  <a:gd name="T68" fmla="*/ 377 w 448"/>
                  <a:gd name="T69" fmla="*/ 184 h 223"/>
                  <a:gd name="T70" fmla="*/ 382 w 448"/>
                  <a:gd name="T71" fmla="*/ 193 h 223"/>
                  <a:gd name="T72" fmla="*/ 382 w 448"/>
                  <a:gd name="T73" fmla="*/ 206 h 223"/>
                  <a:gd name="T74" fmla="*/ 386 w 448"/>
                  <a:gd name="T75" fmla="*/ 223 h 223"/>
                  <a:gd name="T76" fmla="*/ 403 w 448"/>
                  <a:gd name="T77" fmla="*/ 211 h 223"/>
                  <a:gd name="T78" fmla="*/ 436 w 448"/>
                  <a:gd name="T79" fmla="*/ 171 h 223"/>
                  <a:gd name="T80" fmla="*/ 443 w 448"/>
                  <a:gd name="T81" fmla="*/ 155 h 223"/>
                  <a:gd name="T82" fmla="*/ 435 w 448"/>
                  <a:gd name="T83" fmla="*/ 201 h 223"/>
                  <a:gd name="T84" fmla="*/ 433 w 448"/>
                  <a:gd name="T85" fmla="*/ 210 h 223"/>
                  <a:gd name="T86" fmla="*/ 436 w 448"/>
                  <a:gd name="T87" fmla="*/ 213 h 223"/>
                  <a:gd name="T88" fmla="*/ 447 w 448"/>
                  <a:gd name="T89" fmla="*/ 179 h 223"/>
                  <a:gd name="T90" fmla="*/ 448 w 448"/>
                  <a:gd name="T91" fmla="*/ 142 h 223"/>
                  <a:gd name="T92" fmla="*/ 45 w 448"/>
                  <a:gd name="T93" fmla="*/ 94 h 223"/>
                  <a:gd name="T94" fmla="*/ 62 w 448"/>
                  <a:gd name="T95" fmla="*/ 83 h 223"/>
                  <a:gd name="T96" fmla="*/ 96 w 448"/>
                  <a:gd name="T97" fmla="*/ 72 h 223"/>
                  <a:gd name="T98" fmla="*/ 120 w 448"/>
                  <a:gd name="T99" fmla="*/ 50 h 223"/>
                  <a:gd name="T100" fmla="*/ 150 w 448"/>
                  <a:gd name="T101" fmla="*/ 56 h 223"/>
                  <a:gd name="T102" fmla="*/ 164 w 448"/>
                  <a:gd name="T103" fmla="*/ 66 h 223"/>
                  <a:gd name="T104" fmla="*/ 174 w 448"/>
                  <a:gd name="T105" fmla="*/ 91 h 223"/>
                  <a:gd name="T106" fmla="*/ 199 w 448"/>
                  <a:gd name="T107" fmla="*/ 93 h 223"/>
                  <a:gd name="T108" fmla="*/ 221 w 448"/>
                  <a:gd name="T109" fmla="*/ 113 h 223"/>
                  <a:gd name="T110" fmla="*/ 237 w 448"/>
                  <a:gd name="T111" fmla="*/ 120 h 223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448"/>
                  <a:gd name="T169" fmla="*/ 0 h 223"/>
                  <a:gd name="T170" fmla="*/ 448 w 448"/>
                  <a:gd name="T171" fmla="*/ 223 h 223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448" h="223">
                    <a:moveTo>
                      <a:pt x="247" y="115"/>
                    </a:moveTo>
                    <a:lnTo>
                      <a:pt x="260" y="123"/>
                    </a:lnTo>
                    <a:lnTo>
                      <a:pt x="252" y="137"/>
                    </a:lnTo>
                    <a:lnTo>
                      <a:pt x="252" y="145"/>
                    </a:lnTo>
                    <a:lnTo>
                      <a:pt x="252" y="147"/>
                    </a:lnTo>
                    <a:lnTo>
                      <a:pt x="250" y="150"/>
                    </a:lnTo>
                    <a:lnTo>
                      <a:pt x="249" y="155"/>
                    </a:lnTo>
                    <a:lnTo>
                      <a:pt x="245" y="162"/>
                    </a:lnTo>
                    <a:lnTo>
                      <a:pt x="243" y="169"/>
                    </a:lnTo>
                    <a:lnTo>
                      <a:pt x="240" y="176"/>
                    </a:lnTo>
                    <a:lnTo>
                      <a:pt x="238" y="179"/>
                    </a:lnTo>
                    <a:lnTo>
                      <a:pt x="238" y="181"/>
                    </a:lnTo>
                    <a:lnTo>
                      <a:pt x="237" y="186"/>
                    </a:lnTo>
                    <a:lnTo>
                      <a:pt x="238" y="189"/>
                    </a:lnTo>
                    <a:lnTo>
                      <a:pt x="240" y="193"/>
                    </a:lnTo>
                    <a:lnTo>
                      <a:pt x="242" y="193"/>
                    </a:lnTo>
                    <a:lnTo>
                      <a:pt x="243" y="193"/>
                    </a:lnTo>
                    <a:lnTo>
                      <a:pt x="247" y="193"/>
                    </a:lnTo>
                    <a:lnTo>
                      <a:pt x="249" y="191"/>
                    </a:lnTo>
                    <a:lnTo>
                      <a:pt x="250" y="191"/>
                    </a:lnTo>
                    <a:lnTo>
                      <a:pt x="252" y="186"/>
                    </a:lnTo>
                    <a:lnTo>
                      <a:pt x="255" y="182"/>
                    </a:lnTo>
                    <a:lnTo>
                      <a:pt x="257" y="182"/>
                    </a:lnTo>
                    <a:lnTo>
                      <a:pt x="259" y="182"/>
                    </a:lnTo>
                    <a:lnTo>
                      <a:pt x="260" y="184"/>
                    </a:lnTo>
                    <a:lnTo>
                      <a:pt x="262" y="186"/>
                    </a:lnTo>
                    <a:lnTo>
                      <a:pt x="264" y="188"/>
                    </a:lnTo>
                    <a:lnTo>
                      <a:pt x="274" y="201"/>
                    </a:lnTo>
                    <a:lnTo>
                      <a:pt x="277" y="201"/>
                    </a:lnTo>
                    <a:lnTo>
                      <a:pt x="277" y="193"/>
                    </a:lnTo>
                    <a:lnTo>
                      <a:pt x="282" y="193"/>
                    </a:lnTo>
                    <a:lnTo>
                      <a:pt x="282" y="194"/>
                    </a:lnTo>
                    <a:lnTo>
                      <a:pt x="284" y="198"/>
                    </a:lnTo>
                    <a:lnTo>
                      <a:pt x="284" y="201"/>
                    </a:lnTo>
                    <a:lnTo>
                      <a:pt x="286" y="201"/>
                    </a:lnTo>
                    <a:lnTo>
                      <a:pt x="298" y="201"/>
                    </a:lnTo>
                    <a:lnTo>
                      <a:pt x="308" y="203"/>
                    </a:lnTo>
                    <a:lnTo>
                      <a:pt x="316" y="204"/>
                    </a:lnTo>
                    <a:lnTo>
                      <a:pt x="321" y="208"/>
                    </a:lnTo>
                    <a:lnTo>
                      <a:pt x="326" y="211"/>
                    </a:lnTo>
                    <a:lnTo>
                      <a:pt x="330" y="215"/>
                    </a:lnTo>
                    <a:lnTo>
                      <a:pt x="331" y="216"/>
                    </a:lnTo>
                    <a:lnTo>
                      <a:pt x="331" y="218"/>
                    </a:lnTo>
                    <a:lnTo>
                      <a:pt x="335" y="210"/>
                    </a:lnTo>
                    <a:lnTo>
                      <a:pt x="326" y="199"/>
                    </a:lnTo>
                    <a:lnTo>
                      <a:pt x="325" y="191"/>
                    </a:lnTo>
                    <a:lnTo>
                      <a:pt x="313" y="188"/>
                    </a:lnTo>
                    <a:lnTo>
                      <a:pt x="299" y="179"/>
                    </a:lnTo>
                    <a:lnTo>
                      <a:pt x="289" y="171"/>
                    </a:lnTo>
                    <a:lnTo>
                      <a:pt x="291" y="167"/>
                    </a:lnTo>
                    <a:lnTo>
                      <a:pt x="299" y="174"/>
                    </a:lnTo>
                    <a:lnTo>
                      <a:pt x="301" y="174"/>
                    </a:lnTo>
                    <a:lnTo>
                      <a:pt x="303" y="176"/>
                    </a:lnTo>
                    <a:lnTo>
                      <a:pt x="306" y="176"/>
                    </a:lnTo>
                    <a:lnTo>
                      <a:pt x="308" y="177"/>
                    </a:lnTo>
                    <a:lnTo>
                      <a:pt x="316" y="182"/>
                    </a:lnTo>
                    <a:lnTo>
                      <a:pt x="321" y="184"/>
                    </a:lnTo>
                    <a:lnTo>
                      <a:pt x="323" y="182"/>
                    </a:lnTo>
                    <a:lnTo>
                      <a:pt x="323" y="181"/>
                    </a:lnTo>
                    <a:lnTo>
                      <a:pt x="321" y="177"/>
                    </a:lnTo>
                    <a:lnTo>
                      <a:pt x="318" y="176"/>
                    </a:lnTo>
                    <a:lnTo>
                      <a:pt x="316" y="172"/>
                    </a:lnTo>
                    <a:lnTo>
                      <a:pt x="315" y="172"/>
                    </a:lnTo>
                    <a:lnTo>
                      <a:pt x="311" y="167"/>
                    </a:lnTo>
                    <a:lnTo>
                      <a:pt x="308" y="164"/>
                    </a:lnTo>
                    <a:lnTo>
                      <a:pt x="304" y="159"/>
                    </a:lnTo>
                    <a:lnTo>
                      <a:pt x="303" y="154"/>
                    </a:lnTo>
                    <a:lnTo>
                      <a:pt x="299" y="149"/>
                    </a:lnTo>
                    <a:lnTo>
                      <a:pt x="299" y="142"/>
                    </a:lnTo>
                    <a:lnTo>
                      <a:pt x="298" y="137"/>
                    </a:lnTo>
                    <a:lnTo>
                      <a:pt x="298" y="132"/>
                    </a:lnTo>
                    <a:lnTo>
                      <a:pt x="298" y="127"/>
                    </a:lnTo>
                    <a:lnTo>
                      <a:pt x="298" y="122"/>
                    </a:lnTo>
                    <a:lnTo>
                      <a:pt x="298" y="118"/>
                    </a:lnTo>
                    <a:lnTo>
                      <a:pt x="299" y="115"/>
                    </a:lnTo>
                    <a:lnTo>
                      <a:pt x="299" y="111"/>
                    </a:lnTo>
                    <a:lnTo>
                      <a:pt x="299" y="108"/>
                    </a:lnTo>
                    <a:lnTo>
                      <a:pt x="299" y="106"/>
                    </a:lnTo>
                    <a:lnTo>
                      <a:pt x="299" y="98"/>
                    </a:lnTo>
                    <a:lnTo>
                      <a:pt x="296" y="93"/>
                    </a:lnTo>
                    <a:lnTo>
                      <a:pt x="294" y="86"/>
                    </a:lnTo>
                    <a:lnTo>
                      <a:pt x="291" y="81"/>
                    </a:lnTo>
                    <a:lnTo>
                      <a:pt x="287" y="78"/>
                    </a:lnTo>
                    <a:lnTo>
                      <a:pt x="286" y="74"/>
                    </a:lnTo>
                    <a:lnTo>
                      <a:pt x="284" y="72"/>
                    </a:lnTo>
                    <a:lnTo>
                      <a:pt x="282" y="72"/>
                    </a:lnTo>
                    <a:lnTo>
                      <a:pt x="296" y="72"/>
                    </a:lnTo>
                    <a:lnTo>
                      <a:pt x="301" y="67"/>
                    </a:lnTo>
                    <a:lnTo>
                      <a:pt x="301" y="66"/>
                    </a:lnTo>
                    <a:lnTo>
                      <a:pt x="301" y="64"/>
                    </a:lnTo>
                    <a:lnTo>
                      <a:pt x="301" y="61"/>
                    </a:lnTo>
                    <a:lnTo>
                      <a:pt x="301" y="59"/>
                    </a:lnTo>
                    <a:lnTo>
                      <a:pt x="299" y="56"/>
                    </a:lnTo>
                    <a:lnTo>
                      <a:pt x="298" y="52"/>
                    </a:lnTo>
                    <a:lnTo>
                      <a:pt x="299" y="52"/>
                    </a:lnTo>
                    <a:lnTo>
                      <a:pt x="301" y="52"/>
                    </a:lnTo>
                    <a:lnTo>
                      <a:pt x="303" y="52"/>
                    </a:lnTo>
                    <a:lnTo>
                      <a:pt x="303" y="54"/>
                    </a:lnTo>
                    <a:lnTo>
                      <a:pt x="304" y="56"/>
                    </a:lnTo>
                    <a:lnTo>
                      <a:pt x="306" y="59"/>
                    </a:lnTo>
                    <a:lnTo>
                      <a:pt x="306" y="61"/>
                    </a:lnTo>
                    <a:lnTo>
                      <a:pt x="308" y="61"/>
                    </a:lnTo>
                    <a:lnTo>
                      <a:pt x="309" y="59"/>
                    </a:lnTo>
                    <a:lnTo>
                      <a:pt x="309" y="57"/>
                    </a:lnTo>
                    <a:lnTo>
                      <a:pt x="311" y="56"/>
                    </a:lnTo>
                    <a:lnTo>
                      <a:pt x="321" y="42"/>
                    </a:lnTo>
                    <a:lnTo>
                      <a:pt x="320" y="40"/>
                    </a:lnTo>
                    <a:lnTo>
                      <a:pt x="320" y="39"/>
                    </a:lnTo>
                    <a:lnTo>
                      <a:pt x="320" y="35"/>
                    </a:lnTo>
                    <a:lnTo>
                      <a:pt x="320" y="34"/>
                    </a:lnTo>
                    <a:lnTo>
                      <a:pt x="320" y="32"/>
                    </a:lnTo>
                    <a:lnTo>
                      <a:pt x="320" y="28"/>
                    </a:lnTo>
                    <a:lnTo>
                      <a:pt x="325" y="23"/>
                    </a:lnTo>
                    <a:lnTo>
                      <a:pt x="328" y="22"/>
                    </a:lnTo>
                    <a:lnTo>
                      <a:pt x="330" y="20"/>
                    </a:lnTo>
                    <a:lnTo>
                      <a:pt x="331" y="22"/>
                    </a:lnTo>
                    <a:lnTo>
                      <a:pt x="331" y="23"/>
                    </a:lnTo>
                    <a:lnTo>
                      <a:pt x="331" y="25"/>
                    </a:lnTo>
                    <a:lnTo>
                      <a:pt x="331" y="27"/>
                    </a:lnTo>
                    <a:lnTo>
                      <a:pt x="330" y="27"/>
                    </a:lnTo>
                    <a:lnTo>
                      <a:pt x="330" y="32"/>
                    </a:lnTo>
                    <a:lnTo>
                      <a:pt x="330" y="35"/>
                    </a:lnTo>
                    <a:lnTo>
                      <a:pt x="333" y="35"/>
                    </a:lnTo>
                    <a:lnTo>
                      <a:pt x="335" y="34"/>
                    </a:lnTo>
                    <a:lnTo>
                      <a:pt x="337" y="32"/>
                    </a:lnTo>
                    <a:lnTo>
                      <a:pt x="338" y="30"/>
                    </a:lnTo>
                    <a:lnTo>
                      <a:pt x="340" y="30"/>
                    </a:lnTo>
                    <a:lnTo>
                      <a:pt x="338" y="34"/>
                    </a:lnTo>
                    <a:lnTo>
                      <a:pt x="338" y="37"/>
                    </a:lnTo>
                    <a:lnTo>
                      <a:pt x="337" y="39"/>
                    </a:lnTo>
                    <a:lnTo>
                      <a:pt x="333" y="42"/>
                    </a:lnTo>
                    <a:lnTo>
                      <a:pt x="331" y="44"/>
                    </a:lnTo>
                    <a:lnTo>
                      <a:pt x="330" y="45"/>
                    </a:lnTo>
                    <a:lnTo>
                      <a:pt x="330" y="47"/>
                    </a:lnTo>
                    <a:lnTo>
                      <a:pt x="328" y="47"/>
                    </a:lnTo>
                    <a:lnTo>
                      <a:pt x="323" y="52"/>
                    </a:lnTo>
                    <a:lnTo>
                      <a:pt x="320" y="59"/>
                    </a:lnTo>
                    <a:lnTo>
                      <a:pt x="316" y="66"/>
                    </a:lnTo>
                    <a:lnTo>
                      <a:pt x="316" y="72"/>
                    </a:lnTo>
                    <a:lnTo>
                      <a:pt x="316" y="79"/>
                    </a:lnTo>
                    <a:lnTo>
                      <a:pt x="316" y="84"/>
                    </a:lnTo>
                    <a:lnTo>
                      <a:pt x="318" y="88"/>
                    </a:lnTo>
                    <a:lnTo>
                      <a:pt x="318" y="89"/>
                    </a:lnTo>
                    <a:lnTo>
                      <a:pt x="321" y="88"/>
                    </a:lnTo>
                    <a:lnTo>
                      <a:pt x="323" y="86"/>
                    </a:lnTo>
                    <a:lnTo>
                      <a:pt x="326" y="83"/>
                    </a:lnTo>
                    <a:lnTo>
                      <a:pt x="328" y="79"/>
                    </a:lnTo>
                    <a:lnTo>
                      <a:pt x="330" y="76"/>
                    </a:lnTo>
                    <a:lnTo>
                      <a:pt x="331" y="72"/>
                    </a:lnTo>
                    <a:lnTo>
                      <a:pt x="333" y="71"/>
                    </a:lnTo>
                    <a:lnTo>
                      <a:pt x="333" y="69"/>
                    </a:lnTo>
                    <a:lnTo>
                      <a:pt x="335" y="72"/>
                    </a:lnTo>
                    <a:lnTo>
                      <a:pt x="335" y="76"/>
                    </a:lnTo>
                    <a:lnTo>
                      <a:pt x="333" y="79"/>
                    </a:lnTo>
                    <a:lnTo>
                      <a:pt x="331" y="83"/>
                    </a:lnTo>
                    <a:lnTo>
                      <a:pt x="330" y="86"/>
                    </a:lnTo>
                    <a:lnTo>
                      <a:pt x="328" y="88"/>
                    </a:lnTo>
                    <a:lnTo>
                      <a:pt x="328" y="89"/>
                    </a:lnTo>
                    <a:lnTo>
                      <a:pt x="326" y="89"/>
                    </a:lnTo>
                    <a:lnTo>
                      <a:pt x="326" y="91"/>
                    </a:lnTo>
                    <a:lnTo>
                      <a:pt x="326" y="93"/>
                    </a:lnTo>
                    <a:lnTo>
                      <a:pt x="326" y="96"/>
                    </a:lnTo>
                    <a:lnTo>
                      <a:pt x="326" y="100"/>
                    </a:lnTo>
                    <a:lnTo>
                      <a:pt x="326" y="103"/>
                    </a:lnTo>
                    <a:lnTo>
                      <a:pt x="326" y="106"/>
                    </a:lnTo>
                    <a:lnTo>
                      <a:pt x="325" y="110"/>
                    </a:lnTo>
                    <a:lnTo>
                      <a:pt x="320" y="116"/>
                    </a:lnTo>
                    <a:lnTo>
                      <a:pt x="318" y="120"/>
                    </a:lnTo>
                    <a:lnTo>
                      <a:pt x="316" y="123"/>
                    </a:lnTo>
                    <a:lnTo>
                      <a:pt x="316" y="125"/>
                    </a:lnTo>
                    <a:lnTo>
                      <a:pt x="318" y="127"/>
                    </a:lnTo>
                    <a:lnTo>
                      <a:pt x="320" y="127"/>
                    </a:lnTo>
                    <a:lnTo>
                      <a:pt x="330" y="132"/>
                    </a:lnTo>
                    <a:lnTo>
                      <a:pt x="337" y="137"/>
                    </a:lnTo>
                    <a:lnTo>
                      <a:pt x="340" y="140"/>
                    </a:lnTo>
                    <a:lnTo>
                      <a:pt x="342" y="142"/>
                    </a:lnTo>
                    <a:lnTo>
                      <a:pt x="342" y="144"/>
                    </a:lnTo>
                    <a:lnTo>
                      <a:pt x="340" y="145"/>
                    </a:lnTo>
                    <a:lnTo>
                      <a:pt x="338" y="145"/>
                    </a:lnTo>
                    <a:lnTo>
                      <a:pt x="337" y="145"/>
                    </a:lnTo>
                    <a:lnTo>
                      <a:pt x="331" y="145"/>
                    </a:lnTo>
                    <a:lnTo>
                      <a:pt x="328" y="147"/>
                    </a:lnTo>
                    <a:lnTo>
                      <a:pt x="325" y="147"/>
                    </a:lnTo>
                    <a:lnTo>
                      <a:pt x="325" y="149"/>
                    </a:lnTo>
                    <a:lnTo>
                      <a:pt x="325" y="150"/>
                    </a:lnTo>
                    <a:lnTo>
                      <a:pt x="325" y="152"/>
                    </a:lnTo>
                    <a:lnTo>
                      <a:pt x="326" y="152"/>
                    </a:lnTo>
                    <a:lnTo>
                      <a:pt x="333" y="152"/>
                    </a:lnTo>
                    <a:lnTo>
                      <a:pt x="337" y="154"/>
                    </a:lnTo>
                    <a:lnTo>
                      <a:pt x="337" y="155"/>
                    </a:lnTo>
                    <a:lnTo>
                      <a:pt x="335" y="157"/>
                    </a:lnTo>
                    <a:lnTo>
                      <a:pt x="331" y="159"/>
                    </a:lnTo>
                    <a:lnTo>
                      <a:pt x="328" y="160"/>
                    </a:lnTo>
                    <a:lnTo>
                      <a:pt x="326" y="160"/>
                    </a:lnTo>
                    <a:lnTo>
                      <a:pt x="325" y="162"/>
                    </a:lnTo>
                    <a:lnTo>
                      <a:pt x="325" y="166"/>
                    </a:lnTo>
                    <a:lnTo>
                      <a:pt x="335" y="177"/>
                    </a:lnTo>
                    <a:lnTo>
                      <a:pt x="337" y="176"/>
                    </a:lnTo>
                    <a:lnTo>
                      <a:pt x="338" y="176"/>
                    </a:lnTo>
                    <a:lnTo>
                      <a:pt x="340" y="174"/>
                    </a:lnTo>
                    <a:lnTo>
                      <a:pt x="342" y="176"/>
                    </a:lnTo>
                    <a:lnTo>
                      <a:pt x="345" y="177"/>
                    </a:lnTo>
                    <a:lnTo>
                      <a:pt x="347" y="181"/>
                    </a:lnTo>
                    <a:lnTo>
                      <a:pt x="348" y="182"/>
                    </a:lnTo>
                    <a:lnTo>
                      <a:pt x="348" y="184"/>
                    </a:lnTo>
                    <a:lnTo>
                      <a:pt x="350" y="186"/>
                    </a:lnTo>
                    <a:lnTo>
                      <a:pt x="352" y="188"/>
                    </a:lnTo>
                    <a:lnTo>
                      <a:pt x="355" y="188"/>
                    </a:lnTo>
                    <a:lnTo>
                      <a:pt x="359" y="186"/>
                    </a:lnTo>
                    <a:lnTo>
                      <a:pt x="360" y="186"/>
                    </a:lnTo>
                    <a:lnTo>
                      <a:pt x="359" y="184"/>
                    </a:lnTo>
                    <a:lnTo>
                      <a:pt x="359" y="182"/>
                    </a:lnTo>
                    <a:lnTo>
                      <a:pt x="357" y="179"/>
                    </a:lnTo>
                    <a:lnTo>
                      <a:pt x="355" y="176"/>
                    </a:lnTo>
                    <a:lnTo>
                      <a:pt x="357" y="174"/>
                    </a:lnTo>
                    <a:lnTo>
                      <a:pt x="359" y="172"/>
                    </a:lnTo>
                    <a:lnTo>
                      <a:pt x="360" y="171"/>
                    </a:lnTo>
                    <a:lnTo>
                      <a:pt x="362" y="171"/>
                    </a:lnTo>
                    <a:lnTo>
                      <a:pt x="364" y="171"/>
                    </a:lnTo>
                    <a:lnTo>
                      <a:pt x="364" y="177"/>
                    </a:lnTo>
                    <a:lnTo>
                      <a:pt x="364" y="182"/>
                    </a:lnTo>
                    <a:lnTo>
                      <a:pt x="365" y="184"/>
                    </a:lnTo>
                    <a:lnTo>
                      <a:pt x="367" y="186"/>
                    </a:lnTo>
                    <a:lnTo>
                      <a:pt x="369" y="184"/>
                    </a:lnTo>
                    <a:lnTo>
                      <a:pt x="370" y="182"/>
                    </a:lnTo>
                    <a:lnTo>
                      <a:pt x="372" y="182"/>
                    </a:lnTo>
                    <a:lnTo>
                      <a:pt x="372" y="181"/>
                    </a:lnTo>
                    <a:lnTo>
                      <a:pt x="374" y="181"/>
                    </a:lnTo>
                    <a:lnTo>
                      <a:pt x="375" y="182"/>
                    </a:lnTo>
                    <a:lnTo>
                      <a:pt x="377" y="184"/>
                    </a:lnTo>
                    <a:lnTo>
                      <a:pt x="370" y="191"/>
                    </a:lnTo>
                    <a:lnTo>
                      <a:pt x="369" y="194"/>
                    </a:lnTo>
                    <a:lnTo>
                      <a:pt x="369" y="198"/>
                    </a:lnTo>
                    <a:lnTo>
                      <a:pt x="372" y="198"/>
                    </a:lnTo>
                    <a:lnTo>
                      <a:pt x="375" y="196"/>
                    </a:lnTo>
                    <a:lnTo>
                      <a:pt x="379" y="194"/>
                    </a:lnTo>
                    <a:lnTo>
                      <a:pt x="382" y="193"/>
                    </a:lnTo>
                    <a:lnTo>
                      <a:pt x="382" y="194"/>
                    </a:lnTo>
                    <a:lnTo>
                      <a:pt x="382" y="198"/>
                    </a:lnTo>
                    <a:lnTo>
                      <a:pt x="382" y="199"/>
                    </a:lnTo>
                    <a:lnTo>
                      <a:pt x="382" y="203"/>
                    </a:lnTo>
                    <a:lnTo>
                      <a:pt x="382" y="204"/>
                    </a:lnTo>
                    <a:lnTo>
                      <a:pt x="382" y="206"/>
                    </a:lnTo>
                    <a:lnTo>
                      <a:pt x="381" y="211"/>
                    </a:lnTo>
                    <a:lnTo>
                      <a:pt x="381" y="215"/>
                    </a:lnTo>
                    <a:lnTo>
                      <a:pt x="381" y="218"/>
                    </a:lnTo>
                    <a:lnTo>
                      <a:pt x="382" y="220"/>
                    </a:lnTo>
                    <a:lnTo>
                      <a:pt x="384" y="221"/>
                    </a:lnTo>
                    <a:lnTo>
                      <a:pt x="386" y="223"/>
                    </a:lnTo>
                    <a:lnTo>
                      <a:pt x="387" y="223"/>
                    </a:lnTo>
                    <a:lnTo>
                      <a:pt x="394" y="220"/>
                    </a:lnTo>
                    <a:lnTo>
                      <a:pt x="397" y="216"/>
                    </a:lnTo>
                    <a:lnTo>
                      <a:pt x="399" y="215"/>
                    </a:lnTo>
                    <a:lnTo>
                      <a:pt x="403" y="211"/>
                    </a:lnTo>
                    <a:lnTo>
                      <a:pt x="406" y="210"/>
                    </a:lnTo>
                    <a:lnTo>
                      <a:pt x="409" y="206"/>
                    </a:lnTo>
                    <a:lnTo>
                      <a:pt x="413" y="204"/>
                    </a:lnTo>
                    <a:lnTo>
                      <a:pt x="418" y="203"/>
                    </a:lnTo>
                    <a:lnTo>
                      <a:pt x="425" y="203"/>
                    </a:lnTo>
                    <a:lnTo>
                      <a:pt x="430" y="198"/>
                    </a:lnTo>
                    <a:lnTo>
                      <a:pt x="431" y="171"/>
                    </a:lnTo>
                    <a:lnTo>
                      <a:pt x="436" y="171"/>
                    </a:lnTo>
                    <a:lnTo>
                      <a:pt x="440" y="145"/>
                    </a:lnTo>
                    <a:lnTo>
                      <a:pt x="441" y="144"/>
                    </a:lnTo>
                    <a:lnTo>
                      <a:pt x="443" y="144"/>
                    </a:lnTo>
                    <a:lnTo>
                      <a:pt x="443" y="145"/>
                    </a:lnTo>
                    <a:lnTo>
                      <a:pt x="443" y="155"/>
                    </a:lnTo>
                    <a:lnTo>
                      <a:pt x="441" y="164"/>
                    </a:lnTo>
                    <a:lnTo>
                      <a:pt x="441" y="172"/>
                    </a:lnTo>
                    <a:lnTo>
                      <a:pt x="440" y="179"/>
                    </a:lnTo>
                    <a:lnTo>
                      <a:pt x="438" y="184"/>
                    </a:lnTo>
                    <a:lnTo>
                      <a:pt x="438" y="189"/>
                    </a:lnTo>
                    <a:lnTo>
                      <a:pt x="436" y="194"/>
                    </a:lnTo>
                    <a:lnTo>
                      <a:pt x="436" y="198"/>
                    </a:lnTo>
                    <a:lnTo>
                      <a:pt x="435" y="201"/>
                    </a:lnTo>
                    <a:lnTo>
                      <a:pt x="435" y="203"/>
                    </a:lnTo>
                    <a:lnTo>
                      <a:pt x="435" y="204"/>
                    </a:lnTo>
                    <a:lnTo>
                      <a:pt x="433" y="206"/>
                    </a:lnTo>
                    <a:lnTo>
                      <a:pt x="433" y="208"/>
                    </a:lnTo>
                    <a:lnTo>
                      <a:pt x="433" y="210"/>
                    </a:lnTo>
                    <a:lnTo>
                      <a:pt x="433" y="215"/>
                    </a:lnTo>
                    <a:lnTo>
                      <a:pt x="433" y="216"/>
                    </a:lnTo>
                    <a:lnTo>
                      <a:pt x="433" y="218"/>
                    </a:lnTo>
                    <a:lnTo>
                      <a:pt x="435" y="216"/>
                    </a:lnTo>
                    <a:lnTo>
                      <a:pt x="435" y="215"/>
                    </a:lnTo>
                    <a:lnTo>
                      <a:pt x="436" y="215"/>
                    </a:lnTo>
                    <a:lnTo>
                      <a:pt x="436" y="213"/>
                    </a:lnTo>
                    <a:lnTo>
                      <a:pt x="438" y="211"/>
                    </a:lnTo>
                    <a:lnTo>
                      <a:pt x="440" y="206"/>
                    </a:lnTo>
                    <a:lnTo>
                      <a:pt x="441" y="203"/>
                    </a:lnTo>
                    <a:lnTo>
                      <a:pt x="443" y="198"/>
                    </a:lnTo>
                    <a:lnTo>
                      <a:pt x="443" y="191"/>
                    </a:lnTo>
                    <a:lnTo>
                      <a:pt x="445" y="186"/>
                    </a:lnTo>
                    <a:lnTo>
                      <a:pt x="447" y="179"/>
                    </a:lnTo>
                    <a:lnTo>
                      <a:pt x="447" y="172"/>
                    </a:lnTo>
                    <a:lnTo>
                      <a:pt x="447" y="167"/>
                    </a:lnTo>
                    <a:lnTo>
                      <a:pt x="447" y="160"/>
                    </a:lnTo>
                    <a:lnTo>
                      <a:pt x="447" y="155"/>
                    </a:lnTo>
                    <a:lnTo>
                      <a:pt x="448" y="150"/>
                    </a:lnTo>
                    <a:lnTo>
                      <a:pt x="448" y="147"/>
                    </a:lnTo>
                    <a:lnTo>
                      <a:pt x="448" y="144"/>
                    </a:lnTo>
                    <a:lnTo>
                      <a:pt x="448" y="142"/>
                    </a:lnTo>
                    <a:lnTo>
                      <a:pt x="386" y="154"/>
                    </a:lnTo>
                    <a:lnTo>
                      <a:pt x="345" y="0"/>
                    </a:lnTo>
                    <a:lnTo>
                      <a:pt x="0" y="66"/>
                    </a:lnTo>
                    <a:lnTo>
                      <a:pt x="10" y="127"/>
                    </a:lnTo>
                    <a:lnTo>
                      <a:pt x="45" y="94"/>
                    </a:lnTo>
                    <a:lnTo>
                      <a:pt x="45" y="96"/>
                    </a:lnTo>
                    <a:lnTo>
                      <a:pt x="47" y="96"/>
                    </a:lnTo>
                    <a:lnTo>
                      <a:pt x="49" y="96"/>
                    </a:lnTo>
                    <a:lnTo>
                      <a:pt x="52" y="94"/>
                    </a:lnTo>
                    <a:lnTo>
                      <a:pt x="57" y="89"/>
                    </a:lnTo>
                    <a:lnTo>
                      <a:pt x="62" y="83"/>
                    </a:lnTo>
                    <a:lnTo>
                      <a:pt x="69" y="71"/>
                    </a:lnTo>
                    <a:lnTo>
                      <a:pt x="71" y="71"/>
                    </a:lnTo>
                    <a:lnTo>
                      <a:pt x="74" y="72"/>
                    </a:lnTo>
                    <a:lnTo>
                      <a:pt x="79" y="74"/>
                    </a:lnTo>
                    <a:lnTo>
                      <a:pt x="84" y="74"/>
                    </a:lnTo>
                    <a:lnTo>
                      <a:pt x="89" y="74"/>
                    </a:lnTo>
                    <a:lnTo>
                      <a:pt x="96" y="72"/>
                    </a:lnTo>
                    <a:lnTo>
                      <a:pt x="101" y="67"/>
                    </a:lnTo>
                    <a:lnTo>
                      <a:pt x="106" y="61"/>
                    </a:lnTo>
                    <a:lnTo>
                      <a:pt x="108" y="59"/>
                    </a:lnTo>
                    <a:lnTo>
                      <a:pt x="108" y="57"/>
                    </a:lnTo>
                    <a:lnTo>
                      <a:pt x="111" y="54"/>
                    </a:lnTo>
                    <a:lnTo>
                      <a:pt x="115" y="52"/>
                    </a:lnTo>
                    <a:lnTo>
                      <a:pt x="120" y="50"/>
                    </a:lnTo>
                    <a:lnTo>
                      <a:pt x="125" y="50"/>
                    </a:lnTo>
                    <a:lnTo>
                      <a:pt x="133" y="52"/>
                    </a:lnTo>
                    <a:lnTo>
                      <a:pt x="144" y="56"/>
                    </a:lnTo>
                    <a:lnTo>
                      <a:pt x="145" y="56"/>
                    </a:lnTo>
                    <a:lnTo>
                      <a:pt x="147" y="56"/>
                    </a:lnTo>
                    <a:lnTo>
                      <a:pt x="149" y="56"/>
                    </a:lnTo>
                    <a:lnTo>
                      <a:pt x="150" y="56"/>
                    </a:lnTo>
                    <a:lnTo>
                      <a:pt x="154" y="56"/>
                    </a:lnTo>
                    <a:lnTo>
                      <a:pt x="155" y="56"/>
                    </a:lnTo>
                    <a:lnTo>
                      <a:pt x="157" y="56"/>
                    </a:lnTo>
                    <a:lnTo>
                      <a:pt x="159" y="62"/>
                    </a:lnTo>
                    <a:lnTo>
                      <a:pt x="161" y="64"/>
                    </a:lnTo>
                    <a:lnTo>
                      <a:pt x="164" y="66"/>
                    </a:lnTo>
                    <a:lnTo>
                      <a:pt x="167" y="69"/>
                    </a:lnTo>
                    <a:lnTo>
                      <a:pt x="171" y="72"/>
                    </a:lnTo>
                    <a:lnTo>
                      <a:pt x="174" y="78"/>
                    </a:lnTo>
                    <a:lnTo>
                      <a:pt x="176" y="83"/>
                    </a:lnTo>
                    <a:lnTo>
                      <a:pt x="176" y="88"/>
                    </a:lnTo>
                    <a:lnTo>
                      <a:pt x="172" y="93"/>
                    </a:lnTo>
                    <a:lnTo>
                      <a:pt x="174" y="91"/>
                    </a:lnTo>
                    <a:lnTo>
                      <a:pt x="176" y="89"/>
                    </a:lnTo>
                    <a:lnTo>
                      <a:pt x="179" y="89"/>
                    </a:lnTo>
                    <a:lnTo>
                      <a:pt x="184" y="88"/>
                    </a:lnTo>
                    <a:lnTo>
                      <a:pt x="188" y="86"/>
                    </a:lnTo>
                    <a:lnTo>
                      <a:pt x="193" y="86"/>
                    </a:lnTo>
                    <a:lnTo>
                      <a:pt x="196" y="89"/>
                    </a:lnTo>
                    <a:lnTo>
                      <a:pt x="199" y="93"/>
                    </a:lnTo>
                    <a:lnTo>
                      <a:pt x="199" y="94"/>
                    </a:lnTo>
                    <a:lnTo>
                      <a:pt x="198" y="98"/>
                    </a:lnTo>
                    <a:lnTo>
                      <a:pt x="198" y="100"/>
                    </a:lnTo>
                    <a:lnTo>
                      <a:pt x="198" y="103"/>
                    </a:lnTo>
                    <a:lnTo>
                      <a:pt x="198" y="108"/>
                    </a:lnTo>
                    <a:lnTo>
                      <a:pt x="203" y="110"/>
                    </a:lnTo>
                    <a:lnTo>
                      <a:pt x="210" y="113"/>
                    </a:lnTo>
                    <a:lnTo>
                      <a:pt x="221" y="113"/>
                    </a:lnTo>
                    <a:lnTo>
                      <a:pt x="223" y="113"/>
                    </a:lnTo>
                    <a:lnTo>
                      <a:pt x="227" y="115"/>
                    </a:lnTo>
                    <a:lnTo>
                      <a:pt x="228" y="115"/>
                    </a:lnTo>
                    <a:lnTo>
                      <a:pt x="230" y="116"/>
                    </a:lnTo>
                    <a:lnTo>
                      <a:pt x="233" y="118"/>
                    </a:lnTo>
                    <a:lnTo>
                      <a:pt x="237" y="120"/>
                    </a:lnTo>
                    <a:lnTo>
                      <a:pt x="240" y="122"/>
                    </a:lnTo>
                    <a:lnTo>
                      <a:pt x="247" y="11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213" name="Group 76"/>
            <p:cNvGrpSpPr>
              <a:grpSpLocks/>
            </p:cNvGrpSpPr>
            <p:nvPr/>
          </p:nvGrpSpPr>
          <p:grpSpPr bwMode="auto">
            <a:xfrm>
              <a:off x="311" y="3378"/>
              <a:ext cx="744" cy="497"/>
              <a:chOff x="439" y="3034"/>
              <a:chExt cx="765" cy="512"/>
            </a:xfrm>
          </p:grpSpPr>
          <p:sp>
            <p:nvSpPr>
              <p:cNvPr id="290" name="Freeform 77"/>
              <p:cNvSpPr>
                <a:spLocks/>
              </p:cNvSpPr>
              <p:nvPr/>
            </p:nvSpPr>
            <p:spPr bwMode="auto">
              <a:xfrm>
                <a:off x="659" y="3034"/>
                <a:ext cx="545" cy="452"/>
              </a:xfrm>
              <a:custGeom>
                <a:avLst/>
                <a:gdLst>
                  <a:gd name="T0" fmla="*/ 543 w 545"/>
                  <a:gd name="T1" fmla="*/ 329 h 452"/>
                  <a:gd name="T2" fmla="*/ 514 w 545"/>
                  <a:gd name="T3" fmla="*/ 312 h 452"/>
                  <a:gd name="T4" fmla="*/ 381 w 545"/>
                  <a:gd name="T5" fmla="*/ 266 h 452"/>
                  <a:gd name="T6" fmla="*/ 347 w 545"/>
                  <a:gd name="T7" fmla="*/ 266 h 452"/>
                  <a:gd name="T8" fmla="*/ 232 w 545"/>
                  <a:gd name="T9" fmla="*/ 17 h 452"/>
                  <a:gd name="T10" fmla="*/ 193 w 545"/>
                  <a:gd name="T11" fmla="*/ 16 h 452"/>
                  <a:gd name="T12" fmla="*/ 173 w 545"/>
                  <a:gd name="T13" fmla="*/ 17 h 452"/>
                  <a:gd name="T14" fmla="*/ 147 w 545"/>
                  <a:gd name="T15" fmla="*/ 9 h 452"/>
                  <a:gd name="T16" fmla="*/ 108 w 545"/>
                  <a:gd name="T17" fmla="*/ 11 h 452"/>
                  <a:gd name="T18" fmla="*/ 86 w 545"/>
                  <a:gd name="T19" fmla="*/ 22 h 452"/>
                  <a:gd name="T20" fmla="*/ 59 w 545"/>
                  <a:gd name="T21" fmla="*/ 46 h 452"/>
                  <a:gd name="T22" fmla="*/ 30 w 545"/>
                  <a:gd name="T23" fmla="*/ 83 h 452"/>
                  <a:gd name="T24" fmla="*/ 63 w 545"/>
                  <a:gd name="T25" fmla="*/ 116 h 452"/>
                  <a:gd name="T26" fmla="*/ 63 w 545"/>
                  <a:gd name="T27" fmla="*/ 122 h 452"/>
                  <a:gd name="T28" fmla="*/ 27 w 545"/>
                  <a:gd name="T29" fmla="*/ 134 h 452"/>
                  <a:gd name="T30" fmla="*/ 8 w 545"/>
                  <a:gd name="T31" fmla="*/ 139 h 452"/>
                  <a:gd name="T32" fmla="*/ 7 w 545"/>
                  <a:gd name="T33" fmla="*/ 165 h 452"/>
                  <a:gd name="T34" fmla="*/ 29 w 545"/>
                  <a:gd name="T35" fmla="*/ 183 h 452"/>
                  <a:gd name="T36" fmla="*/ 78 w 545"/>
                  <a:gd name="T37" fmla="*/ 175 h 452"/>
                  <a:gd name="T38" fmla="*/ 79 w 545"/>
                  <a:gd name="T39" fmla="*/ 205 h 452"/>
                  <a:gd name="T40" fmla="*/ 51 w 545"/>
                  <a:gd name="T41" fmla="*/ 226 h 452"/>
                  <a:gd name="T42" fmla="*/ 30 w 545"/>
                  <a:gd name="T43" fmla="*/ 232 h 452"/>
                  <a:gd name="T44" fmla="*/ 20 w 545"/>
                  <a:gd name="T45" fmla="*/ 248 h 452"/>
                  <a:gd name="T46" fmla="*/ 8 w 545"/>
                  <a:gd name="T47" fmla="*/ 266 h 452"/>
                  <a:gd name="T48" fmla="*/ 20 w 545"/>
                  <a:gd name="T49" fmla="*/ 278 h 452"/>
                  <a:gd name="T50" fmla="*/ 29 w 545"/>
                  <a:gd name="T51" fmla="*/ 303 h 452"/>
                  <a:gd name="T52" fmla="*/ 52 w 545"/>
                  <a:gd name="T53" fmla="*/ 314 h 452"/>
                  <a:gd name="T54" fmla="*/ 61 w 545"/>
                  <a:gd name="T55" fmla="*/ 312 h 452"/>
                  <a:gd name="T56" fmla="*/ 66 w 545"/>
                  <a:gd name="T57" fmla="*/ 336 h 452"/>
                  <a:gd name="T58" fmla="*/ 78 w 545"/>
                  <a:gd name="T59" fmla="*/ 341 h 452"/>
                  <a:gd name="T60" fmla="*/ 91 w 545"/>
                  <a:gd name="T61" fmla="*/ 339 h 452"/>
                  <a:gd name="T62" fmla="*/ 103 w 545"/>
                  <a:gd name="T63" fmla="*/ 352 h 452"/>
                  <a:gd name="T64" fmla="*/ 127 w 545"/>
                  <a:gd name="T65" fmla="*/ 342 h 452"/>
                  <a:gd name="T66" fmla="*/ 127 w 545"/>
                  <a:gd name="T67" fmla="*/ 352 h 452"/>
                  <a:gd name="T68" fmla="*/ 112 w 545"/>
                  <a:gd name="T69" fmla="*/ 391 h 452"/>
                  <a:gd name="T70" fmla="*/ 88 w 545"/>
                  <a:gd name="T71" fmla="*/ 412 h 452"/>
                  <a:gd name="T72" fmla="*/ 78 w 545"/>
                  <a:gd name="T73" fmla="*/ 430 h 452"/>
                  <a:gd name="T74" fmla="*/ 63 w 545"/>
                  <a:gd name="T75" fmla="*/ 425 h 452"/>
                  <a:gd name="T76" fmla="*/ 52 w 545"/>
                  <a:gd name="T77" fmla="*/ 446 h 452"/>
                  <a:gd name="T78" fmla="*/ 68 w 545"/>
                  <a:gd name="T79" fmla="*/ 437 h 452"/>
                  <a:gd name="T80" fmla="*/ 96 w 545"/>
                  <a:gd name="T81" fmla="*/ 434 h 452"/>
                  <a:gd name="T82" fmla="*/ 113 w 545"/>
                  <a:gd name="T83" fmla="*/ 415 h 452"/>
                  <a:gd name="T84" fmla="*/ 144 w 545"/>
                  <a:gd name="T85" fmla="*/ 381 h 452"/>
                  <a:gd name="T86" fmla="*/ 183 w 545"/>
                  <a:gd name="T87" fmla="*/ 339 h 452"/>
                  <a:gd name="T88" fmla="*/ 174 w 545"/>
                  <a:gd name="T89" fmla="*/ 322 h 452"/>
                  <a:gd name="T90" fmla="*/ 220 w 545"/>
                  <a:gd name="T91" fmla="*/ 264 h 452"/>
                  <a:gd name="T92" fmla="*/ 210 w 545"/>
                  <a:gd name="T93" fmla="*/ 298 h 452"/>
                  <a:gd name="T94" fmla="*/ 210 w 545"/>
                  <a:gd name="T95" fmla="*/ 317 h 452"/>
                  <a:gd name="T96" fmla="*/ 237 w 545"/>
                  <a:gd name="T97" fmla="*/ 300 h 452"/>
                  <a:gd name="T98" fmla="*/ 247 w 545"/>
                  <a:gd name="T99" fmla="*/ 286 h 452"/>
                  <a:gd name="T100" fmla="*/ 286 w 545"/>
                  <a:gd name="T101" fmla="*/ 278 h 452"/>
                  <a:gd name="T102" fmla="*/ 357 w 545"/>
                  <a:gd name="T103" fmla="*/ 276 h 452"/>
                  <a:gd name="T104" fmla="*/ 374 w 545"/>
                  <a:gd name="T105" fmla="*/ 280 h 452"/>
                  <a:gd name="T106" fmla="*/ 418 w 545"/>
                  <a:gd name="T107" fmla="*/ 295 h 452"/>
                  <a:gd name="T108" fmla="*/ 425 w 545"/>
                  <a:gd name="T109" fmla="*/ 278 h 452"/>
                  <a:gd name="T110" fmla="*/ 430 w 545"/>
                  <a:gd name="T111" fmla="*/ 264 h 452"/>
                  <a:gd name="T112" fmla="*/ 472 w 545"/>
                  <a:gd name="T113" fmla="*/ 300 h 452"/>
                  <a:gd name="T114" fmla="*/ 509 w 545"/>
                  <a:gd name="T115" fmla="*/ 322 h 452"/>
                  <a:gd name="T116" fmla="*/ 521 w 545"/>
                  <a:gd name="T117" fmla="*/ 322 h 452"/>
                  <a:gd name="T118" fmla="*/ 541 w 545"/>
                  <a:gd name="T119" fmla="*/ 349 h 452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w 545"/>
                  <a:gd name="T181" fmla="*/ 0 h 452"/>
                  <a:gd name="T182" fmla="*/ 545 w 545"/>
                  <a:gd name="T183" fmla="*/ 452 h 452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T180" t="T181" r="T182" b="T183"/>
                <a:pathLst>
                  <a:path w="545" h="452">
                    <a:moveTo>
                      <a:pt x="541" y="349"/>
                    </a:moveTo>
                    <a:lnTo>
                      <a:pt x="541" y="349"/>
                    </a:lnTo>
                    <a:lnTo>
                      <a:pt x="541" y="347"/>
                    </a:lnTo>
                    <a:lnTo>
                      <a:pt x="543" y="346"/>
                    </a:lnTo>
                    <a:lnTo>
                      <a:pt x="543" y="344"/>
                    </a:lnTo>
                    <a:lnTo>
                      <a:pt x="545" y="341"/>
                    </a:lnTo>
                    <a:lnTo>
                      <a:pt x="545" y="339"/>
                    </a:lnTo>
                    <a:lnTo>
                      <a:pt x="545" y="336"/>
                    </a:lnTo>
                    <a:lnTo>
                      <a:pt x="545" y="332"/>
                    </a:lnTo>
                    <a:lnTo>
                      <a:pt x="543" y="329"/>
                    </a:lnTo>
                    <a:lnTo>
                      <a:pt x="541" y="325"/>
                    </a:lnTo>
                    <a:lnTo>
                      <a:pt x="538" y="320"/>
                    </a:lnTo>
                    <a:lnTo>
                      <a:pt x="535" y="317"/>
                    </a:lnTo>
                    <a:lnTo>
                      <a:pt x="533" y="315"/>
                    </a:lnTo>
                    <a:lnTo>
                      <a:pt x="530" y="315"/>
                    </a:lnTo>
                    <a:lnTo>
                      <a:pt x="526" y="314"/>
                    </a:lnTo>
                    <a:lnTo>
                      <a:pt x="523" y="314"/>
                    </a:lnTo>
                    <a:lnTo>
                      <a:pt x="519" y="314"/>
                    </a:lnTo>
                    <a:lnTo>
                      <a:pt x="516" y="312"/>
                    </a:lnTo>
                    <a:lnTo>
                      <a:pt x="514" y="312"/>
                    </a:lnTo>
                    <a:lnTo>
                      <a:pt x="506" y="310"/>
                    </a:lnTo>
                    <a:lnTo>
                      <a:pt x="452" y="271"/>
                    </a:lnTo>
                    <a:lnTo>
                      <a:pt x="435" y="259"/>
                    </a:lnTo>
                    <a:lnTo>
                      <a:pt x="421" y="251"/>
                    </a:lnTo>
                    <a:lnTo>
                      <a:pt x="413" y="263"/>
                    </a:lnTo>
                    <a:lnTo>
                      <a:pt x="413" y="271"/>
                    </a:lnTo>
                    <a:lnTo>
                      <a:pt x="403" y="280"/>
                    </a:lnTo>
                    <a:lnTo>
                      <a:pt x="381" y="266"/>
                    </a:lnTo>
                    <a:lnTo>
                      <a:pt x="379" y="264"/>
                    </a:lnTo>
                    <a:lnTo>
                      <a:pt x="377" y="261"/>
                    </a:lnTo>
                    <a:lnTo>
                      <a:pt x="374" y="259"/>
                    </a:lnTo>
                    <a:lnTo>
                      <a:pt x="369" y="258"/>
                    </a:lnTo>
                    <a:lnTo>
                      <a:pt x="365" y="258"/>
                    </a:lnTo>
                    <a:lnTo>
                      <a:pt x="360" y="259"/>
                    </a:lnTo>
                    <a:lnTo>
                      <a:pt x="355" y="263"/>
                    </a:lnTo>
                    <a:lnTo>
                      <a:pt x="354" y="264"/>
                    </a:lnTo>
                    <a:lnTo>
                      <a:pt x="350" y="264"/>
                    </a:lnTo>
                    <a:lnTo>
                      <a:pt x="347" y="266"/>
                    </a:lnTo>
                    <a:lnTo>
                      <a:pt x="345" y="266"/>
                    </a:lnTo>
                    <a:lnTo>
                      <a:pt x="271" y="17"/>
                    </a:lnTo>
                    <a:lnTo>
                      <a:pt x="269" y="17"/>
                    </a:lnTo>
                    <a:lnTo>
                      <a:pt x="266" y="16"/>
                    </a:lnTo>
                    <a:lnTo>
                      <a:pt x="261" y="14"/>
                    </a:lnTo>
                    <a:lnTo>
                      <a:pt x="255" y="12"/>
                    </a:lnTo>
                    <a:lnTo>
                      <a:pt x="249" y="11"/>
                    </a:lnTo>
                    <a:lnTo>
                      <a:pt x="244" y="12"/>
                    </a:lnTo>
                    <a:lnTo>
                      <a:pt x="237" y="14"/>
                    </a:lnTo>
                    <a:lnTo>
                      <a:pt x="232" y="17"/>
                    </a:lnTo>
                    <a:lnTo>
                      <a:pt x="230" y="17"/>
                    </a:lnTo>
                    <a:lnTo>
                      <a:pt x="225" y="17"/>
                    </a:lnTo>
                    <a:lnTo>
                      <a:pt x="218" y="17"/>
                    </a:lnTo>
                    <a:lnTo>
                      <a:pt x="211" y="17"/>
                    </a:lnTo>
                    <a:lnTo>
                      <a:pt x="205" y="17"/>
                    </a:lnTo>
                    <a:lnTo>
                      <a:pt x="200" y="17"/>
                    </a:lnTo>
                    <a:lnTo>
                      <a:pt x="195" y="16"/>
                    </a:lnTo>
                    <a:lnTo>
                      <a:pt x="193" y="16"/>
                    </a:lnTo>
                    <a:lnTo>
                      <a:pt x="191" y="16"/>
                    </a:lnTo>
                    <a:lnTo>
                      <a:pt x="189" y="16"/>
                    </a:lnTo>
                    <a:lnTo>
                      <a:pt x="188" y="16"/>
                    </a:lnTo>
                    <a:lnTo>
                      <a:pt x="184" y="16"/>
                    </a:lnTo>
                    <a:lnTo>
                      <a:pt x="183" y="16"/>
                    </a:lnTo>
                    <a:lnTo>
                      <a:pt x="181" y="16"/>
                    </a:lnTo>
                    <a:lnTo>
                      <a:pt x="179" y="16"/>
                    </a:lnTo>
                    <a:lnTo>
                      <a:pt x="176" y="17"/>
                    </a:lnTo>
                    <a:lnTo>
                      <a:pt x="173" y="17"/>
                    </a:lnTo>
                    <a:lnTo>
                      <a:pt x="169" y="17"/>
                    </a:lnTo>
                    <a:lnTo>
                      <a:pt x="166" y="16"/>
                    </a:lnTo>
                    <a:lnTo>
                      <a:pt x="162" y="12"/>
                    </a:lnTo>
                    <a:lnTo>
                      <a:pt x="157" y="7"/>
                    </a:lnTo>
                    <a:lnTo>
                      <a:pt x="156" y="7"/>
                    </a:lnTo>
                    <a:lnTo>
                      <a:pt x="154" y="9"/>
                    </a:lnTo>
                    <a:lnTo>
                      <a:pt x="152" y="9"/>
                    </a:lnTo>
                    <a:lnTo>
                      <a:pt x="149" y="9"/>
                    </a:lnTo>
                    <a:lnTo>
                      <a:pt x="147" y="9"/>
                    </a:lnTo>
                    <a:lnTo>
                      <a:pt x="145" y="11"/>
                    </a:lnTo>
                    <a:lnTo>
                      <a:pt x="137" y="2"/>
                    </a:lnTo>
                    <a:lnTo>
                      <a:pt x="130" y="7"/>
                    </a:lnTo>
                    <a:lnTo>
                      <a:pt x="129" y="0"/>
                    </a:lnTo>
                    <a:lnTo>
                      <a:pt x="117" y="0"/>
                    </a:lnTo>
                    <a:lnTo>
                      <a:pt x="110" y="9"/>
                    </a:lnTo>
                    <a:lnTo>
                      <a:pt x="108" y="11"/>
                    </a:lnTo>
                    <a:lnTo>
                      <a:pt x="108" y="12"/>
                    </a:lnTo>
                    <a:lnTo>
                      <a:pt x="107" y="12"/>
                    </a:lnTo>
                    <a:lnTo>
                      <a:pt x="103" y="14"/>
                    </a:lnTo>
                    <a:lnTo>
                      <a:pt x="100" y="14"/>
                    </a:lnTo>
                    <a:lnTo>
                      <a:pt x="95" y="14"/>
                    </a:lnTo>
                    <a:lnTo>
                      <a:pt x="93" y="16"/>
                    </a:lnTo>
                    <a:lnTo>
                      <a:pt x="91" y="17"/>
                    </a:lnTo>
                    <a:lnTo>
                      <a:pt x="90" y="19"/>
                    </a:lnTo>
                    <a:lnTo>
                      <a:pt x="86" y="22"/>
                    </a:lnTo>
                    <a:lnTo>
                      <a:pt x="85" y="24"/>
                    </a:lnTo>
                    <a:lnTo>
                      <a:pt x="83" y="26"/>
                    </a:lnTo>
                    <a:lnTo>
                      <a:pt x="81" y="26"/>
                    </a:lnTo>
                    <a:lnTo>
                      <a:pt x="78" y="26"/>
                    </a:lnTo>
                    <a:lnTo>
                      <a:pt x="74" y="29"/>
                    </a:lnTo>
                    <a:lnTo>
                      <a:pt x="69" y="33"/>
                    </a:lnTo>
                    <a:lnTo>
                      <a:pt x="64" y="38"/>
                    </a:lnTo>
                    <a:lnTo>
                      <a:pt x="59" y="46"/>
                    </a:lnTo>
                    <a:lnTo>
                      <a:pt x="54" y="56"/>
                    </a:lnTo>
                    <a:lnTo>
                      <a:pt x="52" y="58"/>
                    </a:lnTo>
                    <a:lnTo>
                      <a:pt x="51" y="61"/>
                    </a:lnTo>
                    <a:lnTo>
                      <a:pt x="47" y="63"/>
                    </a:lnTo>
                    <a:lnTo>
                      <a:pt x="47" y="65"/>
                    </a:lnTo>
                    <a:lnTo>
                      <a:pt x="30" y="65"/>
                    </a:lnTo>
                    <a:lnTo>
                      <a:pt x="22" y="78"/>
                    </a:lnTo>
                    <a:lnTo>
                      <a:pt x="22" y="80"/>
                    </a:lnTo>
                    <a:lnTo>
                      <a:pt x="25" y="82"/>
                    </a:lnTo>
                    <a:lnTo>
                      <a:pt x="30" y="83"/>
                    </a:lnTo>
                    <a:lnTo>
                      <a:pt x="35" y="87"/>
                    </a:lnTo>
                    <a:lnTo>
                      <a:pt x="42" y="92"/>
                    </a:lnTo>
                    <a:lnTo>
                      <a:pt x="46" y="97"/>
                    </a:lnTo>
                    <a:lnTo>
                      <a:pt x="49" y="105"/>
                    </a:lnTo>
                    <a:lnTo>
                      <a:pt x="51" y="114"/>
                    </a:lnTo>
                    <a:lnTo>
                      <a:pt x="54" y="116"/>
                    </a:lnTo>
                    <a:lnTo>
                      <a:pt x="56" y="116"/>
                    </a:lnTo>
                    <a:lnTo>
                      <a:pt x="59" y="116"/>
                    </a:lnTo>
                    <a:lnTo>
                      <a:pt x="63" y="116"/>
                    </a:lnTo>
                    <a:lnTo>
                      <a:pt x="66" y="116"/>
                    </a:lnTo>
                    <a:lnTo>
                      <a:pt x="68" y="117"/>
                    </a:lnTo>
                    <a:lnTo>
                      <a:pt x="71" y="129"/>
                    </a:lnTo>
                    <a:lnTo>
                      <a:pt x="81" y="129"/>
                    </a:lnTo>
                    <a:lnTo>
                      <a:pt x="79" y="132"/>
                    </a:lnTo>
                    <a:lnTo>
                      <a:pt x="68" y="132"/>
                    </a:lnTo>
                    <a:lnTo>
                      <a:pt x="63" y="122"/>
                    </a:lnTo>
                    <a:lnTo>
                      <a:pt x="59" y="126"/>
                    </a:lnTo>
                    <a:lnTo>
                      <a:pt x="68" y="136"/>
                    </a:lnTo>
                    <a:lnTo>
                      <a:pt x="76" y="138"/>
                    </a:lnTo>
                    <a:lnTo>
                      <a:pt x="68" y="144"/>
                    </a:lnTo>
                    <a:lnTo>
                      <a:pt x="46" y="139"/>
                    </a:lnTo>
                    <a:lnTo>
                      <a:pt x="46" y="127"/>
                    </a:lnTo>
                    <a:lnTo>
                      <a:pt x="27" y="132"/>
                    </a:lnTo>
                    <a:lnTo>
                      <a:pt x="27" y="134"/>
                    </a:lnTo>
                    <a:lnTo>
                      <a:pt x="27" y="138"/>
                    </a:lnTo>
                    <a:lnTo>
                      <a:pt x="27" y="139"/>
                    </a:lnTo>
                    <a:lnTo>
                      <a:pt x="27" y="141"/>
                    </a:lnTo>
                    <a:lnTo>
                      <a:pt x="25" y="141"/>
                    </a:lnTo>
                    <a:lnTo>
                      <a:pt x="22" y="139"/>
                    </a:lnTo>
                    <a:lnTo>
                      <a:pt x="19" y="136"/>
                    </a:lnTo>
                    <a:lnTo>
                      <a:pt x="15" y="138"/>
                    </a:lnTo>
                    <a:lnTo>
                      <a:pt x="12" y="138"/>
                    </a:lnTo>
                    <a:lnTo>
                      <a:pt x="8" y="139"/>
                    </a:lnTo>
                    <a:lnTo>
                      <a:pt x="5" y="143"/>
                    </a:lnTo>
                    <a:lnTo>
                      <a:pt x="2" y="144"/>
                    </a:lnTo>
                    <a:lnTo>
                      <a:pt x="0" y="148"/>
                    </a:lnTo>
                    <a:lnTo>
                      <a:pt x="0" y="151"/>
                    </a:lnTo>
                    <a:lnTo>
                      <a:pt x="0" y="153"/>
                    </a:lnTo>
                    <a:lnTo>
                      <a:pt x="0" y="154"/>
                    </a:lnTo>
                    <a:lnTo>
                      <a:pt x="2" y="156"/>
                    </a:lnTo>
                    <a:lnTo>
                      <a:pt x="3" y="160"/>
                    </a:lnTo>
                    <a:lnTo>
                      <a:pt x="5" y="161"/>
                    </a:lnTo>
                    <a:lnTo>
                      <a:pt x="7" y="165"/>
                    </a:lnTo>
                    <a:lnTo>
                      <a:pt x="8" y="165"/>
                    </a:lnTo>
                    <a:lnTo>
                      <a:pt x="8" y="166"/>
                    </a:lnTo>
                    <a:lnTo>
                      <a:pt x="13" y="171"/>
                    </a:lnTo>
                    <a:lnTo>
                      <a:pt x="13" y="173"/>
                    </a:lnTo>
                    <a:lnTo>
                      <a:pt x="13" y="175"/>
                    </a:lnTo>
                    <a:lnTo>
                      <a:pt x="15" y="178"/>
                    </a:lnTo>
                    <a:lnTo>
                      <a:pt x="17" y="180"/>
                    </a:lnTo>
                    <a:lnTo>
                      <a:pt x="22" y="182"/>
                    </a:lnTo>
                    <a:lnTo>
                      <a:pt x="29" y="183"/>
                    </a:lnTo>
                    <a:lnTo>
                      <a:pt x="39" y="183"/>
                    </a:lnTo>
                    <a:lnTo>
                      <a:pt x="41" y="183"/>
                    </a:lnTo>
                    <a:lnTo>
                      <a:pt x="44" y="185"/>
                    </a:lnTo>
                    <a:lnTo>
                      <a:pt x="47" y="187"/>
                    </a:lnTo>
                    <a:lnTo>
                      <a:pt x="49" y="187"/>
                    </a:lnTo>
                    <a:lnTo>
                      <a:pt x="59" y="187"/>
                    </a:lnTo>
                    <a:lnTo>
                      <a:pt x="71" y="176"/>
                    </a:lnTo>
                    <a:lnTo>
                      <a:pt x="74" y="176"/>
                    </a:lnTo>
                    <a:lnTo>
                      <a:pt x="78" y="175"/>
                    </a:lnTo>
                    <a:lnTo>
                      <a:pt x="81" y="175"/>
                    </a:lnTo>
                    <a:lnTo>
                      <a:pt x="83" y="176"/>
                    </a:lnTo>
                    <a:lnTo>
                      <a:pt x="83" y="178"/>
                    </a:lnTo>
                    <a:lnTo>
                      <a:pt x="81" y="182"/>
                    </a:lnTo>
                    <a:lnTo>
                      <a:pt x="74" y="185"/>
                    </a:lnTo>
                    <a:lnTo>
                      <a:pt x="74" y="187"/>
                    </a:lnTo>
                    <a:lnTo>
                      <a:pt x="76" y="190"/>
                    </a:lnTo>
                    <a:lnTo>
                      <a:pt x="78" y="195"/>
                    </a:lnTo>
                    <a:lnTo>
                      <a:pt x="79" y="200"/>
                    </a:lnTo>
                    <a:lnTo>
                      <a:pt x="79" y="205"/>
                    </a:lnTo>
                    <a:lnTo>
                      <a:pt x="78" y="209"/>
                    </a:lnTo>
                    <a:lnTo>
                      <a:pt x="71" y="212"/>
                    </a:lnTo>
                    <a:lnTo>
                      <a:pt x="63" y="212"/>
                    </a:lnTo>
                    <a:lnTo>
                      <a:pt x="61" y="214"/>
                    </a:lnTo>
                    <a:lnTo>
                      <a:pt x="59" y="214"/>
                    </a:lnTo>
                    <a:lnTo>
                      <a:pt x="57" y="217"/>
                    </a:lnTo>
                    <a:lnTo>
                      <a:pt x="56" y="219"/>
                    </a:lnTo>
                    <a:lnTo>
                      <a:pt x="54" y="220"/>
                    </a:lnTo>
                    <a:lnTo>
                      <a:pt x="52" y="224"/>
                    </a:lnTo>
                    <a:lnTo>
                      <a:pt x="51" y="226"/>
                    </a:lnTo>
                    <a:lnTo>
                      <a:pt x="51" y="224"/>
                    </a:lnTo>
                    <a:lnTo>
                      <a:pt x="47" y="222"/>
                    </a:lnTo>
                    <a:lnTo>
                      <a:pt x="44" y="220"/>
                    </a:lnTo>
                    <a:lnTo>
                      <a:pt x="41" y="220"/>
                    </a:lnTo>
                    <a:lnTo>
                      <a:pt x="35" y="220"/>
                    </a:lnTo>
                    <a:lnTo>
                      <a:pt x="34" y="220"/>
                    </a:lnTo>
                    <a:lnTo>
                      <a:pt x="30" y="224"/>
                    </a:lnTo>
                    <a:lnTo>
                      <a:pt x="30" y="231"/>
                    </a:lnTo>
                    <a:lnTo>
                      <a:pt x="30" y="232"/>
                    </a:lnTo>
                    <a:lnTo>
                      <a:pt x="30" y="234"/>
                    </a:lnTo>
                    <a:lnTo>
                      <a:pt x="30" y="236"/>
                    </a:lnTo>
                    <a:lnTo>
                      <a:pt x="29" y="237"/>
                    </a:lnTo>
                    <a:lnTo>
                      <a:pt x="29" y="239"/>
                    </a:lnTo>
                    <a:lnTo>
                      <a:pt x="27" y="242"/>
                    </a:lnTo>
                    <a:lnTo>
                      <a:pt x="25" y="242"/>
                    </a:lnTo>
                    <a:lnTo>
                      <a:pt x="22" y="242"/>
                    </a:lnTo>
                    <a:lnTo>
                      <a:pt x="22" y="244"/>
                    </a:lnTo>
                    <a:lnTo>
                      <a:pt x="20" y="244"/>
                    </a:lnTo>
                    <a:lnTo>
                      <a:pt x="20" y="248"/>
                    </a:lnTo>
                    <a:lnTo>
                      <a:pt x="19" y="249"/>
                    </a:lnTo>
                    <a:lnTo>
                      <a:pt x="17" y="251"/>
                    </a:lnTo>
                    <a:lnTo>
                      <a:pt x="17" y="254"/>
                    </a:lnTo>
                    <a:lnTo>
                      <a:pt x="17" y="256"/>
                    </a:lnTo>
                    <a:lnTo>
                      <a:pt x="15" y="256"/>
                    </a:lnTo>
                    <a:lnTo>
                      <a:pt x="13" y="258"/>
                    </a:lnTo>
                    <a:lnTo>
                      <a:pt x="12" y="261"/>
                    </a:lnTo>
                    <a:lnTo>
                      <a:pt x="10" y="263"/>
                    </a:lnTo>
                    <a:lnTo>
                      <a:pt x="8" y="266"/>
                    </a:lnTo>
                    <a:lnTo>
                      <a:pt x="10" y="266"/>
                    </a:lnTo>
                    <a:lnTo>
                      <a:pt x="12" y="266"/>
                    </a:lnTo>
                    <a:lnTo>
                      <a:pt x="19" y="264"/>
                    </a:lnTo>
                    <a:lnTo>
                      <a:pt x="19" y="268"/>
                    </a:lnTo>
                    <a:lnTo>
                      <a:pt x="17" y="271"/>
                    </a:lnTo>
                    <a:lnTo>
                      <a:pt x="17" y="273"/>
                    </a:lnTo>
                    <a:lnTo>
                      <a:pt x="19" y="275"/>
                    </a:lnTo>
                    <a:lnTo>
                      <a:pt x="20" y="278"/>
                    </a:lnTo>
                    <a:lnTo>
                      <a:pt x="24" y="280"/>
                    </a:lnTo>
                    <a:lnTo>
                      <a:pt x="27" y="283"/>
                    </a:lnTo>
                    <a:lnTo>
                      <a:pt x="30" y="286"/>
                    </a:lnTo>
                    <a:lnTo>
                      <a:pt x="35" y="288"/>
                    </a:lnTo>
                    <a:lnTo>
                      <a:pt x="41" y="288"/>
                    </a:lnTo>
                    <a:lnTo>
                      <a:pt x="39" y="290"/>
                    </a:lnTo>
                    <a:lnTo>
                      <a:pt x="37" y="292"/>
                    </a:lnTo>
                    <a:lnTo>
                      <a:pt x="34" y="295"/>
                    </a:lnTo>
                    <a:lnTo>
                      <a:pt x="30" y="300"/>
                    </a:lnTo>
                    <a:lnTo>
                      <a:pt x="29" y="303"/>
                    </a:lnTo>
                    <a:lnTo>
                      <a:pt x="27" y="307"/>
                    </a:lnTo>
                    <a:lnTo>
                      <a:pt x="29" y="308"/>
                    </a:lnTo>
                    <a:lnTo>
                      <a:pt x="32" y="310"/>
                    </a:lnTo>
                    <a:lnTo>
                      <a:pt x="34" y="310"/>
                    </a:lnTo>
                    <a:lnTo>
                      <a:pt x="35" y="314"/>
                    </a:lnTo>
                    <a:lnTo>
                      <a:pt x="37" y="317"/>
                    </a:lnTo>
                    <a:lnTo>
                      <a:pt x="41" y="319"/>
                    </a:lnTo>
                    <a:lnTo>
                      <a:pt x="44" y="320"/>
                    </a:lnTo>
                    <a:lnTo>
                      <a:pt x="47" y="319"/>
                    </a:lnTo>
                    <a:lnTo>
                      <a:pt x="52" y="314"/>
                    </a:lnTo>
                    <a:lnTo>
                      <a:pt x="56" y="305"/>
                    </a:lnTo>
                    <a:lnTo>
                      <a:pt x="57" y="303"/>
                    </a:lnTo>
                    <a:lnTo>
                      <a:pt x="59" y="300"/>
                    </a:lnTo>
                    <a:lnTo>
                      <a:pt x="59" y="298"/>
                    </a:lnTo>
                    <a:lnTo>
                      <a:pt x="59" y="300"/>
                    </a:lnTo>
                    <a:lnTo>
                      <a:pt x="59" y="302"/>
                    </a:lnTo>
                    <a:lnTo>
                      <a:pt x="59" y="305"/>
                    </a:lnTo>
                    <a:lnTo>
                      <a:pt x="59" y="308"/>
                    </a:lnTo>
                    <a:lnTo>
                      <a:pt x="61" y="312"/>
                    </a:lnTo>
                    <a:lnTo>
                      <a:pt x="63" y="315"/>
                    </a:lnTo>
                    <a:lnTo>
                      <a:pt x="64" y="319"/>
                    </a:lnTo>
                    <a:lnTo>
                      <a:pt x="68" y="322"/>
                    </a:lnTo>
                    <a:lnTo>
                      <a:pt x="69" y="322"/>
                    </a:lnTo>
                    <a:lnTo>
                      <a:pt x="69" y="324"/>
                    </a:lnTo>
                    <a:lnTo>
                      <a:pt x="69" y="327"/>
                    </a:lnTo>
                    <a:lnTo>
                      <a:pt x="68" y="329"/>
                    </a:lnTo>
                    <a:lnTo>
                      <a:pt x="68" y="332"/>
                    </a:lnTo>
                    <a:lnTo>
                      <a:pt x="66" y="334"/>
                    </a:lnTo>
                    <a:lnTo>
                      <a:pt x="66" y="336"/>
                    </a:lnTo>
                    <a:lnTo>
                      <a:pt x="64" y="346"/>
                    </a:lnTo>
                    <a:lnTo>
                      <a:pt x="64" y="347"/>
                    </a:lnTo>
                    <a:lnTo>
                      <a:pt x="66" y="351"/>
                    </a:lnTo>
                    <a:lnTo>
                      <a:pt x="66" y="352"/>
                    </a:lnTo>
                    <a:lnTo>
                      <a:pt x="68" y="352"/>
                    </a:lnTo>
                    <a:lnTo>
                      <a:pt x="69" y="352"/>
                    </a:lnTo>
                    <a:lnTo>
                      <a:pt x="73" y="349"/>
                    </a:lnTo>
                    <a:lnTo>
                      <a:pt x="78" y="341"/>
                    </a:lnTo>
                    <a:lnTo>
                      <a:pt x="79" y="341"/>
                    </a:lnTo>
                    <a:lnTo>
                      <a:pt x="79" y="339"/>
                    </a:lnTo>
                    <a:lnTo>
                      <a:pt x="79" y="336"/>
                    </a:lnTo>
                    <a:lnTo>
                      <a:pt x="81" y="334"/>
                    </a:lnTo>
                    <a:lnTo>
                      <a:pt x="83" y="336"/>
                    </a:lnTo>
                    <a:lnTo>
                      <a:pt x="86" y="337"/>
                    </a:lnTo>
                    <a:lnTo>
                      <a:pt x="90" y="341"/>
                    </a:lnTo>
                    <a:lnTo>
                      <a:pt x="91" y="341"/>
                    </a:lnTo>
                    <a:lnTo>
                      <a:pt x="91" y="339"/>
                    </a:lnTo>
                    <a:lnTo>
                      <a:pt x="91" y="337"/>
                    </a:lnTo>
                    <a:lnTo>
                      <a:pt x="93" y="336"/>
                    </a:lnTo>
                    <a:lnTo>
                      <a:pt x="93" y="334"/>
                    </a:lnTo>
                    <a:lnTo>
                      <a:pt x="95" y="336"/>
                    </a:lnTo>
                    <a:lnTo>
                      <a:pt x="96" y="337"/>
                    </a:lnTo>
                    <a:lnTo>
                      <a:pt x="98" y="344"/>
                    </a:lnTo>
                    <a:lnTo>
                      <a:pt x="100" y="346"/>
                    </a:lnTo>
                    <a:lnTo>
                      <a:pt x="100" y="347"/>
                    </a:lnTo>
                    <a:lnTo>
                      <a:pt x="101" y="351"/>
                    </a:lnTo>
                    <a:lnTo>
                      <a:pt x="103" y="352"/>
                    </a:lnTo>
                    <a:lnTo>
                      <a:pt x="105" y="354"/>
                    </a:lnTo>
                    <a:lnTo>
                      <a:pt x="107" y="352"/>
                    </a:lnTo>
                    <a:lnTo>
                      <a:pt x="108" y="351"/>
                    </a:lnTo>
                    <a:lnTo>
                      <a:pt x="108" y="344"/>
                    </a:lnTo>
                    <a:lnTo>
                      <a:pt x="110" y="344"/>
                    </a:lnTo>
                    <a:lnTo>
                      <a:pt x="113" y="346"/>
                    </a:lnTo>
                    <a:lnTo>
                      <a:pt x="117" y="346"/>
                    </a:lnTo>
                    <a:lnTo>
                      <a:pt x="122" y="346"/>
                    </a:lnTo>
                    <a:lnTo>
                      <a:pt x="127" y="342"/>
                    </a:lnTo>
                    <a:lnTo>
                      <a:pt x="132" y="337"/>
                    </a:lnTo>
                    <a:lnTo>
                      <a:pt x="139" y="329"/>
                    </a:lnTo>
                    <a:lnTo>
                      <a:pt x="137" y="332"/>
                    </a:lnTo>
                    <a:lnTo>
                      <a:pt x="135" y="336"/>
                    </a:lnTo>
                    <a:lnTo>
                      <a:pt x="134" y="341"/>
                    </a:lnTo>
                    <a:lnTo>
                      <a:pt x="130" y="344"/>
                    </a:lnTo>
                    <a:lnTo>
                      <a:pt x="130" y="347"/>
                    </a:lnTo>
                    <a:lnTo>
                      <a:pt x="129" y="351"/>
                    </a:lnTo>
                    <a:lnTo>
                      <a:pt x="127" y="352"/>
                    </a:lnTo>
                    <a:lnTo>
                      <a:pt x="127" y="358"/>
                    </a:lnTo>
                    <a:lnTo>
                      <a:pt x="125" y="364"/>
                    </a:lnTo>
                    <a:lnTo>
                      <a:pt x="125" y="371"/>
                    </a:lnTo>
                    <a:lnTo>
                      <a:pt x="122" y="378"/>
                    </a:lnTo>
                    <a:lnTo>
                      <a:pt x="120" y="383"/>
                    </a:lnTo>
                    <a:lnTo>
                      <a:pt x="117" y="388"/>
                    </a:lnTo>
                    <a:lnTo>
                      <a:pt x="112" y="390"/>
                    </a:lnTo>
                    <a:lnTo>
                      <a:pt x="112" y="391"/>
                    </a:lnTo>
                    <a:lnTo>
                      <a:pt x="113" y="391"/>
                    </a:lnTo>
                    <a:lnTo>
                      <a:pt x="113" y="393"/>
                    </a:lnTo>
                    <a:lnTo>
                      <a:pt x="112" y="396"/>
                    </a:lnTo>
                    <a:lnTo>
                      <a:pt x="110" y="398"/>
                    </a:lnTo>
                    <a:lnTo>
                      <a:pt x="107" y="402"/>
                    </a:lnTo>
                    <a:lnTo>
                      <a:pt x="100" y="405"/>
                    </a:lnTo>
                    <a:lnTo>
                      <a:pt x="96" y="407"/>
                    </a:lnTo>
                    <a:lnTo>
                      <a:pt x="91" y="408"/>
                    </a:lnTo>
                    <a:lnTo>
                      <a:pt x="88" y="412"/>
                    </a:lnTo>
                    <a:lnTo>
                      <a:pt x="85" y="413"/>
                    </a:lnTo>
                    <a:lnTo>
                      <a:pt x="83" y="418"/>
                    </a:lnTo>
                    <a:lnTo>
                      <a:pt x="83" y="422"/>
                    </a:lnTo>
                    <a:lnTo>
                      <a:pt x="85" y="425"/>
                    </a:lnTo>
                    <a:lnTo>
                      <a:pt x="85" y="427"/>
                    </a:lnTo>
                    <a:lnTo>
                      <a:pt x="85" y="429"/>
                    </a:lnTo>
                    <a:lnTo>
                      <a:pt x="83" y="430"/>
                    </a:lnTo>
                    <a:lnTo>
                      <a:pt x="81" y="430"/>
                    </a:lnTo>
                    <a:lnTo>
                      <a:pt x="79" y="432"/>
                    </a:lnTo>
                    <a:lnTo>
                      <a:pt x="78" y="430"/>
                    </a:lnTo>
                    <a:lnTo>
                      <a:pt x="76" y="429"/>
                    </a:lnTo>
                    <a:lnTo>
                      <a:pt x="76" y="424"/>
                    </a:lnTo>
                    <a:lnTo>
                      <a:pt x="74" y="424"/>
                    </a:lnTo>
                    <a:lnTo>
                      <a:pt x="71" y="424"/>
                    </a:lnTo>
                    <a:lnTo>
                      <a:pt x="69" y="424"/>
                    </a:lnTo>
                    <a:lnTo>
                      <a:pt x="68" y="425"/>
                    </a:lnTo>
                    <a:lnTo>
                      <a:pt x="64" y="425"/>
                    </a:lnTo>
                    <a:lnTo>
                      <a:pt x="63" y="425"/>
                    </a:lnTo>
                    <a:lnTo>
                      <a:pt x="46" y="442"/>
                    </a:lnTo>
                    <a:lnTo>
                      <a:pt x="44" y="442"/>
                    </a:lnTo>
                    <a:lnTo>
                      <a:pt x="44" y="444"/>
                    </a:lnTo>
                    <a:lnTo>
                      <a:pt x="42" y="447"/>
                    </a:lnTo>
                    <a:lnTo>
                      <a:pt x="41" y="449"/>
                    </a:lnTo>
                    <a:lnTo>
                      <a:pt x="41" y="452"/>
                    </a:lnTo>
                    <a:lnTo>
                      <a:pt x="42" y="452"/>
                    </a:lnTo>
                    <a:lnTo>
                      <a:pt x="44" y="451"/>
                    </a:lnTo>
                    <a:lnTo>
                      <a:pt x="51" y="447"/>
                    </a:lnTo>
                    <a:lnTo>
                      <a:pt x="52" y="446"/>
                    </a:lnTo>
                    <a:lnTo>
                      <a:pt x="56" y="444"/>
                    </a:lnTo>
                    <a:lnTo>
                      <a:pt x="57" y="440"/>
                    </a:lnTo>
                    <a:lnTo>
                      <a:pt x="61" y="439"/>
                    </a:lnTo>
                    <a:lnTo>
                      <a:pt x="64" y="435"/>
                    </a:lnTo>
                    <a:lnTo>
                      <a:pt x="66" y="434"/>
                    </a:lnTo>
                    <a:lnTo>
                      <a:pt x="68" y="432"/>
                    </a:lnTo>
                    <a:lnTo>
                      <a:pt x="68" y="434"/>
                    </a:lnTo>
                    <a:lnTo>
                      <a:pt x="68" y="437"/>
                    </a:lnTo>
                    <a:lnTo>
                      <a:pt x="68" y="439"/>
                    </a:lnTo>
                    <a:lnTo>
                      <a:pt x="69" y="440"/>
                    </a:lnTo>
                    <a:lnTo>
                      <a:pt x="73" y="440"/>
                    </a:lnTo>
                    <a:lnTo>
                      <a:pt x="78" y="439"/>
                    </a:lnTo>
                    <a:lnTo>
                      <a:pt x="86" y="434"/>
                    </a:lnTo>
                    <a:lnTo>
                      <a:pt x="88" y="430"/>
                    </a:lnTo>
                    <a:lnTo>
                      <a:pt x="90" y="429"/>
                    </a:lnTo>
                    <a:lnTo>
                      <a:pt x="91" y="429"/>
                    </a:lnTo>
                    <a:lnTo>
                      <a:pt x="95" y="434"/>
                    </a:lnTo>
                    <a:lnTo>
                      <a:pt x="96" y="434"/>
                    </a:lnTo>
                    <a:lnTo>
                      <a:pt x="96" y="432"/>
                    </a:lnTo>
                    <a:lnTo>
                      <a:pt x="96" y="430"/>
                    </a:lnTo>
                    <a:lnTo>
                      <a:pt x="98" y="427"/>
                    </a:lnTo>
                    <a:lnTo>
                      <a:pt x="101" y="424"/>
                    </a:lnTo>
                    <a:lnTo>
                      <a:pt x="105" y="422"/>
                    </a:lnTo>
                    <a:lnTo>
                      <a:pt x="110" y="420"/>
                    </a:lnTo>
                    <a:lnTo>
                      <a:pt x="117" y="420"/>
                    </a:lnTo>
                    <a:lnTo>
                      <a:pt x="117" y="418"/>
                    </a:lnTo>
                    <a:lnTo>
                      <a:pt x="115" y="418"/>
                    </a:lnTo>
                    <a:lnTo>
                      <a:pt x="113" y="415"/>
                    </a:lnTo>
                    <a:lnTo>
                      <a:pt x="113" y="413"/>
                    </a:lnTo>
                    <a:lnTo>
                      <a:pt x="115" y="408"/>
                    </a:lnTo>
                    <a:lnTo>
                      <a:pt x="120" y="405"/>
                    </a:lnTo>
                    <a:lnTo>
                      <a:pt x="127" y="398"/>
                    </a:lnTo>
                    <a:lnTo>
                      <a:pt x="139" y="391"/>
                    </a:lnTo>
                    <a:lnTo>
                      <a:pt x="140" y="391"/>
                    </a:lnTo>
                    <a:lnTo>
                      <a:pt x="139" y="390"/>
                    </a:lnTo>
                    <a:lnTo>
                      <a:pt x="139" y="388"/>
                    </a:lnTo>
                    <a:lnTo>
                      <a:pt x="140" y="385"/>
                    </a:lnTo>
                    <a:lnTo>
                      <a:pt x="144" y="381"/>
                    </a:lnTo>
                    <a:lnTo>
                      <a:pt x="151" y="374"/>
                    </a:lnTo>
                    <a:lnTo>
                      <a:pt x="161" y="366"/>
                    </a:lnTo>
                    <a:lnTo>
                      <a:pt x="174" y="354"/>
                    </a:lnTo>
                    <a:lnTo>
                      <a:pt x="176" y="352"/>
                    </a:lnTo>
                    <a:lnTo>
                      <a:pt x="178" y="347"/>
                    </a:lnTo>
                    <a:lnTo>
                      <a:pt x="178" y="344"/>
                    </a:lnTo>
                    <a:lnTo>
                      <a:pt x="179" y="342"/>
                    </a:lnTo>
                    <a:lnTo>
                      <a:pt x="181" y="341"/>
                    </a:lnTo>
                    <a:lnTo>
                      <a:pt x="183" y="339"/>
                    </a:lnTo>
                    <a:lnTo>
                      <a:pt x="183" y="337"/>
                    </a:lnTo>
                    <a:lnTo>
                      <a:pt x="184" y="336"/>
                    </a:lnTo>
                    <a:lnTo>
                      <a:pt x="183" y="332"/>
                    </a:lnTo>
                    <a:lnTo>
                      <a:pt x="181" y="330"/>
                    </a:lnTo>
                    <a:lnTo>
                      <a:pt x="174" y="330"/>
                    </a:lnTo>
                    <a:lnTo>
                      <a:pt x="173" y="330"/>
                    </a:lnTo>
                    <a:lnTo>
                      <a:pt x="173" y="329"/>
                    </a:lnTo>
                    <a:lnTo>
                      <a:pt x="173" y="327"/>
                    </a:lnTo>
                    <a:lnTo>
                      <a:pt x="174" y="322"/>
                    </a:lnTo>
                    <a:lnTo>
                      <a:pt x="178" y="317"/>
                    </a:lnTo>
                    <a:lnTo>
                      <a:pt x="183" y="310"/>
                    </a:lnTo>
                    <a:lnTo>
                      <a:pt x="191" y="302"/>
                    </a:lnTo>
                    <a:lnTo>
                      <a:pt x="193" y="298"/>
                    </a:lnTo>
                    <a:lnTo>
                      <a:pt x="195" y="293"/>
                    </a:lnTo>
                    <a:lnTo>
                      <a:pt x="196" y="285"/>
                    </a:lnTo>
                    <a:lnTo>
                      <a:pt x="200" y="276"/>
                    </a:lnTo>
                    <a:lnTo>
                      <a:pt x="205" y="268"/>
                    </a:lnTo>
                    <a:lnTo>
                      <a:pt x="211" y="264"/>
                    </a:lnTo>
                    <a:lnTo>
                      <a:pt x="220" y="264"/>
                    </a:lnTo>
                    <a:lnTo>
                      <a:pt x="230" y="271"/>
                    </a:lnTo>
                    <a:lnTo>
                      <a:pt x="228" y="271"/>
                    </a:lnTo>
                    <a:lnTo>
                      <a:pt x="225" y="271"/>
                    </a:lnTo>
                    <a:lnTo>
                      <a:pt x="220" y="273"/>
                    </a:lnTo>
                    <a:lnTo>
                      <a:pt x="213" y="273"/>
                    </a:lnTo>
                    <a:lnTo>
                      <a:pt x="210" y="276"/>
                    </a:lnTo>
                    <a:lnTo>
                      <a:pt x="206" y="281"/>
                    </a:lnTo>
                    <a:lnTo>
                      <a:pt x="206" y="288"/>
                    </a:lnTo>
                    <a:lnTo>
                      <a:pt x="210" y="297"/>
                    </a:lnTo>
                    <a:lnTo>
                      <a:pt x="210" y="298"/>
                    </a:lnTo>
                    <a:lnTo>
                      <a:pt x="208" y="302"/>
                    </a:lnTo>
                    <a:lnTo>
                      <a:pt x="205" y="305"/>
                    </a:lnTo>
                    <a:lnTo>
                      <a:pt x="203" y="308"/>
                    </a:lnTo>
                    <a:lnTo>
                      <a:pt x="203" y="310"/>
                    </a:lnTo>
                    <a:lnTo>
                      <a:pt x="205" y="312"/>
                    </a:lnTo>
                    <a:lnTo>
                      <a:pt x="208" y="310"/>
                    </a:lnTo>
                    <a:lnTo>
                      <a:pt x="215" y="307"/>
                    </a:lnTo>
                    <a:lnTo>
                      <a:pt x="213" y="308"/>
                    </a:lnTo>
                    <a:lnTo>
                      <a:pt x="211" y="312"/>
                    </a:lnTo>
                    <a:lnTo>
                      <a:pt x="210" y="317"/>
                    </a:lnTo>
                    <a:lnTo>
                      <a:pt x="208" y="320"/>
                    </a:lnTo>
                    <a:lnTo>
                      <a:pt x="208" y="324"/>
                    </a:lnTo>
                    <a:lnTo>
                      <a:pt x="210" y="322"/>
                    </a:lnTo>
                    <a:lnTo>
                      <a:pt x="217" y="319"/>
                    </a:lnTo>
                    <a:lnTo>
                      <a:pt x="227" y="308"/>
                    </a:lnTo>
                    <a:lnTo>
                      <a:pt x="227" y="307"/>
                    </a:lnTo>
                    <a:lnTo>
                      <a:pt x="230" y="305"/>
                    </a:lnTo>
                    <a:lnTo>
                      <a:pt x="232" y="303"/>
                    </a:lnTo>
                    <a:lnTo>
                      <a:pt x="233" y="302"/>
                    </a:lnTo>
                    <a:lnTo>
                      <a:pt x="237" y="300"/>
                    </a:lnTo>
                    <a:lnTo>
                      <a:pt x="239" y="298"/>
                    </a:lnTo>
                    <a:lnTo>
                      <a:pt x="240" y="297"/>
                    </a:lnTo>
                    <a:lnTo>
                      <a:pt x="242" y="297"/>
                    </a:lnTo>
                    <a:lnTo>
                      <a:pt x="244" y="297"/>
                    </a:lnTo>
                    <a:lnTo>
                      <a:pt x="245" y="295"/>
                    </a:lnTo>
                    <a:lnTo>
                      <a:pt x="247" y="293"/>
                    </a:lnTo>
                    <a:lnTo>
                      <a:pt x="249" y="290"/>
                    </a:lnTo>
                    <a:lnTo>
                      <a:pt x="247" y="286"/>
                    </a:lnTo>
                    <a:lnTo>
                      <a:pt x="245" y="281"/>
                    </a:lnTo>
                    <a:lnTo>
                      <a:pt x="245" y="280"/>
                    </a:lnTo>
                    <a:lnTo>
                      <a:pt x="244" y="276"/>
                    </a:lnTo>
                    <a:lnTo>
                      <a:pt x="242" y="273"/>
                    </a:lnTo>
                    <a:lnTo>
                      <a:pt x="240" y="271"/>
                    </a:lnTo>
                    <a:lnTo>
                      <a:pt x="250" y="264"/>
                    </a:lnTo>
                    <a:lnTo>
                      <a:pt x="255" y="268"/>
                    </a:lnTo>
                    <a:lnTo>
                      <a:pt x="266" y="263"/>
                    </a:lnTo>
                    <a:lnTo>
                      <a:pt x="281" y="271"/>
                    </a:lnTo>
                    <a:lnTo>
                      <a:pt x="286" y="278"/>
                    </a:lnTo>
                    <a:lnTo>
                      <a:pt x="293" y="270"/>
                    </a:lnTo>
                    <a:lnTo>
                      <a:pt x="303" y="286"/>
                    </a:lnTo>
                    <a:lnTo>
                      <a:pt x="305" y="285"/>
                    </a:lnTo>
                    <a:lnTo>
                      <a:pt x="310" y="281"/>
                    </a:lnTo>
                    <a:lnTo>
                      <a:pt x="315" y="278"/>
                    </a:lnTo>
                    <a:lnTo>
                      <a:pt x="323" y="276"/>
                    </a:lnTo>
                    <a:lnTo>
                      <a:pt x="333" y="275"/>
                    </a:lnTo>
                    <a:lnTo>
                      <a:pt x="343" y="275"/>
                    </a:lnTo>
                    <a:lnTo>
                      <a:pt x="357" y="276"/>
                    </a:lnTo>
                    <a:lnTo>
                      <a:pt x="359" y="276"/>
                    </a:lnTo>
                    <a:lnTo>
                      <a:pt x="360" y="275"/>
                    </a:lnTo>
                    <a:lnTo>
                      <a:pt x="362" y="273"/>
                    </a:lnTo>
                    <a:lnTo>
                      <a:pt x="364" y="271"/>
                    </a:lnTo>
                    <a:lnTo>
                      <a:pt x="365" y="271"/>
                    </a:lnTo>
                    <a:lnTo>
                      <a:pt x="369" y="271"/>
                    </a:lnTo>
                    <a:lnTo>
                      <a:pt x="371" y="275"/>
                    </a:lnTo>
                    <a:lnTo>
                      <a:pt x="371" y="278"/>
                    </a:lnTo>
                    <a:lnTo>
                      <a:pt x="371" y="280"/>
                    </a:lnTo>
                    <a:lnTo>
                      <a:pt x="374" y="280"/>
                    </a:lnTo>
                    <a:lnTo>
                      <a:pt x="377" y="281"/>
                    </a:lnTo>
                    <a:lnTo>
                      <a:pt x="381" y="281"/>
                    </a:lnTo>
                    <a:lnTo>
                      <a:pt x="384" y="281"/>
                    </a:lnTo>
                    <a:lnTo>
                      <a:pt x="387" y="283"/>
                    </a:lnTo>
                    <a:lnTo>
                      <a:pt x="389" y="283"/>
                    </a:lnTo>
                    <a:lnTo>
                      <a:pt x="391" y="283"/>
                    </a:lnTo>
                    <a:lnTo>
                      <a:pt x="411" y="295"/>
                    </a:lnTo>
                    <a:lnTo>
                      <a:pt x="413" y="295"/>
                    </a:lnTo>
                    <a:lnTo>
                      <a:pt x="415" y="295"/>
                    </a:lnTo>
                    <a:lnTo>
                      <a:pt x="418" y="295"/>
                    </a:lnTo>
                    <a:lnTo>
                      <a:pt x="421" y="295"/>
                    </a:lnTo>
                    <a:lnTo>
                      <a:pt x="425" y="295"/>
                    </a:lnTo>
                    <a:lnTo>
                      <a:pt x="425" y="292"/>
                    </a:lnTo>
                    <a:lnTo>
                      <a:pt x="423" y="288"/>
                    </a:lnTo>
                    <a:lnTo>
                      <a:pt x="416" y="280"/>
                    </a:lnTo>
                    <a:lnTo>
                      <a:pt x="418" y="280"/>
                    </a:lnTo>
                    <a:lnTo>
                      <a:pt x="420" y="278"/>
                    </a:lnTo>
                    <a:lnTo>
                      <a:pt x="423" y="276"/>
                    </a:lnTo>
                    <a:lnTo>
                      <a:pt x="425" y="278"/>
                    </a:lnTo>
                    <a:lnTo>
                      <a:pt x="428" y="280"/>
                    </a:lnTo>
                    <a:lnTo>
                      <a:pt x="431" y="283"/>
                    </a:lnTo>
                    <a:lnTo>
                      <a:pt x="435" y="286"/>
                    </a:lnTo>
                    <a:lnTo>
                      <a:pt x="438" y="288"/>
                    </a:lnTo>
                    <a:lnTo>
                      <a:pt x="438" y="286"/>
                    </a:lnTo>
                    <a:lnTo>
                      <a:pt x="435" y="281"/>
                    </a:lnTo>
                    <a:lnTo>
                      <a:pt x="430" y="271"/>
                    </a:lnTo>
                    <a:lnTo>
                      <a:pt x="428" y="270"/>
                    </a:lnTo>
                    <a:lnTo>
                      <a:pt x="430" y="266"/>
                    </a:lnTo>
                    <a:lnTo>
                      <a:pt x="430" y="264"/>
                    </a:lnTo>
                    <a:lnTo>
                      <a:pt x="431" y="264"/>
                    </a:lnTo>
                    <a:lnTo>
                      <a:pt x="445" y="283"/>
                    </a:lnTo>
                    <a:lnTo>
                      <a:pt x="455" y="280"/>
                    </a:lnTo>
                    <a:lnTo>
                      <a:pt x="455" y="281"/>
                    </a:lnTo>
                    <a:lnTo>
                      <a:pt x="457" y="281"/>
                    </a:lnTo>
                    <a:lnTo>
                      <a:pt x="460" y="283"/>
                    </a:lnTo>
                    <a:lnTo>
                      <a:pt x="462" y="286"/>
                    </a:lnTo>
                    <a:lnTo>
                      <a:pt x="465" y="290"/>
                    </a:lnTo>
                    <a:lnTo>
                      <a:pt x="469" y="295"/>
                    </a:lnTo>
                    <a:lnTo>
                      <a:pt x="472" y="300"/>
                    </a:lnTo>
                    <a:lnTo>
                      <a:pt x="475" y="305"/>
                    </a:lnTo>
                    <a:lnTo>
                      <a:pt x="479" y="312"/>
                    </a:lnTo>
                    <a:lnTo>
                      <a:pt x="482" y="314"/>
                    </a:lnTo>
                    <a:lnTo>
                      <a:pt x="484" y="314"/>
                    </a:lnTo>
                    <a:lnTo>
                      <a:pt x="486" y="312"/>
                    </a:lnTo>
                    <a:lnTo>
                      <a:pt x="487" y="310"/>
                    </a:lnTo>
                    <a:lnTo>
                      <a:pt x="487" y="308"/>
                    </a:lnTo>
                    <a:lnTo>
                      <a:pt x="487" y="307"/>
                    </a:lnTo>
                    <a:lnTo>
                      <a:pt x="509" y="322"/>
                    </a:lnTo>
                    <a:lnTo>
                      <a:pt x="508" y="325"/>
                    </a:lnTo>
                    <a:lnTo>
                      <a:pt x="508" y="327"/>
                    </a:lnTo>
                    <a:lnTo>
                      <a:pt x="508" y="330"/>
                    </a:lnTo>
                    <a:lnTo>
                      <a:pt x="508" y="332"/>
                    </a:lnTo>
                    <a:lnTo>
                      <a:pt x="509" y="332"/>
                    </a:lnTo>
                    <a:lnTo>
                      <a:pt x="514" y="329"/>
                    </a:lnTo>
                    <a:lnTo>
                      <a:pt x="519" y="324"/>
                    </a:lnTo>
                    <a:lnTo>
                      <a:pt x="521" y="322"/>
                    </a:lnTo>
                    <a:lnTo>
                      <a:pt x="523" y="322"/>
                    </a:lnTo>
                    <a:lnTo>
                      <a:pt x="525" y="324"/>
                    </a:lnTo>
                    <a:lnTo>
                      <a:pt x="528" y="325"/>
                    </a:lnTo>
                    <a:lnTo>
                      <a:pt x="531" y="330"/>
                    </a:lnTo>
                    <a:lnTo>
                      <a:pt x="535" y="339"/>
                    </a:lnTo>
                    <a:lnTo>
                      <a:pt x="536" y="341"/>
                    </a:lnTo>
                    <a:lnTo>
                      <a:pt x="538" y="344"/>
                    </a:lnTo>
                    <a:lnTo>
                      <a:pt x="540" y="347"/>
                    </a:lnTo>
                    <a:lnTo>
                      <a:pt x="541" y="349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91" name="Freeform 78"/>
              <p:cNvSpPr>
                <a:spLocks/>
              </p:cNvSpPr>
              <p:nvPr/>
            </p:nvSpPr>
            <p:spPr bwMode="auto">
              <a:xfrm>
                <a:off x="659" y="3034"/>
                <a:ext cx="545" cy="452"/>
              </a:xfrm>
              <a:custGeom>
                <a:avLst/>
                <a:gdLst>
                  <a:gd name="T0" fmla="*/ 545 w 545"/>
                  <a:gd name="T1" fmla="*/ 332 h 452"/>
                  <a:gd name="T2" fmla="*/ 516 w 545"/>
                  <a:gd name="T3" fmla="*/ 312 h 452"/>
                  <a:gd name="T4" fmla="*/ 381 w 545"/>
                  <a:gd name="T5" fmla="*/ 266 h 452"/>
                  <a:gd name="T6" fmla="*/ 350 w 545"/>
                  <a:gd name="T7" fmla="*/ 264 h 452"/>
                  <a:gd name="T8" fmla="*/ 237 w 545"/>
                  <a:gd name="T9" fmla="*/ 14 h 452"/>
                  <a:gd name="T10" fmla="*/ 195 w 545"/>
                  <a:gd name="T11" fmla="*/ 16 h 452"/>
                  <a:gd name="T12" fmla="*/ 179 w 545"/>
                  <a:gd name="T13" fmla="*/ 16 h 452"/>
                  <a:gd name="T14" fmla="*/ 152 w 545"/>
                  <a:gd name="T15" fmla="*/ 9 h 452"/>
                  <a:gd name="T16" fmla="*/ 110 w 545"/>
                  <a:gd name="T17" fmla="*/ 9 h 452"/>
                  <a:gd name="T18" fmla="*/ 91 w 545"/>
                  <a:gd name="T19" fmla="*/ 17 h 452"/>
                  <a:gd name="T20" fmla="*/ 69 w 545"/>
                  <a:gd name="T21" fmla="*/ 33 h 452"/>
                  <a:gd name="T22" fmla="*/ 22 w 545"/>
                  <a:gd name="T23" fmla="*/ 78 h 452"/>
                  <a:gd name="T24" fmla="*/ 54 w 545"/>
                  <a:gd name="T25" fmla="*/ 116 h 452"/>
                  <a:gd name="T26" fmla="*/ 68 w 545"/>
                  <a:gd name="T27" fmla="*/ 132 h 452"/>
                  <a:gd name="T28" fmla="*/ 27 w 545"/>
                  <a:gd name="T29" fmla="*/ 132 h 452"/>
                  <a:gd name="T30" fmla="*/ 15 w 545"/>
                  <a:gd name="T31" fmla="*/ 138 h 452"/>
                  <a:gd name="T32" fmla="*/ 3 w 545"/>
                  <a:gd name="T33" fmla="*/ 160 h 452"/>
                  <a:gd name="T34" fmla="*/ 17 w 545"/>
                  <a:gd name="T35" fmla="*/ 180 h 452"/>
                  <a:gd name="T36" fmla="*/ 71 w 545"/>
                  <a:gd name="T37" fmla="*/ 176 h 452"/>
                  <a:gd name="T38" fmla="*/ 76 w 545"/>
                  <a:gd name="T39" fmla="*/ 190 h 452"/>
                  <a:gd name="T40" fmla="*/ 56 w 545"/>
                  <a:gd name="T41" fmla="*/ 219 h 452"/>
                  <a:gd name="T42" fmla="*/ 34 w 545"/>
                  <a:gd name="T43" fmla="*/ 220 h 452"/>
                  <a:gd name="T44" fmla="*/ 22 w 545"/>
                  <a:gd name="T45" fmla="*/ 242 h 452"/>
                  <a:gd name="T46" fmla="*/ 15 w 545"/>
                  <a:gd name="T47" fmla="*/ 256 h 452"/>
                  <a:gd name="T48" fmla="*/ 17 w 545"/>
                  <a:gd name="T49" fmla="*/ 271 h 452"/>
                  <a:gd name="T50" fmla="*/ 41 w 545"/>
                  <a:gd name="T51" fmla="*/ 288 h 452"/>
                  <a:gd name="T52" fmla="*/ 35 w 545"/>
                  <a:gd name="T53" fmla="*/ 314 h 452"/>
                  <a:gd name="T54" fmla="*/ 59 w 545"/>
                  <a:gd name="T55" fmla="*/ 298 h 452"/>
                  <a:gd name="T56" fmla="*/ 69 w 545"/>
                  <a:gd name="T57" fmla="*/ 322 h 452"/>
                  <a:gd name="T58" fmla="*/ 64 w 545"/>
                  <a:gd name="T59" fmla="*/ 347 h 452"/>
                  <a:gd name="T60" fmla="*/ 79 w 545"/>
                  <a:gd name="T61" fmla="*/ 336 h 452"/>
                  <a:gd name="T62" fmla="*/ 95 w 545"/>
                  <a:gd name="T63" fmla="*/ 336 h 452"/>
                  <a:gd name="T64" fmla="*/ 108 w 545"/>
                  <a:gd name="T65" fmla="*/ 344 h 452"/>
                  <a:gd name="T66" fmla="*/ 139 w 545"/>
                  <a:gd name="T67" fmla="*/ 329 h 452"/>
                  <a:gd name="T68" fmla="*/ 125 w 545"/>
                  <a:gd name="T69" fmla="*/ 364 h 452"/>
                  <a:gd name="T70" fmla="*/ 112 w 545"/>
                  <a:gd name="T71" fmla="*/ 396 h 452"/>
                  <a:gd name="T72" fmla="*/ 83 w 545"/>
                  <a:gd name="T73" fmla="*/ 422 h 452"/>
                  <a:gd name="T74" fmla="*/ 76 w 545"/>
                  <a:gd name="T75" fmla="*/ 424 h 452"/>
                  <a:gd name="T76" fmla="*/ 44 w 545"/>
                  <a:gd name="T77" fmla="*/ 442 h 452"/>
                  <a:gd name="T78" fmla="*/ 57 w 545"/>
                  <a:gd name="T79" fmla="*/ 440 h 452"/>
                  <a:gd name="T80" fmla="*/ 69 w 545"/>
                  <a:gd name="T81" fmla="*/ 440 h 452"/>
                  <a:gd name="T82" fmla="*/ 96 w 545"/>
                  <a:gd name="T83" fmla="*/ 432 h 452"/>
                  <a:gd name="T84" fmla="*/ 113 w 545"/>
                  <a:gd name="T85" fmla="*/ 413 h 452"/>
                  <a:gd name="T86" fmla="*/ 151 w 545"/>
                  <a:gd name="T87" fmla="*/ 374 h 452"/>
                  <a:gd name="T88" fmla="*/ 183 w 545"/>
                  <a:gd name="T89" fmla="*/ 339 h 452"/>
                  <a:gd name="T90" fmla="*/ 174 w 545"/>
                  <a:gd name="T91" fmla="*/ 322 h 452"/>
                  <a:gd name="T92" fmla="*/ 220 w 545"/>
                  <a:gd name="T93" fmla="*/ 264 h 452"/>
                  <a:gd name="T94" fmla="*/ 210 w 545"/>
                  <a:gd name="T95" fmla="*/ 297 h 452"/>
                  <a:gd name="T96" fmla="*/ 211 w 545"/>
                  <a:gd name="T97" fmla="*/ 312 h 452"/>
                  <a:gd name="T98" fmla="*/ 233 w 545"/>
                  <a:gd name="T99" fmla="*/ 302 h 452"/>
                  <a:gd name="T100" fmla="*/ 249 w 545"/>
                  <a:gd name="T101" fmla="*/ 290 h 452"/>
                  <a:gd name="T102" fmla="*/ 281 w 545"/>
                  <a:gd name="T103" fmla="*/ 271 h 452"/>
                  <a:gd name="T104" fmla="*/ 343 w 545"/>
                  <a:gd name="T105" fmla="*/ 275 h 452"/>
                  <a:gd name="T106" fmla="*/ 371 w 545"/>
                  <a:gd name="T107" fmla="*/ 278 h 452"/>
                  <a:gd name="T108" fmla="*/ 413 w 545"/>
                  <a:gd name="T109" fmla="*/ 295 h 452"/>
                  <a:gd name="T110" fmla="*/ 423 w 545"/>
                  <a:gd name="T111" fmla="*/ 276 h 452"/>
                  <a:gd name="T112" fmla="*/ 430 w 545"/>
                  <a:gd name="T113" fmla="*/ 271 h 452"/>
                  <a:gd name="T114" fmla="*/ 462 w 545"/>
                  <a:gd name="T115" fmla="*/ 286 h 452"/>
                  <a:gd name="T116" fmla="*/ 487 w 545"/>
                  <a:gd name="T117" fmla="*/ 310 h 452"/>
                  <a:gd name="T118" fmla="*/ 514 w 545"/>
                  <a:gd name="T119" fmla="*/ 329 h 452"/>
                  <a:gd name="T120" fmla="*/ 535 w 545"/>
                  <a:gd name="T121" fmla="*/ 339 h 452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w 545"/>
                  <a:gd name="T184" fmla="*/ 0 h 452"/>
                  <a:gd name="T185" fmla="*/ 545 w 545"/>
                  <a:gd name="T186" fmla="*/ 452 h 452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T183" t="T184" r="T185" b="T186"/>
                <a:pathLst>
                  <a:path w="545" h="452">
                    <a:moveTo>
                      <a:pt x="541" y="349"/>
                    </a:moveTo>
                    <a:lnTo>
                      <a:pt x="541" y="349"/>
                    </a:lnTo>
                    <a:lnTo>
                      <a:pt x="541" y="347"/>
                    </a:lnTo>
                    <a:lnTo>
                      <a:pt x="543" y="346"/>
                    </a:lnTo>
                    <a:lnTo>
                      <a:pt x="543" y="344"/>
                    </a:lnTo>
                    <a:lnTo>
                      <a:pt x="545" y="341"/>
                    </a:lnTo>
                    <a:lnTo>
                      <a:pt x="545" y="339"/>
                    </a:lnTo>
                    <a:lnTo>
                      <a:pt x="545" y="336"/>
                    </a:lnTo>
                    <a:lnTo>
                      <a:pt x="545" y="332"/>
                    </a:lnTo>
                    <a:lnTo>
                      <a:pt x="543" y="329"/>
                    </a:lnTo>
                    <a:lnTo>
                      <a:pt x="541" y="325"/>
                    </a:lnTo>
                    <a:lnTo>
                      <a:pt x="538" y="320"/>
                    </a:lnTo>
                    <a:lnTo>
                      <a:pt x="535" y="317"/>
                    </a:lnTo>
                    <a:lnTo>
                      <a:pt x="533" y="315"/>
                    </a:lnTo>
                    <a:lnTo>
                      <a:pt x="530" y="315"/>
                    </a:lnTo>
                    <a:lnTo>
                      <a:pt x="526" y="314"/>
                    </a:lnTo>
                    <a:lnTo>
                      <a:pt x="523" y="314"/>
                    </a:lnTo>
                    <a:lnTo>
                      <a:pt x="519" y="314"/>
                    </a:lnTo>
                    <a:lnTo>
                      <a:pt x="516" y="312"/>
                    </a:lnTo>
                    <a:lnTo>
                      <a:pt x="514" y="312"/>
                    </a:lnTo>
                    <a:lnTo>
                      <a:pt x="506" y="310"/>
                    </a:lnTo>
                    <a:lnTo>
                      <a:pt x="452" y="271"/>
                    </a:lnTo>
                    <a:lnTo>
                      <a:pt x="435" y="259"/>
                    </a:lnTo>
                    <a:lnTo>
                      <a:pt x="421" y="251"/>
                    </a:lnTo>
                    <a:lnTo>
                      <a:pt x="413" y="263"/>
                    </a:lnTo>
                    <a:lnTo>
                      <a:pt x="413" y="271"/>
                    </a:lnTo>
                    <a:lnTo>
                      <a:pt x="403" y="280"/>
                    </a:lnTo>
                    <a:lnTo>
                      <a:pt x="381" y="266"/>
                    </a:lnTo>
                    <a:lnTo>
                      <a:pt x="379" y="264"/>
                    </a:lnTo>
                    <a:lnTo>
                      <a:pt x="377" y="261"/>
                    </a:lnTo>
                    <a:lnTo>
                      <a:pt x="374" y="259"/>
                    </a:lnTo>
                    <a:lnTo>
                      <a:pt x="369" y="258"/>
                    </a:lnTo>
                    <a:lnTo>
                      <a:pt x="365" y="258"/>
                    </a:lnTo>
                    <a:lnTo>
                      <a:pt x="360" y="259"/>
                    </a:lnTo>
                    <a:lnTo>
                      <a:pt x="355" y="263"/>
                    </a:lnTo>
                    <a:lnTo>
                      <a:pt x="354" y="264"/>
                    </a:lnTo>
                    <a:lnTo>
                      <a:pt x="350" y="264"/>
                    </a:lnTo>
                    <a:lnTo>
                      <a:pt x="347" y="266"/>
                    </a:lnTo>
                    <a:lnTo>
                      <a:pt x="345" y="266"/>
                    </a:lnTo>
                    <a:lnTo>
                      <a:pt x="271" y="17"/>
                    </a:lnTo>
                    <a:lnTo>
                      <a:pt x="269" y="17"/>
                    </a:lnTo>
                    <a:lnTo>
                      <a:pt x="266" y="16"/>
                    </a:lnTo>
                    <a:lnTo>
                      <a:pt x="261" y="14"/>
                    </a:lnTo>
                    <a:lnTo>
                      <a:pt x="255" y="12"/>
                    </a:lnTo>
                    <a:lnTo>
                      <a:pt x="249" y="11"/>
                    </a:lnTo>
                    <a:lnTo>
                      <a:pt x="244" y="12"/>
                    </a:lnTo>
                    <a:lnTo>
                      <a:pt x="237" y="14"/>
                    </a:lnTo>
                    <a:lnTo>
                      <a:pt x="232" y="17"/>
                    </a:lnTo>
                    <a:lnTo>
                      <a:pt x="230" y="17"/>
                    </a:lnTo>
                    <a:lnTo>
                      <a:pt x="225" y="17"/>
                    </a:lnTo>
                    <a:lnTo>
                      <a:pt x="218" y="17"/>
                    </a:lnTo>
                    <a:lnTo>
                      <a:pt x="211" y="17"/>
                    </a:lnTo>
                    <a:lnTo>
                      <a:pt x="205" y="17"/>
                    </a:lnTo>
                    <a:lnTo>
                      <a:pt x="200" y="17"/>
                    </a:lnTo>
                    <a:lnTo>
                      <a:pt x="195" y="16"/>
                    </a:lnTo>
                    <a:lnTo>
                      <a:pt x="193" y="16"/>
                    </a:lnTo>
                    <a:lnTo>
                      <a:pt x="191" y="16"/>
                    </a:lnTo>
                    <a:lnTo>
                      <a:pt x="189" y="16"/>
                    </a:lnTo>
                    <a:lnTo>
                      <a:pt x="188" y="16"/>
                    </a:lnTo>
                    <a:lnTo>
                      <a:pt x="184" y="16"/>
                    </a:lnTo>
                    <a:lnTo>
                      <a:pt x="183" y="16"/>
                    </a:lnTo>
                    <a:lnTo>
                      <a:pt x="181" y="16"/>
                    </a:lnTo>
                    <a:lnTo>
                      <a:pt x="179" y="16"/>
                    </a:lnTo>
                    <a:lnTo>
                      <a:pt x="176" y="17"/>
                    </a:lnTo>
                    <a:lnTo>
                      <a:pt x="173" y="17"/>
                    </a:lnTo>
                    <a:lnTo>
                      <a:pt x="169" y="17"/>
                    </a:lnTo>
                    <a:lnTo>
                      <a:pt x="166" y="16"/>
                    </a:lnTo>
                    <a:lnTo>
                      <a:pt x="162" y="12"/>
                    </a:lnTo>
                    <a:lnTo>
                      <a:pt x="157" y="7"/>
                    </a:lnTo>
                    <a:lnTo>
                      <a:pt x="156" y="7"/>
                    </a:lnTo>
                    <a:lnTo>
                      <a:pt x="154" y="9"/>
                    </a:lnTo>
                    <a:lnTo>
                      <a:pt x="152" y="9"/>
                    </a:lnTo>
                    <a:lnTo>
                      <a:pt x="149" y="9"/>
                    </a:lnTo>
                    <a:lnTo>
                      <a:pt x="147" y="9"/>
                    </a:lnTo>
                    <a:lnTo>
                      <a:pt x="145" y="11"/>
                    </a:lnTo>
                    <a:lnTo>
                      <a:pt x="137" y="2"/>
                    </a:lnTo>
                    <a:lnTo>
                      <a:pt x="130" y="7"/>
                    </a:lnTo>
                    <a:lnTo>
                      <a:pt x="129" y="0"/>
                    </a:lnTo>
                    <a:lnTo>
                      <a:pt x="117" y="0"/>
                    </a:lnTo>
                    <a:lnTo>
                      <a:pt x="110" y="9"/>
                    </a:lnTo>
                    <a:lnTo>
                      <a:pt x="108" y="11"/>
                    </a:lnTo>
                    <a:lnTo>
                      <a:pt x="108" y="12"/>
                    </a:lnTo>
                    <a:lnTo>
                      <a:pt x="107" y="12"/>
                    </a:lnTo>
                    <a:lnTo>
                      <a:pt x="103" y="14"/>
                    </a:lnTo>
                    <a:lnTo>
                      <a:pt x="100" y="14"/>
                    </a:lnTo>
                    <a:lnTo>
                      <a:pt x="95" y="14"/>
                    </a:lnTo>
                    <a:lnTo>
                      <a:pt x="93" y="16"/>
                    </a:lnTo>
                    <a:lnTo>
                      <a:pt x="91" y="17"/>
                    </a:lnTo>
                    <a:lnTo>
                      <a:pt x="90" y="19"/>
                    </a:lnTo>
                    <a:lnTo>
                      <a:pt x="86" y="22"/>
                    </a:lnTo>
                    <a:lnTo>
                      <a:pt x="85" y="24"/>
                    </a:lnTo>
                    <a:lnTo>
                      <a:pt x="83" y="26"/>
                    </a:lnTo>
                    <a:lnTo>
                      <a:pt x="81" y="26"/>
                    </a:lnTo>
                    <a:lnTo>
                      <a:pt x="78" y="26"/>
                    </a:lnTo>
                    <a:lnTo>
                      <a:pt x="74" y="29"/>
                    </a:lnTo>
                    <a:lnTo>
                      <a:pt x="69" y="33"/>
                    </a:lnTo>
                    <a:lnTo>
                      <a:pt x="64" y="38"/>
                    </a:lnTo>
                    <a:lnTo>
                      <a:pt x="59" y="46"/>
                    </a:lnTo>
                    <a:lnTo>
                      <a:pt x="54" y="56"/>
                    </a:lnTo>
                    <a:lnTo>
                      <a:pt x="52" y="58"/>
                    </a:lnTo>
                    <a:lnTo>
                      <a:pt x="51" y="61"/>
                    </a:lnTo>
                    <a:lnTo>
                      <a:pt x="47" y="63"/>
                    </a:lnTo>
                    <a:lnTo>
                      <a:pt x="47" y="65"/>
                    </a:lnTo>
                    <a:lnTo>
                      <a:pt x="30" y="65"/>
                    </a:lnTo>
                    <a:lnTo>
                      <a:pt x="22" y="78"/>
                    </a:lnTo>
                    <a:lnTo>
                      <a:pt x="22" y="80"/>
                    </a:lnTo>
                    <a:lnTo>
                      <a:pt x="25" y="82"/>
                    </a:lnTo>
                    <a:lnTo>
                      <a:pt x="30" y="83"/>
                    </a:lnTo>
                    <a:lnTo>
                      <a:pt x="35" y="87"/>
                    </a:lnTo>
                    <a:lnTo>
                      <a:pt x="42" y="92"/>
                    </a:lnTo>
                    <a:lnTo>
                      <a:pt x="46" y="97"/>
                    </a:lnTo>
                    <a:lnTo>
                      <a:pt x="49" y="105"/>
                    </a:lnTo>
                    <a:lnTo>
                      <a:pt x="51" y="114"/>
                    </a:lnTo>
                    <a:lnTo>
                      <a:pt x="54" y="116"/>
                    </a:lnTo>
                    <a:lnTo>
                      <a:pt x="56" y="116"/>
                    </a:lnTo>
                    <a:lnTo>
                      <a:pt x="59" y="116"/>
                    </a:lnTo>
                    <a:lnTo>
                      <a:pt x="63" y="116"/>
                    </a:lnTo>
                    <a:lnTo>
                      <a:pt x="66" y="116"/>
                    </a:lnTo>
                    <a:lnTo>
                      <a:pt x="68" y="117"/>
                    </a:lnTo>
                    <a:lnTo>
                      <a:pt x="71" y="129"/>
                    </a:lnTo>
                    <a:lnTo>
                      <a:pt x="81" y="129"/>
                    </a:lnTo>
                    <a:lnTo>
                      <a:pt x="79" y="132"/>
                    </a:lnTo>
                    <a:lnTo>
                      <a:pt x="68" y="132"/>
                    </a:lnTo>
                    <a:lnTo>
                      <a:pt x="63" y="122"/>
                    </a:lnTo>
                    <a:lnTo>
                      <a:pt x="59" y="126"/>
                    </a:lnTo>
                    <a:lnTo>
                      <a:pt x="68" y="136"/>
                    </a:lnTo>
                    <a:lnTo>
                      <a:pt x="76" y="138"/>
                    </a:lnTo>
                    <a:lnTo>
                      <a:pt x="68" y="144"/>
                    </a:lnTo>
                    <a:lnTo>
                      <a:pt x="46" y="139"/>
                    </a:lnTo>
                    <a:lnTo>
                      <a:pt x="46" y="127"/>
                    </a:lnTo>
                    <a:lnTo>
                      <a:pt x="27" y="132"/>
                    </a:lnTo>
                    <a:lnTo>
                      <a:pt x="27" y="134"/>
                    </a:lnTo>
                    <a:lnTo>
                      <a:pt x="27" y="138"/>
                    </a:lnTo>
                    <a:lnTo>
                      <a:pt x="27" y="139"/>
                    </a:lnTo>
                    <a:lnTo>
                      <a:pt x="27" y="141"/>
                    </a:lnTo>
                    <a:lnTo>
                      <a:pt x="25" y="141"/>
                    </a:lnTo>
                    <a:lnTo>
                      <a:pt x="22" y="139"/>
                    </a:lnTo>
                    <a:lnTo>
                      <a:pt x="19" y="136"/>
                    </a:lnTo>
                    <a:lnTo>
                      <a:pt x="15" y="138"/>
                    </a:lnTo>
                    <a:lnTo>
                      <a:pt x="12" y="138"/>
                    </a:lnTo>
                    <a:lnTo>
                      <a:pt x="8" y="139"/>
                    </a:lnTo>
                    <a:lnTo>
                      <a:pt x="5" y="143"/>
                    </a:lnTo>
                    <a:lnTo>
                      <a:pt x="2" y="144"/>
                    </a:lnTo>
                    <a:lnTo>
                      <a:pt x="0" y="148"/>
                    </a:lnTo>
                    <a:lnTo>
                      <a:pt x="0" y="151"/>
                    </a:lnTo>
                    <a:lnTo>
                      <a:pt x="0" y="153"/>
                    </a:lnTo>
                    <a:lnTo>
                      <a:pt x="0" y="154"/>
                    </a:lnTo>
                    <a:lnTo>
                      <a:pt x="2" y="156"/>
                    </a:lnTo>
                    <a:lnTo>
                      <a:pt x="3" y="160"/>
                    </a:lnTo>
                    <a:lnTo>
                      <a:pt x="5" y="161"/>
                    </a:lnTo>
                    <a:lnTo>
                      <a:pt x="7" y="165"/>
                    </a:lnTo>
                    <a:lnTo>
                      <a:pt x="8" y="165"/>
                    </a:lnTo>
                    <a:lnTo>
                      <a:pt x="8" y="166"/>
                    </a:lnTo>
                    <a:lnTo>
                      <a:pt x="13" y="171"/>
                    </a:lnTo>
                    <a:lnTo>
                      <a:pt x="13" y="173"/>
                    </a:lnTo>
                    <a:lnTo>
                      <a:pt x="13" y="175"/>
                    </a:lnTo>
                    <a:lnTo>
                      <a:pt x="15" y="178"/>
                    </a:lnTo>
                    <a:lnTo>
                      <a:pt x="17" y="180"/>
                    </a:lnTo>
                    <a:lnTo>
                      <a:pt x="22" y="182"/>
                    </a:lnTo>
                    <a:lnTo>
                      <a:pt x="29" y="183"/>
                    </a:lnTo>
                    <a:lnTo>
                      <a:pt x="39" y="183"/>
                    </a:lnTo>
                    <a:lnTo>
                      <a:pt x="41" y="183"/>
                    </a:lnTo>
                    <a:lnTo>
                      <a:pt x="44" y="185"/>
                    </a:lnTo>
                    <a:lnTo>
                      <a:pt x="47" y="187"/>
                    </a:lnTo>
                    <a:lnTo>
                      <a:pt x="49" y="187"/>
                    </a:lnTo>
                    <a:lnTo>
                      <a:pt x="59" y="187"/>
                    </a:lnTo>
                    <a:lnTo>
                      <a:pt x="71" y="176"/>
                    </a:lnTo>
                    <a:lnTo>
                      <a:pt x="74" y="176"/>
                    </a:lnTo>
                    <a:lnTo>
                      <a:pt x="78" y="175"/>
                    </a:lnTo>
                    <a:lnTo>
                      <a:pt x="81" y="175"/>
                    </a:lnTo>
                    <a:lnTo>
                      <a:pt x="83" y="176"/>
                    </a:lnTo>
                    <a:lnTo>
                      <a:pt x="83" y="178"/>
                    </a:lnTo>
                    <a:lnTo>
                      <a:pt x="81" y="182"/>
                    </a:lnTo>
                    <a:lnTo>
                      <a:pt x="74" y="185"/>
                    </a:lnTo>
                    <a:lnTo>
                      <a:pt x="74" y="187"/>
                    </a:lnTo>
                    <a:lnTo>
                      <a:pt x="76" y="190"/>
                    </a:lnTo>
                    <a:lnTo>
                      <a:pt x="78" y="195"/>
                    </a:lnTo>
                    <a:lnTo>
                      <a:pt x="79" y="200"/>
                    </a:lnTo>
                    <a:lnTo>
                      <a:pt x="79" y="205"/>
                    </a:lnTo>
                    <a:lnTo>
                      <a:pt x="78" y="209"/>
                    </a:lnTo>
                    <a:lnTo>
                      <a:pt x="71" y="212"/>
                    </a:lnTo>
                    <a:lnTo>
                      <a:pt x="63" y="212"/>
                    </a:lnTo>
                    <a:lnTo>
                      <a:pt x="61" y="214"/>
                    </a:lnTo>
                    <a:lnTo>
                      <a:pt x="59" y="214"/>
                    </a:lnTo>
                    <a:lnTo>
                      <a:pt x="57" y="217"/>
                    </a:lnTo>
                    <a:lnTo>
                      <a:pt x="56" y="219"/>
                    </a:lnTo>
                    <a:lnTo>
                      <a:pt x="54" y="220"/>
                    </a:lnTo>
                    <a:lnTo>
                      <a:pt x="52" y="224"/>
                    </a:lnTo>
                    <a:lnTo>
                      <a:pt x="51" y="226"/>
                    </a:lnTo>
                    <a:lnTo>
                      <a:pt x="51" y="224"/>
                    </a:lnTo>
                    <a:lnTo>
                      <a:pt x="47" y="222"/>
                    </a:lnTo>
                    <a:lnTo>
                      <a:pt x="44" y="220"/>
                    </a:lnTo>
                    <a:lnTo>
                      <a:pt x="41" y="220"/>
                    </a:lnTo>
                    <a:lnTo>
                      <a:pt x="35" y="220"/>
                    </a:lnTo>
                    <a:lnTo>
                      <a:pt x="34" y="220"/>
                    </a:lnTo>
                    <a:lnTo>
                      <a:pt x="30" y="224"/>
                    </a:lnTo>
                    <a:lnTo>
                      <a:pt x="30" y="231"/>
                    </a:lnTo>
                    <a:lnTo>
                      <a:pt x="30" y="232"/>
                    </a:lnTo>
                    <a:lnTo>
                      <a:pt x="30" y="234"/>
                    </a:lnTo>
                    <a:lnTo>
                      <a:pt x="30" y="236"/>
                    </a:lnTo>
                    <a:lnTo>
                      <a:pt x="29" y="237"/>
                    </a:lnTo>
                    <a:lnTo>
                      <a:pt x="29" y="239"/>
                    </a:lnTo>
                    <a:lnTo>
                      <a:pt x="27" y="242"/>
                    </a:lnTo>
                    <a:lnTo>
                      <a:pt x="25" y="242"/>
                    </a:lnTo>
                    <a:lnTo>
                      <a:pt x="22" y="242"/>
                    </a:lnTo>
                    <a:lnTo>
                      <a:pt x="22" y="244"/>
                    </a:lnTo>
                    <a:lnTo>
                      <a:pt x="20" y="244"/>
                    </a:lnTo>
                    <a:lnTo>
                      <a:pt x="20" y="248"/>
                    </a:lnTo>
                    <a:lnTo>
                      <a:pt x="19" y="249"/>
                    </a:lnTo>
                    <a:lnTo>
                      <a:pt x="17" y="251"/>
                    </a:lnTo>
                    <a:lnTo>
                      <a:pt x="17" y="254"/>
                    </a:lnTo>
                    <a:lnTo>
                      <a:pt x="17" y="256"/>
                    </a:lnTo>
                    <a:lnTo>
                      <a:pt x="15" y="256"/>
                    </a:lnTo>
                    <a:lnTo>
                      <a:pt x="13" y="258"/>
                    </a:lnTo>
                    <a:lnTo>
                      <a:pt x="12" y="261"/>
                    </a:lnTo>
                    <a:lnTo>
                      <a:pt x="10" y="263"/>
                    </a:lnTo>
                    <a:lnTo>
                      <a:pt x="8" y="266"/>
                    </a:lnTo>
                    <a:lnTo>
                      <a:pt x="10" y="266"/>
                    </a:lnTo>
                    <a:lnTo>
                      <a:pt x="12" y="266"/>
                    </a:lnTo>
                    <a:lnTo>
                      <a:pt x="19" y="264"/>
                    </a:lnTo>
                    <a:lnTo>
                      <a:pt x="19" y="268"/>
                    </a:lnTo>
                    <a:lnTo>
                      <a:pt x="17" y="271"/>
                    </a:lnTo>
                    <a:lnTo>
                      <a:pt x="17" y="273"/>
                    </a:lnTo>
                    <a:lnTo>
                      <a:pt x="19" y="275"/>
                    </a:lnTo>
                    <a:lnTo>
                      <a:pt x="20" y="278"/>
                    </a:lnTo>
                    <a:lnTo>
                      <a:pt x="24" y="280"/>
                    </a:lnTo>
                    <a:lnTo>
                      <a:pt x="27" y="283"/>
                    </a:lnTo>
                    <a:lnTo>
                      <a:pt x="30" y="286"/>
                    </a:lnTo>
                    <a:lnTo>
                      <a:pt x="35" y="288"/>
                    </a:lnTo>
                    <a:lnTo>
                      <a:pt x="41" y="288"/>
                    </a:lnTo>
                    <a:lnTo>
                      <a:pt x="39" y="290"/>
                    </a:lnTo>
                    <a:lnTo>
                      <a:pt x="37" y="292"/>
                    </a:lnTo>
                    <a:lnTo>
                      <a:pt x="34" y="295"/>
                    </a:lnTo>
                    <a:lnTo>
                      <a:pt x="30" y="300"/>
                    </a:lnTo>
                    <a:lnTo>
                      <a:pt x="29" y="303"/>
                    </a:lnTo>
                    <a:lnTo>
                      <a:pt x="27" y="307"/>
                    </a:lnTo>
                    <a:lnTo>
                      <a:pt x="29" y="308"/>
                    </a:lnTo>
                    <a:lnTo>
                      <a:pt x="32" y="310"/>
                    </a:lnTo>
                    <a:lnTo>
                      <a:pt x="34" y="310"/>
                    </a:lnTo>
                    <a:lnTo>
                      <a:pt x="35" y="314"/>
                    </a:lnTo>
                    <a:lnTo>
                      <a:pt x="37" y="317"/>
                    </a:lnTo>
                    <a:lnTo>
                      <a:pt x="41" y="319"/>
                    </a:lnTo>
                    <a:lnTo>
                      <a:pt x="44" y="320"/>
                    </a:lnTo>
                    <a:lnTo>
                      <a:pt x="47" y="319"/>
                    </a:lnTo>
                    <a:lnTo>
                      <a:pt x="52" y="314"/>
                    </a:lnTo>
                    <a:lnTo>
                      <a:pt x="56" y="305"/>
                    </a:lnTo>
                    <a:lnTo>
                      <a:pt x="57" y="303"/>
                    </a:lnTo>
                    <a:lnTo>
                      <a:pt x="59" y="300"/>
                    </a:lnTo>
                    <a:lnTo>
                      <a:pt x="59" y="298"/>
                    </a:lnTo>
                    <a:lnTo>
                      <a:pt x="59" y="300"/>
                    </a:lnTo>
                    <a:lnTo>
                      <a:pt x="59" y="302"/>
                    </a:lnTo>
                    <a:lnTo>
                      <a:pt x="59" y="305"/>
                    </a:lnTo>
                    <a:lnTo>
                      <a:pt x="59" y="308"/>
                    </a:lnTo>
                    <a:lnTo>
                      <a:pt x="61" y="312"/>
                    </a:lnTo>
                    <a:lnTo>
                      <a:pt x="63" y="315"/>
                    </a:lnTo>
                    <a:lnTo>
                      <a:pt x="64" y="319"/>
                    </a:lnTo>
                    <a:lnTo>
                      <a:pt x="68" y="322"/>
                    </a:lnTo>
                    <a:lnTo>
                      <a:pt x="69" y="322"/>
                    </a:lnTo>
                    <a:lnTo>
                      <a:pt x="69" y="324"/>
                    </a:lnTo>
                    <a:lnTo>
                      <a:pt x="69" y="327"/>
                    </a:lnTo>
                    <a:lnTo>
                      <a:pt x="68" y="329"/>
                    </a:lnTo>
                    <a:lnTo>
                      <a:pt x="68" y="332"/>
                    </a:lnTo>
                    <a:lnTo>
                      <a:pt x="66" y="334"/>
                    </a:lnTo>
                    <a:lnTo>
                      <a:pt x="66" y="336"/>
                    </a:lnTo>
                    <a:lnTo>
                      <a:pt x="64" y="346"/>
                    </a:lnTo>
                    <a:lnTo>
                      <a:pt x="64" y="347"/>
                    </a:lnTo>
                    <a:lnTo>
                      <a:pt x="66" y="351"/>
                    </a:lnTo>
                    <a:lnTo>
                      <a:pt x="66" y="352"/>
                    </a:lnTo>
                    <a:lnTo>
                      <a:pt x="68" y="352"/>
                    </a:lnTo>
                    <a:lnTo>
                      <a:pt x="69" y="352"/>
                    </a:lnTo>
                    <a:lnTo>
                      <a:pt x="73" y="349"/>
                    </a:lnTo>
                    <a:lnTo>
                      <a:pt x="78" y="341"/>
                    </a:lnTo>
                    <a:lnTo>
                      <a:pt x="79" y="341"/>
                    </a:lnTo>
                    <a:lnTo>
                      <a:pt x="79" y="339"/>
                    </a:lnTo>
                    <a:lnTo>
                      <a:pt x="79" y="336"/>
                    </a:lnTo>
                    <a:lnTo>
                      <a:pt x="81" y="334"/>
                    </a:lnTo>
                    <a:lnTo>
                      <a:pt x="83" y="336"/>
                    </a:lnTo>
                    <a:lnTo>
                      <a:pt x="86" y="337"/>
                    </a:lnTo>
                    <a:lnTo>
                      <a:pt x="90" y="341"/>
                    </a:lnTo>
                    <a:lnTo>
                      <a:pt x="91" y="341"/>
                    </a:lnTo>
                    <a:lnTo>
                      <a:pt x="91" y="339"/>
                    </a:lnTo>
                    <a:lnTo>
                      <a:pt x="91" y="337"/>
                    </a:lnTo>
                    <a:lnTo>
                      <a:pt x="93" y="336"/>
                    </a:lnTo>
                    <a:lnTo>
                      <a:pt x="93" y="334"/>
                    </a:lnTo>
                    <a:lnTo>
                      <a:pt x="95" y="336"/>
                    </a:lnTo>
                    <a:lnTo>
                      <a:pt x="96" y="337"/>
                    </a:lnTo>
                    <a:lnTo>
                      <a:pt x="98" y="344"/>
                    </a:lnTo>
                    <a:lnTo>
                      <a:pt x="100" y="346"/>
                    </a:lnTo>
                    <a:lnTo>
                      <a:pt x="100" y="347"/>
                    </a:lnTo>
                    <a:lnTo>
                      <a:pt x="101" y="351"/>
                    </a:lnTo>
                    <a:lnTo>
                      <a:pt x="103" y="352"/>
                    </a:lnTo>
                    <a:lnTo>
                      <a:pt x="105" y="354"/>
                    </a:lnTo>
                    <a:lnTo>
                      <a:pt x="107" y="352"/>
                    </a:lnTo>
                    <a:lnTo>
                      <a:pt x="108" y="351"/>
                    </a:lnTo>
                    <a:lnTo>
                      <a:pt x="108" y="344"/>
                    </a:lnTo>
                    <a:lnTo>
                      <a:pt x="110" y="344"/>
                    </a:lnTo>
                    <a:lnTo>
                      <a:pt x="113" y="346"/>
                    </a:lnTo>
                    <a:lnTo>
                      <a:pt x="117" y="346"/>
                    </a:lnTo>
                    <a:lnTo>
                      <a:pt x="122" y="346"/>
                    </a:lnTo>
                    <a:lnTo>
                      <a:pt x="127" y="342"/>
                    </a:lnTo>
                    <a:lnTo>
                      <a:pt x="132" y="337"/>
                    </a:lnTo>
                    <a:lnTo>
                      <a:pt x="139" y="329"/>
                    </a:lnTo>
                    <a:lnTo>
                      <a:pt x="137" y="332"/>
                    </a:lnTo>
                    <a:lnTo>
                      <a:pt x="135" y="336"/>
                    </a:lnTo>
                    <a:lnTo>
                      <a:pt x="134" y="341"/>
                    </a:lnTo>
                    <a:lnTo>
                      <a:pt x="130" y="344"/>
                    </a:lnTo>
                    <a:lnTo>
                      <a:pt x="130" y="347"/>
                    </a:lnTo>
                    <a:lnTo>
                      <a:pt x="129" y="351"/>
                    </a:lnTo>
                    <a:lnTo>
                      <a:pt x="127" y="352"/>
                    </a:lnTo>
                    <a:lnTo>
                      <a:pt x="127" y="358"/>
                    </a:lnTo>
                    <a:lnTo>
                      <a:pt x="125" y="364"/>
                    </a:lnTo>
                    <a:lnTo>
                      <a:pt x="125" y="371"/>
                    </a:lnTo>
                    <a:lnTo>
                      <a:pt x="122" y="378"/>
                    </a:lnTo>
                    <a:lnTo>
                      <a:pt x="120" y="383"/>
                    </a:lnTo>
                    <a:lnTo>
                      <a:pt x="117" y="388"/>
                    </a:lnTo>
                    <a:lnTo>
                      <a:pt x="112" y="390"/>
                    </a:lnTo>
                    <a:lnTo>
                      <a:pt x="112" y="391"/>
                    </a:lnTo>
                    <a:lnTo>
                      <a:pt x="113" y="391"/>
                    </a:lnTo>
                    <a:lnTo>
                      <a:pt x="113" y="393"/>
                    </a:lnTo>
                    <a:lnTo>
                      <a:pt x="112" y="396"/>
                    </a:lnTo>
                    <a:lnTo>
                      <a:pt x="110" y="398"/>
                    </a:lnTo>
                    <a:lnTo>
                      <a:pt x="107" y="402"/>
                    </a:lnTo>
                    <a:lnTo>
                      <a:pt x="100" y="405"/>
                    </a:lnTo>
                    <a:lnTo>
                      <a:pt x="96" y="407"/>
                    </a:lnTo>
                    <a:lnTo>
                      <a:pt x="91" y="408"/>
                    </a:lnTo>
                    <a:lnTo>
                      <a:pt x="88" y="412"/>
                    </a:lnTo>
                    <a:lnTo>
                      <a:pt x="85" y="413"/>
                    </a:lnTo>
                    <a:lnTo>
                      <a:pt x="83" y="418"/>
                    </a:lnTo>
                    <a:lnTo>
                      <a:pt x="83" y="422"/>
                    </a:lnTo>
                    <a:lnTo>
                      <a:pt x="85" y="425"/>
                    </a:lnTo>
                    <a:lnTo>
                      <a:pt x="85" y="427"/>
                    </a:lnTo>
                    <a:lnTo>
                      <a:pt x="85" y="429"/>
                    </a:lnTo>
                    <a:lnTo>
                      <a:pt x="83" y="430"/>
                    </a:lnTo>
                    <a:lnTo>
                      <a:pt x="81" y="430"/>
                    </a:lnTo>
                    <a:lnTo>
                      <a:pt x="79" y="432"/>
                    </a:lnTo>
                    <a:lnTo>
                      <a:pt x="78" y="430"/>
                    </a:lnTo>
                    <a:lnTo>
                      <a:pt x="76" y="429"/>
                    </a:lnTo>
                    <a:lnTo>
                      <a:pt x="76" y="424"/>
                    </a:lnTo>
                    <a:lnTo>
                      <a:pt x="74" y="424"/>
                    </a:lnTo>
                    <a:lnTo>
                      <a:pt x="71" y="424"/>
                    </a:lnTo>
                    <a:lnTo>
                      <a:pt x="69" y="424"/>
                    </a:lnTo>
                    <a:lnTo>
                      <a:pt x="68" y="425"/>
                    </a:lnTo>
                    <a:lnTo>
                      <a:pt x="64" y="425"/>
                    </a:lnTo>
                    <a:lnTo>
                      <a:pt x="63" y="425"/>
                    </a:lnTo>
                    <a:lnTo>
                      <a:pt x="46" y="442"/>
                    </a:lnTo>
                    <a:lnTo>
                      <a:pt x="44" y="442"/>
                    </a:lnTo>
                    <a:lnTo>
                      <a:pt x="44" y="444"/>
                    </a:lnTo>
                    <a:lnTo>
                      <a:pt x="42" y="447"/>
                    </a:lnTo>
                    <a:lnTo>
                      <a:pt x="41" y="449"/>
                    </a:lnTo>
                    <a:lnTo>
                      <a:pt x="41" y="452"/>
                    </a:lnTo>
                    <a:lnTo>
                      <a:pt x="42" y="452"/>
                    </a:lnTo>
                    <a:lnTo>
                      <a:pt x="44" y="451"/>
                    </a:lnTo>
                    <a:lnTo>
                      <a:pt x="51" y="447"/>
                    </a:lnTo>
                    <a:lnTo>
                      <a:pt x="52" y="446"/>
                    </a:lnTo>
                    <a:lnTo>
                      <a:pt x="56" y="444"/>
                    </a:lnTo>
                    <a:lnTo>
                      <a:pt x="57" y="440"/>
                    </a:lnTo>
                    <a:lnTo>
                      <a:pt x="61" y="439"/>
                    </a:lnTo>
                    <a:lnTo>
                      <a:pt x="64" y="435"/>
                    </a:lnTo>
                    <a:lnTo>
                      <a:pt x="66" y="434"/>
                    </a:lnTo>
                    <a:lnTo>
                      <a:pt x="68" y="432"/>
                    </a:lnTo>
                    <a:lnTo>
                      <a:pt x="68" y="434"/>
                    </a:lnTo>
                    <a:lnTo>
                      <a:pt x="68" y="437"/>
                    </a:lnTo>
                    <a:lnTo>
                      <a:pt x="68" y="439"/>
                    </a:lnTo>
                    <a:lnTo>
                      <a:pt x="69" y="440"/>
                    </a:lnTo>
                    <a:lnTo>
                      <a:pt x="73" y="440"/>
                    </a:lnTo>
                    <a:lnTo>
                      <a:pt x="78" y="439"/>
                    </a:lnTo>
                    <a:lnTo>
                      <a:pt x="86" y="434"/>
                    </a:lnTo>
                    <a:lnTo>
                      <a:pt x="88" y="430"/>
                    </a:lnTo>
                    <a:lnTo>
                      <a:pt x="90" y="429"/>
                    </a:lnTo>
                    <a:lnTo>
                      <a:pt x="91" y="429"/>
                    </a:lnTo>
                    <a:lnTo>
                      <a:pt x="95" y="434"/>
                    </a:lnTo>
                    <a:lnTo>
                      <a:pt x="96" y="434"/>
                    </a:lnTo>
                    <a:lnTo>
                      <a:pt x="96" y="432"/>
                    </a:lnTo>
                    <a:lnTo>
                      <a:pt x="96" y="430"/>
                    </a:lnTo>
                    <a:lnTo>
                      <a:pt x="98" y="427"/>
                    </a:lnTo>
                    <a:lnTo>
                      <a:pt x="101" y="424"/>
                    </a:lnTo>
                    <a:lnTo>
                      <a:pt x="105" y="422"/>
                    </a:lnTo>
                    <a:lnTo>
                      <a:pt x="110" y="420"/>
                    </a:lnTo>
                    <a:lnTo>
                      <a:pt x="117" y="420"/>
                    </a:lnTo>
                    <a:lnTo>
                      <a:pt x="117" y="418"/>
                    </a:lnTo>
                    <a:lnTo>
                      <a:pt x="115" y="418"/>
                    </a:lnTo>
                    <a:lnTo>
                      <a:pt x="113" y="415"/>
                    </a:lnTo>
                    <a:lnTo>
                      <a:pt x="113" y="413"/>
                    </a:lnTo>
                    <a:lnTo>
                      <a:pt x="115" y="408"/>
                    </a:lnTo>
                    <a:lnTo>
                      <a:pt x="120" y="405"/>
                    </a:lnTo>
                    <a:lnTo>
                      <a:pt x="127" y="398"/>
                    </a:lnTo>
                    <a:lnTo>
                      <a:pt x="139" y="391"/>
                    </a:lnTo>
                    <a:lnTo>
                      <a:pt x="140" y="391"/>
                    </a:lnTo>
                    <a:lnTo>
                      <a:pt x="139" y="390"/>
                    </a:lnTo>
                    <a:lnTo>
                      <a:pt x="139" y="388"/>
                    </a:lnTo>
                    <a:lnTo>
                      <a:pt x="140" y="385"/>
                    </a:lnTo>
                    <a:lnTo>
                      <a:pt x="144" y="381"/>
                    </a:lnTo>
                    <a:lnTo>
                      <a:pt x="151" y="374"/>
                    </a:lnTo>
                    <a:lnTo>
                      <a:pt x="161" y="366"/>
                    </a:lnTo>
                    <a:lnTo>
                      <a:pt x="174" y="354"/>
                    </a:lnTo>
                    <a:lnTo>
                      <a:pt x="176" y="352"/>
                    </a:lnTo>
                    <a:lnTo>
                      <a:pt x="178" y="347"/>
                    </a:lnTo>
                    <a:lnTo>
                      <a:pt x="178" y="344"/>
                    </a:lnTo>
                    <a:lnTo>
                      <a:pt x="179" y="342"/>
                    </a:lnTo>
                    <a:lnTo>
                      <a:pt x="181" y="341"/>
                    </a:lnTo>
                    <a:lnTo>
                      <a:pt x="183" y="339"/>
                    </a:lnTo>
                    <a:lnTo>
                      <a:pt x="183" y="337"/>
                    </a:lnTo>
                    <a:lnTo>
                      <a:pt x="184" y="336"/>
                    </a:lnTo>
                    <a:lnTo>
                      <a:pt x="183" y="332"/>
                    </a:lnTo>
                    <a:lnTo>
                      <a:pt x="181" y="330"/>
                    </a:lnTo>
                    <a:lnTo>
                      <a:pt x="174" y="330"/>
                    </a:lnTo>
                    <a:lnTo>
                      <a:pt x="173" y="330"/>
                    </a:lnTo>
                    <a:lnTo>
                      <a:pt x="173" y="329"/>
                    </a:lnTo>
                    <a:lnTo>
                      <a:pt x="173" y="327"/>
                    </a:lnTo>
                    <a:lnTo>
                      <a:pt x="174" y="322"/>
                    </a:lnTo>
                    <a:lnTo>
                      <a:pt x="178" y="317"/>
                    </a:lnTo>
                    <a:lnTo>
                      <a:pt x="183" y="310"/>
                    </a:lnTo>
                    <a:lnTo>
                      <a:pt x="191" y="302"/>
                    </a:lnTo>
                    <a:lnTo>
                      <a:pt x="193" y="298"/>
                    </a:lnTo>
                    <a:lnTo>
                      <a:pt x="195" y="293"/>
                    </a:lnTo>
                    <a:lnTo>
                      <a:pt x="196" y="285"/>
                    </a:lnTo>
                    <a:lnTo>
                      <a:pt x="200" y="276"/>
                    </a:lnTo>
                    <a:lnTo>
                      <a:pt x="205" y="268"/>
                    </a:lnTo>
                    <a:lnTo>
                      <a:pt x="211" y="264"/>
                    </a:lnTo>
                    <a:lnTo>
                      <a:pt x="220" y="264"/>
                    </a:lnTo>
                    <a:lnTo>
                      <a:pt x="230" y="271"/>
                    </a:lnTo>
                    <a:lnTo>
                      <a:pt x="228" y="271"/>
                    </a:lnTo>
                    <a:lnTo>
                      <a:pt x="225" y="271"/>
                    </a:lnTo>
                    <a:lnTo>
                      <a:pt x="220" y="273"/>
                    </a:lnTo>
                    <a:lnTo>
                      <a:pt x="213" y="273"/>
                    </a:lnTo>
                    <a:lnTo>
                      <a:pt x="210" y="276"/>
                    </a:lnTo>
                    <a:lnTo>
                      <a:pt x="206" y="281"/>
                    </a:lnTo>
                    <a:lnTo>
                      <a:pt x="206" y="288"/>
                    </a:lnTo>
                    <a:lnTo>
                      <a:pt x="210" y="297"/>
                    </a:lnTo>
                    <a:lnTo>
                      <a:pt x="210" y="298"/>
                    </a:lnTo>
                    <a:lnTo>
                      <a:pt x="208" y="302"/>
                    </a:lnTo>
                    <a:lnTo>
                      <a:pt x="205" y="305"/>
                    </a:lnTo>
                    <a:lnTo>
                      <a:pt x="203" y="308"/>
                    </a:lnTo>
                    <a:lnTo>
                      <a:pt x="203" y="310"/>
                    </a:lnTo>
                    <a:lnTo>
                      <a:pt x="205" y="312"/>
                    </a:lnTo>
                    <a:lnTo>
                      <a:pt x="208" y="310"/>
                    </a:lnTo>
                    <a:lnTo>
                      <a:pt x="215" y="307"/>
                    </a:lnTo>
                    <a:lnTo>
                      <a:pt x="213" y="308"/>
                    </a:lnTo>
                    <a:lnTo>
                      <a:pt x="211" y="312"/>
                    </a:lnTo>
                    <a:lnTo>
                      <a:pt x="210" y="317"/>
                    </a:lnTo>
                    <a:lnTo>
                      <a:pt x="208" y="320"/>
                    </a:lnTo>
                    <a:lnTo>
                      <a:pt x="208" y="324"/>
                    </a:lnTo>
                    <a:lnTo>
                      <a:pt x="210" y="322"/>
                    </a:lnTo>
                    <a:lnTo>
                      <a:pt x="217" y="319"/>
                    </a:lnTo>
                    <a:lnTo>
                      <a:pt x="227" y="308"/>
                    </a:lnTo>
                    <a:lnTo>
                      <a:pt x="227" y="307"/>
                    </a:lnTo>
                    <a:lnTo>
                      <a:pt x="230" y="305"/>
                    </a:lnTo>
                    <a:lnTo>
                      <a:pt x="232" y="303"/>
                    </a:lnTo>
                    <a:lnTo>
                      <a:pt x="233" y="302"/>
                    </a:lnTo>
                    <a:lnTo>
                      <a:pt x="237" y="300"/>
                    </a:lnTo>
                    <a:lnTo>
                      <a:pt x="239" y="298"/>
                    </a:lnTo>
                    <a:lnTo>
                      <a:pt x="240" y="297"/>
                    </a:lnTo>
                    <a:lnTo>
                      <a:pt x="242" y="297"/>
                    </a:lnTo>
                    <a:lnTo>
                      <a:pt x="244" y="297"/>
                    </a:lnTo>
                    <a:lnTo>
                      <a:pt x="245" y="295"/>
                    </a:lnTo>
                    <a:lnTo>
                      <a:pt x="247" y="293"/>
                    </a:lnTo>
                    <a:lnTo>
                      <a:pt x="249" y="290"/>
                    </a:lnTo>
                    <a:lnTo>
                      <a:pt x="247" y="286"/>
                    </a:lnTo>
                    <a:lnTo>
                      <a:pt x="245" y="281"/>
                    </a:lnTo>
                    <a:lnTo>
                      <a:pt x="245" y="280"/>
                    </a:lnTo>
                    <a:lnTo>
                      <a:pt x="244" y="276"/>
                    </a:lnTo>
                    <a:lnTo>
                      <a:pt x="242" y="273"/>
                    </a:lnTo>
                    <a:lnTo>
                      <a:pt x="240" y="271"/>
                    </a:lnTo>
                    <a:lnTo>
                      <a:pt x="250" y="264"/>
                    </a:lnTo>
                    <a:lnTo>
                      <a:pt x="255" y="268"/>
                    </a:lnTo>
                    <a:lnTo>
                      <a:pt x="266" y="263"/>
                    </a:lnTo>
                    <a:lnTo>
                      <a:pt x="281" y="271"/>
                    </a:lnTo>
                    <a:lnTo>
                      <a:pt x="286" y="278"/>
                    </a:lnTo>
                    <a:lnTo>
                      <a:pt x="293" y="270"/>
                    </a:lnTo>
                    <a:lnTo>
                      <a:pt x="303" y="286"/>
                    </a:lnTo>
                    <a:lnTo>
                      <a:pt x="305" y="285"/>
                    </a:lnTo>
                    <a:lnTo>
                      <a:pt x="310" y="281"/>
                    </a:lnTo>
                    <a:lnTo>
                      <a:pt x="315" y="278"/>
                    </a:lnTo>
                    <a:lnTo>
                      <a:pt x="323" y="276"/>
                    </a:lnTo>
                    <a:lnTo>
                      <a:pt x="333" y="275"/>
                    </a:lnTo>
                    <a:lnTo>
                      <a:pt x="343" y="275"/>
                    </a:lnTo>
                    <a:lnTo>
                      <a:pt x="357" y="276"/>
                    </a:lnTo>
                    <a:lnTo>
                      <a:pt x="359" y="276"/>
                    </a:lnTo>
                    <a:lnTo>
                      <a:pt x="360" y="275"/>
                    </a:lnTo>
                    <a:lnTo>
                      <a:pt x="362" y="273"/>
                    </a:lnTo>
                    <a:lnTo>
                      <a:pt x="364" y="271"/>
                    </a:lnTo>
                    <a:lnTo>
                      <a:pt x="365" y="271"/>
                    </a:lnTo>
                    <a:lnTo>
                      <a:pt x="369" y="271"/>
                    </a:lnTo>
                    <a:lnTo>
                      <a:pt x="371" y="275"/>
                    </a:lnTo>
                    <a:lnTo>
                      <a:pt x="371" y="278"/>
                    </a:lnTo>
                    <a:lnTo>
                      <a:pt x="371" y="280"/>
                    </a:lnTo>
                    <a:lnTo>
                      <a:pt x="374" y="280"/>
                    </a:lnTo>
                    <a:lnTo>
                      <a:pt x="377" y="281"/>
                    </a:lnTo>
                    <a:lnTo>
                      <a:pt x="381" y="281"/>
                    </a:lnTo>
                    <a:lnTo>
                      <a:pt x="384" y="281"/>
                    </a:lnTo>
                    <a:lnTo>
                      <a:pt x="387" y="283"/>
                    </a:lnTo>
                    <a:lnTo>
                      <a:pt x="389" y="283"/>
                    </a:lnTo>
                    <a:lnTo>
                      <a:pt x="391" y="283"/>
                    </a:lnTo>
                    <a:lnTo>
                      <a:pt x="411" y="295"/>
                    </a:lnTo>
                    <a:lnTo>
                      <a:pt x="413" y="295"/>
                    </a:lnTo>
                    <a:lnTo>
                      <a:pt x="415" y="295"/>
                    </a:lnTo>
                    <a:lnTo>
                      <a:pt x="418" y="295"/>
                    </a:lnTo>
                    <a:lnTo>
                      <a:pt x="421" y="295"/>
                    </a:lnTo>
                    <a:lnTo>
                      <a:pt x="425" y="295"/>
                    </a:lnTo>
                    <a:lnTo>
                      <a:pt x="425" y="292"/>
                    </a:lnTo>
                    <a:lnTo>
                      <a:pt x="423" y="288"/>
                    </a:lnTo>
                    <a:lnTo>
                      <a:pt x="416" y="280"/>
                    </a:lnTo>
                    <a:lnTo>
                      <a:pt x="418" y="280"/>
                    </a:lnTo>
                    <a:lnTo>
                      <a:pt x="420" y="278"/>
                    </a:lnTo>
                    <a:lnTo>
                      <a:pt x="423" y="276"/>
                    </a:lnTo>
                    <a:lnTo>
                      <a:pt x="425" y="278"/>
                    </a:lnTo>
                    <a:lnTo>
                      <a:pt x="428" y="280"/>
                    </a:lnTo>
                    <a:lnTo>
                      <a:pt x="431" y="283"/>
                    </a:lnTo>
                    <a:lnTo>
                      <a:pt x="435" y="286"/>
                    </a:lnTo>
                    <a:lnTo>
                      <a:pt x="438" y="288"/>
                    </a:lnTo>
                    <a:lnTo>
                      <a:pt x="438" y="286"/>
                    </a:lnTo>
                    <a:lnTo>
                      <a:pt x="435" y="281"/>
                    </a:lnTo>
                    <a:lnTo>
                      <a:pt x="430" y="271"/>
                    </a:lnTo>
                    <a:lnTo>
                      <a:pt x="428" y="270"/>
                    </a:lnTo>
                    <a:lnTo>
                      <a:pt x="430" y="266"/>
                    </a:lnTo>
                    <a:lnTo>
                      <a:pt x="430" y="264"/>
                    </a:lnTo>
                    <a:lnTo>
                      <a:pt x="431" y="264"/>
                    </a:lnTo>
                    <a:lnTo>
                      <a:pt x="445" y="283"/>
                    </a:lnTo>
                    <a:lnTo>
                      <a:pt x="455" y="280"/>
                    </a:lnTo>
                    <a:lnTo>
                      <a:pt x="455" y="281"/>
                    </a:lnTo>
                    <a:lnTo>
                      <a:pt x="457" y="281"/>
                    </a:lnTo>
                    <a:lnTo>
                      <a:pt x="460" y="283"/>
                    </a:lnTo>
                    <a:lnTo>
                      <a:pt x="462" y="286"/>
                    </a:lnTo>
                    <a:lnTo>
                      <a:pt x="465" y="290"/>
                    </a:lnTo>
                    <a:lnTo>
                      <a:pt x="469" y="295"/>
                    </a:lnTo>
                    <a:lnTo>
                      <a:pt x="472" y="300"/>
                    </a:lnTo>
                    <a:lnTo>
                      <a:pt x="475" y="305"/>
                    </a:lnTo>
                    <a:lnTo>
                      <a:pt x="479" y="312"/>
                    </a:lnTo>
                    <a:lnTo>
                      <a:pt x="482" y="314"/>
                    </a:lnTo>
                    <a:lnTo>
                      <a:pt x="484" y="314"/>
                    </a:lnTo>
                    <a:lnTo>
                      <a:pt x="486" y="312"/>
                    </a:lnTo>
                    <a:lnTo>
                      <a:pt x="487" y="310"/>
                    </a:lnTo>
                    <a:lnTo>
                      <a:pt x="487" y="308"/>
                    </a:lnTo>
                    <a:lnTo>
                      <a:pt x="487" y="307"/>
                    </a:lnTo>
                    <a:lnTo>
                      <a:pt x="509" y="322"/>
                    </a:lnTo>
                    <a:lnTo>
                      <a:pt x="508" y="325"/>
                    </a:lnTo>
                    <a:lnTo>
                      <a:pt x="508" y="327"/>
                    </a:lnTo>
                    <a:lnTo>
                      <a:pt x="508" y="330"/>
                    </a:lnTo>
                    <a:lnTo>
                      <a:pt x="508" y="332"/>
                    </a:lnTo>
                    <a:lnTo>
                      <a:pt x="509" y="332"/>
                    </a:lnTo>
                    <a:lnTo>
                      <a:pt x="514" y="329"/>
                    </a:lnTo>
                    <a:lnTo>
                      <a:pt x="519" y="324"/>
                    </a:lnTo>
                    <a:lnTo>
                      <a:pt x="521" y="322"/>
                    </a:lnTo>
                    <a:lnTo>
                      <a:pt x="523" y="322"/>
                    </a:lnTo>
                    <a:lnTo>
                      <a:pt x="525" y="324"/>
                    </a:lnTo>
                    <a:lnTo>
                      <a:pt x="528" y="325"/>
                    </a:lnTo>
                    <a:lnTo>
                      <a:pt x="531" y="330"/>
                    </a:lnTo>
                    <a:lnTo>
                      <a:pt x="535" y="339"/>
                    </a:lnTo>
                    <a:lnTo>
                      <a:pt x="536" y="341"/>
                    </a:lnTo>
                    <a:lnTo>
                      <a:pt x="538" y="344"/>
                    </a:lnTo>
                    <a:lnTo>
                      <a:pt x="540" y="347"/>
                    </a:lnTo>
                    <a:lnTo>
                      <a:pt x="541" y="349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92" name="Freeform 79"/>
              <p:cNvSpPr>
                <a:spLocks/>
              </p:cNvSpPr>
              <p:nvPr/>
            </p:nvSpPr>
            <p:spPr bwMode="auto">
              <a:xfrm>
                <a:off x="1085" y="3327"/>
                <a:ext cx="27" cy="22"/>
              </a:xfrm>
              <a:custGeom>
                <a:avLst/>
                <a:gdLst>
                  <a:gd name="T0" fmla="*/ 0 w 27"/>
                  <a:gd name="T1" fmla="*/ 10 h 22"/>
                  <a:gd name="T2" fmla="*/ 0 w 27"/>
                  <a:gd name="T3" fmla="*/ 7 h 22"/>
                  <a:gd name="T4" fmla="*/ 2 w 27"/>
                  <a:gd name="T5" fmla="*/ 4 h 22"/>
                  <a:gd name="T6" fmla="*/ 14 w 27"/>
                  <a:gd name="T7" fmla="*/ 0 h 22"/>
                  <a:gd name="T8" fmla="*/ 27 w 27"/>
                  <a:gd name="T9" fmla="*/ 14 h 22"/>
                  <a:gd name="T10" fmla="*/ 22 w 27"/>
                  <a:gd name="T11" fmla="*/ 15 h 22"/>
                  <a:gd name="T12" fmla="*/ 22 w 27"/>
                  <a:gd name="T13" fmla="*/ 15 h 22"/>
                  <a:gd name="T14" fmla="*/ 17 w 27"/>
                  <a:gd name="T15" fmla="*/ 10 h 22"/>
                  <a:gd name="T16" fmla="*/ 12 w 27"/>
                  <a:gd name="T17" fmla="*/ 14 h 22"/>
                  <a:gd name="T18" fmla="*/ 17 w 27"/>
                  <a:gd name="T19" fmla="*/ 19 h 22"/>
                  <a:gd name="T20" fmla="*/ 14 w 27"/>
                  <a:gd name="T21" fmla="*/ 22 h 22"/>
                  <a:gd name="T22" fmla="*/ 0 w 27"/>
                  <a:gd name="T23" fmla="*/ 10 h 22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w 27"/>
                  <a:gd name="T37" fmla="*/ 0 h 22"/>
                  <a:gd name="T38" fmla="*/ 27 w 27"/>
                  <a:gd name="T39" fmla="*/ 22 h 22"/>
                </a:gdLst>
                <a:ahLst/>
                <a:cxnLst>
                  <a:cxn ang="T24">
                    <a:pos x="T0" y="T1"/>
                  </a:cxn>
                  <a:cxn ang="T25">
                    <a:pos x="T2" y="T3"/>
                  </a:cxn>
                  <a:cxn ang="T26">
                    <a:pos x="T4" y="T5"/>
                  </a:cxn>
                  <a:cxn ang="T27">
                    <a:pos x="T6" y="T7"/>
                  </a:cxn>
                  <a:cxn ang="T28">
                    <a:pos x="T8" y="T9"/>
                  </a:cxn>
                  <a:cxn ang="T29">
                    <a:pos x="T10" y="T11"/>
                  </a:cxn>
                  <a:cxn ang="T30">
                    <a:pos x="T12" y="T13"/>
                  </a:cxn>
                  <a:cxn ang="T31">
                    <a:pos x="T14" y="T15"/>
                  </a:cxn>
                  <a:cxn ang="T32">
                    <a:pos x="T16" y="T17"/>
                  </a:cxn>
                  <a:cxn ang="T33">
                    <a:pos x="T18" y="T19"/>
                  </a:cxn>
                  <a:cxn ang="T34">
                    <a:pos x="T20" y="T21"/>
                  </a:cxn>
                  <a:cxn ang="T35">
                    <a:pos x="T22" y="T23"/>
                  </a:cxn>
                </a:cxnLst>
                <a:rect l="T36" t="T37" r="T38" b="T39"/>
                <a:pathLst>
                  <a:path w="27" h="22">
                    <a:moveTo>
                      <a:pt x="0" y="10"/>
                    </a:moveTo>
                    <a:lnTo>
                      <a:pt x="0" y="7"/>
                    </a:lnTo>
                    <a:lnTo>
                      <a:pt x="2" y="4"/>
                    </a:lnTo>
                    <a:lnTo>
                      <a:pt x="14" y="0"/>
                    </a:lnTo>
                    <a:lnTo>
                      <a:pt x="27" y="14"/>
                    </a:lnTo>
                    <a:lnTo>
                      <a:pt x="22" y="15"/>
                    </a:lnTo>
                    <a:lnTo>
                      <a:pt x="17" y="10"/>
                    </a:lnTo>
                    <a:lnTo>
                      <a:pt x="12" y="14"/>
                    </a:lnTo>
                    <a:lnTo>
                      <a:pt x="17" y="19"/>
                    </a:lnTo>
                    <a:lnTo>
                      <a:pt x="14" y="22"/>
                    </a:lnTo>
                    <a:lnTo>
                      <a:pt x="0" y="1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93" name="Freeform 80"/>
              <p:cNvSpPr>
                <a:spLocks/>
              </p:cNvSpPr>
              <p:nvPr/>
            </p:nvSpPr>
            <p:spPr bwMode="auto">
              <a:xfrm>
                <a:off x="1085" y="3327"/>
                <a:ext cx="27" cy="22"/>
              </a:xfrm>
              <a:custGeom>
                <a:avLst/>
                <a:gdLst>
                  <a:gd name="T0" fmla="*/ 0 w 27"/>
                  <a:gd name="T1" fmla="*/ 10 h 22"/>
                  <a:gd name="T2" fmla="*/ 0 w 27"/>
                  <a:gd name="T3" fmla="*/ 7 h 22"/>
                  <a:gd name="T4" fmla="*/ 2 w 27"/>
                  <a:gd name="T5" fmla="*/ 4 h 22"/>
                  <a:gd name="T6" fmla="*/ 14 w 27"/>
                  <a:gd name="T7" fmla="*/ 0 h 22"/>
                  <a:gd name="T8" fmla="*/ 27 w 27"/>
                  <a:gd name="T9" fmla="*/ 14 h 22"/>
                  <a:gd name="T10" fmla="*/ 22 w 27"/>
                  <a:gd name="T11" fmla="*/ 15 h 22"/>
                  <a:gd name="T12" fmla="*/ 22 w 27"/>
                  <a:gd name="T13" fmla="*/ 15 h 22"/>
                  <a:gd name="T14" fmla="*/ 17 w 27"/>
                  <a:gd name="T15" fmla="*/ 10 h 22"/>
                  <a:gd name="T16" fmla="*/ 12 w 27"/>
                  <a:gd name="T17" fmla="*/ 14 h 22"/>
                  <a:gd name="T18" fmla="*/ 17 w 27"/>
                  <a:gd name="T19" fmla="*/ 19 h 22"/>
                  <a:gd name="T20" fmla="*/ 14 w 27"/>
                  <a:gd name="T21" fmla="*/ 22 h 22"/>
                  <a:gd name="T22" fmla="*/ 0 w 27"/>
                  <a:gd name="T23" fmla="*/ 10 h 22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w 27"/>
                  <a:gd name="T37" fmla="*/ 0 h 22"/>
                  <a:gd name="T38" fmla="*/ 27 w 27"/>
                  <a:gd name="T39" fmla="*/ 22 h 22"/>
                </a:gdLst>
                <a:ahLst/>
                <a:cxnLst>
                  <a:cxn ang="T24">
                    <a:pos x="T0" y="T1"/>
                  </a:cxn>
                  <a:cxn ang="T25">
                    <a:pos x="T2" y="T3"/>
                  </a:cxn>
                  <a:cxn ang="T26">
                    <a:pos x="T4" y="T5"/>
                  </a:cxn>
                  <a:cxn ang="T27">
                    <a:pos x="T6" y="T7"/>
                  </a:cxn>
                  <a:cxn ang="T28">
                    <a:pos x="T8" y="T9"/>
                  </a:cxn>
                  <a:cxn ang="T29">
                    <a:pos x="T10" y="T11"/>
                  </a:cxn>
                  <a:cxn ang="T30">
                    <a:pos x="T12" y="T13"/>
                  </a:cxn>
                  <a:cxn ang="T31">
                    <a:pos x="T14" y="T15"/>
                  </a:cxn>
                  <a:cxn ang="T32">
                    <a:pos x="T16" y="T17"/>
                  </a:cxn>
                  <a:cxn ang="T33">
                    <a:pos x="T18" y="T19"/>
                  </a:cxn>
                  <a:cxn ang="T34">
                    <a:pos x="T20" y="T21"/>
                  </a:cxn>
                  <a:cxn ang="T35">
                    <a:pos x="T22" y="T23"/>
                  </a:cxn>
                </a:cxnLst>
                <a:rect l="T36" t="T37" r="T38" b="T39"/>
                <a:pathLst>
                  <a:path w="27" h="22">
                    <a:moveTo>
                      <a:pt x="0" y="10"/>
                    </a:moveTo>
                    <a:lnTo>
                      <a:pt x="0" y="7"/>
                    </a:lnTo>
                    <a:lnTo>
                      <a:pt x="2" y="4"/>
                    </a:lnTo>
                    <a:lnTo>
                      <a:pt x="14" y="0"/>
                    </a:lnTo>
                    <a:lnTo>
                      <a:pt x="27" y="14"/>
                    </a:lnTo>
                    <a:lnTo>
                      <a:pt x="22" y="15"/>
                    </a:lnTo>
                    <a:lnTo>
                      <a:pt x="17" y="10"/>
                    </a:lnTo>
                    <a:lnTo>
                      <a:pt x="12" y="14"/>
                    </a:lnTo>
                    <a:lnTo>
                      <a:pt x="17" y="19"/>
                    </a:lnTo>
                    <a:lnTo>
                      <a:pt x="14" y="22"/>
                    </a:lnTo>
                    <a:lnTo>
                      <a:pt x="0" y="1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94" name="Freeform 81"/>
              <p:cNvSpPr>
                <a:spLocks/>
              </p:cNvSpPr>
              <p:nvPr/>
            </p:nvSpPr>
            <p:spPr bwMode="auto">
              <a:xfrm>
                <a:off x="1107" y="3348"/>
                <a:ext cx="21" cy="23"/>
              </a:xfrm>
              <a:custGeom>
                <a:avLst/>
                <a:gdLst>
                  <a:gd name="T0" fmla="*/ 5 w 21"/>
                  <a:gd name="T1" fmla="*/ 0 h 23"/>
                  <a:gd name="T2" fmla="*/ 0 w 21"/>
                  <a:gd name="T3" fmla="*/ 3 h 23"/>
                  <a:gd name="T4" fmla="*/ 11 w 21"/>
                  <a:gd name="T5" fmla="*/ 16 h 23"/>
                  <a:gd name="T6" fmla="*/ 21 w 21"/>
                  <a:gd name="T7" fmla="*/ 23 h 23"/>
                  <a:gd name="T8" fmla="*/ 14 w 21"/>
                  <a:gd name="T9" fmla="*/ 6 h 23"/>
                  <a:gd name="T10" fmla="*/ 5 w 21"/>
                  <a:gd name="T11" fmla="*/ 0 h 23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21"/>
                  <a:gd name="T19" fmla="*/ 0 h 23"/>
                  <a:gd name="T20" fmla="*/ 21 w 21"/>
                  <a:gd name="T21" fmla="*/ 23 h 23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21" h="23">
                    <a:moveTo>
                      <a:pt x="5" y="0"/>
                    </a:moveTo>
                    <a:lnTo>
                      <a:pt x="0" y="3"/>
                    </a:lnTo>
                    <a:lnTo>
                      <a:pt x="11" y="16"/>
                    </a:lnTo>
                    <a:lnTo>
                      <a:pt x="21" y="23"/>
                    </a:lnTo>
                    <a:lnTo>
                      <a:pt x="14" y="6"/>
                    </a:lnTo>
                    <a:lnTo>
                      <a:pt x="5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95" name="Freeform 82"/>
              <p:cNvSpPr>
                <a:spLocks/>
              </p:cNvSpPr>
              <p:nvPr/>
            </p:nvSpPr>
            <p:spPr bwMode="auto">
              <a:xfrm>
                <a:off x="1107" y="3348"/>
                <a:ext cx="21" cy="23"/>
              </a:xfrm>
              <a:custGeom>
                <a:avLst/>
                <a:gdLst>
                  <a:gd name="T0" fmla="*/ 5 w 21"/>
                  <a:gd name="T1" fmla="*/ 0 h 23"/>
                  <a:gd name="T2" fmla="*/ 0 w 21"/>
                  <a:gd name="T3" fmla="*/ 3 h 23"/>
                  <a:gd name="T4" fmla="*/ 11 w 21"/>
                  <a:gd name="T5" fmla="*/ 16 h 23"/>
                  <a:gd name="T6" fmla="*/ 21 w 21"/>
                  <a:gd name="T7" fmla="*/ 23 h 23"/>
                  <a:gd name="T8" fmla="*/ 14 w 21"/>
                  <a:gd name="T9" fmla="*/ 6 h 23"/>
                  <a:gd name="T10" fmla="*/ 5 w 21"/>
                  <a:gd name="T11" fmla="*/ 0 h 23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21"/>
                  <a:gd name="T19" fmla="*/ 0 h 23"/>
                  <a:gd name="T20" fmla="*/ 21 w 21"/>
                  <a:gd name="T21" fmla="*/ 23 h 23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21" h="23">
                    <a:moveTo>
                      <a:pt x="5" y="0"/>
                    </a:moveTo>
                    <a:lnTo>
                      <a:pt x="0" y="3"/>
                    </a:lnTo>
                    <a:lnTo>
                      <a:pt x="11" y="16"/>
                    </a:lnTo>
                    <a:lnTo>
                      <a:pt x="21" y="23"/>
                    </a:lnTo>
                    <a:lnTo>
                      <a:pt x="14" y="6"/>
                    </a:lnTo>
                    <a:lnTo>
                      <a:pt x="5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96" name="Freeform 83"/>
              <p:cNvSpPr>
                <a:spLocks/>
              </p:cNvSpPr>
              <p:nvPr/>
            </p:nvSpPr>
            <p:spPr bwMode="auto">
              <a:xfrm>
                <a:off x="1107" y="3322"/>
                <a:ext cx="19" cy="24"/>
              </a:xfrm>
              <a:custGeom>
                <a:avLst/>
                <a:gdLst>
                  <a:gd name="T0" fmla="*/ 4 w 19"/>
                  <a:gd name="T1" fmla="*/ 0 h 24"/>
                  <a:gd name="T2" fmla="*/ 19 w 19"/>
                  <a:gd name="T3" fmla="*/ 15 h 24"/>
                  <a:gd name="T4" fmla="*/ 17 w 19"/>
                  <a:gd name="T5" fmla="*/ 24 h 24"/>
                  <a:gd name="T6" fmla="*/ 11 w 19"/>
                  <a:gd name="T7" fmla="*/ 22 h 24"/>
                  <a:gd name="T8" fmla="*/ 11 w 19"/>
                  <a:gd name="T9" fmla="*/ 15 h 24"/>
                  <a:gd name="T10" fmla="*/ 0 w 19"/>
                  <a:gd name="T11" fmla="*/ 2 h 24"/>
                  <a:gd name="T12" fmla="*/ 4 w 19"/>
                  <a:gd name="T13" fmla="*/ 0 h 24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w 19"/>
                  <a:gd name="T22" fmla="*/ 0 h 24"/>
                  <a:gd name="T23" fmla="*/ 19 w 19"/>
                  <a:gd name="T24" fmla="*/ 24 h 24"/>
                </a:gdLst>
                <a:ahLst/>
                <a:cxnLst>
                  <a:cxn ang="T14">
                    <a:pos x="T0" y="T1"/>
                  </a:cxn>
                  <a:cxn ang="T15">
                    <a:pos x="T2" y="T3"/>
                  </a:cxn>
                  <a:cxn ang="T16">
                    <a:pos x="T4" y="T5"/>
                  </a:cxn>
                  <a:cxn ang="T17">
                    <a:pos x="T6" y="T7"/>
                  </a:cxn>
                  <a:cxn ang="T18">
                    <a:pos x="T8" y="T9"/>
                  </a:cxn>
                  <a:cxn ang="T19">
                    <a:pos x="T10" y="T11"/>
                  </a:cxn>
                  <a:cxn ang="T20">
                    <a:pos x="T12" y="T13"/>
                  </a:cxn>
                </a:cxnLst>
                <a:rect l="T21" t="T22" r="T23" b="T24"/>
                <a:pathLst>
                  <a:path w="19" h="24">
                    <a:moveTo>
                      <a:pt x="4" y="0"/>
                    </a:moveTo>
                    <a:lnTo>
                      <a:pt x="19" y="15"/>
                    </a:lnTo>
                    <a:lnTo>
                      <a:pt x="17" y="24"/>
                    </a:lnTo>
                    <a:lnTo>
                      <a:pt x="11" y="22"/>
                    </a:lnTo>
                    <a:lnTo>
                      <a:pt x="11" y="15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97" name="Freeform 84"/>
              <p:cNvSpPr>
                <a:spLocks/>
              </p:cNvSpPr>
              <p:nvPr/>
            </p:nvSpPr>
            <p:spPr bwMode="auto">
              <a:xfrm>
                <a:off x="1107" y="3322"/>
                <a:ext cx="19" cy="24"/>
              </a:xfrm>
              <a:custGeom>
                <a:avLst/>
                <a:gdLst>
                  <a:gd name="T0" fmla="*/ 4 w 19"/>
                  <a:gd name="T1" fmla="*/ 0 h 24"/>
                  <a:gd name="T2" fmla="*/ 19 w 19"/>
                  <a:gd name="T3" fmla="*/ 15 h 24"/>
                  <a:gd name="T4" fmla="*/ 17 w 19"/>
                  <a:gd name="T5" fmla="*/ 24 h 24"/>
                  <a:gd name="T6" fmla="*/ 11 w 19"/>
                  <a:gd name="T7" fmla="*/ 22 h 24"/>
                  <a:gd name="T8" fmla="*/ 11 w 19"/>
                  <a:gd name="T9" fmla="*/ 15 h 24"/>
                  <a:gd name="T10" fmla="*/ 0 w 19"/>
                  <a:gd name="T11" fmla="*/ 2 h 24"/>
                  <a:gd name="T12" fmla="*/ 4 w 19"/>
                  <a:gd name="T13" fmla="*/ 0 h 24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w 19"/>
                  <a:gd name="T22" fmla="*/ 0 h 24"/>
                  <a:gd name="T23" fmla="*/ 19 w 19"/>
                  <a:gd name="T24" fmla="*/ 24 h 24"/>
                </a:gdLst>
                <a:ahLst/>
                <a:cxnLst>
                  <a:cxn ang="T14">
                    <a:pos x="T0" y="T1"/>
                  </a:cxn>
                  <a:cxn ang="T15">
                    <a:pos x="T2" y="T3"/>
                  </a:cxn>
                  <a:cxn ang="T16">
                    <a:pos x="T4" y="T5"/>
                  </a:cxn>
                  <a:cxn ang="T17">
                    <a:pos x="T6" y="T7"/>
                  </a:cxn>
                  <a:cxn ang="T18">
                    <a:pos x="T8" y="T9"/>
                  </a:cxn>
                  <a:cxn ang="T19">
                    <a:pos x="T10" y="T11"/>
                  </a:cxn>
                  <a:cxn ang="T20">
                    <a:pos x="T12" y="T13"/>
                  </a:cxn>
                </a:cxnLst>
                <a:rect l="T21" t="T22" r="T23" b="T24"/>
                <a:pathLst>
                  <a:path w="19" h="24">
                    <a:moveTo>
                      <a:pt x="4" y="0"/>
                    </a:moveTo>
                    <a:lnTo>
                      <a:pt x="19" y="15"/>
                    </a:lnTo>
                    <a:lnTo>
                      <a:pt x="17" y="24"/>
                    </a:lnTo>
                    <a:lnTo>
                      <a:pt x="11" y="22"/>
                    </a:lnTo>
                    <a:lnTo>
                      <a:pt x="11" y="15"/>
                    </a:lnTo>
                    <a:lnTo>
                      <a:pt x="0" y="2"/>
                    </a:lnTo>
                    <a:lnTo>
                      <a:pt x="4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98" name="Freeform 85"/>
              <p:cNvSpPr>
                <a:spLocks/>
              </p:cNvSpPr>
              <p:nvPr/>
            </p:nvSpPr>
            <p:spPr bwMode="auto">
              <a:xfrm>
                <a:off x="1153" y="3370"/>
                <a:ext cx="27" cy="25"/>
              </a:xfrm>
              <a:custGeom>
                <a:avLst/>
                <a:gdLst>
                  <a:gd name="T0" fmla="*/ 2 w 27"/>
                  <a:gd name="T1" fmla="*/ 0 h 25"/>
                  <a:gd name="T2" fmla="*/ 10 w 27"/>
                  <a:gd name="T3" fmla="*/ 1 h 25"/>
                  <a:gd name="T4" fmla="*/ 27 w 27"/>
                  <a:gd name="T5" fmla="*/ 20 h 25"/>
                  <a:gd name="T6" fmla="*/ 24 w 27"/>
                  <a:gd name="T7" fmla="*/ 25 h 25"/>
                  <a:gd name="T8" fmla="*/ 14 w 27"/>
                  <a:gd name="T9" fmla="*/ 16 h 25"/>
                  <a:gd name="T10" fmla="*/ 7 w 27"/>
                  <a:gd name="T11" fmla="*/ 15 h 25"/>
                  <a:gd name="T12" fmla="*/ 0 w 27"/>
                  <a:gd name="T13" fmla="*/ 6 h 25"/>
                  <a:gd name="T14" fmla="*/ 2 w 27"/>
                  <a:gd name="T15" fmla="*/ 0 h 2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7"/>
                  <a:gd name="T25" fmla="*/ 0 h 25"/>
                  <a:gd name="T26" fmla="*/ 27 w 27"/>
                  <a:gd name="T27" fmla="*/ 25 h 2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7" h="25">
                    <a:moveTo>
                      <a:pt x="2" y="0"/>
                    </a:moveTo>
                    <a:lnTo>
                      <a:pt x="10" y="1"/>
                    </a:lnTo>
                    <a:lnTo>
                      <a:pt x="27" y="20"/>
                    </a:lnTo>
                    <a:lnTo>
                      <a:pt x="24" y="25"/>
                    </a:lnTo>
                    <a:lnTo>
                      <a:pt x="14" y="16"/>
                    </a:lnTo>
                    <a:lnTo>
                      <a:pt x="7" y="15"/>
                    </a:lnTo>
                    <a:lnTo>
                      <a:pt x="0" y="6"/>
                    </a:lnTo>
                    <a:lnTo>
                      <a:pt x="2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99" name="Freeform 86"/>
              <p:cNvSpPr>
                <a:spLocks/>
              </p:cNvSpPr>
              <p:nvPr/>
            </p:nvSpPr>
            <p:spPr bwMode="auto">
              <a:xfrm>
                <a:off x="1153" y="3370"/>
                <a:ext cx="27" cy="25"/>
              </a:xfrm>
              <a:custGeom>
                <a:avLst/>
                <a:gdLst>
                  <a:gd name="T0" fmla="*/ 2 w 27"/>
                  <a:gd name="T1" fmla="*/ 0 h 25"/>
                  <a:gd name="T2" fmla="*/ 10 w 27"/>
                  <a:gd name="T3" fmla="*/ 1 h 25"/>
                  <a:gd name="T4" fmla="*/ 27 w 27"/>
                  <a:gd name="T5" fmla="*/ 20 h 25"/>
                  <a:gd name="T6" fmla="*/ 24 w 27"/>
                  <a:gd name="T7" fmla="*/ 25 h 25"/>
                  <a:gd name="T8" fmla="*/ 14 w 27"/>
                  <a:gd name="T9" fmla="*/ 16 h 25"/>
                  <a:gd name="T10" fmla="*/ 7 w 27"/>
                  <a:gd name="T11" fmla="*/ 15 h 25"/>
                  <a:gd name="T12" fmla="*/ 0 w 27"/>
                  <a:gd name="T13" fmla="*/ 6 h 25"/>
                  <a:gd name="T14" fmla="*/ 2 w 27"/>
                  <a:gd name="T15" fmla="*/ 0 h 2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7"/>
                  <a:gd name="T25" fmla="*/ 0 h 25"/>
                  <a:gd name="T26" fmla="*/ 27 w 27"/>
                  <a:gd name="T27" fmla="*/ 25 h 2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7" h="25">
                    <a:moveTo>
                      <a:pt x="2" y="0"/>
                    </a:moveTo>
                    <a:lnTo>
                      <a:pt x="10" y="1"/>
                    </a:lnTo>
                    <a:lnTo>
                      <a:pt x="27" y="20"/>
                    </a:lnTo>
                    <a:lnTo>
                      <a:pt x="24" y="25"/>
                    </a:lnTo>
                    <a:lnTo>
                      <a:pt x="14" y="16"/>
                    </a:lnTo>
                    <a:lnTo>
                      <a:pt x="7" y="15"/>
                    </a:lnTo>
                    <a:lnTo>
                      <a:pt x="0" y="6"/>
                    </a:lnTo>
                    <a:lnTo>
                      <a:pt x="2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00" name="Freeform 87"/>
              <p:cNvSpPr>
                <a:spLocks/>
              </p:cNvSpPr>
              <p:nvPr/>
            </p:nvSpPr>
            <p:spPr bwMode="auto">
              <a:xfrm>
                <a:off x="1175" y="3412"/>
                <a:ext cx="25" cy="20"/>
              </a:xfrm>
              <a:custGeom>
                <a:avLst/>
                <a:gdLst>
                  <a:gd name="T0" fmla="*/ 0 w 25"/>
                  <a:gd name="T1" fmla="*/ 2 h 20"/>
                  <a:gd name="T2" fmla="*/ 12 w 25"/>
                  <a:gd name="T3" fmla="*/ 2 h 20"/>
                  <a:gd name="T4" fmla="*/ 12 w 25"/>
                  <a:gd name="T5" fmla="*/ 12 h 20"/>
                  <a:gd name="T6" fmla="*/ 19 w 25"/>
                  <a:gd name="T7" fmla="*/ 10 h 20"/>
                  <a:gd name="T8" fmla="*/ 17 w 25"/>
                  <a:gd name="T9" fmla="*/ 0 h 20"/>
                  <a:gd name="T10" fmla="*/ 19 w 25"/>
                  <a:gd name="T11" fmla="*/ 0 h 20"/>
                  <a:gd name="T12" fmla="*/ 20 w 25"/>
                  <a:gd name="T13" fmla="*/ 2 h 20"/>
                  <a:gd name="T14" fmla="*/ 22 w 25"/>
                  <a:gd name="T15" fmla="*/ 3 h 20"/>
                  <a:gd name="T16" fmla="*/ 24 w 25"/>
                  <a:gd name="T17" fmla="*/ 5 h 20"/>
                  <a:gd name="T18" fmla="*/ 25 w 25"/>
                  <a:gd name="T19" fmla="*/ 8 h 20"/>
                  <a:gd name="T20" fmla="*/ 25 w 25"/>
                  <a:gd name="T21" fmla="*/ 12 h 20"/>
                  <a:gd name="T22" fmla="*/ 24 w 25"/>
                  <a:gd name="T23" fmla="*/ 15 h 20"/>
                  <a:gd name="T24" fmla="*/ 22 w 25"/>
                  <a:gd name="T25" fmla="*/ 20 h 20"/>
                  <a:gd name="T26" fmla="*/ 20 w 25"/>
                  <a:gd name="T27" fmla="*/ 20 h 20"/>
                  <a:gd name="T28" fmla="*/ 19 w 25"/>
                  <a:gd name="T29" fmla="*/ 20 h 20"/>
                  <a:gd name="T30" fmla="*/ 17 w 25"/>
                  <a:gd name="T31" fmla="*/ 20 h 20"/>
                  <a:gd name="T32" fmla="*/ 14 w 25"/>
                  <a:gd name="T33" fmla="*/ 18 h 20"/>
                  <a:gd name="T34" fmla="*/ 12 w 25"/>
                  <a:gd name="T35" fmla="*/ 18 h 20"/>
                  <a:gd name="T36" fmla="*/ 10 w 25"/>
                  <a:gd name="T37" fmla="*/ 18 h 20"/>
                  <a:gd name="T38" fmla="*/ 9 w 25"/>
                  <a:gd name="T39" fmla="*/ 18 h 20"/>
                  <a:gd name="T40" fmla="*/ 9 w 25"/>
                  <a:gd name="T41" fmla="*/ 18 h 20"/>
                  <a:gd name="T42" fmla="*/ 2 w 25"/>
                  <a:gd name="T43" fmla="*/ 10 h 20"/>
                  <a:gd name="T44" fmla="*/ 0 w 25"/>
                  <a:gd name="T45" fmla="*/ 2 h 20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w 25"/>
                  <a:gd name="T70" fmla="*/ 0 h 20"/>
                  <a:gd name="T71" fmla="*/ 25 w 25"/>
                  <a:gd name="T72" fmla="*/ 20 h 20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T69" t="T70" r="T71" b="T72"/>
                <a:pathLst>
                  <a:path w="25" h="20">
                    <a:moveTo>
                      <a:pt x="0" y="2"/>
                    </a:moveTo>
                    <a:lnTo>
                      <a:pt x="12" y="2"/>
                    </a:lnTo>
                    <a:lnTo>
                      <a:pt x="12" y="12"/>
                    </a:lnTo>
                    <a:lnTo>
                      <a:pt x="19" y="10"/>
                    </a:lnTo>
                    <a:lnTo>
                      <a:pt x="17" y="0"/>
                    </a:lnTo>
                    <a:lnTo>
                      <a:pt x="19" y="0"/>
                    </a:lnTo>
                    <a:lnTo>
                      <a:pt x="20" y="2"/>
                    </a:lnTo>
                    <a:lnTo>
                      <a:pt x="22" y="3"/>
                    </a:lnTo>
                    <a:lnTo>
                      <a:pt x="24" y="5"/>
                    </a:lnTo>
                    <a:lnTo>
                      <a:pt x="25" y="8"/>
                    </a:lnTo>
                    <a:lnTo>
                      <a:pt x="25" y="12"/>
                    </a:lnTo>
                    <a:lnTo>
                      <a:pt x="24" y="15"/>
                    </a:lnTo>
                    <a:lnTo>
                      <a:pt x="22" y="20"/>
                    </a:lnTo>
                    <a:lnTo>
                      <a:pt x="20" y="20"/>
                    </a:lnTo>
                    <a:lnTo>
                      <a:pt x="19" y="20"/>
                    </a:lnTo>
                    <a:lnTo>
                      <a:pt x="17" y="20"/>
                    </a:lnTo>
                    <a:lnTo>
                      <a:pt x="14" y="18"/>
                    </a:lnTo>
                    <a:lnTo>
                      <a:pt x="12" y="18"/>
                    </a:lnTo>
                    <a:lnTo>
                      <a:pt x="10" y="18"/>
                    </a:lnTo>
                    <a:lnTo>
                      <a:pt x="9" y="18"/>
                    </a:lnTo>
                    <a:lnTo>
                      <a:pt x="2" y="10"/>
                    </a:lnTo>
                    <a:lnTo>
                      <a:pt x="0" y="2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01" name="Freeform 88"/>
              <p:cNvSpPr>
                <a:spLocks/>
              </p:cNvSpPr>
              <p:nvPr/>
            </p:nvSpPr>
            <p:spPr bwMode="auto">
              <a:xfrm>
                <a:off x="1175" y="3412"/>
                <a:ext cx="25" cy="20"/>
              </a:xfrm>
              <a:custGeom>
                <a:avLst/>
                <a:gdLst>
                  <a:gd name="T0" fmla="*/ 0 w 25"/>
                  <a:gd name="T1" fmla="*/ 2 h 20"/>
                  <a:gd name="T2" fmla="*/ 12 w 25"/>
                  <a:gd name="T3" fmla="*/ 2 h 20"/>
                  <a:gd name="T4" fmla="*/ 12 w 25"/>
                  <a:gd name="T5" fmla="*/ 12 h 20"/>
                  <a:gd name="T6" fmla="*/ 19 w 25"/>
                  <a:gd name="T7" fmla="*/ 10 h 20"/>
                  <a:gd name="T8" fmla="*/ 17 w 25"/>
                  <a:gd name="T9" fmla="*/ 0 h 20"/>
                  <a:gd name="T10" fmla="*/ 17 w 25"/>
                  <a:gd name="T11" fmla="*/ 0 h 20"/>
                  <a:gd name="T12" fmla="*/ 19 w 25"/>
                  <a:gd name="T13" fmla="*/ 0 h 20"/>
                  <a:gd name="T14" fmla="*/ 20 w 25"/>
                  <a:gd name="T15" fmla="*/ 2 h 20"/>
                  <a:gd name="T16" fmla="*/ 22 w 25"/>
                  <a:gd name="T17" fmla="*/ 3 h 20"/>
                  <a:gd name="T18" fmla="*/ 24 w 25"/>
                  <a:gd name="T19" fmla="*/ 5 h 20"/>
                  <a:gd name="T20" fmla="*/ 25 w 25"/>
                  <a:gd name="T21" fmla="*/ 8 h 20"/>
                  <a:gd name="T22" fmla="*/ 25 w 25"/>
                  <a:gd name="T23" fmla="*/ 12 h 20"/>
                  <a:gd name="T24" fmla="*/ 24 w 25"/>
                  <a:gd name="T25" fmla="*/ 15 h 20"/>
                  <a:gd name="T26" fmla="*/ 22 w 25"/>
                  <a:gd name="T27" fmla="*/ 20 h 20"/>
                  <a:gd name="T28" fmla="*/ 22 w 25"/>
                  <a:gd name="T29" fmla="*/ 20 h 20"/>
                  <a:gd name="T30" fmla="*/ 20 w 25"/>
                  <a:gd name="T31" fmla="*/ 20 h 20"/>
                  <a:gd name="T32" fmla="*/ 19 w 25"/>
                  <a:gd name="T33" fmla="*/ 20 h 20"/>
                  <a:gd name="T34" fmla="*/ 17 w 25"/>
                  <a:gd name="T35" fmla="*/ 20 h 20"/>
                  <a:gd name="T36" fmla="*/ 14 w 25"/>
                  <a:gd name="T37" fmla="*/ 18 h 20"/>
                  <a:gd name="T38" fmla="*/ 12 w 25"/>
                  <a:gd name="T39" fmla="*/ 18 h 20"/>
                  <a:gd name="T40" fmla="*/ 10 w 25"/>
                  <a:gd name="T41" fmla="*/ 18 h 20"/>
                  <a:gd name="T42" fmla="*/ 9 w 25"/>
                  <a:gd name="T43" fmla="*/ 18 h 20"/>
                  <a:gd name="T44" fmla="*/ 9 w 25"/>
                  <a:gd name="T45" fmla="*/ 18 h 20"/>
                  <a:gd name="T46" fmla="*/ 2 w 25"/>
                  <a:gd name="T47" fmla="*/ 10 h 20"/>
                  <a:gd name="T48" fmla="*/ 0 w 25"/>
                  <a:gd name="T49" fmla="*/ 2 h 20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25"/>
                  <a:gd name="T76" fmla="*/ 0 h 20"/>
                  <a:gd name="T77" fmla="*/ 25 w 25"/>
                  <a:gd name="T78" fmla="*/ 20 h 20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25" h="20">
                    <a:moveTo>
                      <a:pt x="0" y="2"/>
                    </a:moveTo>
                    <a:lnTo>
                      <a:pt x="12" y="2"/>
                    </a:lnTo>
                    <a:lnTo>
                      <a:pt x="12" y="12"/>
                    </a:lnTo>
                    <a:lnTo>
                      <a:pt x="19" y="10"/>
                    </a:lnTo>
                    <a:lnTo>
                      <a:pt x="17" y="0"/>
                    </a:lnTo>
                    <a:lnTo>
                      <a:pt x="19" y="0"/>
                    </a:lnTo>
                    <a:lnTo>
                      <a:pt x="20" y="2"/>
                    </a:lnTo>
                    <a:lnTo>
                      <a:pt x="22" y="3"/>
                    </a:lnTo>
                    <a:lnTo>
                      <a:pt x="24" y="5"/>
                    </a:lnTo>
                    <a:lnTo>
                      <a:pt x="25" y="8"/>
                    </a:lnTo>
                    <a:lnTo>
                      <a:pt x="25" y="12"/>
                    </a:lnTo>
                    <a:lnTo>
                      <a:pt x="24" y="15"/>
                    </a:lnTo>
                    <a:lnTo>
                      <a:pt x="22" y="20"/>
                    </a:lnTo>
                    <a:lnTo>
                      <a:pt x="20" y="20"/>
                    </a:lnTo>
                    <a:lnTo>
                      <a:pt x="19" y="20"/>
                    </a:lnTo>
                    <a:lnTo>
                      <a:pt x="17" y="20"/>
                    </a:lnTo>
                    <a:lnTo>
                      <a:pt x="14" y="18"/>
                    </a:lnTo>
                    <a:lnTo>
                      <a:pt x="12" y="18"/>
                    </a:lnTo>
                    <a:lnTo>
                      <a:pt x="10" y="18"/>
                    </a:lnTo>
                    <a:lnTo>
                      <a:pt x="9" y="18"/>
                    </a:lnTo>
                    <a:lnTo>
                      <a:pt x="2" y="10"/>
                    </a:lnTo>
                    <a:lnTo>
                      <a:pt x="0" y="2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02" name="Freeform 89"/>
              <p:cNvSpPr>
                <a:spLocks/>
              </p:cNvSpPr>
              <p:nvPr/>
            </p:nvSpPr>
            <p:spPr bwMode="auto">
              <a:xfrm>
                <a:off x="1126" y="3351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3 h 10"/>
                  <a:gd name="T4" fmla="*/ 0 w 8"/>
                  <a:gd name="T5" fmla="*/ 2 h 10"/>
                  <a:gd name="T6" fmla="*/ 2 w 8"/>
                  <a:gd name="T7" fmla="*/ 0 h 10"/>
                  <a:gd name="T8" fmla="*/ 3 w 8"/>
                  <a:gd name="T9" fmla="*/ 0 h 10"/>
                  <a:gd name="T10" fmla="*/ 5 w 8"/>
                  <a:gd name="T11" fmla="*/ 0 h 10"/>
                  <a:gd name="T12" fmla="*/ 7 w 8"/>
                  <a:gd name="T13" fmla="*/ 2 h 10"/>
                  <a:gd name="T14" fmla="*/ 7 w 8"/>
                  <a:gd name="T15" fmla="*/ 3 h 10"/>
                  <a:gd name="T16" fmla="*/ 8 w 8"/>
                  <a:gd name="T17" fmla="*/ 5 h 10"/>
                  <a:gd name="T18" fmla="*/ 7 w 8"/>
                  <a:gd name="T19" fmla="*/ 7 h 10"/>
                  <a:gd name="T20" fmla="*/ 7 w 8"/>
                  <a:gd name="T21" fmla="*/ 8 h 10"/>
                  <a:gd name="T22" fmla="*/ 5 w 8"/>
                  <a:gd name="T23" fmla="*/ 10 h 10"/>
                  <a:gd name="T24" fmla="*/ 3 w 8"/>
                  <a:gd name="T25" fmla="*/ 10 h 10"/>
                  <a:gd name="T26" fmla="*/ 2 w 8"/>
                  <a:gd name="T27" fmla="*/ 10 h 10"/>
                  <a:gd name="T28" fmla="*/ 0 w 8"/>
                  <a:gd name="T29" fmla="*/ 8 h 10"/>
                  <a:gd name="T30" fmla="*/ 0 w 8"/>
                  <a:gd name="T31" fmla="*/ 7 h 10"/>
                  <a:gd name="T32" fmla="*/ 0 w 8"/>
                  <a:gd name="T33" fmla="*/ 5 h 1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8"/>
                  <a:gd name="T52" fmla="*/ 0 h 10"/>
                  <a:gd name="T53" fmla="*/ 8 w 8"/>
                  <a:gd name="T54" fmla="*/ 10 h 10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8" h="10">
                    <a:moveTo>
                      <a:pt x="0" y="5"/>
                    </a:moveTo>
                    <a:lnTo>
                      <a:pt x="0" y="3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2"/>
                    </a:lnTo>
                    <a:lnTo>
                      <a:pt x="7" y="3"/>
                    </a:lnTo>
                    <a:lnTo>
                      <a:pt x="8" y="5"/>
                    </a:lnTo>
                    <a:lnTo>
                      <a:pt x="7" y="7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03" name="Freeform 90"/>
              <p:cNvSpPr>
                <a:spLocks/>
              </p:cNvSpPr>
              <p:nvPr/>
            </p:nvSpPr>
            <p:spPr bwMode="auto">
              <a:xfrm>
                <a:off x="1126" y="3351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5 h 10"/>
                  <a:gd name="T4" fmla="*/ 0 w 8"/>
                  <a:gd name="T5" fmla="*/ 3 h 10"/>
                  <a:gd name="T6" fmla="*/ 0 w 8"/>
                  <a:gd name="T7" fmla="*/ 2 h 10"/>
                  <a:gd name="T8" fmla="*/ 2 w 8"/>
                  <a:gd name="T9" fmla="*/ 0 h 10"/>
                  <a:gd name="T10" fmla="*/ 3 w 8"/>
                  <a:gd name="T11" fmla="*/ 0 h 10"/>
                  <a:gd name="T12" fmla="*/ 3 w 8"/>
                  <a:gd name="T13" fmla="*/ 0 h 10"/>
                  <a:gd name="T14" fmla="*/ 5 w 8"/>
                  <a:gd name="T15" fmla="*/ 0 h 10"/>
                  <a:gd name="T16" fmla="*/ 7 w 8"/>
                  <a:gd name="T17" fmla="*/ 2 h 10"/>
                  <a:gd name="T18" fmla="*/ 7 w 8"/>
                  <a:gd name="T19" fmla="*/ 3 h 10"/>
                  <a:gd name="T20" fmla="*/ 8 w 8"/>
                  <a:gd name="T21" fmla="*/ 5 h 10"/>
                  <a:gd name="T22" fmla="*/ 8 w 8"/>
                  <a:gd name="T23" fmla="*/ 5 h 10"/>
                  <a:gd name="T24" fmla="*/ 7 w 8"/>
                  <a:gd name="T25" fmla="*/ 7 h 10"/>
                  <a:gd name="T26" fmla="*/ 7 w 8"/>
                  <a:gd name="T27" fmla="*/ 8 h 10"/>
                  <a:gd name="T28" fmla="*/ 5 w 8"/>
                  <a:gd name="T29" fmla="*/ 10 h 10"/>
                  <a:gd name="T30" fmla="*/ 3 w 8"/>
                  <a:gd name="T31" fmla="*/ 10 h 10"/>
                  <a:gd name="T32" fmla="*/ 3 w 8"/>
                  <a:gd name="T33" fmla="*/ 10 h 10"/>
                  <a:gd name="T34" fmla="*/ 2 w 8"/>
                  <a:gd name="T35" fmla="*/ 10 h 10"/>
                  <a:gd name="T36" fmla="*/ 0 w 8"/>
                  <a:gd name="T37" fmla="*/ 8 h 10"/>
                  <a:gd name="T38" fmla="*/ 0 w 8"/>
                  <a:gd name="T39" fmla="*/ 7 h 10"/>
                  <a:gd name="T40" fmla="*/ 0 w 8"/>
                  <a:gd name="T41" fmla="*/ 5 h 1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8"/>
                  <a:gd name="T64" fmla="*/ 0 h 10"/>
                  <a:gd name="T65" fmla="*/ 8 w 8"/>
                  <a:gd name="T66" fmla="*/ 10 h 10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8" h="10">
                    <a:moveTo>
                      <a:pt x="0" y="5"/>
                    </a:moveTo>
                    <a:lnTo>
                      <a:pt x="0" y="5"/>
                    </a:lnTo>
                    <a:lnTo>
                      <a:pt x="0" y="3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2"/>
                    </a:lnTo>
                    <a:lnTo>
                      <a:pt x="7" y="3"/>
                    </a:lnTo>
                    <a:lnTo>
                      <a:pt x="8" y="5"/>
                    </a:lnTo>
                    <a:lnTo>
                      <a:pt x="7" y="7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04" name="Freeform 91"/>
              <p:cNvSpPr>
                <a:spLocks/>
              </p:cNvSpPr>
              <p:nvPr/>
            </p:nvSpPr>
            <p:spPr bwMode="auto">
              <a:xfrm>
                <a:off x="1138" y="3351"/>
                <a:ext cx="10" cy="10"/>
              </a:xfrm>
              <a:custGeom>
                <a:avLst/>
                <a:gdLst>
                  <a:gd name="T0" fmla="*/ 0 w 10"/>
                  <a:gd name="T1" fmla="*/ 5 h 10"/>
                  <a:gd name="T2" fmla="*/ 0 w 10"/>
                  <a:gd name="T3" fmla="*/ 2 h 10"/>
                  <a:gd name="T4" fmla="*/ 2 w 10"/>
                  <a:gd name="T5" fmla="*/ 0 h 10"/>
                  <a:gd name="T6" fmla="*/ 3 w 10"/>
                  <a:gd name="T7" fmla="*/ 0 h 10"/>
                  <a:gd name="T8" fmla="*/ 5 w 10"/>
                  <a:gd name="T9" fmla="*/ 0 h 10"/>
                  <a:gd name="T10" fmla="*/ 7 w 10"/>
                  <a:gd name="T11" fmla="*/ 0 h 10"/>
                  <a:gd name="T12" fmla="*/ 8 w 10"/>
                  <a:gd name="T13" fmla="*/ 0 h 10"/>
                  <a:gd name="T14" fmla="*/ 8 w 10"/>
                  <a:gd name="T15" fmla="*/ 2 h 10"/>
                  <a:gd name="T16" fmla="*/ 10 w 10"/>
                  <a:gd name="T17" fmla="*/ 5 h 10"/>
                  <a:gd name="T18" fmla="*/ 8 w 10"/>
                  <a:gd name="T19" fmla="*/ 7 h 10"/>
                  <a:gd name="T20" fmla="*/ 8 w 10"/>
                  <a:gd name="T21" fmla="*/ 8 h 10"/>
                  <a:gd name="T22" fmla="*/ 7 w 10"/>
                  <a:gd name="T23" fmla="*/ 10 h 10"/>
                  <a:gd name="T24" fmla="*/ 5 w 10"/>
                  <a:gd name="T25" fmla="*/ 10 h 10"/>
                  <a:gd name="T26" fmla="*/ 3 w 10"/>
                  <a:gd name="T27" fmla="*/ 10 h 10"/>
                  <a:gd name="T28" fmla="*/ 2 w 10"/>
                  <a:gd name="T29" fmla="*/ 8 h 10"/>
                  <a:gd name="T30" fmla="*/ 0 w 10"/>
                  <a:gd name="T31" fmla="*/ 7 h 10"/>
                  <a:gd name="T32" fmla="*/ 0 w 10"/>
                  <a:gd name="T33" fmla="*/ 5 h 1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0"/>
                  <a:gd name="T52" fmla="*/ 0 h 10"/>
                  <a:gd name="T53" fmla="*/ 10 w 10"/>
                  <a:gd name="T54" fmla="*/ 10 h 10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0" h="10">
                    <a:moveTo>
                      <a:pt x="0" y="5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8" y="0"/>
                    </a:lnTo>
                    <a:lnTo>
                      <a:pt x="8" y="2"/>
                    </a:lnTo>
                    <a:lnTo>
                      <a:pt x="10" y="5"/>
                    </a:lnTo>
                    <a:lnTo>
                      <a:pt x="8" y="7"/>
                    </a:lnTo>
                    <a:lnTo>
                      <a:pt x="8" y="8"/>
                    </a:lnTo>
                    <a:lnTo>
                      <a:pt x="7" y="10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8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05" name="Freeform 92"/>
              <p:cNvSpPr>
                <a:spLocks/>
              </p:cNvSpPr>
              <p:nvPr/>
            </p:nvSpPr>
            <p:spPr bwMode="auto">
              <a:xfrm>
                <a:off x="1138" y="3351"/>
                <a:ext cx="10" cy="10"/>
              </a:xfrm>
              <a:custGeom>
                <a:avLst/>
                <a:gdLst>
                  <a:gd name="T0" fmla="*/ 0 w 10"/>
                  <a:gd name="T1" fmla="*/ 5 h 10"/>
                  <a:gd name="T2" fmla="*/ 0 w 10"/>
                  <a:gd name="T3" fmla="*/ 5 h 10"/>
                  <a:gd name="T4" fmla="*/ 0 w 10"/>
                  <a:gd name="T5" fmla="*/ 2 h 10"/>
                  <a:gd name="T6" fmla="*/ 2 w 10"/>
                  <a:gd name="T7" fmla="*/ 0 h 10"/>
                  <a:gd name="T8" fmla="*/ 3 w 10"/>
                  <a:gd name="T9" fmla="*/ 0 h 10"/>
                  <a:gd name="T10" fmla="*/ 5 w 10"/>
                  <a:gd name="T11" fmla="*/ 0 h 10"/>
                  <a:gd name="T12" fmla="*/ 5 w 10"/>
                  <a:gd name="T13" fmla="*/ 0 h 10"/>
                  <a:gd name="T14" fmla="*/ 7 w 10"/>
                  <a:gd name="T15" fmla="*/ 0 h 10"/>
                  <a:gd name="T16" fmla="*/ 8 w 10"/>
                  <a:gd name="T17" fmla="*/ 0 h 10"/>
                  <a:gd name="T18" fmla="*/ 8 w 10"/>
                  <a:gd name="T19" fmla="*/ 2 h 10"/>
                  <a:gd name="T20" fmla="*/ 10 w 10"/>
                  <a:gd name="T21" fmla="*/ 5 h 10"/>
                  <a:gd name="T22" fmla="*/ 10 w 10"/>
                  <a:gd name="T23" fmla="*/ 5 h 10"/>
                  <a:gd name="T24" fmla="*/ 8 w 10"/>
                  <a:gd name="T25" fmla="*/ 7 h 10"/>
                  <a:gd name="T26" fmla="*/ 8 w 10"/>
                  <a:gd name="T27" fmla="*/ 8 h 10"/>
                  <a:gd name="T28" fmla="*/ 7 w 10"/>
                  <a:gd name="T29" fmla="*/ 10 h 10"/>
                  <a:gd name="T30" fmla="*/ 5 w 10"/>
                  <a:gd name="T31" fmla="*/ 10 h 10"/>
                  <a:gd name="T32" fmla="*/ 5 w 10"/>
                  <a:gd name="T33" fmla="*/ 10 h 10"/>
                  <a:gd name="T34" fmla="*/ 3 w 10"/>
                  <a:gd name="T35" fmla="*/ 10 h 10"/>
                  <a:gd name="T36" fmla="*/ 2 w 10"/>
                  <a:gd name="T37" fmla="*/ 8 h 10"/>
                  <a:gd name="T38" fmla="*/ 0 w 10"/>
                  <a:gd name="T39" fmla="*/ 7 h 10"/>
                  <a:gd name="T40" fmla="*/ 0 w 10"/>
                  <a:gd name="T41" fmla="*/ 5 h 1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0"/>
                  <a:gd name="T64" fmla="*/ 0 h 10"/>
                  <a:gd name="T65" fmla="*/ 10 w 10"/>
                  <a:gd name="T66" fmla="*/ 10 h 10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0" h="10">
                    <a:moveTo>
                      <a:pt x="0" y="5"/>
                    </a:moveTo>
                    <a:lnTo>
                      <a:pt x="0" y="5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8" y="0"/>
                    </a:lnTo>
                    <a:lnTo>
                      <a:pt x="8" y="2"/>
                    </a:lnTo>
                    <a:lnTo>
                      <a:pt x="10" y="5"/>
                    </a:lnTo>
                    <a:lnTo>
                      <a:pt x="8" y="7"/>
                    </a:lnTo>
                    <a:lnTo>
                      <a:pt x="8" y="8"/>
                    </a:lnTo>
                    <a:lnTo>
                      <a:pt x="7" y="10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8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06" name="Freeform 93"/>
              <p:cNvSpPr>
                <a:spLocks/>
              </p:cNvSpPr>
              <p:nvPr/>
            </p:nvSpPr>
            <p:spPr bwMode="auto">
              <a:xfrm>
                <a:off x="828" y="3395"/>
                <a:ext cx="36" cy="29"/>
              </a:xfrm>
              <a:custGeom>
                <a:avLst/>
                <a:gdLst>
                  <a:gd name="T0" fmla="*/ 32 w 36"/>
                  <a:gd name="T1" fmla="*/ 0 h 29"/>
                  <a:gd name="T2" fmla="*/ 22 w 36"/>
                  <a:gd name="T3" fmla="*/ 2 h 29"/>
                  <a:gd name="T4" fmla="*/ 15 w 36"/>
                  <a:gd name="T5" fmla="*/ 5 h 29"/>
                  <a:gd name="T6" fmla="*/ 17 w 36"/>
                  <a:gd name="T7" fmla="*/ 12 h 29"/>
                  <a:gd name="T8" fmla="*/ 12 w 36"/>
                  <a:gd name="T9" fmla="*/ 17 h 29"/>
                  <a:gd name="T10" fmla="*/ 5 w 36"/>
                  <a:gd name="T11" fmla="*/ 8 h 29"/>
                  <a:gd name="T12" fmla="*/ 0 w 36"/>
                  <a:gd name="T13" fmla="*/ 19 h 29"/>
                  <a:gd name="T14" fmla="*/ 5 w 36"/>
                  <a:gd name="T15" fmla="*/ 29 h 29"/>
                  <a:gd name="T16" fmla="*/ 19 w 36"/>
                  <a:gd name="T17" fmla="*/ 22 h 29"/>
                  <a:gd name="T18" fmla="*/ 27 w 36"/>
                  <a:gd name="T19" fmla="*/ 12 h 29"/>
                  <a:gd name="T20" fmla="*/ 36 w 36"/>
                  <a:gd name="T21" fmla="*/ 12 h 29"/>
                  <a:gd name="T22" fmla="*/ 34 w 36"/>
                  <a:gd name="T23" fmla="*/ 5 h 29"/>
                  <a:gd name="T24" fmla="*/ 32 w 36"/>
                  <a:gd name="T25" fmla="*/ 0 h 29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w 36"/>
                  <a:gd name="T40" fmla="*/ 0 h 29"/>
                  <a:gd name="T41" fmla="*/ 36 w 36"/>
                  <a:gd name="T42" fmla="*/ 29 h 29"/>
                </a:gdLst>
                <a:ahLst/>
                <a:cxnLst>
                  <a:cxn ang="T26">
                    <a:pos x="T0" y="T1"/>
                  </a:cxn>
                  <a:cxn ang="T27">
                    <a:pos x="T2" y="T3"/>
                  </a:cxn>
                  <a:cxn ang="T28">
                    <a:pos x="T4" y="T5"/>
                  </a:cxn>
                  <a:cxn ang="T29">
                    <a:pos x="T6" y="T7"/>
                  </a:cxn>
                  <a:cxn ang="T30">
                    <a:pos x="T8" y="T9"/>
                  </a:cxn>
                  <a:cxn ang="T31">
                    <a:pos x="T10" y="T11"/>
                  </a:cxn>
                  <a:cxn ang="T32">
                    <a:pos x="T12" y="T13"/>
                  </a:cxn>
                  <a:cxn ang="T33">
                    <a:pos x="T14" y="T15"/>
                  </a:cxn>
                  <a:cxn ang="T34">
                    <a:pos x="T16" y="T17"/>
                  </a:cxn>
                  <a:cxn ang="T35">
                    <a:pos x="T18" y="T19"/>
                  </a:cxn>
                  <a:cxn ang="T36">
                    <a:pos x="T20" y="T21"/>
                  </a:cxn>
                  <a:cxn ang="T37">
                    <a:pos x="T22" y="T23"/>
                  </a:cxn>
                  <a:cxn ang="T38">
                    <a:pos x="T24" y="T25"/>
                  </a:cxn>
                </a:cxnLst>
                <a:rect l="T39" t="T40" r="T41" b="T42"/>
                <a:pathLst>
                  <a:path w="36" h="29">
                    <a:moveTo>
                      <a:pt x="32" y="0"/>
                    </a:moveTo>
                    <a:lnTo>
                      <a:pt x="22" y="2"/>
                    </a:lnTo>
                    <a:lnTo>
                      <a:pt x="15" y="5"/>
                    </a:lnTo>
                    <a:lnTo>
                      <a:pt x="17" y="12"/>
                    </a:lnTo>
                    <a:lnTo>
                      <a:pt x="12" y="17"/>
                    </a:lnTo>
                    <a:lnTo>
                      <a:pt x="5" y="8"/>
                    </a:lnTo>
                    <a:lnTo>
                      <a:pt x="0" y="19"/>
                    </a:lnTo>
                    <a:lnTo>
                      <a:pt x="5" y="29"/>
                    </a:lnTo>
                    <a:lnTo>
                      <a:pt x="19" y="22"/>
                    </a:lnTo>
                    <a:lnTo>
                      <a:pt x="27" y="12"/>
                    </a:lnTo>
                    <a:lnTo>
                      <a:pt x="36" y="12"/>
                    </a:lnTo>
                    <a:lnTo>
                      <a:pt x="34" y="5"/>
                    </a:lnTo>
                    <a:lnTo>
                      <a:pt x="32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07" name="Freeform 94"/>
              <p:cNvSpPr>
                <a:spLocks/>
              </p:cNvSpPr>
              <p:nvPr/>
            </p:nvSpPr>
            <p:spPr bwMode="auto">
              <a:xfrm>
                <a:off x="828" y="3395"/>
                <a:ext cx="36" cy="29"/>
              </a:xfrm>
              <a:custGeom>
                <a:avLst/>
                <a:gdLst>
                  <a:gd name="T0" fmla="*/ 32 w 36"/>
                  <a:gd name="T1" fmla="*/ 0 h 29"/>
                  <a:gd name="T2" fmla="*/ 22 w 36"/>
                  <a:gd name="T3" fmla="*/ 2 h 29"/>
                  <a:gd name="T4" fmla="*/ 15 w 36"/>
                  <a:gd name="T5" fmla="*/ 5 h 29"/>
                  <a:gd name="T6" fmla="*/ 17 w 36"/>
                  <a:gd name="T7" fmla="*/ 12 h 29"/>
                  <a:gd name="T8" fmla="*/ 12 w 36"/>
                  <a:gd name="T9" fmla="*/ 17 h 29"/>
                  <a:gd name="T10" fmla="*/ 5 w 36"/>
                  <a:gd name="T11" fmla="*/ 8 h 29"/>
                  <a:gd name="T12" fmla="*/ 0 w 36"/>
                  <a:gd name="T13" fmla="*/ 19 h 29"/>
                  <a:gd name="T14" fmla="*/ 5 w 36"/>
                  <a:gd name="T15" fmla="*/ 29 h 29"/>
                  <a:gd name="T16" fmla="*/ 19 w 36"/>
                  <a:gd name="T17" fmla="*/ 22 h 29"/>
                  <a:gd name="T18" fmla="*/ 27 w 36"/>
                  <a:gd name="T19" fmla="*/ 12 h 29"/>
                  <a:gd name="T20" fmla="*/ 36 w 36"/>
                  <a:gd name="T21" fmla="*/ 12 h 29"/>
                  <a:gd name="T22" fmla="*/ 34 w 36"/>
                  <a:gd name="T23" fmla="*/ 5 h 29"/>
                  <a:gd name="T24" fmla="*/ 32 w 36"/>
                  <a:gd name="T25" fmla="*/ 0 h 29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w 36"/>
                  <a:gd name="T40" fmla="*/ 0 h 29"/>
                  <a:gd name="T41" fmla="*/ 36 w 36"/>
                  <a:gd name="T42" fmla="*/ 29 h 29"/>
                </a:gdLst>
                <a:ahLst/>
                <a:cxnLst>
                  <a:cxn ang="T26">
                    <a:pos x="T0" y="T1"/>
                  </a:cxn>
                  <a:cxn ang="T27">
                    <a:pos x="T2" y="T3"/>
                  </a:cxn>
                  <a:cxn ang="T28">
                    <a:pos x="T4" y="T5"/>
                  </a:cxn>
                  <a:cxn ang="T29">
                    <a:pos x="T6" y="T7"/>
                  </a:cxn>
                  <a:cxn ang="T30">
                    <a:pos x="T8" y="T9"/>
                  </a:cxn>
                  <a:cxn ang="T31">
                    <a:pos x="T10" y="T11"/>
                  </a:cxn>
                  <a:cxn ang="T32">
                    <a:pos x="T12" y="T13"/>
                  </a:cxn>
                  <a:cxn ang="T33">
                    <a:pos x="T14" y="T15"/>
                  </a:cxn>
                  <a:cxn ang="T34">
                    <a:pos x="T16" y="T17"/>
                  </a:cxn>
                  <a:cxn ang="T35">
                    <a:pos x="T18" y="T19"/>
                  </a:cxn>
                  <a:cxn ang="T36">
                    <a:pos x="T20" y="T21"/>
                  </a:cxn>
                  <a:cxn ang="T37">
                    <a:pos x="T22" y="T23"/>
                  </a:cxn>
                  <a:cxn ang="T38">
                    <a:pos x="T24" y="T25"/>
                  </a:cxn>
                </a:cxnLst>
                <a:rect l="T39" t="T40" r="T41" b="T42"/>
                <a:pathLst>
                  <a:path w="36" h="29">
                    <a:moveTo>
                      <a:pt x="32" y="0"/>
                    </a:moveTo>
                    <a:lnTo>
                      <a:pt x="22" y="2"/>
                    </a:lnTo>
                    <a:lnTo>
                      <a:pt x="15" y="5"/>
                    </a:lnTo>
                    <a:lnTo>
                      <a:pt x="17" y="12"/>
                    </a:lnTo>
                    <a:lnTo>
                      <a:pt x="12" y="17"/>
                    </a:lnTo>
                    <a:lnTo>
                      <a:pt x="5" y="8"/>
                    </a:lnTo>
                    <a:lnTo>
                      <a:pt x="0" y="19"/>
                    </a:lnTo>
                    <a:lnTo>
                      <a:pt x="5" y="29"/>
                    </a:lnTo>
                    <a:lnTo>
                      <a:pt x="19" y="22"/>
                    </a:lnTo>
                    <a:lnTo>
                      <a:pt x="27" y="12"/>
                    </a:lnTo>
                    <a:lnTo>
                      <a:pt x="36" y="12"/>
                    </a:lnTo>
                    <a:lnTo>
                      <a:pt x="34" y="5"/>
                    </a:lnTo>
                    <a:lnTo>
                      <a:pt x="32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08" name="Freeform 95"/>
              <p:cNvSpPr>
                <a:spLocks/>
              </p:cNvSpPr>
              <p:nvPr/>
            </p:nvSpPr>
            <p:spPr bwMode="auto">
              <a:xfrm>
                <a:off x="627" y="3507"/>
                <a:ext cx="20" cy="15"/>
              </a:xfrm>
              <a:custGeom>
                <a:avLst/>
                <a:gdLst>
                  <a:gd name="T0" fmla="*/ 8 w 20"/>
                  <a:gd name="T1" fmla="*/ 3 h 15"/>
                  <a:gd name="T2" fmla="*/ 15 w 20"/>
                  <a:gd name="T3" fmla="*/ 0 h 15"/>
                  <a:gd name="T4" fmla="*/ 20 w 20"/>
                  <a:gd name="T5" fmla="*/ 8 h 15"/>
                  <a:gd name="T6" fmla="*/ 7 w 20"/>
                  <a:gd name="T7" fmla="*/ 15 h 15"/>
                  <a:gd name="T8" fmla="*/ 0 w 20"/>
                  <a:gd name="T9" fmla="*/ 15 h 15"/>
                  <a:gd name="T10" fmla="*/ 5 w 20"/>
                  <a:gd name="T11" fmla="*/ 10 h 15"/>
                  <a:gd name="T12" fmla="*/ 13 w 20"/>
                  <a:gd name="T13" fmla="*/ 8 h 15"/>
                  <a:gd name="T14" fmla="*/ 8 w 20"/>
                  <a:gd name="T15" fmla="*/ 3 h 1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0"/>
                  <a:gd name="T25" fmla="*/ 0 h 15"/>
                  <a:gd name="T26" fmla="*/ 20 w 20"/>
                  <a:gd name="T27" fmla="*/ 15 h 1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0" h="15">
                    <a:moveTo>
                      <a:pt x="8" y="3"/>
                    </a:moveTo>
                    <a:lnTo>
                      <a:pt x="15" y="0"/>
                    </a:lnTo>
                    <a:lnTo>
                      <a:pt x="20" y="8"/>
                    </a:lnTo>
                    <a:lnTo>
                      <a:pt x="7" y="15"/>
                    </a:lnTo>
                    <a:lnTo>
                      <a:pt x="0" y="15"/>
                    </a:lnTo>
                    <a:lnTo>
                      <a:pt x="5" y="10"/>
                    </a:lnTo>
                    <a:lnTo>
                      <a:pt x="13" y="8"/>
                    </a:lnTo>
                    <a:lnTo>
                      <a:pt x="8" y="3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09" name="Freeform 96"/>
              <p:cNvSpPr>
                <a:spLocks/>
              </p:cNvSpPr>
              <p:nvPr/>
            </p:nvSpPr>
            <p:spPr bwMode="auto">
              <a:xfrm>
                <a:off x="627" y="3507"/>
                <a:ext cx="20" cy="15"/>
              </a:xfrm>
              <a:custGeom>
                <a:avLst/>
                <a:gdLst>
                  <a:gd name="T0" fmla="*/ 8 w 20"/>
                  <a:gd name="T1" fmla="*/ 3 h 15"/>
                  <a:gd name="T2" fmla="*/ 15 w 20"/>
                  <a:gd name="T3" fmla="*/ 0 h 15"/>
                  <a:gd name="T4" fmla="*/ 20 w 20"/>
                  <a:gd name="T5" fmla="*/ 8 h 15"/>
                  <a:gd name="T6" fmla="*/ 7 w 20"/>
                  <a:gd name="T7" fmla="*/ 15 h 15"/>
                  <a:gd name="T8" fmla="*/ 0 w 20"/>
                  <a:gd name="T9" fmla="*/ 15 h 15"/>
                  <a:gd name="T10" fmla="*/ 5 w 20"/>
                  <a:gd name="T11" fmla="*/ 10 h 15"/>
                  <a:gd name="T12" fmla="*/ 13 w 20"/>
                  <a:gd name="T13" fmla="*/ 8 h 15"/>
                  <a:gd name="T14" fmla="*/ 8 w 20"/>
                  <a:gd name="T15" fmla="*/ 3 h 1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0"/>
                  <a:gd name="T25" fmla="*/ 0 h 15"/>
                  <a:gd name="T26" fmla="*/ 20 w 20"/>
                  <a:gd name="T27" fmla="*/ 15 h 1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0" h="15">
                    <a:moveTo>
                      <a:pt x="8" y="3"/>
                    </a:moveTo>
                    <a:lnTo>
                      <a:pt x="15" y="0"/>
                    </a:lnTo>
                    <a:lnTo>
                      <a:pt x="20" y="8"/>
                    </a:lnTo>
                    <a:lnTo>
                      <a:pt x="7" y="15"/>
                    </a:lnTo>
                    <a:lnTo>
                      <a:pt x="0" y="15"/>
                    </a:lnTo>
                    <a:lnTo>
                      <a:pt x="5" y="10"/>
                    </a:lnTo>
                    <a:lnTo>
                      <a:pt x="13" y="8"/>
                    </a:lnTo>
                    <a:lnTo>
                      <a:pt x="8" y="3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10" name="Freeform 97"/>
              <p:cNvSpPr>
                <a:spLocks/>
              </p:cNvSpPr>
              <p:nvPr/>
            </p:nvSpPr>
            <p:spPr bwMode="auto">
              <a:xfrm>
                <a:off x="600" y="3513"/>
                <a:ext cx="23" cy="19"/>
              </a:xfrm>
              <a:custGeom>
                <a:avLst/>
                <a:gdLst>
                  <a:gd name="T0" fmla="*/ 0 w 23"/>
                  <a:gd name="T1" fmla="*/ 19 h 19"/>
                  <a:gd name="T2" fmla="*/ 0 w 23"/>
                  <a:gd name="T3" fmla="*/ 17 h 19"/>
                  <a:gd name="T4" fmla="*/ 0 w 23"/>
                  <a:gd name="T5" fmla="*/ 17 h 19"/>
                  <a:gd name="T6" fmla="*/ 1 w 23"/>
                  <a:gd name="T7" fmla="*/ 16 h 19"/>
                  <a:gd name="T8" fmla="*/ 1 w 23"/>
                  <a:gd name="T9" fmla="*/ 14 h 19"/>
                  <a:gd name="T10" fmla="*/ 3 w 23"/>
                  <a:gd name="T11" fmla="*/ 12 h 19"/>
                  <a:gd name="T12" fmla="*/ 5 w 23"/>
                  <a:gd name="T13" fmla="*/ 11 h 19"/>
                  <a:gd name="T14" fmla="*/ 6 w 23"/>
                  <a:gd name="T15" fmla="*/ 9 h 19"/>
                  <a:gd name="T16" fmla="*/ 8 w 23"/>
                  <a:gd name="T17" fmla="*/ 5 h 19"/>
                  <a:gd name="T18" fmla="*/ 12 w 23"/>
                  <a:gd name="T19" fmla="*/ 4 h 19"/>
                  <a:gd name="T20" fmla="*/ 13 w 23"/>
                  <a:gd name="T21" fmla="*/ 4 h 19"/>
                  <a:gd name="T22" fmla="*/ 15 w 23"/>
                  <a:gd name="T23" fmla="*/ 2 h 19"/>
                  <a:gd name="T24" fmla="*/ 18 w 23"/>
                  <a:gd name="T25" fmla="*/ 0 h 19"/>
                  <a:gd name="T26" fmla="*/ 18 w 23"/>
                  <a:gd name="T27" fmla="*/ 0 h 19"/>
                  <a:gd name="T28" fmla="*/ 20 w 23"/>
                  <a:gd name="T29" fmla="*/ 0 h 19"/>
                  <a:gd name="T30" fmla="*/ 22 w 23"/>
                  <a:gd name="T31" fmla="*/ 0 h 19"/>
                  <a:gd name="T32" fmla="*/ 22 w 23"/>
                  <a:gd name="T33" fmla="*/ 0 h 19"/>
                  <a:gd name="T34" fmla="*/ 23 w 23"/>
                  <a:gd name="T35" fmla="*/ 2 h 19"/>
                  <a:gd name="T36" fmla="*/ 22 w 23"/>
                  <a:gd name="T37" fmla="*/ 4 h 19"/>
                  <a:gd name="T38" fmla="*/ 22 w 23"/>
                  <a:gd name="T39" fmla="*/ 4 h 19"/>
                  <a:gd name="T40" fmla="*/ 20 w 23"/>
                  <a:gd name="T41" fmla="*/ 5 h 19"/>
                  <a:gd name="T42" fmla="*/ 20 w 23"/>
                  <a:gd name="T43" fmla="*/ 7 h 19"/>
                  <a:gd name="T44" fmla="*/ 18 w 23"/>
                  <a:gd name="T45" fmla="*/ 9 h 19"/>
                  <a:gd name="T46" fmla="*/ 17 w 23"/>
                  <a:gd name="T47" fmla="*/ 11 h 19"/>
                  <a:gd name="T48" fmla="*/ 13 w 23"/>
                  <a:gd name="T49" fmla="*/ 12 h 19"/>
                  <a:gd name="T50" fmla="*/ 12 w 23"/>
                  <a:gd name="T51" fmla="*/ 14 h 19"/>
                  <a:gd name="T52" fmla="*/ 10 w 23"/>
                  <a:gd name="T53" fmla="*/ 16 h 19"/>
                  <a:gd name="T54" fmla="*/ 6 w 23"/>
                  <a:gd name="T55" fmla="*/ 17 h 19"/>
                  <a:gd name="T56" fmla="*/ 5 w 23"/>
                  <a:gd name="T57" fmla="*/ 17 h 19"/>
                  <a:gd name="T58" fmla="*/ 3 w 23"/>
                  <a:gd name="T59" fmla="*/ 19 h 19"/>
                  <a:gd name="T60" fmla="*/ 1 w 23"/>
                  <a:gd name="T61" fmla="*/ 19 h 19"/>
                  <a:gd name="T62" fmla="*/ 1 w 23"/>
                  <a:gd name="T63" fmla="*/ 19 h 19"/>
                  <a:gd name="T64" fmla="*/ 0 w 23"/>
                  <a:gd name="T65" fmla="*/ 19 h 19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w 23"/>
                  <a:gd name="T100" fmla="*/ 0 h 19"/>
                  <a:gd name="T101" fmla="*/ 23 w 23"/>
                  <a:gd name="T102" fmla="*/ 19 h 19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T99" t="T100" r="T101" b="T102"/>
                <a:pathLst>
                  <a:path w="23" h="19">
                    <a:moveTo>
                      <a:pt x="0" y="19"/>
                    </a:moveTo>
                    <a:lnTo>
                      <a:pt x="0" y="17"/>
                    </a:lnTo>
                    <a:lnTo>
                      <a:pt x="1" y="16"/>
                    </a:lnTo>
                    <a:lnTo>
                      <a:pt x="1" y="14"/>
                    </a:lnTo>
                    <a:lnTo>
                      <a:pt x="3" y="12"/>
                    </a:lnTo>
                    <a:lnTo>
                      <a:pt x="5" y="11"/>
                    </a:lnTo>
                    <a:lnTo>
                      <a:pt x="6" y="9"/>
                    </a:lnTo>
                    <a:lnTo>
                      <a:pt x="8" y="5"/>
                    </a:lnTo>
                    <a:lnTo>
                      <a:pt x="12" y="4"/>
                    </a:lnTo>
                    <a:lnTo>
                      <a:pt x="13" y="4"/>
                    </a:lnTo>
                    <a:lnTo>
                      <a:pt x="15" y="2"/>
                    </a:lnTo>
                    <a:lnTo>
                      <a:pt x="18" y="0"/>
                    </a:lnTo>
                    <a:lnTo>
                      <a:pt x="20" y="0"/>
                    </a:lnTo>
                    <a:lnTo>
                      <a:pt x="22" y="0"/>
                    </a:lnTo>
                    <a:lnTo>
                      <a:pt x="23" y="2"/>
                    </a:lnTo>
                    <a:lnTo>
                      <a:pt x="22" y="4"/>
                    </a:lnTo>
                    <a:lnTo>
                      <a:pt x="20" y="5"/>
                    </a:lnTo>
                    <a:lnTo>
                      <a:pt x="20" y="7"/>
                    </a:lnTo>
                    <a:lnTo>
                      <a:pt x="18" y="9"/>
                    </a:lnTo>
                    <a:lnTo>
                      <a:pt x="17" y="11"/>
                    </a:lnTo>
                    <a:lnTo>
                      <a:pt x="13" y="12"/>
                    </a:lnTo>
                    <a:lnTo>
                      <a:pt x="12" y="14"/>
                    </a:lnTo>
                    <a:lnTo>
                      <a:pt x="10" y="16"/>
                    </a:lnTo>
                    <a:lnTo>
                      <a:pt x="6" y="17"/>
                    </a:lnTo>
                    <a:lnTo>
                      <a:pt x="5" y="17"/>
                    </a:lnTo>
                    <a:lnTo>
                      <a:pt x="3" y="19"/>
                    </a:lnTo>
                    <a:lnTo>
                      <a:pt x="1" y="19"/>
                    </a:lnTo>
                    <a:lnTo>
                      <a:pt x="0" y="19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11" name="Freeform 98"/>
              <p:cNvSpPr>
                <a:spLocks/>
              </p:cNvSpPr>
              <p:nvPr/>
            </p:nvSpPr>
            <p:spPr bwMode="auto">
              <a:xfrm>
                <a:off x="600" y="3513"/>
                <a:ext cx="23" cy="19"/>
              </a:xfrm>
              <a:custGeom>
                <a:avLst/>
                <a:gdLst>
                  <a:gd name="T0" fmla="*/ 0 w 23"/>
                  <a:gd name="T1" fmla="*/ 19 h 19"/>
                  <a:gd name="T2" fmla="*/ 0 w 23"/>
                  <a:gd name="T3" fmla="*/ 19 h 19"/>
                  <a:gd name="T4" fmla="*/ 0 w 23"/>
                  <a:gd name="T5" fmla="*/ 17 h 19"/>
                  <a:gd name="T6" fmla="*/ 0 w 23"/>
                  <a:gd name="T7" fmla="*/ 17 h 19"/>
                  <a:gd name="T8" fmla="*/ 1 w 23"/>
                  <a:gd name="T9" fmla="*/ 16 h 19"/>
                  <a:gd name="T10" fmla="*/ 1 w 23"/>
                  <a:gd name="T11" fmla="*/ 14 h 19"/>
                  <a:gd name="T12" fmla="*/ 3 w 23"/>
                  <a:gd name="T13" fmla="*/ 12 h 19"/>
                  <a:gd name="T14" fmla="*/ 5 w 23"/>
                  <a:gd name="T15" fmla="*/ 11 h 19"/>
                  <a:gd name="T16" fmla="*/ 6 w 23"/>
                  <a:gd name="T17" fmla="*/ 9 h 19"/>
                  <a:gd name="T18" fmla="*/ 8 w 23"/>
                  <a:gd name="T19" fmla="*/ 5 h 19"/>
                  <a:gd name="T20" fmla="*/ 8 w 23"/>
                  <a:gd name="T21" fmla="*/ 5 h 19"/>
                  <a:gd name="T22" fmla="*/ 12 w 23"/>
                  <a:gd name="T23" fmla="*/ 4 h 19"/>
                  <a:gd name="T24" fmla="*/ 13 w 23"/>
                  <a:gd name="T25" fmla="*/ 4 h 19"/>
                  <a:gd name="T26" fmla="*/ 15 w 23"/>
                  <a:gd name="T27" fmla="*/ 2 h 19"/>
                  <a:gd name="T28" fmla="*/ 18 w 23"/>
                  <a:gd name="T29" fmla="*/ 0 h 19"/>
                  <a:gd name="T30" fmla="*/ 18 w 23"/>
                  <a:gd name="T31" fmla="*/ 0 h 19"/>
                  <a:gd name="T32" fmla="*/ 20 w 23"/>
                  <a:gd name="T33" fmla="*/ 0 h 19"/>
                  <a:gd name="T34" fmla="*/ 22 w 23"/>
                  <a:gd name="T35" fmla="*/ 0 h 19"/>
                  <a:gd name="T36" fmla="*/ 22 w 23"/>
                  <a:gd name="T37" fmla="*/ 0 h 19"/>
                  <a:gd name="T38" fmla="*/ 22 w 23"/>
                  <a:gd name="T39" fmla="*/ 0 h 19"/>
                  <a:gd name="T40" fmla="*/ 23 w 23"/>
                  <a:gd name="T41" fmla="*/ 2 h 19"/>
                  <a:gd name="T42" fmla="*/ 22 w 23"/>
                  <a:gd name="T43" fmla="*/ 4 h 19"/>
                  <a:gd name="T44" fmla="*/ 22 w 23"/>
                  <a:gd name="T45" fmla="*/ 4 h 19"/>
                  <a:gd name="T46" fmla="*/ 20 w 23"/>
                  <a:gd name="T47" fmla="*/ 5 h 19"/>
                  <a:gd name="T48" fmla="*/ 20 w 23"/>
                  <a:gd name="T49" fmla="*/ 7 h 19"/>
                  <a:gd name="T50" fmla="*/ 18 w 23"/>
                  <a:gd name="T51" fmla="*/ 9 h 19"/>
                  <a:gd name="T52" fmla="*/ 17 w 23"/>
                  <a:gd name="T53" fmla="*/ 11 h 19"/>
                  <a:gd name="T54" fmla="*/ 13 w 23"/>
                  <a:gd name="T55" fmla="*/ 12 h 19"/>
                  <a:gd name="T56" fmla="*/ 13 w 23"/>
                  <a:gd name="T57" fmla="*/ 12 h 19"/>
                  <a:gd name="T58" fmla="*/ 12 w 23"/>
                  <a:gd name="T59" fmla="*/ 14 h 19"/>
                  <a:gd name="T60" fmla="*/ 10 w 23"/>
                  <a:gd name="T61" fmla="*/ 16 h 19"/>
                  <a:gd name="T62" fmla="*/ 6 w 23"/>
                  <a:gd name="T63" fmla="*/ 17 h 19"/>
                  <a:gd name="T64" fmla="*/ 5 w 23"/>
                  <a:gd name="T65" fmla="*/ 17 h 19"/>
                  <a:gd name="T66" fmla="*/ 3 w 23"/>
                  <a:gd name="T67" fmla="*/ 19 h 19"/>
                  <a:gd name="T68" fmla="*/ 1 w 23"/>
                  <a:gd name="T69" fmla="*/ 19 h 19"/>
                  <a:gd name="T70" fmla="*/ 1 w 23"/>
                  <a:gd name="T71" fmla="*/ 19 h 19"/>
                  <a:gd name="T72" fmla="*/ 0 w 23"/>
                  <a:gd name="T73" fmla="*/ 19 h 19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w 23"/>
                  <a:gd name="T112" fmla="*/ 0 h 19"/>
                  <a:gd name="T113" fmla="*/ 23 w 23"/>
                  <a:gd name="T114" fmla="*/ 19 h 19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T111" t="T112" r="T113" b="T114"/>
                <a:pathLst>
                  <a:path w="23" h="19">
                    <a:moveTo>
                      <a:pt x="0" y="19"/>
                    </a:moveTo>
                    <a:lnTo>
                      <a:pt x="0" y="19"/>
                    </a:lnTo>
                    <a:lnTo>
                      <a:pt x="0" y="17"/>
                    </a:lnTo>
                    <a:lnTo>
                      <a:pt x="1" y="16"/>
                    </a:lnTo>
                    <a:lnTo>
                      <a:pt x="1" y="14"/>
                    </a:lnTo>
                    <a:lnTo>
                      <a:pt x="3" y="12"/>
                    </a:lnTo>
                    <a:lnTo>
                      <a:pt x="5" y="11"/>
                    </a:lnTo>
                    <a:lnTo>
                      <a:pt x="6" y="9"/>
                    </a:lnTo>
                    <a:lnTo>
                      <a:pt x="8" y="5"/>
                    </a:lnTo>
                    <a:lnTo>
                      <a:pt x="12" y="4"/>
                    </a:lnTo>
                    <a:lnTo>
                      <a:pt x="13" y="4"/>
                    </a:lnTo>
                    <a:lnTo>
                      <a:pt x="15" y="2"/>
                    </a:lnTo>
                    <a:lnTo>
                      <a:pt x="18" y="0"/>
                    </a:lnTo>
                    <a:lnTo>
                      <a:pt x="20" y="0"/>
                    </a:lnTo>
                    <a:lnTo>
                      <a:pt x="22" y="0"/>
                    </a:lnTo>
                    <a:lnTo>
                      <a:pt x="23" y="2"/>
                    </a:lnTo>
                    <a:lnTo>
                      <a:pt x="22" y="4"/>
                    </a:lnTo>
                    <a:lnTo>
                      <a:pt x="20" y="5"/>
                    </a:lnTo>
                    <a:lnTo>
                      <a:pt x="20" y="7"/>
                    </a:lnTo>
                    <a:lnTo>
                      <a:pt x="18" y="9"/>
                    </a:lnTo>
                    <a:lnTo>
                      <a:pt x="17" y="11"/>
                    </a:lnTo>
                    <a:lnTo>
                      <a:pt x="13" y="12"/>
                    </a:lnTo>
                    <a:lnTo>
                      <a:pt x="12" y="14"/>
                    </a:lnTo>
                    <a:lnTo>
                      <a:pt x="10" y="16"/>
                    </a:lnTo>
                    <a:lnTo>
                      <a:pt x="6" y="17"/>
                    </a:lnTo>
                    <a:lnTo>
                      <a:pt x="5" y="17"/>
                    </a:lnTo>
                    <a:lnTo>
                      <a:pt x="3" y="19"/>
                    </a:lnTo>
                    <a:lnTo>
                      <a:pt x="1" y="19"/>
                    </a:lnTo>
                    <a:lnTo>
                      <a:pt x="0" y="19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12" name="Freeform 99"/>
              <p:cNvSpPr>
                <a:spLocks/>
              </p:cNvSpPr>
              <p:nvPr/>
            </p:nvSpPr>
            <p:spPr bwMode="auto">
              <a:xfrm>
                <a:off x="674" y="3486"/>
                <a:ext cx="12" cy="12"/>
              </a:xfrm>
              <a:custGeom>
                <a:avLst/>
                <a:gdLst>
                  <a:gd name="T0" fmla="*/ 0 w 12"/>
                  <a:gd name="T1" fmla="*/ 5 h 12"/>
                  <a:gd name="T2" fmla="*/ 0 w 12"/>
                  <a:gd name="T3" fmla="*/ 4 h 12"/>
                  <a:gd name="T4" fmla="*/ 2 w 12"/>
                  <a:gd name="T5" fmla="*/ 2 h 12"/>
                  <a:gd name="T6" fmla="*/ 4 w 12"/>
                  <a:gd name="T7" fmla="*/ 0 h 12"/>
                  <a:gd name="T8" fmla="*/ 7 w 12"/>
                  <a:gd name="T9" fmla="*/ 0 h 12"/>
                  <a:gd name="T10" fmla="*/ 9 w 12"/>
                  <a:gd name="T11" fmla="*/ 0 h 12"/>
                  <a:gd name="T12" fmla="*/ 10 w 12"/>
                  <a:gd name="T13" fmla="*/ 2 h 12"/>
                  <a:gd name="T14" fmla="*/ 12 w 12"/>
                  <a:gd name="T15" fmla="*/ 4 h 12"/>
                  <a:gd name="T16" fmla="*/ 12 w 12"/>
                  <a:gd name="T17" fmla="*/ 5 h 12"/>
                  <a:gd name="T18" fmla="*/ 12 w 12"/>
                  <a:gd name="T19" fmla="*/ 9 h 12"/>
                  <a:gd name="T20" fmla="*/ 10 w 12"/>
                  <a:gd name="T21" fmla="*/ 10 h 12"/>
                  <a:gd name="T22" fmla="*/ 9 w 12"/>
                  <a:gd name="T23" fmla="*/ 10 h 12"/>
                  <a:gd name="T24" fmla="*/ 7 w 12"/>
                  <a:gd name="T25" fmla="*/ 12 h 12"/>
                  <a:gd name="T26" fmla="*/ 4 w 12"/>
                  <a:gd name="T27" fmla="*/ 10 h 12"/>
                  <a:gd name="T28" fmla="*/ 2 w 12"/>
                  <a:gd name="T29" fmla="*/ 10 h 12"/>
                  <a:gd name="T30" fmla="*/ 0 w 12"/>
                  <a:gd name="T31" fmla="*/ 9 h 12"/>
                  <a:gd name="T32" fmla="*/ 0 w 12"/>
                  <a:gd name="T33" fmla="*/ 5 h 12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2"/>
                  <a:gd name="T52" fmla="*/ 0 h 12"/>
                  <a:gd name="T53" fmla="*/ 12 w 12"/>
                  <a:gd name="T54" fmla="*/ 12 h 12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2" h="12">
                    <a:moveTo>
                      <a:pt x="0" y="5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7" y="0"/>
                    </a:lnTo>
                    <a:lnTo>
                      <a:pt x="9" y="0"/>
                    </a:lnTo>
                    <a:lnTo>
                      <a:pt x="10" y="2"/>
                    </a:lnTo>
                    <a:lnTo>
                      <a:pt x="12" y="4"/>
                    </a:lnTo>
                    <a:lnTo>
                      <a:pt x="12" y="5"/>
                    </a:lnTo>
                    <a:lnTo>
                      <a:pt x="12" y="9"/>
                    </a:lnTo>
                    <a:lnTo>
                      <a:pt x="10" y="10"/>
                    </a:lnTo>
                    <a:lnTo>
                      <a:pt x="9" y="10"/>
                    </a:lnTo>
                    <a:lnTo>
                      <a:pt x="7" y="12"/>
                    </a:lnTo>
                    <a:lnTo>
                      <a:pt x="4" y="10"/>
                    </a:lnTo>
                    <a:lnTo>
                      <a:pt x="2" y="10"/>
                    </a:lnTo>
                    <a:lnTo>
                      <a:pt x="0" y="9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13" name="Freeform 100"/>
              <p:cNvSpPr>
                <a:spLocks/>
              </p:cNvSpPr>
              <p:nvPr/>
            </p:nvSpPr>
            <p:spPr bwMode="auto">
              <a:xfrm>
                <a:off x="674" y="3486"/>
                <a:ext cx="12" cy="12"/>
              </a:xfrm>
              <a:custGeom>
                <a:avLst/>
                <a:gdLst>
                  <a:gd name="T0" fmla="*/ 0 w 12"/>
                  <a:gd name="T1" fmla="*/ 5 h 12"/>
                  <a:gd name="T2" fmla="*/ 0 w 12"/>
                  <a:gd name="T3" fmla="*/ 5 h 12"/>
                  <a:gd name="T4" fmla="*/ 0 w 12"/>
                  <a:gd name="T5" fmla="*/ 4 h 12"/>
                  <a:gd name="T6" fmla="*/ 2 w 12"/>
                  <a:gd name="T7" fmla="*/ 2 h 12"/>
                  <a:gd name="T8" fmla="*/ 4 w 12"/>
                  <a:gd name="T9" fmla="*/ 0 h 12"/>
                  <a:gd name="T10" fmla="*/ 7 w 12"/>
                  <a:gd name="T11" fmla="*/ 0 h 12"/>
                  <a:gd name="T12" fmla="*/ 7 w 12"/>
                  <a:gd name="T13" fmla="*/ 0 h 12"/>
                  <a:gd name="T14" fmla="*/ 9 w 12"/>
                  <a:gd name="T15" fmla="*/ 0 h 12"/>
                  <a:gd name="T16" fmla="*/ 10 w 12"/>
                  <a:gd name="T17" fmla="*/ 2 h 12"/>
                  <a:gd name="T18" fmla="*/ 12 w 12"/>
                  <a:gd name="T19" fmla="*/ 4 h 12"/>
                  <a:gd name="T20" fmla="*/ 12 w 12"/>
                  <a:gd name="T21" fmla="*/ 5 h 12"/>
                  <a:gd name="T22" fmla="*/ 12 w 12"/>
                  <a:gd name="T23" fmla="*/ 5 h 12"/>
                  <a:gd name="T24" fmla="*/ 12 w 12"/>
                  <a:gd name="T25" fmla="*/ 9 h 12"/>
                  <a:gd name="T26" fmla="*/ 10 w 12"/>
                  <a:gd name="T27" fmla="*/ 10 h 12"/>
                  <a:gd name="T28" fmla="*/ 9 w 12"/>
                  <a:gd name="T29" fmla="*/ 10 h 12"/>
                  <a:gd name="T30" fmla="*/ 7 w 12"/>
                  <a:gd name="T31" fmla="*/ 12 h 12"/>
                  <a:gd name="T32" fmla="*/ 7 w 12"/>
                  <a:gd name="T33" fmla="*/ 12 h 12"/>
                  <a:gd name="T34" fmla="*/ 4 w 12"/>
                  <a:gd name="T35" fmla="*/ 10 h 12"/>
                  <a:gd name="T36" fmla="*/ 2 w 12"/>
                  <a:gd name="T37" fmla="*/ 10 h 12"/>
                  <a:gd name="T38" fmla="*/ 0 w 12"/>
                  <a:gd name="T39" fmla="*/ 9 h 12"/>
                  <a:gd name="T40" fmla="*/ 0 w 12"/>
                  <a:gd name="T41" fmla="*/ 5 h 12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2"/>
                  <a:gd name="T64" fmla="*/ 0 h 12"/>
                  <a:gd name="T65" fmla="*/ 12 w 12"/>
                  <a:gd name="T66" fmla="*/ 12 h 12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2" h="12">
                    <a:moveTo>
                      <a:pt x="0" y="5"/>
                    </a:moveTo>
                    <a:lnTo>
                      <a:pt x="0" y="5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7" y="0"/>
                    </a:lnTo>
                    <a:lnTo>
                      <a:pt x="9" y="0"/>
                    </a:lnTo>
                    <a:lnTo>
                      <a:pt x="10" y="2"/>
                    </a:lnTo>
                    <a:lnTo>
                      <a:pt x="12" y="4"/>
                    </a:lnTo>
                    <a:lnTo>
                      <a:pt x="12" y="5"/>
                    </a:lnTo>
                    <a:lnTo>
                      <a:pt x="12" y="9"/>
                    </a:lnTo>
                    <a:lnTo>
                      <a:pt x="10" y="10"/>
                    </a:lnTo>
                    <a:lnTo>
                      <a:pt x="9" y="10"/>
                    </a:lnTo>
                    <a:lnTo>
                      <a:pt x="7" y="12"/>
                    </a:lnTo>
                    <a:lnTo>
                      <a:pt x="4" y="10"/>
                    </a:lnTo>
                    <a:lnTo>
                      <a:pt x="2" y="10"/>
                    </a:lnTo>
                    <a:lnTo>
                      <a:pt x="0" y="9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14" name="Freeform 101"/>
              <p:cNvSpPr>
                <a:spLocks/>
              </p:cNvSpPr>
              <p:nvPr/>
            </p:nvSpPr>
            <p:spPr bwMode="auto">
              <a:xfrm>
                <a:off x="463" y="3535"/>
                <a:ext cx="10" cy="9"/>
              </a:xfrm>
              <a:custGeom>
                <a:avLst/>
                <a:gdLst>
                  <a:gd name="T0" fmla="*/ 0 w 10"/>
                  <a:gd name="T1" fmla="*/ 5 h 9"/>
                  <a:gd name="T2" fmla="*/ 0 w 10"/>
                  <a:gd name="T3" fmla="*/ 4 h 9"/>
                  <a:gd name="T4" fmla="*/ 1 w 10"/>
                  <a:gd name="T5" fmla="*/ 2 h 9"/>
                  <a:gd name="T6" fmla="*/ 3 w 10"/>
                  <a:gd name="T7" fmla="*/ 0 h 9"/>
                  <a:gd name="T8" fmla="*/ 5 w 10"/>
                  <a:gd name="T9" fmla="*/ 0 h 9"/>
                  <a:gd name="T10" fmla="*/ 6 w 10"/>
                  <a:gd name="T11" fmla="*/ 0 h 9"/>
                  <a:gd name="T12" fmla="*/ 8 w 10"/>
                  <a:gd name="T13" fmla="*/ 2 h 9"/>
                  <a:gd name="T14" fmla="*/ 10 w 10"/>
                  <a:gd name="T15" fmla="*/ 4 h 9"/>
                  <a:gd name="T16" fmla="*/ 10 w 10"/>
                  <a:gd name="T17" fmla="*/ 5 h 9"/>
                  <a:gd name="T18" fmla="*/ 10 w 10"/>
                  <a:gd name="T19" fmla="*/ 7 h 9"/>
                  <a:gd name="T20" fmla="*/ 8 w 10"/>
                  <a:gd name="T21" fmla="*/ 9 h 9"/>
                  <a:gd name="T22" fmla="*/ 6 w 10"/>
                  <a:gd name="T23" fmla="*/ 9 h 9"/>
                  <a:gd name="T24" fmla="*/ 5 w 10"/>
                  <a:gd name="T25" fmla="*/ 9 h 9"/>
                  <a:gd name="T26" fmla="*/ 3 w 10"/>
                  <a:gd name="T27" fmla="*/ 9 h 9"/>
                  <a:gd name="T28" fmla="*/ 1 w 10"/>
                  <a:gd name="T29" fmla="*/ 9 h 9"/>
                  <a:gd name="T30" fmla="*/ 0 w 10"/>
                  <a:gd name="T31" fmla="*/ 7 h 9"/>
                  <a:gd name="T32" fmla="*/ 0 w 10"/>
                  <a:gd name="T33" fmla="*/ 5 h 9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0"/>
                  <a:gd name="T52" fmla="*/ 0 h 9"/>
                  <a:gd name="T53" fmla="*/ 10 w 10"/>
                  <a:gd name="T54" fmla="*/ 9 h 9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0" h="9">
                    <a:moveTo>
                      <a:pt x="0" y="5"/>
                    </a:moveTo>
                    <a:lnTo>
                      <a:pt x="0" y="4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6" y="0"/>
                    </a:lnTo>
                    <a:lnTo>
                      <a:pt x="8" y="2"/>
                    </a:lnTo>
                    <a:lnTo>
                      <a:pt x="10" y="4"/>
                    </a:lnTo>
                    <a:lnTo>
                      <a:pt x="10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5" y="9"/>
                    </a:lnTo>
                    <a:lnTo>
                      <a:pt x="3" y="9"/>
                    </a:lnTo>
                    <a:lnTo>
                      <a:pt x="1" y="9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15" name="Freeform 102"/>
              <p:cNvSpPr>
                <a:spLocks/>
              </p:cNvSpPr>
              <p:nvPr/>
            </p:nvSpPr>
            <p:spPr bwMode="auto">
              <a:xfrm>
                <a:off x="463" y="3535"/>
                <a:ext cx="10" cy="9"/>
              </a:xfrm>
              <a:custGeom>
                <a:avLst/>
                <a:gdLst>
                  <a:gd name="T0" fmla="*/ 0 w 10"/>
                  <a:gd name="T1" fmla="*/ 5 h 9"/>
                  <a:gd name="T2" fmla="*/ 0 w 10"/>
                  <a:gd name="T3" fmla="*/ 5 h 9"/>
                  <a:gd name="T4" fmla="*/ 0 w 10"/>
                  <a:gd name="T5" fmla="*/ 4 h 9"/>
                  <a:gd name="T6" fmla="*/ 1 w 10"/>
                  <a:gd name="T7" fmla="*/ 2 h 9"/>
                  <a:gd name="T8" fmla="*/ 3 w 10"/>
                  <a:gd name="T9" fmla="*/ 0 h 9"/>
                  <a:gd name="T10" fmla="*/ 5 w 10"/>
                  <a:gd name="T11" fmla="*/ 0 h 9"/>
                  <a:gd name="T12" fmla="*/ 5 w 10"/>
                  <a:gd name="T13" fmla="*/ 0 h 9"/>
                  <a:gd name="T14" fmla="*/ 6 w 10"/>
                  <a:gd name="T15" fmla="*/ 0 h 9"/>
                  <a:gd name="T16" fmla="*/ 8 w 10"/>
                  <a:gd name="T17" fmla="*/ 2 h 9"/>
                  <a:gd name="T18" fmla="*/ 10 w 10"/>
                  <a:gd name="T19" fmla="*/ 4 h 9"/>
                  <a:gd name="T20" fmla="*/ 10 w 10"/>
                  <a:gd name="T21" fmla="*/ 5 h 9"/>
                  <a:gd name="T22" fmla="*/ 10 w 10"/>
                  <a:gd name="T23" fmla="*/ 5 h 9"/>
                  <a:gd name="T24" fmla="*/ 10 w 10"/>
                  <a:gd name="T25" fmla="*/ 7 h 9"/>
                  <a:gd name="T26" fmla="*/ 8 w 10"/>
                  <a:gd name="T27" fmla="*/ 9 h 9"/>
                  <a:gd name="T28" fmla="*/ 6 w 10"/>
                  <a:gd name="T29" fmla="*/ 9 h 9"/>
                  <a:gd name="T30" fmla="*/ 5 w 10"/>
                  <a:gd name="T31" fmla="*/ 9 h 9"/>
                  <a:gd name="T32" fmla="*/ 5 w 10"/>
                  <a:gd name="T33" fmla="*/ 9 h 9"/>
                  <a:gd name="T34" fmla="*/ 3 w 10"/>
                  <a:gd name="T35" fmla="*/ 9 h 9"/>
                  <a:gd name="T36" fmla="*/ 1 w 10"/>
                  <a:gd name="T37" fmla="*/ 9 h 9"/>
                  <a:gd name="T38" fmla="*/ 0 w 10"/>
                  <a:gd name="T39" fmla="*/ 7 h 9"/>
                  <a:gd name="T40" fmla="*/ 0 w 10"/>
                  <a:gd name="T41" fmla="*/ 5 h 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0"/>
                  <a:gd name="T64" fmla="*/ 0 h 9"/>
                  <a:gd name="T65" fmla="*/ 10 w 10"/>
                  <a:gd name="T66" fmla="*/ 9 h 9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0" h="9">
                    <a:moveTo>
                      <a:pt x="0" y="5"/>
                    </a:moveTo>
                    <a:lnTo>
                      <a:pt x="0" y="5"/>
                    </a:lnTo>
                    <a:lnTo>
                      <a:pt x="0" y="4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6" y="0"/>
                    </a:lnTo>
                    <a:lnTo>
                      <a:pt x="8" y="2"/>
                    </a:lnTo>
                    <a:lnTo>
                      <a:pt x="10" y="4"/>
                    </a:lnTo>
                    <a:lnTo>
                      <a:pt x="10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5" y="9"/>
                    </a:lnTo>
                    <a:lnTo>
                      <a:pt x="3" y="9"/>
                    </a:lnTo>
                    <a:lnTo>
                      <a:pt x="1" y="9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16" name="Freeform 103"/>
              <p:cNvSpPr>
                <a:spLocks/>
              </p:cNvSpPr>
              <p:nvPr/>
            </p:nvSpPr>
            <p:spPr bwMode="auto">
              <a:xfrm>
                <a:off x="515" y="3537"/>
                <a:ext cx="15" cy="9"/>
              </a:xfrm>
              <a:custGeom>
                <a:avLst/>
                <a:gdLst>
                  <a:gd name="T0" fmla="*/ 0 w 15"/>
                  <a:gd name="T1" fmla="*/ 5 h 9"/>
                  <a:gd name="T2" fmla="*/ 0 w 15"/>
                  <a:gd name="T3" fmla="*/ 3 h 9"/>
                  <a:gd name="T4" fmla="*/ 2 w 15"/>
                  <a:gd name="T5" fmla="*/ 2 h 9"/>
                  <a:gd name="T6" fmla="*/ 5 w 15"/>
                  <a:gd name="T7" fmla="*/ 0 h 9"/>
                  <a:gd name="T8" fmla="*/ 7 w 15"/>
                  <a:gd name="T9" fmla="*/ 0 h 9"/>
                  <a:gd name="T10" fmla="*/ 10 w 15"/>
                  <a:gd name="T11" fmla="*/ 0 h 9"/>
                  <a:gd name="T12" fmla="*/ 12 w 15"/>
                  <a:gd name="T13" fmla="*/ 2 h 9"/>
                  <a:gd name="T14" fmla="*/ 14 w 15"/>
                  <a:gd name="T15" fmla="*/ 3 h 9"/>
                  <a:gd name="T16" fmla="*/ 15 w 15"/>
                  <a:gd name="T17" fmla="*/ 5 h 9"/>
                  <a:gd name="T18" fmla="*/ 14 w 15"/>
                  <a:gd name="T19" fmla="*/ 7 h 9"/>
                  <a:gd name="T20" fmla="*/ 12 w 15"/>
                  <a:gd name="T21" fmla="*/ 7 h 9"/>
                  <a:gd name="T22" fmla="*/ 10 w 15"/>
                  <a:gd name="T23" fmla="*/ 9 h 9"/>
                  <a:gd name="T24" fmla="*/ 7 w 15"/>
                  <a:gd name="T25" fmla="*/ 9 h 9"/>
                  <a:gd name="T26" fmla="*/ 5 w 15"/>
                  <a:gd name="T27" fmla="*/ 9 h 9"/>
                  <a:gd name="T28" fmla="*/ 2 w 15"/>
                  <a:gd name="T29" fmla="*/ 7 h 9"/>
                  <a:gd name="T30" fmla="*/ 0 w 15"/>
                  <a:gd name="T31" fmla="*/ 7 h 9"/>
                  <a:gd name="T32" fmla="*/ 0 w 15"/>
                  <a:gd name="T33" fmla="*/ 5 h 9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5"/>
                  <a:gd name="T52" fmla="*/ 0 h 9"/>
                  <a:gd name="T53" fmla="*/ 15 w 15"/>
                  <a:gd name="T54" fmla="*/ 9 h 9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5" h="9">
                    <a:moveTo>
                      <a:pt x="0" y="5"/>
                    </a:moveTo>
                    <a:lnTo>
                      <a:pt x="0" y="3"/>
                    </a:lnTo>
                    <a:lnTo>
                      <a:pt x="2" y="2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10" y="0"/>
                    </a:lnTo>
                    <a:lnTo>
                      <a:pt x="12" y="2"/>
                    </a:lnTo>
                    <a:lnTo>
                      <a:pt x="14" y="3"/>
                    </a:lnTo>
                    <a:lnTo>
                      <a:pt x="15" y="5"/>
                    </a:lnTo>
                    <a:lnTo>
                      <a:pt x="14" y="7"/>
                    </a:lnTo>
                    <a:lnTo>
                      <a:pt x="12" y="7"/>
                    </a:lnTo>
                    <a:lnTo>
                      <a:pt x="10" y="9"/>
                    </a:lnTo>
                    <a:lnTo>
                      <a:pt x="7" y="9"/>
                    </a:lnTo>
                    <a:lnTo>
                      <a:pt x="5" y="9"/>
                    </a:lnTo>
                    <a:lnTo>
                      <a:pt x="2" y="7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17" name="Freeform 104"/>
              <p:cNvSpPr>
                <a:spLocks/>
              </p:cNvSpPr>
              <p:nvPr/>
            </p:nvSpPr>
            <p:spPr bwMode="auto">
              <a:xfrm>
                <a:off x="515" y="3537"/>
                <a:ext cx="15" cy="9"/>
              </a:xfrm>
              <a:custGeom>
                <a:avLst/>
                <a:gdLst>
                  <a:gd name="T0" fmla="*/ 0 w 15"/>
                  <a:gd name="T1" fmla="*/ 5 h 9"/>
                  <a:gd name="T2" fmla="*/ 0 w 15"/>
                  <a:gd name="T3" fmla="*/ 5 h 9"/>
                  <a:gd name="T4" fmla="*/ 0 w 15"/>
                  <a:gd name="T5" fmla="*/ 3 h 9"/>
                  <a:gd name="T6" fmla="*/ 2 w 15"/>
                  <a:gd name="T7" fmla="*/ 2 h 9"/>
                  <a:gd name="T8" fmla="*/ 5 w 15"/>
                  <a:gd name="T9" fmla="*/ 0 h 9"/>
                  <a:gd name="T10" fmla="*/ 7 w 15"/>
                  <a:gd name="T11" fmla="*/ 0 h 9"/>
                  <a:gd name="T12" fmla="*/ 7 w 15"/>
                  <a:gd name="T13" fmla="*/ 0 h 9"/>
                  <a:gd name="T14" fmla="*/ 10 w 15"/>
                  <a:gd name="T15" fmla="*/ 0 h 9"/>
                  <a:gd name="T16" fmla="*/ 12 w 15"/>
                  <a:gd name="T17" fmla="*/ 2 h 9"/>
                  <a:gd name="T18" fmla="*/ 14 w 15"/>
                  <a:gd name="T19" fmla="*/ 3 h 9"/>
                  <a:gd name="T20" fmla="*/ 15 w 15"/>
                  <a:gd name="T21" fmla="*/ 5 h 9"/>
                  <a:gd name="T22" fmla="*/ 15 w 15"/>
                  <a:gd name="T23" fmla="*/ 5 h 9"/>
                  <a:gd name="T24" fmla="*/ 14 w 15"/>
                  <a:gd name="T25" fmla="*/ 7 h 9"/>
                  <a:gd name="T26" fmla="*/ 12 w 15"/>
                  <a:gd name="T27" fmla="*/ 7 h 9"/>
                  <a:gd name="T28" fmla="*/ 10 w 15"/>
                  <a:gd name="T29" fmla="*/ 9 h 9"/>
                  <a:gd name="T30" fmla="*/ 7 w 15"/>
                  <a:gd name="T31" fmla="*/ 9 h 9"/>
                  <a:gd name="T32" fmla="*/ 7 w 15"/>
                  <a:gd name="T33" fmla="*/ 9 h 9"/>
                  <a:gd name="T34" fmla="*/ 5 w 15"/>
                  <a:gd name="T35" fmla="*/ 9 h 9"/>
                  <a:gd name="T36" fmla="*/ 2 w 15"/>
                  <a:gd name="T37" fmla="*/ 7 h 9"/>
                  <a:gd name="T38" fmla="*/ 0 w 15"/>
                  <a:gd name="T39" fmla="*/ 7 h 9"/>
                  <a:gd name="T40" fmla="*/ 0 w 15"/>
                  <a:gd name="T41" fmla="*/ 5 h 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5"/>
                  <a:gd name="T64" fmla="*/ 0 h 9"/>
                  <a:gd name="T65" fmla="*/ 15 w 15"/>
                  <a:gd name="T66" fmla="*/ 9 h 9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5" h="9">
                    <a:moveTo>
                      <a:pt x="0" y="5"/>
                    </a:moveTo>
                    <a:lnTo>
                      <a:pt x="0" y="5"/>
                    </a:lnTo>
                    <a:lnTo>
                      <a:pt x="0" y="3"/>
                    </a:lnTo>
                    <a:lnTo>
                      <a:pt x="2" y="2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10" y="0"/>
                    </a:lnTo>
                    <a:lnTo>
                      <a:pt x="12" y="2"/>
                    </a:lnTo>
                    <a:lnTo>
                      <a:pt x="14" y="3"/>
                    </a:lnTo>
                    <a:lnTo>
                      <a:pt x="15" y="5"/>
                    </a:lnTo>
                    <a:lnTo>
                      <a:pt x="14" y="7"/>
                    </a:lnTo>
                    <a:lnTo>
                      <a:pt x="12" y="7"/>
                    </a:lnTo>
                    <a:lnTo>
                      <a:pt x="10" y="9"/>
                    </a:lnTo>
                    <a:lnTo>
                      <a:pt x="7" y="9"/>
                    </a:lnTo>
                    <a:lnTo>
                      <a:pt x="5" y="9"/>
                    </a:lnTo>
                    <a:lnTo>
                      <a:pt x="2" y="7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18" name="Freeform 105"/>
              <p:cNvSpPr>
                <a:spLocks/>
              </p:cNvSpPr>
              <p:nvPr/>
            </p:nvSpPr>
            <p:spPr bwMode="auto">
              <a:xfrm>
                <a:off x="439" y="3529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1 h 10"/>
                  <a:gd name="T4" fmla="*/ 2 w 8"/>
                  <a:gd name="T5" fmla="*/ 1 h 10"/>
                  <a:gd name="T6" fmla="*/ 2 w 8"/>
                  <a:gd name="T7" fmla="*/ 0 h 10"/>
                  <a:gd name="T8" fmla="*/ 3 w 8"/>
                  <a:gd name="T9" fmla="*/ 0 h 10"/>
                  <a:gd name="T10" fmla="*/ 5 w 8"/>
                  <a:gd name="T11" fmla="*/ 0 h 10"/>
                  <a:gd name="T12" fmla="*/ 7 w 8"/>
                  <a:gd name="T13" fmla="*/ 1 h 10"/>
                  <a:gd name="T14" fmla="*/ 8 w 8"/>
                  <a:gd name="T15" fmla="*/ 1 h 10"/>
                  <a:gd name="T16" fmla="*/ 8 w 8"/>
                  <a:gd name="T17" fmla="*/ 5 h 10"/>
                  <a:gd name="T18" fmla="*/ 8 w 8"/>
                  <a:gd name="T19" fmla="*/ 6 h 10"/>
                  <a:gd name="T20" fmla="*/ 7 w 8"/>
                  <a:gd name="T21" fmla="*/ 8 h 10"/>
                  <a:gd name="T22" fmla="*/ 5 w 8"/>
                  <a:gd name="T23" fmla="*/ 10 h 10"/>
                  <a:gd name="T24" fmla="*/ 3 w 8"/>
                  <a:gd name="T25" fmla="*/ 10 h 10"/>
                  <a:gd name="T26" fmla="*/ 2 w 8"/>
                  <a:gd name="T27" fmla="*/ 10 h 10"/>
                  <a:gd name="T28" fmla="*/ 2 w 8"/>
                  <a:gd name="T29" fmla="*/ 8 h 10"/>
                  <a:gd name="T30" fmla="*/ 0 w 8"/>
                  <a:gd name="T31" fmla="*/ 6 h 10"/>
                  <a:gd name="T32" fmla="*/ 0 w 8"/>
                  <a:gd name="T33" fmla="*/ 5 h 1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8"/>
                  <a:gd name="T52" fmla="*/ 0 h 10"/>
                  <a:gd name="T53" fmla="*/ 8 w 8"/>
                  <a:gd name="T54" fmla="*/ 10 h 10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8" h="10">
                    <a:moveTo>
                      <a:pt x="0" y="5"/>
                    </a:moveTo>
                    <a:lnTo>
                      <a:pt x="0" y="1"/>
                    </a:lnTo>
                    <a:lnTo>
                      <a:pt x="2" y="1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1"/>
                    </a:lnTo>
                    <a:lnTo>
                      <a:pt x="8" y="1"/>
                    </a:lnTo>
                    <a:lnTo>
                      <a:pt x="8" y="5"/>
                    </a:lnTo>
                    <a:lnTo>
                      <a:pt x="8" y="6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6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19" name="Freeform 106"/>
              <p:cNvSpPr>
                <a:spLocks/>
              </p:cNvSpPr>
              <p:nvPr/>
            </p:nvSpPr>
            <p:spPr bwMode="auto">
              <a:xfrm>
                <a:off x="439" y="3529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5 h 10"/>
                  <a:gd name="T4" fmla="*/ 0 w 8"/>
                  <a:gd name="T5" fmla="*/ 1 h 10"/>
                  <a:gd name="T6" fmla="*/ 2 w 8"/>
                  <a:gd name="T7" fmla="*/ 1 h 10"/>
                  <a:gd name="T8" fmla="*/ 2 w 8"/>
                  <a:gd name="T9" fmla="*/ 0 h 10"/>
                  <a:gd name="T10" fmla="*/ 3 w 8"/>
                  <a:gd name="T11" fmla="*/ 0 h 10"/>
                  <a:gd name="T12" fmla="*/ 3 w 8"/>
                  <a:gd name="T13" fmla="*/ 0 h 10"/>
                  <a:gd name="T14" fmla="*/ 5 w 8"/>
                  <a:gd name="T15" fmla="*/ 0 h 10"/>
                  <a:gd name="T16" fmla="*/ 7 w 8"/>
                  <a:gd name="T17" fmla="*/ 1 h 10"/>
                  <a:gd name="T18" fmla="*/ 8 w 8"/>
                  <a:gd name="T19" fmla="*/ 1 h 10"/>
                  <a:gd name="T20" fmla="*/ 8 w 8"/>
                  <a:gd name="T21" fmla="*/ 5 h 10"/>
                  <a:gd name="T22" fmla="*/ 8 w 8"/>
                  <a:gd name="T23" fmla="*/ 5 h 10"/>
                  <a:gd name="T24" fmla="*/ 8 w 8"/>
                  <a:gd name="T25" fmla="*/ 6 h 10"/>
                  <a:gd name="T26" fmla="*/ 7 w 8"/>
                  <a:gd name="T27" fmla="*/ 8 h 10"/>
                  <a:gd name="T28" fmla="*/ 5 w 8"/>
                  <a:gd name="T29" fmla="*/ 10 h 10"/>
                  <a:gd name="T30" fmla="*/ 3 w 8"/>
                  <a:gd name="T31" fmla="*/ 10 h 10"/>
                  <a:gd name="T32" fmla="*/ 3 w 8"/>
                  <a:gd name="T33" fmla="*/ 10 h 10"/>
                  <a:gd name="T34" fmla="*/ 2 w 8"/>
                  <a:gd name="T35" fmla="*/ 10 h 10"/>
                  <a:gd name="T36" fmla="*/ 2 w 8"/>
                  <a:gd name="T37" fmla="*/ 8 h 10"/>
                  <a:gd name="T38" fmla="*/ 0 w 8"/>
                  <a:gd name="T39" fmla="*/ 6 h 10"/>
                  <a:gd name="T40" fmla="*/ 0 w 8"/>
                  <a:gd name="T41" fmla="*/ 5 h 1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8"/>
                  <a:gd name="T64" fmla="*/ 0 h 10"/>
                  <a:gd name="T65" fmla="*/ 8 w 8"/>
                  <a:gd name="T66" fmla="*/ 10 h 10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8" h="10">
                    <a:moveTo>
                      <a:pt x="0" y="5"/>
                    </a:moveTo>
                    <a:lnTo>
                      <a:pt x="0" y="5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1"/>
                    </a:lnTo>
                    <a:lnTo>
                      <a:pt x="8" y="1"/>
                    </a:lnTo>
                    <a:lnTo>
                      <a:pt x="8" y="5"/>
                    </a:lnTo>
                    <a:lnTo>
                      <a:pt x="8" y="6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6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20" name="Freeform 107"/>
              <p:cNvSpPr>
                <a:spLocks/>
              </p:cNvSpPr>
              <p:nvPr/>
            </p:nvSpPr>
            <p:spPr bwMode="auto">
              <a:xfrm>
                <a:off x="738" y="3474"/>
                <a:ext cx="7" cy="11"/>
              </a:xfrm>
              <a:custGeom>
                <a:avLst/>
                <a:gdLst>
                  <a:gd name="T0" fmla="*/ 0 w 7"/>
                  <a:gd name="T1" fmla="*/ 6 h 11"/>
                  <a:gd name="T2" fmla="*/ 0 w 7"/>
                  <a:gd name="T3" fmla="*/ 4 h 11"/>
                  <a:gd name="T4" fmla="*/ 2 w 7"/>
                  <a:gd name="T5" fmla="*/ 2 h 11"/>
                  <a:gd name="T6" fmla="*/ 2 w 7"/>
                  <a:gd name="T7" fmla="*/ 0 h 11"/>
                  <a:gd name="T8" fmla="*/ 4 w 7"/>
                  <a:gd name="T9" fmla="*/ 0 h 11"/>
                  <a:gd name="T10" fmla="*/ 6 w 7"/>
                  <a:gd name="T11" fmla="*/ 0 h 11"/>
                  <a:gd name="T12" fmla="*/ 7 w 7"/>
                  <a:gd name="T13" fmla="*/ 2 h 11"/>
                  <a:gd name="T14" fmla="*/ 7 w 7"/>
                  <a:gd name="T15" fmla="*/ 4 h 11"/>
                  <a:gd name="T16" fmla="*/ 7 w 7"/>
                  <a:gd name="T17" fmla="*/ 6 h 11"/>
                  <a:gd name="T18" fmla="*/ 7 w 7"/>
                  <a:gd name="T19" fmla="*/ 7 h 11"/>
                  <a:gd name="T20" fmla="*/ 7 w 7"/>
                  <a:gd name="T21" fmla="*/ 9 h 11"/>
                  <a:gd name="T22" fmla="*/ 6 w 7"/>
                  <a:gd name="T23" fmla="*/ 9 h 11"/>
                  <a:gd name="T24" fmla="*/ 4 w 7"/>
                  <a:gd name="T25" fmla="*/ 11 h 11"/>
                  <a:gd name="T26" fmla="*/ 2 w 7"/>
                  <a:gd name="T27" fmla="*/ 9 h 11"/>
                  <a:gd name="T28" fmla="*/ 2 w 7"/>
                  <a:gd name="T29" fmla="*/ 9 h 11"/>
                  <a:gd name="T30" fmla="*/ 0 w 7"/>
                  <a:gd name="T31" fmla="*/ 7 h 11"/>
                  <a:gd name="T32" fmla="*/ 0 w 7"/>
                  <a:gd name="T33" fmla="*/ 6 h 11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7"/>
                  <a:gd name="T52" fmla="*/ 0 h 11"/>
                  <a:gd name="T53" fmla="*/ 7 w 7"/>
                  <a:gd name="T54" fmla="*/ 11 h 11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7" h="11">
                    <a:moveTo>
                      <a:pt x="0" y="6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2"/>
                    </a:lnTo>
                    <a:lnTo>
                      <a:pt x="7" y="4"/>
                    </a:lnTo>
                    <a:lnTo>
                      <a:pt x="7" y="6"/>
                    </a:lnTo>
                    <a:lnTo>
                      <a:pt x="7" y="7"/>
                    </a:lnTo>
                    <a:lnTo>
                      <a:pt x="7" y="9"/>
                    </a:lnTo>
                    <a:lnTo>
                      <a:pt x="6" y="9"/>
                    </a:lnTo>
                    <a:lnTo>
                      <a:pt x="4" y="11"/>
                    </a:lnTo>
                    <a:lnTo>
                      <a:pt x="2" y="9"/>
                    </a:lnTo>
                    <a:lnTo>
                      <a:pt x="0" y="7"/>
                    </a:lnTo>
                    <a:lnTo>
                      <a:pt x="0" y="6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21" name="Freeform 108"/>
              <p:cNvSpPr>
                <a:spLocks/>
              </p:cNvSpPr>
              <p:nvPr/>
            </p:nvSpPr>
            <p:spPr bwMode="auto">
              <a:xfrm>
                <a:off x="738" y="3474"/>
                <a:ext cx="7" cy="11"/>
              </a:xfrm>
              <a:custGeom>
                <a:avLst/>
                <a:gdLst>
                  <a:gd name="T0" fmla="*/ 0 w 7"/>
                  <a:gd name="T1" fmla="*/ 6 h 11"/>
                  <a:gd name="T2" fmla="*/ 0 w 7"/>
                  <a:gd name="T3" fmla="*/ 6 h 11"/>
                  <a:gd name="T4" fmla="*/ 0 w 7"/>
                  <a:gd name="T5" fmla="*/ 4 h 11"/>
                  <a:gd name="T6" fmla="*/ 2 w 7"/>
                  <a:gd name="T7" fmla="*/ 2 h 11"/>
                  <a:gd name="T8" fmla="*/ 2 w 7"/>
                  <a:gd name="T9" fmla="*/ 0 h 11"/>
                  <a:gd name="T10" fmla="*/ 4 w 7"/>
                  <a:gd name="T11" fmla="*/ 0 h 11"/>
                  <a:gd name="T12" fmla="*/ 4 w 7"/>
                  <a:gd name="T13" fmla="*/ 0 h 11"/>
                  <a:gd name="T14" fmla="*/ 6 w 7"/>
                  <a:gd name="T15" fmla="*/ 0 h 11"/>
                  <a:gd name="T16" fmla="*/ 7 w 7"/>
                  <a:gd name="T17" fmla="*/ 2 h 11"/>
                  <a:gd name="T18" fmla="*/ 7 w 7"/>
                  <a:gd name="T19" fmla="*/ 4 h 11"/>
                  <a:gd name="T20" fmla="*/ 7 w 7"/>
                  <a:gd name="T21" fmla="*/ 6 h 11"/>
                  <a:gd name="T22" fmla="*/ 7 w 7"/>
                  <a:gd name="T23" fmla="*/ 6 h 11"/>
                  <a:gd name="T24" fmla="*/ 7 w 7"/>
                  <a:gd name="T25" fmla="*/ 7 h 11"/>
                  <a:gd name="T26" fmla="*/ 7 w 7"/>
                  <a:gd name="T27" fmla="*/ 9 h 11"/>
                  <a:gd name="T28" fmla="*/ 6 w 7"/>
                  <a:gd name="T29" fmla="*/ 9 h 11"/>
                  <a:gd name="T30" fmla="*/ 4 w 7"/>
                  <a:gd name="T31" fmla="*/ 11 h 11"/>
                  <a:gd name="T32" fmla="*/ 4 w 7"/>
                  <a:gd name="T33" fmla="*/ 11 h 11"/>
                  <a:gd name="T34" fmla="*/ 2 w 7"/>
                  <a:gd name="T35" fmla="*/ 9 h 11"/>
                  <a:gd name="T36" fmla="*/ 2 w 7"/>
                  <a:gd name="T37" fmla="*/ 9 h 11"/>
                  <a:gd name="T38" fmla="*/ 0 w 7"/>
                  <a:gd name="T39" fmla="*/ 7 h 11"/>
                  <a:gd name="T40" fmla="*/ 0 w 7"/>
                  <a:gd name="T41" fmla="*/ 6 h 11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7"/>
                  <a:gd name="T64" fmla="*/ 0 h 11"/>
                  <a:gd name="T65" fmla="*/ 7 w 7"/>
                  <a:gd name="T66" fmla="*/ 11 h 11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7" h="11">
                    <a:moveTo>
                      <a:pt x="0" y="6"/>
                    </a:moveTo>
                    <a:lnTo>
                      <a:pt x="0" y="6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2"/>
                    </a:lnTo>
                    <a:lnTo>
                      <a:pt x="7" y="4"/>
                    </a:lnTo>
                    <a:lnTo>
                      <a:pt x="7" y="6"/>
                    </a:lnTo>
                    <a:lnTo>
                      <a:pt x="7" y="7"/>
                    </a:lnTo>
                    <a:lnTo>
                      <a:pt x="7" y="9"/>
                    </a:lnTo>
                    <a:lnTo>
                      <a:pt x="6" y="9"/>
                    </a:lnTo>
                    <a:lnTo>
                      <a:pt x="4" y="11"/>
                    </a:lnTo>
                    <a:lnTo>
                      <a:pt x="2" y="9"/>
                    </a:lnTo>
                    <a:lnTo>
                      <a:pt x="0" y="7"/>
                    </a:lnTo>
                    <a:lnTo>
                      <a:pt x="0" y="6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22" name="Freeform 109"/>
              <p:cNvSpPr>
                <a:spLocks/>
              </p:cNvSpPr>
              <p:nvPr/>
            </p:nvSpPr>
            <p:spPr bwMode="auto">
              <a:xfrm>
                <a:off x="650" y="3331"/>
                <a:ext cx="21" cy="15"/>
              </a:xfrm>
              <a:custGeom>
                <a:avLst/>
                <a:gdLst>
                  <a:gd name="T0" fmla="*/ 2 w 21"/>
                  <a:gd name="T1" fmla="*/ 1 h 15"/>
                  <a:gd name="T2" fmla="*/ 19 w 21"/>
                  <a:gd name="T3" fmla="*/ 0 h 15"/>
                  <a:gd name="T4" fmla="*/ 19 w 21"/>
                  <a:gd name="T5" fmla="*/ 1 h 15"/>
                  <a:gd name="T6" fmla="*/ 19 w 21"/>
                  <a:gd name="T7" fmla="*/ 3 h 15"/>
                  <a:gd name="T8" fmla="*/ 21 w 21"/>
                  <a:gd name="T9" fmla="*/ 5 h 15"/>
                  <a:gd name="T10" fmla="*/ 21 w 21"/>
                  <a:gd name="T11" fmla="*/ 8 h 15"/>
                  <a:gd name="T12" fmla="*/ 21 w 21"/>
                  <a:gd name="T13" fmla="*/ 10 h 15"/>
                  <a:gd name="T14" fmla="*/ 21 w 21"/>
                  <a:gd name="T15" fmla="*/ 13 h 15"/>
                  <a:gd name="T16" fmla="*/ 17 w 21"/>
                  <a:gd name="T17" fmla="*/ 15 h 15"/>
                  <a:gd name="T18" fmla="*/ 12 w 21"/>
                  <a:gd name="T19" fmla="*/ 15 h 15"/>
                  <a:gd name="T20" fmla="*/ 12 w 21"/>
                  <a:gd name="T21" fmla="*/ 15 h 15"/>
                  <a:gd name="T22" fmla="*/ 11 w 21"/>
                  <a:gd name="T23" fmla="*/ 13 h 15"/>
                  <a:gd name="T24" fmla="*/ 7 w 21"/>
                  <a:gd name="T25" fmla="*/ 11 h 15"/>
                  <a:gd name="T26" fmla="*/ 6 w 21"/>
                  <a:gd name="T27" fmla="*/ 10 h 15"/>
                  <a:gd name="T28" fmla="*/ 4 w 21"/>
                  <a:gd name="T29" fmla="*/ 8 h 15"/>
                  <a:gd name="T30" fmla="*/ 2 w 21"/>
                  <a:gd name="T31" fmla="*/ 6 h 15"/>
                  <a:gd name="T32" fmla="*/ 0 w 21"/>
                  <a:gd name="T33" fmla="*/ 6 h 15"/>
                  <a:gd name="T34" fmla="*/ 0 w 21"/>
                  <a:gd name="T35" fmla="*/ 6 h 15"/>
                  <a:gd name="T36" fmla="*/ 2 w 21"/>
                  <a:gd name="T37" fmla="*/ 1 h 15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w 21"/>
                  <a:gd name="T58" fmla="*/ 0 h 15"/>
                  <a:gd name="T59" fmla="*/ 21 w 21"/>
                  <a:gd name="T60" fmla="*/ 15 h 15"/>
                </a:gdLst>
                <a:ahLst/>
                <a:cxnLst>
                  <a:cxn ang="T38">
                    <a:pos x="T0" y="T1"/>
                  </a:cxn>
                  <a:cxn ang="T39">
                    <a:pos x="T2" y="T3"/>
                  </a:cxn>
                  <a:cxn ang="T40">
                    <a:pos x="T4" y="T5"/>
                  </a:cxn>
                  <a:cxn ang="T41">
                    <a:pos x="T6" y="T7"/>
                  </a:cxn>
                  <a:cxn ang="T42">
                    <a:pos x="T8" y="T9"/>
                  </a:cxn>
                  <a:cxn ang="T43">
                    <a:pos x="T10" y="T11"/>
                  </a:cxn>
                  <a:cxn ang="T44">
                    <a:pos x="T12" y="T13"/>
                  </a:cxn>
                  <a:cxn ang="T45">
                    <a:pos x="T14" y="T15"/>
                  </a:cxn>
                  <a:cxn ang="T46">
                    <a:pos x="T16" y="T17"/>
                  </a:cxn>
                  <a:cxn ang="T47">
                    <a:pos x="T18" y="T19"/>
                  </a:cxn>
                  <a:cxn ang="T48">
                    <a:pos x="T20" y="T21"/>
                  </a:cxn>
                  <a:cxn ang="T49">
                    <a:pos x="T22" y="T23"/>
                  </a:cxn>
                  <a:cxn ang="T50">
                    <a:pos x="T24" y="T25"/>
                  </a:cxn>
                  <a:cxn ang="T51">
                    <a:pos x="T26" y="T27"/>
                  </a:cxn>
                  <a:cxn ang="T52">
                    <a:pos x="T28" y="T29"/>
                  </a:cxn>
                  <a:cxn ang="T53">
                    <a:pos x="T30" y="T31"/>
                  </a:cxn>
                  <a:cxn ang="T54">
                    <a:pos x="T32" y="T33"/>
                  </a:cxn>
                  <a:cxn ang="T55">
                    <a:pos x="T34" y="T35"/>
                  </a:cxn>
                  <a:cxn ang="T56">
                    <a:pos x="T36" y="T37"/>
                  </a:cxn>
                </a:cxnLst>
                <a:rect l="T57" t="T58" r="T59" b="T60"/>
                <a:pathLst>
                  <a:path w="21" h="15">
                    <a:moveTo>
                      <a:pt x="2" y="1"/>
                    </a:moveTo>
                    <a:lnTo>
                      <a:pt x="19" y="0"/>
                    </a:lnTo>
                    <a:lnTo>
                      <a:pt x="19" y="1"/>
                    </a:lnTo>
                    <a:lnTo>
                      <a:pt x="19" y="3"/>
                    </a:lnTo>
                    <a:lnTo>
                      <a:pt x="21" y="5"/>
                    </a:lnTo>
                    <a:lnTo>
                      <a:pt x="21" y="8"/>
                    </a:lnTo>
                    <a:lnTo>
                      <a:pt x="21" y="10"/>
                    </a:lnTo>
                    <a:lnTo>
                      <a:pt x="21" y="13"/>
                    </a:lnTo>
                    <a:lnTo>
                      <a:pt x="17" y="15"/>
                    </a:lnTo>
                    <a:lnTo>
                      <a:pt x="12" y="15"/>
                    </a:lnTo>
                    <a:lnTo>
                      <a:pt x="11" y="13"/>
                    </a:lnTo>
                    <a:lnTo>
                      <a:pt x="7" y="11"/>
                    </a:lnTo>
                    <a:lnTo>
                      <a:pt x="6" y="10"/>
                    </a:lnTo>
                    <a:lnTo>
                      <a:pt x="4" y="8"/>
                    </a:lnTo>
                    <a:lnTo>
                      <a:pt x="2" y="6"/>
                    </a:lnTo>
                    <a:lnTo>
                      <a:pt x="0" y="6"/>
                    </a:lnTo>
                    <a:lnTo>
                      <a:pt x="2" y="1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23" name="Freeform 110"/>
              <p:cNvSpPr>
                <a:spLocks/>
              </p:cNvSpPr>
              <p:nvPr/>
            </p:nvSpPr>
            <p:spPr bwMode="auto">
              <a:xfrm>
                <a:off x="650" y="3331"/>
                <a:ext cx="21" cy="15"/>
              </a:xfrm>
              <a:custGeom>
                <a:avLst/>
                <a:gdLst>
                  <a:gd name="T0" fmla="*/ 2 w 21"/>
                  <a:gd name="T1" fmla="*/ 1 h 15"/>
                  <a:gd name="T2" fmla="*/ 19 w 21"/>
                  <a:gd name="T3" fmla="*/ 0 h 15"/>
                  <a:gd name="T4" fmla="*/ 19 w 21"/>
                  <a:gd name="T5" fmla="*/ 0 h 15"/>
                  <a:gd name="T6" fmla="*/ 19 w 21"/>
                  <a:gd name="T7" fmla="*/ 1 h 15"/>
                  <a:gd name="T8" fmla="*/ 19 w 21"/>
                  <a:gd name="T9" fmla="*/ 3 h 15"/>
                  <a:gd name="T10" fmla="*/ 21 w 21"/>
                  <a:gd name="T11" fmla="*/ 5 h 15"/>
                  <a:gd name="T12" fmla="*/ 21 w 21"/>
                  <a:gd name="T13" fmla="*/ 8 h 15"/>
                  <a:gd name="T14" fmla="*/ 21 w 21"/>
                  <a:gd name="T15" fmla="*/ 10 h 15"/>
                  <a:gd name="T16" fmla="*/ 21 w 21"/>
                  <a:gd name="T17" fmla="*/ 13 h 15"/>
                  <a:gd name="T18" fmla="*/ 17 w 21"/>
                  <a:gd name="T19" fmla="*/ 15 h 15"/>
                  <a:gd name="T20" fmla="*/ 12 w 21"/>
                  <a:gd name="T21" fmla="*/ 15 h 15"/>
                  <a:gd name="T22" fmla="*/ 12 w 21"/>
                  <a:gd name="T23" fmla="*/ 15 h 15"/>
                  <a:gd name="T24" fmla="*/ 12 w 21"/>
                  <a:gd name="T25" fmla="*/ 15 h 15"/>
                  <a:gd name="T26" fmla="*/ 11 w 21"/>
                  <a:gd name="T27" fmla="*/ 13 h 15"/>
                  <a:gd name="T28" fmla="*/ 7 w 21"/>
                  <a:gd name="T29" fmla="*/ 11 h 15"/>
                  <a:gd name="T30" fmla="*/ 6 w 21"/>
                  <a:gd name="T31" fmla="*/ 10 h 15"/>
                  <a:gd name="T32" fmla="*/ 4 w 21"/>
                  <a:gd name="T33" fmla="*/ 8 h 15"/>
                  <a:gd name="T34" fmla="*/ 2 w 21"/>
                  <a:gd name="T35" fmla="*/ 6 h 15"/>
                  <a:gd name="T36" fmla="*/ 0 w 21"/>
                  <a:gd name="T37" fmla="*/ 6 h 15"/>
                  <a:gd name="T38" fmla="*/ 0 w 21"/>
                  <a:gd name="T39" fmla="*/ 6 h 15"/>
                  <a:gd name="T40" fmla="*/ 2 w 21"/>
                  <a:gd name="T41" fmla="*/ 1 h 15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21"/>
                  <a:gd name="T64" fmla="*/ 0 h 15"/>
                  <a:gd name="T65" fmla="*/ 21 w 21"/>
                  <a:gd name="T66" fmla="*/ 15 h 15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21" h="15">
                    <a:moveTo>
                      <a:pt x="2" y="1"/>
                    </a:moveTo>
                    <a:lnTo>
                      <a:pt x="19" y="0"/>
                    </a:lnTo>
                    <a:lnTo>
                      <a:pt x="19" y="1"/>
                    </a:lnTo>
                    <a:lnTo>
                      <a:pt x="19" y="3"/>
                    </a:lnTo>
                    <a:lnTo>
                      <a:pt x="21" y="5"/>
                    </a:lnTo>
                    <a:lnTo>
                      <a:pt x="21" y="8"/>
                    </a:lnTo>
                    <a:lnTo>
                      <a:pt x="21" y="10"/>
                    </a:lnTo>
                    <a:lnTo>
                      <a:pt x="21" y="13"/>
                    </a:lnTo>
                    <a:lnTo>
                      <a:pt x="17" y="15"/>
                    </a:lnTo>
                    <a:lnTo>
                      <a:pt x="12" y="15"/>
                    </a:lnTo>
                    <a:lnTo>
                      <a:pt x="11" y="13"/>
                    </a:lnTo>
                    <a:lnTo>
                      <a:pt x="7" y="11"/>
                    </a:lnTo>
                    <a:lnTo>
                      <a:pt x="6" y="10"/>
                    </a:lnTo>
                    <a:lnTo>
                      <a:pt x="4" y="8"/>
                    </a:lnTo>
                    <a:lnTo>
                      <a:pt x="2" y="6"/>
                    </a:lnTo>
                    <a:lnTo>
                      <a:pt x="0" y="6"/>
                    </a:lnTo>
                    <a:lnTo>
                      <a:pt x="2" y="1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24" name="Freeform 111"/>
              <p:cNvSpPr>
                <a:spLocks/>
              </p:cNvSpPr>
              <p:nvPr/>
            </p:nvSpPr>
            <p:spPr bwMode="auto">
              <a:xfrm>
                <a:off x="495" y="3530"/>
                <a:ext cx="18" cy="9"/>
              </a:xfrm>
              <a:custGeom>
                <a:avLst/>
                <a:gdLst>
                  <a:gd name="T0" fmla="*/ 12 w 18"/>
                  <a:gd name="T1" fmla="*/ 2 h 9"/>
                  <a:gd name="T2" fmla="*/ 0 w 18"/>
                  <a:gd name="T3" fmla="*/ 5 h 9"/>
                  <a:gd name="T4" fmla="*/ 13 w 18"/>
                  <a:gd name="T5" fmla="*/ 9 h 9"/>
                  <a:gd name="T6" fmla="*/ 18 w 18"/>
                  <a:gd name="T7" fmla="*/ 0 h 9"/>
                  <a:gd name="T8" fmla="*/ 12 w 18"/>
                  <a:gd name="T9" fmla="*/ 2 h 9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18"/>
                  <a:gd name="T16" fmla="*/ 0 h 9"/>
                  <a:gd name="T17" fmla="*/ 18 w 18"/>
                  <a:gd name="T18" fmla="*/ 9 h 9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18" h="9">
                    <a:moveTo>
                      <a:pt x="12" y="2"/>
                    </a:moveTo>
                    <a:lnTo>
                      <a:pt x="0" y="5"/>
                    </a:lnTo>
                    <a:lnTo>
                      <a:pt x="13" y="9"/>
                    </a:lnTo>
                    <a:lnTo>
                      <a:pt x="18" y="0"/>
                    </a:lnTo>
                    <a:lnTo>
                      <a:pt x="12" y="2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25" name="Freeform 112"/>
              <p:cNvSpPr>
                <a:spLocks/>
              </p:cNvSpPr>
              <p:nvPr/>
            </p:nvSpPr>
            <p:spPr bwMode="auto">
              <a:xfrm>
                <a:off x="495" y="3530"/>
                <a:ext cx="18" cy="9"/>
              </a:xfrm>
              <a:custGeom>
                <a:avLst/>
                <a:gdLst>
                  <a:gd name="T0" fmla="*/ 12 w 18"/>
                  <a:gd name="T1" fmla="*/ 2 h 9"/>
                  <a:gd name="T2" fmla="*/ 0 w 18"/>
                  <a:gd name="T3" fmla="*/ 5 h 9"/>
                  <a:gd name="T4" fmla="*/ 13 w 18"/>
                  <a:gd name="T5" fmla="*/ 9 h 9"/>
                  <a:gd name="T6" fmla="*/ 18 w 18"/>
                  <a:gd name="T7" fmla="*/ 0 h 9"/>
                  <a:gd name="T8" fmla="*/ 12 w 18"/>
                  <a:gd name="T9" fmla="*/ 2 h 9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18"/>
                  <a:gd name="T16" fmla="*/ 0 h 9"/>
                  <a:gd name="T17" fmla="*/ 18 w 18"/>
                  <a:gd name="T18" fmla="*/ 9 h 9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18" h="9">
                    <a:moveTo>
                      <a:pt x="12" y="2"/>
                    </a:moveTo>
                    <a:lnTo>
                      <a:pt x="0" y="5"/>
                    </a:lnTo>
                    <a:lnTo>
                      <a:pt x="13" y="9"/>
                    </a:lnTo>
                    <a:lnTo>
                      <a:pt x="18" y="0"/>
                    </a:lnTo>
                    <a:lnTo>
                      <a:pt x="12" y="2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26" name="Freeform 113"/>
              <p:cNvSpPr>
                <a:spLocks/>
              </p:cNvSpPr>
              <p:nvPr/>
            </p:nvSpPr>
            <p:spPr bwMode="auto">
              <a:xfrm>
                <a:off x="606" y="3229"/>
                <a:ext cx="34" cy="25"/>
              </a:xfrm>
              <a:custGeom>
                <a:avLst/>
                <a:gdLst>
                  <a:gd name="T0" fmla="*/ 4 w 34"/>
                  <a:gd name="T1" fmla="*/ 0 h 25"/>
                  <a:gd name="T2" fmla="*/ 4 w 34"/>
                  <a:gd name="T3" fmla="*/ 0 h 25"/>
                  <a:gd name="T4" fmla="*/ 4 w 34"/>
                  <a:gd name="T5" fmla="*/ 2 h 25"/>
                  <a:gd name="T6" fmla="*/ 6 w 34"/>
                  <a:gd name="T7" fmla="*/ 3 h 25"/>
                  <a:gd name="T8" fmla="*/ 9 w 34"/>
                  <a:gd name="T9" fmla="*/ 5 h 25"/>
                  <a:gd name="T10" fmla="*/ 11 w 34"/>
                  <a:gd name="T11" fmla="*/ 7 h 25"/>
                  <a:gd name="T12" fmla="*/ 14 w 34"/>
                  <a:gd name="T13" fmla="*/ 7 h 25"/>
                  <a:gd name="T14" fmla="*/ 17 w 34"/>
                  <a:gd name="T15" fmla="*/ 5 h 25"/>
                  <a:gd name="T16" fmla="*/ 21 w 34"/>
                  <a:gd name="T17" fmla="*/ 3 h 25"/>
                  <a:gd name="T18" fmla="*/ 21 w 34"/>
                  <a:gd name="T19" fmla="*/ 3 h 25"/>
                  <a:gd name="T20" fmla="*/ 21 w 34"/>
                  <a:gd name="T21" fmla="*/ 5 h 25"/>
                  <a:gd name="T22" fmla="*/ 22 w 34"/>
                  <a:gd name="T23" fmla="*/ 7 h 25"/>
                  <a:gd name="T24" fmla="*/ 22 w 34"/>
                  <a:gd name="T25" fmla="*/ 10 h 25"/>
                  <a:gd name="T26" fmla="*/ 26 w 34"/>
                  <a:gd name="T27" fmla="*/ 14 h 25"/>
                  <a:gd name="T28" fmla="*/ 28 w 34"/>
                  <a:gd name="T29" fmla="*/ 15 h 25"/>
                  <a:gd name="T30" fmla="*/ 31 w 34"/>
                  <a:gd name="T31" fmla="*/ 17 h 25"/>
                  <a:gd name="T32" fmla="*/ 34 w 34"/>
                  <a:gd name="T33" fmla="*/ 17 h 25"/>
                  <a:gd name="T34" fmla="*/ 34 w 34"/>
                  <a:gd name="T35" fmla="*/ 19 h 25"/>
                  <a:gd name="T36" fmla="*/ 33 w 34"/>
                  <a:gd name="T37" fmla="*/ 19 h 25"/>
                  <a:gd name="T38" fmla="*/ 31 w 34"/>
                  <a:gd name="T39" fmla="*/ 20 h 25"/>
                  <a:gd name="T40" fmla="*/ 28 w 34"/>
                  <a:gd name="T41" fmla="*/ 22 h 25"/>
                  <a:gd name="T42" fmla="*/ 26 w 34"/>
                  <a:gd name="T43" fmla="*/ 24 h 25"/>
                  <a:gd name="T44" fmla="*/ 24 w 34"/>
                  <a:gd name="T45" fmla="*/ 25 h 25"/>
                  <a:gd name="T46" fmla="*/ 22 w 34"/>
                  <a:gd name="T47" fmla="*/ 25 h 25"/>
                  <a:gd name="T48" fmla="*/ 22 w 34"/>
                  <a:gd name="T49" fmla="*/ 25 h 25"/>
                  <a:gd name="T50" fmla="*/ 22 w 34"/>
                  <a:gd name="T51" fmla="*/ 25 h 25"/>
                  <a:gd name="T52" fmla="*/ 22 w 34"/>
                  <a:gd name="T53" fmla="*/ 24 h 25"/>
                  <a:gd name="T54" fmla="*/ 21 w 34"/>
                  <a:gd name="T55" fmla="*/ 20 h 25"/>
                  <a:gd name="T56" fmla="*/ 19 w 34"/>
                  <a:gd name="T57" fmla="*/ 19 h 25"/>
                  <a:gd name="T58" fmla="*/ 17 w 34"/>
                  <a:gd name="T59" fmla="*/ 15 h 25"/>
                  <a:gd name="T60" fmla="*/ 12 w 34"/>
                  <a:gd name="T61" fmla="*/ 14 h 25"/>
                  <a:gd name="T62" fmla="*/ 7 w 34"/>
                  <a:gd name="T63" fmla="*/ 10 h 25"/>
                  <a:gd name="T64" fmla="*/ 0 w 34"/>
                  <a:gd name="T65" fmla="*/ 10 h 25"/>
                  <a:gd name="T66" fmla="*/ 0 w 34"/>
                  <a:gd name="T67" fmla="*/ 9 h 25"/>
                  <a:gd name="T68" fmla="*/ 0 w 34"/>
                  <a:gd name="T69" fmla="*/ 5 h 25"/>
                  <a:gd name="T70" fmla="*/ 2 w 34"/>
                  <a:gd name="T71" fmla="*/ 2 h 25"/>
                  <a:gd name="T72" fmla="*/ 4 w 34"/>
                  <a:gd name="T73" fmla="*/ 0 h 25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w 34"/>
                  <a:gd name="T112" fmla="*/ 0 h 25"/>
                  <a:gd name="T113" fmla="*/ 34 w 34"/>
                  <a:gd name="T114" fmla="*/ 25 h 25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T111" t="T112" r="T113" b="T114"/>
                <a:pathLst>
                  <a:path w="34" h="25">
                    <a:moveTo>
                      <a:pt x="4" y="0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6" y="3"/>
                    </a:lnTo>
                    <a:lnTo>
                      <a:pt x="9" y="5"/>
                    </a:lnTo>
                    <a:lnTo>
                      <a:pt x="11" y="7"/>
                    </a:lnTo>
                    <a:lnTo>
                      <a:pt x="14" y="7"/>
                    </a:lnTo>
                    <a:lnTo>
                      <a:pt x="17" y="5"/>
                    </a:lnTo>
                    <a:lnTo>
                      <a:pt x="21" y="3"/>
                    </a:lnTo>
                    <a:lnTo>
                      <a:pt x="21" y="5"/>
                    </a:lnTo>
                    <a:lnTo>
                      <a:pt x="22" y="7"/>
                    </a:lnTo>
                    <a:lnTo>
                      <a:pt x="22" y="10"/>
                    </a:lnTo>
                    <a:lnTo>
                      <a:pt x="26" y="14"/>
                    </a:lnTo>
                    <a:lnTo>
                      <a:pt x="28" y="15"/>
                    </a:lnTo>
                    <a:lnTo>
                      <a:pt x="31" y="17"/>
                    </a:lnTo>
                    <a:lnTo>
                      <a:pt x="34" y="17"/>
                    </a:lnTo>
                    <a:lnTo>
                      <a:pt x="34" y="19"/>
                    </a:lnTo>
                    <a:lnTo>
                      <a:pt x="33" y="19"/>
                    </a:lnTo>
                    <a:lnTo>
                      <a:pt x="31" y="20"/>
                    </a:lnTo>
                    <a:lnTo>
                      <a:pt x="28" y="22"/>
                    </a:lnTo>
                    <a:lnTo>
                      <a:pt x="26" y="24"/>
                    </a:lnTo>
                    <a:lnTo>
                      <a:pt x="24" y="25"/>
                    </a:lnTo>
                    <a:lnTo>
                      <a:pt x="22" y="25"/>
                    </a:lnTo>
                    <a:lnTo>
                      <a:pt x="22" y="24"/>
                    </a:lnTo>
                    <a:lnTo>
                      <a:pt x="21" y="20"/>
                    </a:lnTo>
                    <a:lnTo>
                      <a:pt x="19" y="19"/>
                    </a:lnTo>
                    <a:lnTo>
                      <a:pt x="17" y="15"/>
                    </a:lnTo>
                    <a:lnTo>
                      <a:pt x="12" y="14"/>
                    </a:lnTo>
                    <a:lnTo>
                      <a:pt x="7" y="10"/>
                    </a:lnTo>
                    <a:lnTo>
                      <a:pt x="0" y="10"/>
                    </a:lnTo>
                    <a:lnTo>
                      <a:pt x="0" y="9"/>
                    </a:lnTo>
                    <a:lnTo>
                      <a:pt x="0" y="5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327" name="Freeform 114"/>
              <p:cNvSpPr>
                <a:spLocks/>
              </p:cNvSpPr>
              <p:nvPr/>
            </p:nvSpPr>
            <p:spPr bwMode="auto">
              <a:xfrm>
                <a:off x="606" y="3229"/>
                <a:ext cx="34" cy="25"/>
              </a:xfrm>
              <a:custGeom>
                <a:avLst/>
                <a:gdLst>
                  <a:gd name="T0" fmla="*/ 4 w 34"/>
                  <a:gd name="T1" fmla="*/ 0 h 25"/>
                  <a:gd name="T2" fmla="*/ 4 w 34"/>
                  <a:gd name="T3" fmla="*/ 0 h 25"/>
                  <a:gd name="T4" fmla="*/ 4 w 34"/>
                  <a:gd name="T5" fmla="*/ 0 h 25"/>
                  <a:gd name="T6" fmla="*/ 4 w 34"/>
                  <a:gd name="T7" fmla="*/ 2 h 25"/>
                  <a:gd name="T8" fmla="*/ 6 w 34"/>
                  <a:gd name="T9" fmla="*/ 3 h 25"/>
                  <a:gd name="T10" fmla="*/ 9 w 34"/>
                  <a:gd name="T11" fmla="*/ 5 h 25"/>
                  <a:gd name="T12" fmla="*/ 11 w 34"/>
                  <a:gd name="T13" fmla="*/ 7 h 25"/>
                  <a:gd name="T14" fmla="*/ 14 w 34"/>
                  <a:gd name="T15" fmla="*/ 7 h 25"/>
                  <a:gd name="T16" fmla="*/ 17 w 34"/>
                  <a:gd name="T17" fmla="*/ 5 h 25"/>
                  <a:gd name="T18" fmla="*/ 21 w 34"/>
                  <a:gd name="T19" fmla="*/ 3 h 25"/>
                  <a:gd name="T20" fmla="*/ 21 w 34"/>
                  <a:gd name="T21" fmla="*/ 3 h 25"/>
                  <a:gd name="T22" fmla="*/ 21 w 34"/>
                  <a:gd name="T23" fmla="*/ 3 h 25"/>
                  <a:gd name="T24" fmla="*/ 21 w 34"/>
                  <a:gd name="T25" fmla="*/ 5 h 25"/>
                  <a:gd name="T26" fmla="*/ 22 w 34"/>
                  <a:gd name="T27" fmla="*/ 7 h 25"/>
                  <a:gd name="T28" fmla="*/ 22 w 34"/>
                  <a:gd name="T29" fmla="*/ 10 h 25"/>
                  <a:gd name="T30" fmla="*/ 26 w 34"/>
                  <a:gd name="T31" fmla="*/ 14 h 25"/>
                  <a:gd name="T32" fmla="*/ 28 w 34"/>
                  <a:gd name="T33" fmla="*/ 15 h 25"/>
                  <a:gd name="T34" fmla="*/ 31 w 34"/>
                  <a:gd name="T35" fmla="*/ 17 h 25"/>
                  <a:gd name="T36" fmla="*/ 34 w 34"/>
                  <a:gd name="T37" fmla="*/ 17 h 25"/>
                  <a:gd name="T38" fmla="*/ 34 w 34"/>
                  <a:gd name="T39" fmla="*/ 17 h 25"/>
                  <a:gd name="T40" fmla="*/ 34 w 34"/>
                  <a:gd name="T41" fmla="*/ 19 h 25"/>
                  <a:gd name="T42" fmla="*/ 33 w 34"/>
                  <a:gd name="T43" fmla="*/ 19 h 25"/>
                  <a:gd name="T44" fmla="*/ 31 w 34"/>
                  <a:gd name="T45" fmla="*/ 20 h 25"/>
                  <a:gd name="T46" fmla="*/ 28 w 34"/>
                  <a:gd name="T47" fmla="*/ 22 h 25"/>
                  <a:gd name="T48" fmla="*/ 26 w 34"/>
                  <a:gd name="T49" fmla="*/ 24 h 25"/>
                  <a:gd name="T50" fmla="*/ 24 w 34"/>
                  <a:gd name="T51" fmla="*/ 25 h 25"/>
                  <a:gd name="T52" fmla="*/ 22 w 34"/>
                  <a:gd name="T53" fmla="*/ 25 h 25"/>
                  <a:gd name="T54" fmla="*/ 22 w 34"/>
                  <a:gd name="T55" fmla="*/ 25 h 25"/>
                  <a:gd name="T56" fmla="*/ 22 w 34"/>
                  <a:gd name="T57" fmla="*/ 25 h 25"/>
                  <a:gd name="T58" fmla="*/ 22 w 34"/>
                  <a:gd name="T59" fmla="*/ 25 h 25"/>
                  <a:gd name="T60" fmla="*/ 22 w 34"/>
                  <a:gd name="T61" fmla="*/ 24 h 25"/>
                  <a:gd name="T62" fmla="*/ 21 w 34"/>
                  <a:gd name="T63" fmla="*/ 20 h 25"/>
                  <a:gd name="T64" fmla="*/ 19 w 34"/>
                  <a:gd name="T65" fmla="*/ 19 h 25"/>
                  <a:gd name="T66" fmla="*/ 17 w 34"/>
                  <a:gd name="T67" fmla="*/ 15 h 25"/>
                  <a:gd name="T68" fmla="*/ 12 w 34"/>
                  <a:gd name="T69" fmla="*/ 14 h 25"/>
                  <a:gd name="T70" fmla="*/ 7 w 34"/>
                  <a:gd name="T71" fmla="*/ 10 h 25"/>
                  <a:gd name="T72" fmla="*/ 0 w 34"/>
                  <a:gd name="T73" fmla="*/ 10 h 25"/>
                  <a:gd name="T74" fmla="*/ 0 w 34"/>
                  <a:gd name="T75" fmla="*/ 10 h 25"/>
                  <a:gd name="T76" fmla="*/ 0 w 34"/>
                  <a:gd name="T77" fmla="*/ 9 h 25"/>
                  <a:gd name="T78" fmla="*/ 0 w 34"/>
                  <a:gd name="T79" fmla="*/ 5 h 25"/>
                  <a:gd name="T80" fmla="*/ 2 w 34"/>
                  <a:gd name="T81" fmla="*/ 2 h 25"/>
                  <a:gd name="T82" fmla="*/ 4 w 34"/>
                  <a:gd name="T83" fmla="*/ 0 h 25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w 34"/>
                  <a:gd name="T127" fmla="*/ 0 h 25"/>
                  <a:gd name="T128" fmla="*/ 34 w 34"/>
                  <a:gd name="T129" fmla="*/ 25 h 25"/>
                </a:gdLst>
                <a:ahLst/>
                <a:cxnLst>
                  <a:cxn ang="T84">
                    <a:pos x="T0" y="T1"/>
                  </a:cxn>
                  <a:cxn ang="T85">
                    <a:pos x="T2" y="T3"/>
                  </a:cxn>
                  <a:cxn ang="T86">
                    <a:pos x="T4" y="T5"/>
                  </a:cxn>
                  <a:cxn ang="T87">
                    <a:pos x="T6" y="T7"/>
                  </a:cxn>
                  <a:cxn ang="T88">
                    <a:pos x="T8" y="T9"/>
                  </a:cxn>
                  <a:cxn ang="T89">
                    <a:pos x="T10" y="T11"/>
                  </a:cxn>
                  <a:cxn ang="T90">
                    <a:pos x="T12" y="T13"/>
                  </a:cxn>
                  <a:cxn ang="T91">
                    <a:pos x="T14" y="T15"/>
                  </a:cxn>
                  <a:cxn ang="T92">
                    <a:pos x="T16" y="T17"/>
                  </a:cxn>
                  <a:cxn ang="T93">
                    <a:pos x="T18" y="T19"/>
                  </a:cxn>
                  <a:cxn ang="T94">
                    <a:pos x="T20" y="T21"/>
                  </a:cxn>
                  <a:cxn ang="T95">
                    <a:pos x="T22" y="T23"/>
                  </a:cxn>
                  <a:cxn ang="T96">
                    <a:pos x="T24" y="T25"/>
                  </a:cxn>
                  <a:cxn ang="T97">
                    <a:pos x="T26" y="T27"/>
                  </a:cxn>
                  <a:cxn ang="T98">
                    <a:pos x="T28" y="T29"/>
                  </a:cxn>
                  <a:cxn ang="T99">
                    <a:pos x="T30" y="T31"/>
                  </a:cxn>
                  <a:cxn ang="T100">
                    <a:pos x="T32" y="T33"/>
                  </a:cxn>
                  <a:cxn ang="T101">
                    <a:pos x="T34" y="T35"/>
                  </a:cxn>
                  <a:cxn ang="T102">
                    <a:pos x="T36" y="T37"/>
                  </a:cxn>
                  <a:cxn ang="T103">
                    <a:pos x="T38" y="T39"/>
                  </a:cxn>
                  <a:cxn ang="T104">
                    <a:pos x="T40" y="T41"/>
                  </a:cxn>
                  <a:cxn ang="T105">
                    <a:pos x="T42" y="T43"/>
                  </a:cxn>
                  <a:cxn ang="T106">
                    <a:pos x="T44" y="T45"/>
                  </a:cxn>
                  <a:cxn ang="T107">
                    <a:pos x="T46" y="T47"/>
                  </a:cxn>
                  <a:cxn ang="T108">
                    <a:pos x="T48" y="T49"/>
                  </a:cxn>
                  <a:cxn ang="T109">
                    <a:pos x="T50" y="T51"/>
                  </a:cxn>
                  <a:cxn ang="T110">
                    <a:pos x="T52" y="T53"/>
                  </a:cxn>
                  <a:cxn ang="T111">
                    <a:pos x="T54" y="T55"/>
                  </a:cxn>
                  <a:cxn ang="T112">
                    <a:pos x="T56" y="T57"/>
                  </a:cxn>
                  <a:cxn ang="T113">
                    <a:pos x="T58" y="T59"/>
                  </a:cxn>
                  <a:cxn ang="T114">
                    <a:pos x="T60" y="T61"/>
                  </a:cxn>
                  <a:cxn ang="T115">
                    <a:pos x="T62" y="T63"/>
                  </a:cxn>
                  <a:cxn ang="T116">
                    <a:pos x="T64" y="T65"/>
                  </a:cxn>
                  <a:cxn ang="T117">
                    <a:pos x="T66" y="T67"/>
                  </a:cxn>
                  <a:cxn ang="T118">
                    <a:pos x="T68" y="T69"/>
                  </a:cxn>
                  <a:cxn ang="T119">
                    <a:pos x="T70" y="T71"/>
                  </a:cxn>
                  <a:cxn ang="T120">
                    <a:pos x="T72" y="T73"/>
                  </a:cxn>
                  <a:cxn ang="T121">
                    <a:pos x="T74" y="T75"/>
                  </a:cxn>
                  <a:cxn ang="T122">
                    <a:pos x="T76" y="T77"/>
                  </a:cxn>
                  <a:cxn ang="T123">
                    <a:pos x="T78" y="T79"/>
                  </a:cxn>
                  <a:cxn ang="T124">
                    <a:pos x="T80" y="T81"/>
                  </a:cxn>
                  <a:cxn ang="T125">
                    <a:pos x="T82" y="T83"/>
                  </a:cxn>
                </a:cxnLst>
                <a:rect l="T126" t="T127" r="T128" b="T129"/>
                <a:pathLst>
                  <a:path w="34" h="25">
                    <a:moveTo>
                      <a:pt x="4" y="0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6" y="3"/>
                    </a:lnTo>
                    <a:lnTo>
                      <a:pt x="9" y="5"/>
                    </a:lnTo>
                    <a:lnTo>
                      <a:pt x="11" y="7"/>
                    </a:lnTo>
                    <a:lnTo>
                      <a:pt x="14" y="7"/>
                    </a:lnTo>
                    <a:lnTo>
                      <a:pt x="17" y="5"/>
                    </a:lnTo>
                    <a:lnTo>
                      <a:pt x="21" y="3"/>
                    </a:lnTo>
                    <a:lnTo>
                      <a:pt x="21" y="5"/>
                    </a:lnTo>
                    <a:lnTo>
                      <a:pt x="22" y="7"/>
                    </a:lnTo>
                    <a:lnTo>
                      <a:pt x="22" y="10"/>
                    </a:lnTo>
                    <a:lnTo>
                      <a:pt x="26" y="14"/>
                    </a:lnTo>
                    <a:lnTo>
                      <a:pt x="28" y="15"/>
                    </a:lnTo>
                    <a:lnTo>
                      <a:pt x="31" y="17"/>
                    </a:lnTo>
                    <a:lnTo>
                      <a:pt x="34" y="17"/>
                    </a:lnTo>
                    <a:lnTo>
                      <a:pt x="34" y="19"/>
                    </a:lnTo>
                    <a:lnTo>
                      <a:pt x="33" y="19"/>
                    </a:lnTo>
                    <a:lnTo>
                      <a:pt x="31" y="20"/>
                    </a:lnTo>
                    <a:lnTo>
                      <a:pt x="28" y="22"/>
                    </a:lnTo>
                    <a:lnTo>
                      <a:pt x="26" y="24"/>
                    </a:lnTo>
                    <a:lnTo>
                      <a:pt x="24" y="25"/>
                    </a:lnTo>
                    <a:lnTo>
                      <a:pt x="22" y="25"/>
                    </a:lnTo>
                    <a:lnTo>
                      <a:pt x="22" y="24"/>
                    </a:lnTo>
                    <a:lnTo>
                      <a:pt x="21" y="20"/>
                    </a:lnTo>
                    <a:lnTo>
                      <a:pt x="19" y="19"/>
                    </a:lnTo>
                    <a:lnTo>
                      <a:pt x="17" y="15"/>
                    </a:lnTo>
                    <a:lnTo>
                      <a:pt x="12" y="14"/>
                    </a:lnTo>
                    <a:lnTo>
                      <a:pt x="7" y="10"/>
                    </a:lnTo>
                    <a:lnTo>
                      <a:pt x="0" y="10"/>
                    </a:lnTo>
                    <a:lnTo>
                      <a:pt x="0" y="9"/>
                    </a:lnTo>
                    <a:lnTo>
                      <a:pt x="0" y="5"/>
                    </a:lnTo>
                    <a:lnTo>
                      <a:pt x="2" y="2"/>
                    </a:lnTo>
                    <a:lnTo>
                      <a:pt x="4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214" name="Freeform 115"/>
            <p:cNvSpPr>
              <a:spLocks/>
            </p:cNvSpPr>
            <p:nvPr/>
          </p:nvSpPr>
          <p:spPr bwMode="auto">
            <a:xfrm>
              <a:off x="250" y="1142"/>
              <a:ext cx="769" cy="650"/>
            </a:xfrm>
            <a:custGeom>
              <a:avLst/>
              <a:gdLst>
                <a:gd name="T0" fmla="*/ 149 w 791"/>
                <a:gd name="T1" fmla="*/ 14 h 669"/>
                <a:gd name="T2" fmla="*/ 137 w 791"/>
                <a:gd name="T3" fmla="*/ 12 h 669"/>
                <a:gd name="T4" fmla="*/ 122 w 791"/>
                <a:gd name="T5" fmla="*/ 0 h 669"/>
                <a:gd name="T6" fmla="*/ 116 w 791"/>
                <a:gd name="T7" fmla="*/ 29 h 669"/>
                <a:gd name="T8" fmla="*/ 89 w 791"/>
                <a:gd name="T9" fmla="*/ 99 h 669"/>
                <a:gd name="T10" fmla="*/ 71 w 791"/>
                <a:gd name="T11" fmla="*/ 147 h 669"/>
                <a:gd name="T12" fmla="*/ 55 w 791"/>
                <a:gd name="T13" fmla="*/ 179 h 669"/>
                <a:gd name="T14" fmla="*/ 40 w 791"/>
                <a:gd name="T15" fmla="*/ 210 h 669"/>
                <a:gd name="T16" fmla="*/ 27 w 791"/>
                <a:gd name="T17" fmla="*/ 224 h 669"/>
                <a:gd name="T18" fmla="*/ 24 w 791"/>
                <a:gd name="T19" fmla="*/ 230 h 669"/>
                <a:gd name="T20" fmla="*/ 14 w 791"/>
                <a:gd name="T21" fmla="*/ 258 h 669"/>
                <a:gd name="T22" fmla="*/ 12 w 791"/>
                <a:gd name="T23" fmla="*/ 275 h 669"/>
                <a:gd name="T24" fmla="*/ 12 w 791"/>
                <a:gd name="T25" fmla="*/ 286 h 669"/>
                <a:gd name="T26" fmla="*/ 2 w 791"/>
                <a:gd name="T27" fmla="*/ 302 h 669"/>
                <a:gd name="T28" fmla="*/ 0 w 791"/>
                <a:gd name="T29" fmla="*/ 317 h 669"/>
                <a:gd name="T30" fmla="*/ 2 w 791"/>
                <a:gd name="T31" fmla="*/ 326 h 669"/>
                <a:gd name="T32" fmla="*/ 4 w 791"/>
                <a:gd name="T33" fmla="*/ 330 h 669"/>
                <a:gd name="T34" fmla="*/ 10 w 791"/>
                <a:gd name="T35" fmla="*/ 337 h 669"/>
                <a:gd name="T36" fmla="*/ 25 w 791"/>
                <a:gd name="T37" fmla="*/ 340 h 669"/>
                <a:gd name="T38" fmla="*/ 59 w 791"/>
                <a:gd name="T39" fmla="*/ 350 h 669"/>
                <a:gd name="T40" fmla="*/ 98 w 791"/>
                <a:gd name="T41" fmla="*/ 361 h 669"/>
                <a:gd name="T42" fmla="*/ 145 w 791"/>
                <a:gd name="T43" fmla="*/ 374 h 669"/>
                <a:gd name="T44" fmla="*/ 193 w 791"/>
                <a:gd name="T45" fmla="*/ 387 h 669"/>
                <a:gd name="T46" fmla="*/ 247 w 791"/>
                <a:gd name="T47" fmla="*/ 400 h 669"/>
                <a:gd name="T48" fmla="*/ 291 w 791"/>
                <a:gd name="T49" fmla="*/ 412 h 669"/>
                <a:gd name="T50" fmla="*/ 330 w 791"/>
                <a:gd name="T51" fmla="*/ 422 h 669"/>
                <a:gd name="T52" fmla="*/ 367 w 791"/>
                <a:gd name="T53" fmla="*/ 431 h 669"/>
                <a:gd name="T54" fmla="*/ 398 w 791"/>
                <a:gd name="T55" fmla="*/ 436 h 669"/>
                <a:gd name="T56" fmla="*/ 421 w 791"/>
                <a:gd name="T57" fmla="*/ 444 h 669"/>
                <a:gd name="T58" fmla="*/ 432 w 791"/>
                <a:gd name="T59" fmla="*/ 448 h 669"/>
                <a:gd name="T60" fmla="*/ 462 w 791"/>
                <a:gd name="T61" fmla="*/ 308 h 669"/>
                <a:gd name="T62" fmla="*/ 477 w 791"/>
                <a:gd name="T63" fmla="*/ 266 h 669"/>
                <a:gd name="T64" fmla="*/ 466 w 791"/>
                <a:gd name="T65" fmla="*/ 250 h 669"/>
                <a:gd name="T66" fmla="*/ 470 w 791"/>
                <a:gd name="T67" fmla="*/ 245 h 669"/>
                <a:gd name="T68" fmla="*/ 492 w 791"/>
                <a:gd name="T69" fmla="*/ 216 h 669"/>
                <a:gd name="T70" fmla="*/ 531 w 791"/>
                <a:gd name="T71" fmla="*/ 159 h 669"/>
                <a:gd name="T72" fmla="*/ 515 w 791"/>
                <a:gd name="T73" fmla="*/ 124 h 669"/>
                <a:gd name="T74" fmla="*/ 398 w 791"/>
                <a:gd name="T75" fmla="*/ 96 h 669"/>
                <a:gd name="T76" fmla="*/ 383 w 791"/>
                <a:gd name="T77" fmla="*/ 98 h 669"/>
                <a:gd name="T78" fmla="*/ 367 w 791"/>
                <a:gd name="T79" fmla="*/ 95 h 669"/>
                <a:gd name="T80" fmla="*/ 357 w 791"/>
                <a:gd name="T81" fmla="*/ 93 h 669"/>
                <a:gd name="T82" fmla="*/ 350 w 791"/>
                <a:gd name="T83" fmla="*/ 96 h 669"/>
                <a:gd name="T84" fmla="*/ 319 w 791"/>
                <a:gd name="T85" fmla="*/ 99 h 669"/>
                <a:gd name="T86" fmla="*/ 297 w 791"/>
                <a:gd name="T87" fmla="*/ 94 h 669"/>
                <a:gd name="T88" fmla="*/ 283 w 791"/>
                <a:gd name="T89" fmla="*/ 95 h 669"/>
                <a:gd name="T90" fmla="*/ 265 w 791"/>
                <a:gd name="T91" fmla="*/ 95 h 669"/>
                <a:gd name="T92" fmla="*/ 244 w 791"/>
                <a:gd name="T93" fmla="*/ 81 h 669"/>
                <a:gd name="T94" fmla="*/ 228 w 791"/>
                <a:gd name="T95" fmla="*/ 80 h 669"/>
                <a:gd name="T96" fmla="*/ 212 w 791"/>
                <a:gd name="T97" fmla="*/ 82 h 669"/>
                <a:gd name="T98" fmla="*/ 193 w 791"/>
                <a:gd name="T99" fmla="*/ 81 h 669"/>
                <a:gd name="T100" fmla="*/ 185 w 791"/>
                <a:gd name="T101" fmla="*/ 76 h 669"/>
                <a:gd name="T102" fmla="*/ 178 w 791"/>
                <a:gd name="T103" fmla="*/ 70 h 669"/>
                <a:gd name="T104" fmla="*/ 177 w 791"/>
                <a:gd name="T105" fmla="*/ 59 h 669"/>
                <a:gd name="T106" fmla="*/ 177 w 791"/>
                <a:gd name="T107" fmla="*/ 43 h 669"/>
                <a:gd name="T108" fmla="*/ 172 w 791"/>
                <a:gd name="T109" fmla="*/ 22 h 669"/>
                <a:gd name="T110" fmla="*/ 159 w 791"/>
                <a:gd name="T111" fmla="*/ 17 h 669"/>
                <a:gd name="T112" fmla="*/ 154 w 791"/>
                <a:gd name="T113" fmla="*/ 17 h 669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w 791"/>
                <a:gd name="T172" fmla="*/ 0 h 669"/>
                <a:gd name="T173" fmla="*/ 791 w 791"/>
                <a:gd name="T174" fmla="*/ 669 h 669"/>
              </a:gdLst>
              <a:ahLst/>
              <a:cxnLst>
                <a:cxn ang="T114">
                  <a:pos x="T0" y="T1"/>
                </a:cxn>
                <a:cxn ang="T115">
                  <a:pos x="T2" y="T3"/>
                </a:cxn>
                <a:cxn ang="T116">
                  <a:pos x="T4" y="T5"/>
                </a:cxn>
                <a:cxn ang="T117">
                  <a:pos x="T6" y="T7"/>
                </a:cxn>
                <a:cxn ang="T118">
                  <a:pos x="T8" y="T9"/>
                </a:cxn>
                <a:cxn ang="T119">
                  <a:pos x="T10" y="T11"/>
                </a:cxn>
                <a:cxn ang="T120">
                  <a:pos x="T12" y="T13"/>
                </a:cxn>
                <a:cxn ang="T121">
                  <a:pos x="T14" y="T15"/>
                </a:cxn>
                <a:cxn ang="T122">
                  <a:pos x="T16" y="T17"/>
                </a:cxn>
                <a:cxn ang="T123">
                  <a:pos x="T18" y="T19"/>
                </a:cxn>
                <a:cxn ang="T124">
                  <a:pos x="T20" y="T21"/>
                </a:cxn>
                <a:cxn ang="T125">
                  <a:pos x="T22" y="T23"/>
                </a:cxn>
                <a:cxn ang="T126">
                  <a:pos x="T24" y="T25"/>
                </a:cxn>
                <a:cxn ang="T127">
                  <a:pos x="T26" y="T27"/>
                </a:cxn>
                <a:cxn ang="T128">
                  <a:pos x="T28" y="T29"/>
                </a:cxn>
                <a:cxn ang="T129">
                  <a:pos x="T30" y="T31"/>
                </a:cxn>
                <a:cxn ang="T130">
                  <a:pos x="T32" y="T33"/>
                </a:cxn>
                <a:cxn ang="T131">
                  <a:pos x="T34" y="T35"/>
                </a:cxn>
                <a:cxn ang="T132">
                  <a:pos x="T36" y="T37"/>
                </a:cxn>
                <a:cxn ang="T133">
                  <a:pos x="T38" y="T39"/>
                </a:cxn>
                <a:cxn ang="T134">
                  <a:pos x="T40" y="T41"/>
                </a:cxn>
                <a:cxn ang="T135">
                  <a:pos x="T42" y="T43"/>
                </a:cxn>
                <a:cxn ang="T136">
                  <a:pos x="T44" y="T45"/>
                </a:cxn>
                <a:cxn ang="T137">
                  <a:pos x="T46" y="T47"/>
                </a:cxn>
                <a:cxn ang="T138">
                  <a:pos x="T48" y="T49"/>
                </a:cxn>
                <a:cxn ang="T139">
                  <a:pos x="T50" y="T51"/>
                </a:cxn>
                <a:cxn ang="T140">
                  <a:pos x="T52" y="T53"/>
                </a:cxn>
                <a:cxn ang="T141">
                  <a:pos x="T54" y="T55"/>
                </a:cxn>
                <a:cxn ang="T142">
                  <a:pos x="T56" y="T57"/>
                </a:cxn>
                <a:cxn ang="T143">
                  <a:pos x="T58" y="T59"/>
                </a:cxn>
                <a:cxn ang="T144">
                  <a:pos x="T60" y="T61"/>
                </a:cxn>
                <a:cxn ang="T145">
                  <a:pos x="T62" y="T63"/>
                </a:cxn>
                <a:cxn ang="T146">
                  <a:pos x="T64" y="T65"/>
                </a:cxn>
                <a:cxn ang="T147">
                  <a:pos x="T66" y="T67"/>
                </a:cxn>
                <a:cxn ang="T148">
                  <a:pos x="T68" y="T69"/>
                </a:cxn>
                <a:cxn ang="T149">
                  <a:pos x="T70" y="T71"/>
                </a:cxn>
                <a:cxn ang="T150">
                  <a:pos x="T72" y="T73"/>
                </a:cxn>
                <a:cxn ang="T151">
                  <a:pos x="T74" y="T75"/>
                </a:cxn>
                <a:cxn ang="T152">
                  <a:pos x="T76" y="T77"/>
                </a:cxn>
                <a:cxn ang="T153">
                  <a:pos x="T78" y="T79"/>
                </a:cxn>
                <a:cxn ang="T154">
                  <a:pos x="T80" y="T81"/>
                </a:cxn>
                <a:cxn ang="T155">
                  <a:pos x="T82" y="T83"/>
                </a:cxn>
                <a:cxn ang="T156">
                  <a:pos x="T84" y="T85"/>
                </a:cxn>
                <a:cxn ang="T157">
                  <a:pos x="T86" y="T87"/>
                </a:cxn>
                <a:cxn ang="T158">
                  <a:pos x="T88" y="T89"/>
                </a:cxn>
                <a:cxn ang="T159">
                  <a:pos x="T90" y="T91"/>
                </a:cxn>
                <a:cxn ang="T160">
                  <a:pos x="T92" y="T93"/>
                </a:cxn>
                <a:cxn ang="T161">
                  <a:pos x="T94" y="T95"/>
                </a:cxn>
                <a:cxn ang="T162">
                  <a:pos x="T96" y="T97"/>
                </a:cxn>
                <a:cxn ang="T163">
                  <a:pos x="T98" y="T99"/>
                </a:cxn>
                <a:cxn ang="T164">
                  <a:pos x="T100" y="T101"/>
                </a:cxn>
                <a:cxn ang="T165">
                  <a:pos x="T102" y="T103"/>
                </a:cxn>
                <a:cxn ang="T166">
                  <a:pos x="T104" y="T105"/>
                </a:cxn>
                <a:cxn ang="T167">
                  <a:pos x="T106" y="T107"/>
                </a:cxn>
                <a:cxn ang="T168">
                  <a:pos x="T108" y="T109"/>
                </a:cxn>
                <a:cxn ang="T169">
                  <a:pos x="T110" y="T111"/>
                </a:cxn>
                <a:cxn ang="T170">
                  <a:pos x="T112" y="T113"/>
                </a:cxn>
              </a:cxnLst>
              <a:rect l="T171" t="T172" r="T173" b="T174"/>
              <a:pathLst>
                <a:path w="791" h="669">
                  <a:moveTo>
                    <a:pt x="239" y="27"/>
                  </a:moveTo>
                  <a:lnTo>
                    <a:pt x="232" y="27"/>
                  </a:lnTo>
                  <a:lnTo>
                    <a:pt x="227" y="22"/>
                  </a:lnTo>
                  <a:lnTo>
                    <a:pt x="222" y="19"/>
                  </a:lnTo>
                  <a:lnTo>
                    <a:pt x="220" y="14"/>
                  </a:lnTo>
                  <a:lnTo>
                    <a:pt x="214" y="12"/>
                  </a:lnTo>
                  <a:lnTo>
                    <a:pt x="212" y="12"/>
                  </a:lnTo>
                  <a:lnTo>
                    <a:pt x="207" y="14"/>
                  </a:lnTo>
                  <a:lnTo>
                    <a:pt x="202" y="12"/>
                  </a:lnTo>
                  <a:lnTo>
                    <a:pt x="197" y="9"/>
                  </a:lnTo>
                  <a:lnTo>
                    <a:pt x="193" y="9"/>
                  </a:lnTo>
                  <a:lnTo>
                    <a:pt x="190" y="12"/>
                  </a:lnTo>
                  <a:lnTo>
                    <a:pt x="185" y="7"/>
                  </a:lnTo>
                  <a:lnTo>
                    <a:pt x="181" y="0"/>
                  </a:lnTo>
                  <a:lnTo>
                    <a:pt x="178" y="0"/>
                  </a:lnTo>
                  <a:lnTo>
                    <a:pt x="180" y="17"/>
                  </a:lnTo>
                  <a:lnTo>
                    <a:pt x="178" y="26"/>
                  </a:lnTo>
                  <a:lnTo>
                    <a:pt x="168" y="34"/>
                  </a:lnTo>
                  <a:lnTo>
                    <a:pt x="173" y="43"/>
                  </a:lnTo>
                  <a:lnTo>
                    <a:pt x="168" y="48"/>
                  </a:lnTo>
                  <a:lnTo>
                    <a:pt x="161" y="63"/>
                  </a:lnTo>
                  <a:lnTo>
                    <a:pt x="164" y="73"/>
                  </a:lnTo>
                  <a:lnTo>
                    <a:pt x="156" y="88"/>
                  </a:lnTo>
                  <a:lnTo>
                    <a:pt x="134" y="147"/>
                  </a:lnTo>
                  <a:lnTo>
                    <a:pt x="119" y="169"/>
                  </a:lnTo>
                  <a:lnTo>
                    <a:pt x="119" y="176"/>
                  </a:lnTo>
                  <a:lnTo>
                    <a:pt x="102" y="222"/>
                  </a:lnTo>
                  <a:lnTo>
                    <a:pt x="104" y="222"/>
                  </a:lnTo>
                  <a:lnTo>
                    <a:pt x="104" y="220"/>
                  </a:lnTo>
                  <a:lnTo>
                    <a:pt x="102" y="222"/>
                  </a:lnTo>
                  <a:lnTo>
                    <a:pt x="95" y="239"/>
                  </a:lnTo>
                  <a:lnTo>
                    <a:pt x="90" y="254"/>
                  </a:lnTo>
                  <a:lnTo>
                    <a:pt x="83" y="268"/>
                  </a:lnTo>
                  <a:lnTo>
                    <a:pt x="76" y="279"/>
                  </a:lnTo>
                  <a:lnTo>
                    <a:pt x="71" y="290"/>
                  </a:lnTo>
                  <a:lnTo>
                    <a:pt x="66" y="300"/>
                  </a:lnTo>
                  <a:lnTo>
                    <a:pt x="61" y="308"/>
                  </a:lnTo>
                  <a:lnTo>
                    <a:pt x="56" y="315"/>
                  </a:lnTo>
                  <a:lnTo>
                    <a:pt x="53" y="322"/>
                  </a:lnTo>
                  <a:lnTo>
                    <a:pt x="49" y="327"/>
                  </a:lnTo>
                  <a:lnTo>
                    <a:pt x="46" y="332"/>
                  </a:lnTo>
                  <a:lnTo>
                    <a:pt x="43" y="335"/>
                  </a:lnTo>
                  <a:lnTo>
                    <a:pt x="41" y="337"/>
                  </a:lnTo>
                  <a:lnTo>
                    <a:pt x="39" y="339"/>
                  </a:lnTo>
                  <a:lnTo>
                    <a:pt x="39" y="340"/>
                  </a:lnTo>
                  <a:lnTo>
                    <a:pt x="39" y="344"/>
                  </a:lnTo>
                  <a:lnTo>
                    <a:pt x="38" y="345"/>
                  </a:lnTo>
                  <a:lnTo>
                    <a:pt x="34" y="351"/>
                  </a:lnTo>
                  <a:lnTo>
                    <a:pt x="31" y="359"/>
                  </a:lnTo>
                  <a:lnTo>
                    <a:pt x="24" y="367"/>
                  </a:lnTo>
                  <a:lnTo>
                    <a:pt x="19" y="378"/>
                  </a:lnTo>
                  <a:lnTo>
                    <a:pt x="14" y="386"/>
                  </a:lnTo>
                  <a:lnTo>
                    <a:pt x="10" y="393"/>
                  </a:lnTo>
                  <a:lnTo>
                    <a:pt x="9" y="396"/>
                  </a:lnTo>
                  <a:lnTo>
                    <a:pt x="10" y="401"/>
                  </a:lnTo>
                  <a:lnTo>
                    <a:pt x="12" y="406"/>
                  </a:lnTo>
                  <a:lnTo>
                    <a:pt x="12" y="411"/>
                  </a:lnTo>
                  <a:lnTo>
                    <a:pt x="12" y="417"/>
                  </a:lnTo>
                  <a:lnTo>
                    <a:pt x="12" y="420"/>
                  </a:lnTo>
                  <a:lnTo>
                    <a:pt x="12" y="423"/>
                  </a:lnTo>
                  <a:lnTo>
                    <a:pt x="12" y="427"/>
                  </a:lnTo>
                  <a:lnTo>
                    <a:pt x="12" y="428"/>
                  </a:lnTo>
                  <a:lnTo>
                    <a:pt x="9" y="432"/>
                  </a:lnTo>
                  <a:lnTo>
                    <a:pt x="7" y="437"/>
                  </a:lnTo>
                  <a:lnTo>
                    <a:pt x="5" y="442"/>
                  </a:lnTo>
                  <a:lnTo>
                    <a:pt x="4" y="447"/>
                  </a:lnTo>
                  <a:lnTo>
                    <a:pt x="2" y="452"/>
                  </a:lnTo>
                  <a:lnTo>
                    <a:pt x="2" y="457"/>
                  </a:lnTo>
                  <a:lnTo>
                    <a:pt x="0" y="462"/>
                  </a:lnTo>
                  <a:lnTo>
                    <a:pt x="0" y="466"/>
                  </a:lnTo>
                  <a:lnTo>
                    <a:pt x="0" y="471"/>
                  </a:lnTo>
                  <a:lnTo>
                    <a:pt x="0" y="474"/>
                  </a:lnTo>
                  <a:lnTo>
                    <a:pt x="0" y="477"/>
                  </a:lnTo>
                  <a:lnTo>
                    <a:pt x="2" y="481"/>
                  </a:lnTo>
                  <a:lnTo>
                    <a:pt x="2" y="484"/>
                  </a:lnTo>
                  <a:lnTo>
                    <a:pt x="2" y="486"/>
                  </a:lnTo>
                  <a:lnTo>
                    <a:pt x="2" y="488"/>
                  </a:lnTo>
                  <a:lnTo>
                    <a:pt x="2" y="489"/>
                  </a:lnTo>
                  <a:lnTo>
                    <a:pt x="4" y="491"/>
                  </a:lnTo>
                  <a:lnTo>
                    <a:pt x="4" y="494"/>
                  </a:lnTo>
                  <a:lnTo>
                    <a:pt x="5" y="496"/>
                  </a:lnTo>
                  <a:lnTo>
                    <a:pt x="5" y="498"/>
                  </a:lnTo>
                  <a:lnTo>
                    <a:pt x="7" y="499"/>
                  </a:lnTo>
                  <a:lnTo>
                    <a:pt x="7" y="501"/>
                  </a:lnTo>
                  <a:lnTo>
                    <a:pt x="10" y="503"/>
                  </a:lnTo>
                  <a:lnTo>
                    <a:pt x="16" y="503"/>
                  </a:lnTo>
                  <a:lnTo>
                    <a:pt x="21" y="506"/>
                  </a:lnTo>
                  <a:lnTo>
                    <a:pt x="26" y="508"/>
                  </a:lnTo>
                  <a:lnTo>
                    <a:pt x="32" y="510"/>
                  </a:lnTo>
                  <a:lnTo>
                    <a:pt x="39" y="511"/>
                  </a:lnTo>
                  <a:lnTo>
                    <a:pt x="48" y="515"/>
                  </a:lnTo>
                  <a:lnTo>
                    <a:pt x="56" y="516"/>
                  </a:lnTo>
                  <a:lnTo>
                    <a:pt x="66" y="520"/>
                  </a:lnTo>
                  <a:lnTo>
                    <a:pt x="76" y="521"/>
                  </a:lnTo>
                  <a:lnTo>
                    <a:pt x="87" y="525"/>
                  </a:lnTo>
                  <a:lnTo>
                    <a:pt x="97" y="528"/>
                  </a:lnTo>
                  <a:lnTo>
                    <a:pt x="109" y="532"/>
                  </a:lnTo>
                  <a:lnTo>
                    <a:pt x="120" y="535"/>
                  </a:lnTo>
                  <a:lnTo>
                    <a:pt x="132" y="538"/>
                  </a:lnTo>
                  <a:lnTo>
                    <a:pt x="146" y="542"/>
                  </a:lnTo>
                  <a:lnTo>
                    <a:pt x="159" y="545"/>
                  </a:lnTo>
                  <a:lnTo>
                    <a:pt x="173" y="549"/>
                  </a:lnTo>
                  <a:lnTo>
                    <a:pt x="186" y="552"/>
                  </a:lnTo>
                  <a:lnTo>
                    <a:pt x="200" y="555"/>
                  </a:lnTo>
                  <a:lnTo>
                    <a:pt x="214" y="560"/>
                  </a:lnTo>
                  <a:lnTo>
                    <a:pt x="229" y="564"/>
                  </a:lnTo>
                  <a:lnTo>
                    <a:pt x="244" y="567"/>
                  </a:lnTo>
                  <a:lnTo>
                    <a:pt x="259" y="572"/>
                  </a:lnTo>
                  <a:lnTo>
                    <a:pt x="274" y="576"/>
                  </a:lnTo>
                  <a:lnTo>
                    <a:pt x="288" y="579"/>
                  </a:lnTo>
                  <a:lnTo>
                    <a:pt x="305" y="584"/>
                  </a:lnTo>
                  <a:lnTo>
                    <a:pt x="318" y="587"/>
                  </a:lnTo>
                  <a:lnTo>
                    <a:pt x="335" y="591"/>
                  </a:lnTo>
                  <a:lnTo>
                    <a:pt x="349" y="594"/>
                  </a:lnTo>
                  <a:lnTo>
                    <a:pt x="366" y="599"/>
                  </a:lnTo>
                  <a:lnTo>
                    <a:pt x="379" y="603"/>
                  </a:lnTo>
                  <a:lnTo>
                    <a:pt x="393" y="606"/>
                  </a:lnTo>
                  <a:lnTo>
                    <a:pt x="406" y="609"/>
                  </a:lnTo>
                  <a:lnTo>
                    <a:pt x="418" y="613"/>
                  </a:lnTo>
                  <a:lnTo>
                    <a:pt x="432" y="616"/>
                  </a:lnTo>
                  <a:lnTo>
                    <a:pt x="444" y="620"/>
                  </a:lnTo>
                  <a:lnTo>
                    <a:pt x="456" y="621"/>
                  </a:lnTo>
                  <a:lnTo>
                    <a:pt x="469" y="625"/>
                  </a:lnTo>
                  <a:lnTo>
                    <a:pt x="479" y="628"/>
                  </a:lnTo>
                  <a:lnTo>
                    <a:pt x="491" y="631"/>
                  </a:lnTo>
                  <a:lnTo>
                    <a:pt x="503" y="633"/>
                  </a:lnTo>
                  <a:lnTo>
                    <a:pt x="515" y="637"/>
                  </a:lnTo>
                  <a:lnTo>
                    <a:pt x="525" y="640"/>
                  </a:lnTo>
                  <a:lnTo>
                    <a:pt x="535" y="642"/>
                  </a:lnTo>
                  <a:lnTo>
                    <a:pt x="545" y="645"/>
                  </a:lnTo>
                  <a:lnTo>
                    <a:pt x="555" y="647"/>
                  </a:lnTo>
                  <a:lnTo>
                    <a:pt x="564" y="650"/>
                  </a:lnTo>
                  <a:lnTo>
                    <a:pt x="574" y="652"/>
                  </a:lnTo>
                  <a:lnTo>
                    <a:pt x="582" y="653"/>
                  </a:lnTo>
                  <a:lnTo>
                    <a:pt x="589" y="655"/>
                  </a:lnTo>
                  <a:lnTo>
                    <a:pt x="598" y="657"/>
                  </a:lnTo>
                  <a:lnTo>
                    <a:pt x="604" y="659"/>
                  </a:lnTo>
                  <a:lnTo>
                    <a:pt x="611" y="660"/>
                  </a:lnTo>
                  <a:lnTo>
                    <a:pt x="616" y="662"/>
                  </a:lnTo>
                  <a:lnTo>
                    <a:pt x="623" y="664"/>
                  </a:lnTo>
                  <a:lnTo>
                    <a:pt x="626" y="665"/>
                  </a:lnTo>
                  <a:lnTo>
                    <a:pt x="632" y="667"/>
                  </a:lnTo>
                  <a:lnTo>
                    <a:pt x="635" y="667"/>
                  </a:lnTo>
                  <a:lnTo>
                    <a:pt x="638" y="667"/>
                  </a:lnTo>
                  <a:lnTo>
                    <a:pt x="640" y="669"/>
                  </a:lnTo>
                  <a:lnTo>
                    <a:pt x="643" y="669"/>
                  </a:lnTo>
                  <a:lnTo>
                    <a:pt x="689" y="474"/>
                  </a:lnTo>
                  <a:lnTo>
                    <a:pt x="687" y="461"/>
                  </a:lnTo>
                  <a:lnTo>
                    <a:pt x="706" y="428"/>
                  </a:lnTo>
                  <a:lnTo>
                    <a:pt x="706" y="418"/>
                  </a:lnTo>
                  <a:lnTo>
                    <a:pt x="711" y="411"/>
                  </a:lnTo>
                  <a:lnTo>
                    <a:pt x="714" y="403"/>
                  </a:lnTo>
                  <a:lnTo>
                    <a:pt x="709" y="398"/>
                  </a:lnTo>
                  <a:lnTo>
                    <a:pt x="691" y="386"/>
                  </a:lnTo>
                  <a:lnTo>
                    <a:pt x="692" y="378"/>
                  </a:lnTo>
                  <a:lnTo>
                    <a:pt x="692" y="376"/>
                  </a:lnTo>
                  <a:lnTo>
                    <a:pt x="692" y="374"/>
                  </a:lnTo>
                  <a:lnTo>
                    <a:pt x="694" y="373"/>
                  </a:lnTo>
                  <a:lnTo>
                    <a:pt x="694" y="371"/>
                  </a:lnTo>
                  <a:lnTo>
                    <a:pt x="696" y="369"/>
                  </a:lnTo>
                  <a:lnTo>
                    <a:pt x="696" y="367"/>
                  </a:lnTo>
                  <a:lnTo>
                    <a:pt x="696" y="366"/>
                  </a:lnTo>
                  <a:lnTo>
                    <a:pt x="701" y="356"/>
                  </a:lnTo>
                  <a:lnTo>
                    <a:pt x="706" y="347"/>
                  </a:lnTo>
                  <a:lnTo>
                    <a:pt x="714" y="339"/>
                  </a:lnTo>
                  <a:lnTo>
                    <a:pt x="721" y="330"/>
                  </a:lnTo>
                  <a:lnTo>
                    <a:pt x="730" y="323"/>
                  </a:lnTo>
                  <a:lnTo>
                    <a:pt x="736" y="318"/>
                  </a:lnTo>
                  <a:lnTo>
                    <a:pt x="740" y="315"/>
                  </a:lnTo>
                  <a:lnTo>
                    <a:pt x="742" y="313"/>
                  </a:lnTo>
                  <a:lnTo>
                    <a:pt x="742" y="305"/>
                  </a:lnTo>
                  <a:lnTo>
                    <a:pt x="789" y="239"/>
                  </a:lnTo>
                  <a:lnTo>
                    <a:pt x="791" y="230"/>
                  </a:lnTo>
                  <a:lnTo>
                    <a:pt x="784" y="217"/>
                  </a:lnTo>
                  <a:lnTo>
                    <a:pt x="774" y="208"/>
                  </a:lnTo>
                  <a:lnTo>
                    <a:pt x="762" y="185"/>
                  </a:lnTo>
                  <a:lnTo>
                    <a:pt x="764" y="186"/>
                  </a:lnTo>
                  <a:lnTo>
                    <a:pt x="596" y="144"/>
                  </a:lnTo>
                  <a:lnTo>
                    <a:pt x="594" y="144"/>
                  </a:lnTo>
                  <a:lnTo>
                    <a:pt x="593" y="144"/>
                  </a:lnTo>
                  <a:lnTo>
                    <a:pt x="589" y="144"/>
                  </a:lnTo>
                  <a:lnTo>
                    <a:pt x="586" y="144"/>
                  </a:lnTo>
                  <a:lnTo>
                    <a:pt x="582" y="146"/>
                  </a:lnTo>
                  <a:lnTo>
                    <a:pt x="577" y="146"/>
                  </a:lnTo>
                  <a:lnTo>
                    <a:pt x="574" y="146"/>
                  </a:lnTo>
                  <a:lnTo>
                    <a:pt x="569" y="146"/>
                  </a:lnTo>
                  <a:lnTo>
                    <a:pt x="564" y="146"/>
                  </a:lnTo>
                  <a:lnTo>
                    <a:pt x="559" y="146"/>
                  </a:lnTo>
                  <a:lnTo>
                    <a:pt x="554" y="144"/>
                  </a:lnTo>
                  <a:lnTo>
                    <a:pt x="549" y="144"/>
                  </a:lnTo>
                  <a:lnTo>
                    <a:pt x="544" y="142"/>
                  </a:lnTo>
                  <a:lnTo>
                    <a:pt x="538" y="141"/>
                  </a:lnTo>
                  <a:lnTo>
                    <a:pt x="533" y="139"/>
                  </a:lnTo>
                  <a:lnTo>
                    <a:pt x="532" y="139"/>
                  </a:lnTo>
                  <a:lnTo>
                    <a:pt x="530" y="139"/>
                  </a:lnTo>
                  <a:lnTo>
                    <a:pt x="528" y="139"/>
                  </a:lnTo>
                  <a:lnTo>
                    <a:pt x="527" y="141"/>
                  </a:lnTo>
                  <a:lnTo>
                    <a:pt x="523" y="142"/>
                  </a:lnTo>
                  <a:lnTo>
                    <a:pt x="522" y="144"/>
                  </a:lnTo>
                  <a:lnTo>
                    <a:pt x="520" y="144"/>
                  </a:lnTo>
                  <a:lnTo>
                    <a:pt x="498" y="144"/>
                  </a:lnTo>
                  <a:lnTo>
                    <a:pt x="496" y="144"/>
                  </a:lnTo>
                  <a:lnTo>
                    <a:pt x="491" y="144"/>
                  </a:lnTo>
                  <a:lnTo>
                    <a:pt x="483" y="146"/>
                  </a:lnTo>
                  <a:lnTo>
                    <a:pt x="472" y="147"/>
                  </a:lnTo>
                  <a:lnTo>
                    <a:pt x="464" y="147"/>
                  </a:lnTo>
                  <a:lnTo>
                    <a:pt x="454" y="147"/>
                  </a:lnTo>
                  <a:lnTo>
                    <a:pt x="447" y="144"/>
                  </a:lnTo>
                  <a:lnTo>
                    <a:pt x="440" y="141"/>
                  </a:lnTo>
                  <a:lnTo>
                    <a:pt x="437" y="141"/>
                  </a:lnTo>
                  <a:lnTo>
                    <a:pt x="434" y="141"/>
                  </a:lnTo>
                  <a:lnTo>
                    <a:pt x="428" y="141"/>
                  </a:lnTo>
                  <a:lnTo>
                    <a:pt x="423" y="141"/>
                  </a:lnTo>
                  <a:lnTo>
                    <a:pt x="420" y="142"/>
                  </a:lnTo>
                  <a:lnTo>
                    <a:pt x="417" y="142"/>
                  </a:lnTo>
                  <a:lnTo>
                    <a:pt x="408" y="141"/>
                  </a:lnTo>
                  <a:lnTo>
                    <a:pt x="395" y="144"/>
                  </a:lnTo>
                  <a:lnTo>
                    <a:pt x="395" y="142"/>
                  </a:lnTo>
                  <a:lnTo>
                    <a:pt x="390" y="139"/>
                  </a:lnTo>
                  <a:lnTo>
                    <a:pt x="384" y="134"/>
                  </a:lnTo>
                  <a:lnTo>
                    <a:pt x="376" y="129"/>
                  </a:lnTo>
                  <a:lnTo>
                    <a:pt x="369" y="124"/>
                  </a:lnTo>
                  <a:lnTo>
                    <a:pt x="361" y="120"/>
                  </a:lnTo>
                  <a:lnTo>
                    <a:pt x="352" y="117"/>
                  </a:lnTo>
                  <a:lnTo>
                    <a:pt x="346" y="117"/>
                  </a:lnTo>
                  <a:lnTo>
                    <a:pt x="344" y="117"/>
                  </a:lnTo>
                  <a:lnTo>
                    <a:pt x="342" y="117"/>
                  </a:lnTo>
                  <a:lnTo>
                    <a:pt x="339" y="119"/>
                  </a:lnTo>
                  <a:lnTo>
                    <a:pt x="335" y="119"/>
                  </a:lnTo>
                  <a:lnTo>
                    <a:pt x="332" y="120"/>
                  </a:lnTo>
                  <a:lnTo>
                    <a:pt x="327" y="120"/>
                  </a:lnTo>
                  <a:lnTo>
                    <a:pt x="320" y="122"/>
                  </a:lnTo>
                  <a:lnTo>
                    <a:pt x="315" y="122"/>
                  </a:lnTo>
                  <a:lnTo>
                    <a:pt x="310" y="122"/>
                  </a:lnTo>
                  <a:lnTo>
                    <a:pt x="303" y="122"/>
                  </a:lnTo>
                  <a:lnTo>
                    <a:pt x="298" y="122"/>
                  </a:lnTo>
                  <a:lnTo>
                    <a:pt x="293" y="122"/>
                  </a:lnTo>
                  <a:lnTo>
                    <a:pt x="288" y="120"/>
                  </a:lnTo>
                  <a:lnTo>
                    <a:pt x="283" y="119"/>
                  </a:lnTo>
                  <a:lnTo>
                    <a:pt x="280" y="117"/>
                  </a:lnTo>
                  <a:lnTo>
                    <a:pt x="278" y="114"/>
                  </a:lnTo>
                  <a:lnTo>
                    <a:pt x="276" y="112"/>
                  </a:lnTo>
                  <a:lnTo>
                    <a:pt x="274" y="112"/>
                  </a:lnTo>
                  <a:lnTo>
                    <a:pt x="273" y="110"/>
                  </a:lnTo>
                  <a:lnTo>
                    <a:pt x="269" y="107"/>
                  </a:lnTo>
                  <a:lnTo>
                    <a:pt x="268" y="105"/>
                  </a:lnTo>
                  <a:lnTo>
                    <a:pt x="266" y="103"/>
                  </a:lnTo>
                  <a:lnTo>
                    <a:pt x="264" y="103"/>
                  </a:lnTo>
                  <a:lnTo>
                    <a:pt x="259" y="92"/>
                  </a:lnTo>
                  <a:lnTo>
                    <a:pt x="259" y="90"/>
                  </a:lnTo>
                  <a:lnTo>
                    <a:pt x="261" y="87"/>
                  </a:lnTo>
                  <a:lnTo>
                    <a:pt x="261" y="83"/>
                  </a:lnTo>
                  <a:lnTo>
                    <a:pt x="263" y="78"/>
                  </a:lnTo>
                  <a:lnTo>
                    <a:pt x="263" y="73"/>
                  </a:lnTo>
                  <a:lnTo>
                    <a:pt x="263" y="68"/>
                  </a:lnTo>
                  <a:lnTo>
                    <a:pt x="263" y="63"/>
                  </a:lnTo>
                  <a:lnTo>
                    <a:pt x="263" y="56"/>
                  </a:lnTo>
                  <a:lnTo>
                    <a:pt x="261" y="51"/>
                  </a:lnTo>
                  <a:lnTo>
                    <a:pt x="261" y="46"/>
                  </a:lnTo>
                  <a:lnTo>
                    <a:pt x="258" y="41"/>
                  </a:lnTo>
                  <a:lnTo>
                    <a:pt x="254" y="36"/>
                  </a:lnTo>
                  <a:lnTo>
                    <a:pt x="251" y="32"/>
                  </a:lnTo>
                  <a:lnTo>
                    <a:pt x="246" y="29"/>
                  </a:lnTo>
                  <a:lnTo>
                    <a:pt x="239" y="27"/>
                  </a:lnTo>
                  <a:lnTo>
                    <a:pt x="237" y="27"/>
                  </a:lnTo>
                  <a:lnTo>
                    <a:pt x="236" y="27"/>
                  </a:lnTo>
                  <a:lnTo>
                    <a:pt x="232" y="26"/>
                  </a:lnTo>
                  <a:lnTo>
                    <a:pt x="230" y="26"/>
                  </a:lnTo>
                  <a:lnTo>
                    <a:pt x="229" y="26"/>
                  </a:lnTo>
                  <a:lnTo>
                    <a:pt x="227" y="26"/>
                  </a:lnTo>
                  <a:lnTo>
                    <a:pt x="239" y="27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15" name="Freeform 116"/>
            <p:cNvSpPr>
              <a:spLocks/>
            </p:cNvSpPr>
            <p:nvPr/>
          </p:nvSpPr>
          <p:spPr bwMode="auto">
            <a:xfrm>
              <a:off x="875" y="965"/>
              <a:ext cx="570" cy="930"/>
            </a:xfrm>
            <a:custGeom>
              <a:avLst/>
              <a:gdLst>
                <a:gd name="T0" fmla="*/ 177 w 586"/>
                <a:gd name="T1" fmla="*/ 129 h 958"/>
                <a:gd name="T2" fmla="*/ 183 w 586"/>
                <a:gd name="T3" fmla="*/ 147 h 958"/>
                <a:gd name="T4" fmla="*/ 183 w 586"/>
                <a:gd name="T5" fmla="*/ 152 h 958"/>
                <a:gd name="T6" fmla="*/ 191 w 586"/>
                <a:gd name="T7" fmla="*/ 156 h 958"/>
                <a:gd name="T8" fmla="*/ 200 w 586"/>
                <a:gd name="T9" fmla="*/ 173 h 958"/>
                <a:gd name="T10" fmla="*/ 208 w 586"/>
                <a:gd name="T11" fmla="*/ 192 h 958"/>
                <a:gd name="T12" fmla="*/ 214 w 586"/>
                <a:gd name="T13" fmla="*/ 202 h 958"/>
                <a:gd name="T14" fmla="*/ 227 w 586"/>
                <a:gd name="T15" fmla="*/ 217 h 958"/>
                <a:gd name="T16" fmla="*/ 232 w 586"/>
                <a:gd name="T17" fmla="*/ 242 h 958"/>
                <a:gd name="T18" fmla="*/ 222 w 586"/>
                <a:gd name="T19" fmla="*/ 265 h 958"/>
                <a:gd name="T20" fmla="*/ 222 w 586"/>
                <a:gd name="T21" fmla="*/ 281 h 958"/>
                <a:gd name="T22" fmla="*/ 213 w 586"/>
                <a:gd name="T23" fmla="*/ 292 h 958"/>
                <a:gd name="T24" fmla="*/ 211 w 586"/>
                <a:gd name="T25" fmla="*/ 305 h 958"/>
                <a:gd name="T26" fmla="*/ 247 w 586"/>
                <a:gd name="T27" fmla="*/ 300 h 958"/>
                <a:gd name="T28" fmla="*/ 250 w 586"/>
                <a:gd name="T29" fmla="*/ 299 h 958"/>
                <a:gd name="T30" fmla="*/ 253 w 586"/>
                <a:gd name="T31" fmla="*/ 329 h 958"/>
                <a:gd name="T32" fmla="*/ 259 w 586"/>
                <a:gd name="T33" fmla="*/ 348 h 958"/>
                <a:gd name="T34" fmla="*/ 264 w 586"/>
                <a:gd name="T35" fmla="*/ 360 h 958"/>
                <a:gd name="T36" fmla="*/ 261 w 586"/>
                <a:gd name="T37" fmla="*/ 369 h 958"/>
                <a:gd name="T38" fmla="*/ 270 w 586"/>
                <a:gd name="T39" fmla="*/ 378 h 958"/>
                <a:gd name="T40" fmla="*/ 282 w 586"/>
                <a:gd name="T41" fmla="*/ 394 h 958"/>
                <a:gd name="T42" fmla="*/ 284 w 586"/>
                <a:gd name="T43" fmla="*/ 415 h 958"/>
                <a:gd name="T44" fmla="*/ 292 w 586"/>
                <a:gd name="T45" fmla="*/ 419 h 958"/>
                <a:gd name="T46" fmla="*/ 295 w 586"/>
                <a:gd name="T47" fmla="*/ 411 h 958"/>
                <a:gd name="T48" fmla="*/ 308 w 586"/>
                <a:gd name="T49" fmla="*/ 413 h 958"/>
                <a:gd name="T50" fmla="*/ 320 w 586"/>
                <a:gd name="T51" fmla="*/ 416 h 958"/>
                <a:gd name="T52" fmla="*/ 327 w 586"/>
                <a:gd name="T53" fmla="*/ 409 h 958"/>
                <a:gd name="T54" fmla="*/ 334 w 586"/>
                <a:gd name="T55" fmla="*/ 411 h 958"/>
                <a:gd name="T56" fmla="*/ 352 w 586"/>
                <a:gd name="T57" fmla="*/ 413 h 958"/>
                <a:gd name="T58" fmla="*/ 386 w 586"/>
                <a:gd name="T59" fmla="*/ 403 h 958"/>
                <a:gd name="T60" fmla="*/ 183 w 586"/>
                <a:gd name="T61" fmla="*/ 599 h 958"/>
                <a:gd name="T62" fmla="*/ 176 w 586"/>
                <a:gd name="T63" fmla="*/ 598 h 958"/>
                <a:gd name="T64" fmla="*/ 156 w 586"/>
                <a:gd name="T65" fmla="*/ 595 h 958"/>
                <a:gd name="T66" fmla="*/ 125 w 586"/>
                <a:gd name="T67" fmla="*/ 588 h 958"/>
                <a:gd name="T68" fmla="*/ 89 w 586"/>
                <a:gd name="T69" fmla="*/ 580 h 958"/>
                <a:gd name="T70" fmla="*/ 51 w 586"/>
                <a:gd name="T71" fmla="*/ 572 h 958"/>
                <a:gd name="T72" fmla="*/ 18 w 586"/>
                <a:gd name="T73" fmla="*/ 564 h 958"/>
                <a:gd name="T74" fmla="*/ 44 w 586"/>
                <a:gd name="T75" fmla="*/ 403 h 958"/>
                <a:gd name="T76" fmla="*/ 34 w 586"/>
                <a:gd name="T77" fmla="*/ 375 h 958"/>
                <a:gd name="T78" fmla="*/ 37 w 586"/>
                <a:gd name="T79" fmla="*/ 368 h 958"/>
                <a:gd name="T80" fmla="*/ 42 w 586"/>
                <a:gd name="T81" fmla="*/ 356 h 958"/>
                <a:gd name="T82" fmla="*/ 64 w 586"/>
                <a:gd name="T83" fmla="*/ 330 h 958"/>
                <a:gd name="T84" fmla="*/ 101 w 586"/>
                <a:gd name="T85" fmla="*/ 273 h 958"/>
                <a:gd name="T86" fmla="*/ 83 w 586"/>
                <a:gd name="T87" fmla="*/ 228 h 958"/>
                <a:gd name="T88" fmla="*/ 83 w 586"/>
                <a:gd name="T89" fmla="*/ 198 h 958"/>
                <a:gd name="T90" fmla="*/ 89 w 586"/>
                <a:gd name="T91" fmla="*/ 176 h 958"/>
                <a:gd name="T92" fmla="*/ 98 w 586"/>
                <a:gd name="T93" fmla="*/ 137 h 958"/>
                <a:gd name="T94" fmla="*/ 109 w 586"/>
                <a:gd name="T95" fmla="*/ 91 h 958"/>
                <a:gd name="T96" fmla="*/ 118 w 586"/>
                <a:gd name="T97" fmla="*/ 46 h 958"/>
                <a:gd name="T98" fmla="*/ 125 w 586"/>
                <a:gd name="T99" fmla="*/ 17 h 958"/>
                <a:gd name="T100" fmla="*/ 127 w 586"/>
                <a:gd name="T101" fmla="*/ 0 h 958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w 586"/>
                <a:gd name="T154" fmla="*/ 0 h 958"/>
                <a:gd name="T155" fmla="*/ 586 w 586"/>
                <a:gd name="T156" fmla="*/ 958 h 958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T153" t="T154" r="T155" b="T156"/>
              <a:pathLst>
                <a:path w="586" h="958">
                  <a:moveTo>
                    <a:pt x="266" y="17"/>
                  </a:moveTo>
                  <a:lnTo>
                    <a:pt x="241" y="139"/>
                  </a:lnTo>
                  <a:lnTo>
                    <a:pt x="249" y="158"/>
                  </a:lnTo>
                  <a:lnTo>
                    <a:pt x="261" y="185"/>
                  </a:lnTo>
                  <a:lnTo>
                    <a:pt x="261" y="195"/>
                  </a:lnTo>
                  <a:lnTo>
                    <a:pt x="254" y="200"/>
                  </a:lnTo>
                  <a:lnTo>
                    <a:pt x="263" y="207"/>
                  </a:lnTo>
                  <a:lnTo>
                    <a:pt x="256" y="212"/>
                  </a:lnTo>
                  <a:lnTo>
                    <a:pt x="256" y="219"/>
                  </a:lnTo>
                  <a:lnTo>
                    <a:pt x="269" y="222"/>
                  </a:lnTo>
                  <a:lnTo>
                    <a:pt x="269" y="224"/>
                  </a:lnTo>
                  <a:lnTo>
                    <a:pt x="269" y="226"/>
                  </a:lnTo>
                  <a:lnTo>
                    <a:pt x="269" y="227"/>
                  </a:lnTo>
                  <a:lnTo>
                    <a:pt x="269" y="229"/>
                  </a:lnTo>
                  <a:lnTo>
                    <a:pt x="269" y="231"/>
                  </a:lnTo>
                  <a:lnTo>
                    <a:pt x="269" y="232"/>
                  </a:lnTo>
                  <a:lnTo>
                    <a:pt x="271" y="234"/>
                  </a:lnTo>
                  <a:lnTo>
                    <a:pt x="276" y="236"/>
                  </a:lnTo>
                  <a:lnTo>
                    <a:pt x="280" y="237"/>
                  </a:lnTo>
                  <a:lnTo>
                    <a:pt x="283" y="241"/>
                  </a:lnTo>
                  <a:lnTo>
                    <a:pt x="286" y="244"/>
                  </a:lnTo>
                  <a:lnTo>
                    <a:pt x="290" y="249"/>
                  </a:lnTo>
                  <a:lnTo>
                    <a:pt x="293" y="256"/>
                  </a:lnTo>
                  <a:lnTo>
                    <a:pt x="295" y="261"/>
                  </a:lnTo>
                  <a:lnTo>
                    <a:pt x="298" y="268"/>
                  </a:lnTo>
                  <a:lnTo>
                    <a:pt x="300" y="275"/>
                  </a:lnTo>
                  <a:lnTo>
                    <a:pt x="302" y="280"/>
                  </a:lnTo>
                  <a:lnTo>
                    <a:pt x="303" y="286"/>
                  </a:lnTo>
                  <a:lnTo>
                    <a:pt x="305" y="292"/>
                  </a:lnTo>
                  <a:lnTo>
                    <a:pt x="305" y="295"/>
                  </a:lnTo>
                  <a:lnTo>
                    <a:pt x="307" y="298"/>
                  </a:lnTo>
                  <a:lnTo>
                    <a:pt x="307" y="300"/>
                  </a:lnTo>
                  <a:lnTo>
                    <a:pt x="307" y="302"/>
                  </a:lnTo>
                  <a:lnTo>
                    <a:pt x="315" y="305"/>
                  </a:lnTo>
                  <a:lnTo>
                    <a:pt x="315" y="317"/>
                  </a:lnTo>
                  <a:lnTo>
                    <a:pt x="327" y="317"/>
                  </a:lnTo>
                  <a:lnTo>
                    <a:pt x="329" y="330"/>
                  </a:lnTo>
                  <a:lnTo>
                    <a:pt x="335" y="330"/>
                  </a:lnTo>
                  <a:lnTo>
                    <a:pt x="354" y="330"/>
                  </a:lnTo>
                  <a:lnTo>
                    <a:pt x="354" y="332"/>
                  </a:lnTo>
                  <a:lnTo>
                    <a:pt x="342" y="354"/>
                  </a:lnTo>
                  <a:lnTo>
                    <a:pt x="342" y="366"/>
                  </a:lnTo>
                  <a:lnTo>
                    <a:pt x="334" y="376"/>
                  </a:lnTo>
                  <a:lnTo>
                    <a:pt x="335" y="376"/>
                  </a:lnTo>
                  <a:lnTo>
                    <a:pt x="335" y="385"/>
                  </a:lnTo>
                  <a:lnTo>
                    <a:pt x="329" y="390"/>
                  </a:lnTo>
                  <a:lnTo>
                    <a:pt x="327" y="400"/>
                  </a:lnTo>
                  <a:lnTo>
                    <a:pt x="330" y="418"/>
                  </a:lnTo>
                  <a:lnTo>
                    <a:pt x="330" y="420"/>
                  </a:lnTo>
                  <a:lnTo>
                    <a:pt x="329" y="422"/>
                  </a:lnTo>
                  <a:lnTo>
                    <a:pt x="327" y="425"/>
                  </a:lnTo>
                  <a:lnTo>
                    <a:pt x="320" y="427"/>
                  </a:lnTo>
                  <a:lnTo>
                    <a:pt x="317" y="430"/>
                  </a:lnTo>
                  <a:lnTo>
                    <a:pt x="315" y="434"/>
                  </a:lnTo>
                  <a:lnTo>
                    <a:pt x="313" y="439"/>
                  </a:lnTo>
                  <a:lnTo>
                    <a:pt x="313" y="444"/>
                  </a:lnTo>
                  <a:lnTo>
                    <a:pt x="315" y="447"/>
                  </a:lnTo>
                  <a:lnTo>
                    <a:pt x="315" y="451"/>
                  </a:lnTo>
                  <a:lnTo>
                    <a:pt x="315" y="452"/>
                  </a:lnTo>
                  <a:lnTo>
                    <a:pt x="310" y="454"/>
                  </a:lnTo>
                  <a:lnTo>
                    <a:pt x="310" y="462"/>
                  </a:lnTo>
                  <a:lnTo>
                    <a:pt x="319" y="466"/>
                  </a:lnTo>
                  <a:lnTo>
                    <a:pt x="327" y="474"/>
                  </a:lnTo>
                  <a:lnTo>
                    <a:pt x="342" y="469"/>
                  </a:lnTo>
                  <a:lnTo>
                    <a:pt x="357" y="456"/>
                  </a:lnTo>
                  <a:lnTo>
                    <a:pt x="364" y="454"/>
                  </a:lnTo>
                  <a:lnTo>
                    <a:pt x="366" y="452"/>
                  </a:lnTo>
                  <a:lnTo>
                    <a:pt x="366" y="451"/>
                  </a:lnTo>
                  <a:lnTo>
                    <a:pt x="368" y="451"/>
                  </a:lnTo>
                  <a:lnTo>
                    <a:pt x="369" y="452"/>
                  </a:lnTo>
                  <a:lnTo>
                    <a:pt x="371" y="456"/>
                  </a:lnTo>
                  <a:lnTo>
                    <a:pt x="373" y="464"/>
                  </a:lnTo>
                  <a:lnTo>
                    <a:pt x="373" y="474"/>
                  </a:lnTo>
                  <a:lnTo>
                    <a:pt x="373" y="488"/>
                  </a:lnTo>
                  <a:lnTo>
                    <a:pt x="373" y="498"/>
                  </a:lnTo>
                  <a:lnTo>
                    <a:pt x="374" y="506"/>
                  </a:lnTo>
                  <a:lnTo>
                    <a:pt x="376" y="513"/>
                  </a:lnTo>
                  <a:lnTo>
                    <a:pt x="378" y="520"/>
                  </a:lnTo>
                  <a:lnTo>
                    <a:pt x="379" y="523"/>
                  </a:lnTo>
                  <a:lnTo>
                    <a:pt x="381" y="525"/>
                  </a:lnTo>
                  <a:lnTo>
                    <a:pt x="383" y="527"/>
                  </a:lnTo>
                  <a:lnTo>
                    <a:pt x="386" y="535"/>
                  </a:lnTo>
                  <a:lnTo>
                    <a:pt x="388" y="540"/>
                  </a:lnTo>
                  <a:lnTo>
                    <a:pt x="390" y="545"/>
                  </a:lnTo>
                  <a:lnTo>
                    <a:pt x="390" y="547"/>
                  </a:lnTo>
                  <a:lnTo>
                    <a:pt x="388" y="550"/>
                  </a:lnTo>
                  <a:lnTo>
                    <a:pt x="388" y="552"/>
                  </a:lnTo>
                  <a:lnTo>
                    <a:pt x="386" y="554"/>
                  </a:lnTo>
                  <a:lnTo>
                    <a:pt x="385" y="559"/>
                  </a:lnTo>
                  <a:lnTo>
                    <a:pt x="386" y="562"/>
                  </a:lnTo>
                  <a:lnTo>
                    <a:pt x="388" y="566"/>
                  </a:lnTo>
                  <a:lnTo>
                    <a:pt x="391" y="569"/>
                  </a:lnTo>
                  <a:lnTo>
                    <a:pt x="395" y="571"/>
                  </a:lnTo>
                  <a:lnTo>
                    <a:pt x="398" y="572"/>
                  </a:lnTo>
                  <a:lnTo>
                    <a:pt x="400" y="572"/>
                  </a:lnTo>
                  <a:lnTo>
                    <a:pt x="401" y="572"/>
                  </a:lnTo>
                  <a:lnTo>
                    <a:pt x="413" y="591"/>
                  </a:lnTo>
                  <a:lnTo>
                    <a:pt x="413" y="593"/>
                  </a:lnTo>
                  <a:lnTo>
                    <a:pt x="415" y="596"/>
                  </a:lnTo>
                  <a:lnTo>
                    <a:pt x="415" y="603"/>
                  </a:lnTo>
                  <a:lnTo>
                    <a:pt x="415" y="610"/>
                  </a:lnTo>
                  <a:lnTo>
                    <a:pt x="417" y="616"/>
                  </a:lnTo>
                  <a:lnTo>
                    <a:pt x="417" y="622"/>
                  </a:lnTo>
                  <a:lnTo>
                    <a:pt x="418" y="627"/>
                  </a:lnTo>
                  <a:lnTo>
                    <a:pt x="418" y="628"/>
                  </a:lnTo>
                  <a:lnTo>
                    <a:pt x="422" y="633"/>
                  </a:lnTo>
                  <a:lnTo>
                    <a:pt x="425" y="637"/>
                  </a:lnTo>
                  <a:lnTo>
                    <a:pt x="427" y="637"/>
                  </a:lnTo>
                  <a:lnTo>
                    <a:pt x="429" y="637"/>
                  </a:lnTo>
                  <a:lnTo>
                    <a:pt x="430" y="633"/>
                  </a:lnTo>
                  <a:lnTo>
                    <a:pt x="432" y="632"/>
                  </a:lnTo>
                  <a:lnTo>
                    <a:pt x="432" y="630"/>
                  </a:lnTo>
                  <a:lnTo>
                    <a:pt x="432" y="628"/>
                  </a:lnTo>
                  <a:lnTo>
                    <a:pt x="435" y="623"/>
                  </a:lnTo>
                  <a:lnTo>
                    <a:pt x="440" y="622"/>
                  </a:lnTo>
                  <a:lnTo>
                    <a:pt x="444" y="622"/>
                  </a:lnTo>
                  <a:lnTo>
                    <a:pt x="447" y="622"/>
                  </a:lnTo>
                  <a:lnTo>
                    <a:pt x="452" y="623"/>
                  </a:lnTo>
                  <a:lnTo>
                    <a:pt x="454" y="625"/>
                  </a:lnTo>
                  <a:lnTo>
                    <a:pt x="457" y="627"/>
                  </a:lnTo>
                  <a:lnTo>
                    <a:pt x="459" y="628"/>
                  </a:lnTo>
                  <a:lnTo>
                    <a:pt x="464" y="632"/>
                  </a:lnTo>
                  <a:lnTo>
                    <a:pt x="469" y="632"/>
                  </a:lnTo>
                  <a:lnTo>
                    <a:pt x="473" y="630"/>
                  </a:lnTo>
                  <a:lnTo>
                    <a:pt x="476" y="628"/>
                  </a:lnTo>
                  <a:lnTo>
                    <a:pt x="478" y="625"/>
                  </a:lnTo>
                  <a:lnTo>
                    <a:pt x="479" y="623"/>
                  </a:lnTo>
                  <a:lnTo>
                    <a:pt x="479" y="620"/>
                  </a:lnTo>
                  <a:lnTo>
                    <a:pt x="481" y="620"/>
                  </a:lnTo>
                  <a:lnTo>
                    <a:pt x="484" y="618"/>
                  </a:lnTo>
                  <a:lnTo>
                    <a:pt x="486" y="618"/>
                  </a:lnTo>
                  <a:lnTo>
                    <a:pt x="488" y="620"/>
                  </a:lnTo>
                  <a:lnTo>
                    <a:pt x="489" y="622"/>
                  </a:lnTo>
                  <a:lnTo>
                    <a:pt x="491" y="623"/>
                  </a:lnTo>
                  <a:lnTo>
                    <a:pt x="491" y="625"/>
                  </a:lnTo>
                  <a:lnTo>
                    <a:pt x="493" y="627"/>
                  </a:lnTo>
                  <a:lnTo>
                    <a:pt x="493" y="628"/>
                  </a:lnTo>
                  <a:lnTo>
                    <a:pt x="498" y="628"/>
                  </a:lnTo>
                  <a:lnTo>
                    <a:pt x="518" y="625"/>
                  </a:lnTo>
                  <a:lnTo>
                    <a:pt x="525" y="630"/>
                  </a:lnTo>
                  <a:lnTo>
                    <a:pt x="537" y="630"/>
                  </a:lnTo>
                  <a:lnTo>
                    <a:pt x="552" y="628"/>
                  </a:lnTo>
                  <a:lnTo>
                    <a:pt x="559" y="611"/>
                  </a:lnTo>
                  <a:lnTo>
                    <a:pt x="569" y="611"/>
                  </a:lnTo>
                  <a:lnTo>
                    <a:pt x="576" y="632"/>
                  </a:lnTo>
                  <a:lnTo>
                    <a:pt x="586" y="647"/>
                  </a:lnTo>
                  <a:lnTo>
                    <a:pt x="540" y="958"/>
                  </a:lnTo>
                  <a:lnTo>
                    <a:pt x="269" y="909"/>
                  </a:lnTo>
                  <a:lnTo>
                    <a:pt x="268" y="909"/>
                  </a:lnTo>
                  <a:lnTo>
                    <a:pt x="266" y="909"/>
                  </a:lnTo>
                  <a:lnTo>
                    <a:pt x="263" y="908"/>
                  </a:lnTo>
                  <a:lnTo>
                    <a:pt x="259" y="908"/>
                  </a:lnTo>
                  <a:lnTo>
                    <a:pt x="254" y="906"/>
                  </a:lnTo>
                  <a:lnTo>
                    <a:pt x="249" y="904"/>
                  </a:lnTo>
                  <a:lnTo>
                    <a:pt x="242" y="904"/>
                  </a:lnTo>
                  <a:lnTo>
                    <a:pt x="236" y="902"/>
                  </a:lnTo>
                  <a:lnTo>
                    <a:pt x="229" y="901"/>
                  </a:lnTo>
                  <a:lnTo>
                    <a:pt x="220" y="899"/>
                  </a:lnTo>
                  <a:lnTo>
                    <a:pt x="212" y="897"/>
                  </a:lnTo>
                  <a:lnTo>
                    <a:pt x="203" y="896"/>
                  </a:lnTo>
                  <a:lnTo>
                    <a:pt x="193" y="894"/>
                  </a:lnTo>
                  <a:lnTo>
                    <a:pt x="185" y="891"/>
                  </a:lnTo>
                  <a:lnTo>
                    <a:pt x="175" y="889"/>
                  </a:lnTo>
                  <a:lnTo>
                    <a:pt x="165" y="887"/>
                  </a:lnTo>
                  <a:lnTo>
                    <a:pt x="154" y="884"/>
                  </a:lnTo>
                  <a:lnTo>
                    <a:pt x="143" y="882"/>
                  </a:lnTo>
                  <a:lnTo>
                    <a:pt x="132" y="880"/>
                  </a:lnTo>
                  <a:lnTo>
                    <a:pt x="121" y="877"/>
                  </a:lnTo>
                  <a:lnTo>
                    <a:pt x="110" y="875"/>
                  </a:lnTo>
                  <a:lnTo>
                    <a:pt x="99" y="872"/>
                  </a:lnTo>
                  <a:lnTo>
                    <a:pt x="87" y="870"/>
                  </a:lnTo>
                  <a:lnTo>
                    <a:pt x="77" y="867"/>
                  </a:lnTo>
                  <a:lnTo>
                    <a:pt x="65" y="865"/>
                  </a:lnTo>
                  <a:lnTo>
                    <a:pt x="53" y="862"/>
                  </a:lnTo>
                  <a:lnTo>
                    <a:pt x="43" y="860"/>
                  </a:lnTo>
                  <a:lnTo>
                    <a:pt x="33" y="858"/>
                  </a:lnTo>
                  <a:lnTo>
                    <a:pt x="21" y="855"/>
                  </a:lnTo>
                  <a:lnTo>
                    <a:pt x="11" y="853"/>
                  </a:lnTo>
                  <a:lnTo>
                    <a:pt x="0" y="852"/>
                  </a:lnTo>
                  <a:lnTo>
                    <a:pt x="46" y="657"/>
                  </a:lnTo>
                  <a:lnTo>
                    <a:pt x="44" y="644"/>
                  </a:lnTo>
                  <a:lnTo>
                    <a:pt x="63" y="611"/>
                  </a:lnTo>
                  <a:lnTo>
                    <a:pt x="63" y="601"/>
                  </a:lnTo>
                  <a:lnTo>
                    <a:pt x="68" y="594"/>
                  </a:lnTo>
                  <a:lnTo>
                    <a:pt x="71" y="586"/>
                  </a:lnTo>
                  <a:lnTo>
                    <a:pt x="66" y="581"/>
                  </a:lnTo>
                  <a:lnTo>
                    <a:pt x="48" y="569"/>
                  </a:lnTo>
                  <a:lnTo>
                    <a:pt x="49" y="561"/>
                  </a:lnTo>
                  <a:lnTo>
                    <a:pt x="49" y="559"/>
                  </a:lnTo>
                  <a:lnTo>
                    <a:pt x="49" y="557"/>
                  </a:lnTo>
                  <a:lnTo>
                    <a:pt x="51" y="556"/>
                  </a:lnTo>
                  <a:lnTo>
                    <a:pt x="51" y="554"/>
                  </a:lnTo>
                  <a:lnTo>
                    <a:pt x="53" y="552"/>
                  </a:lnTo>
                  <a:lnTo>
                    <a:pt x="53" y="550"/>
                  </a:lnTo>
                  <a:lnTo>
                    <a:pt x="53" y="549"/>
                  </a:lnTo>
                  <a:lnTo>
                    <a:pt x="58" y="539"/>
                  </a:lnTo>
                  <a:lnTo>
                    <a:pt x="63" y="530"/>
                  </a:lnTo>
                  <a:lnTo>
                    <a:pt x="71" y="522"/>
                  </a:lnTo>
                  <a:lnTo>
                    <a:pt x="78" y="513"/>
                  </a:lnTo>
                  <a:lnTo>
                    <a:pt x="87" y="506"/>
                  </a:lnTo>
                  <a:lnTo>
                    <a:pt x="93" y="501"/>
                  </a:lnTo>
                  <a:lnTo>
                    <a:pt x="97" y="498"/>
                  </a:lnTo>
                  <a:lnTo>
                    <a:pt x="99" y="496"/>
                  </a:lnTo>
                  <a:lnTo>
                    <a:pt x="99" y="488"/>
                  </a:lnTo>
                  <a:lnTo>
                    <a:pt x="146" y="422"/>
                  </a:lnTo>
                  <a:lnTo>
                    <a:pt x="148" y="413"/>
                  </a:lnTo>
                  <a:lnTo>
                    <a:pt x="141" y="400"/>
                  </a:lnTo>
                  <a:lnTo>
                    <a:pt x="131" y="391"/>
                  </a:lnTo>
                  <a:lnTo>
                    <a:pt x="119" y="368"/>
                  </a:lnTo>
                  <a:lnTo>
                    <a:pt x="119" y="358"/>
                  </a:lnTo>
                  <a:lnTo>
                    <a:pt x="122" y="344"/>
                  </a:lnTo>
                  <a:lnTo>
                    <a:pt x="122" y="332"/>
                  </a:lnTo>
                  <a:lnTo>
                    <a:pt x="117" y="320"/>
                  </a:lnTo>
                  <a:lnTo>
                    <a:pt x="122" y="303"/>
                  </a:lnTo>
                  <a:lnTo>
                    <a:pt x="122" y="302"/>
                  </a:lnTo>
                  <a:lnTo>
                    <a:pt x="122" y="300"/>
                  </a:lnTo>
                  <a:lnTo>
                    <a:pt x="124" y="297"/>
                  </a:lnTo>
                  <a:lnTo>
                    <a:pt x="126" y="290"/>
                  </a:lnTo>
                  <a:lnTo>
                    <a:pt x="127" y="283"/>
                  </a:lnTo>
                  <a:lnTo>
                    <a:pt x="129" y="275"/>
                  </a:lnTo>
                  <a:lnTo>
                    <a:pt x="131" y="266"/>
                  </a:lnTo>
                  <a:lnTo>
                    <a:pt x="132" y="256"/>
                  </a:lnTo>
                  <a:lnTo>
                    <a:pt x="136" y="244"/>
                  </a:lnTo>
                  <a:lnTo>
                    <a:pt x="137" y="232"/>
                  </a:lnTo>
                  <a:lnTo>
                    <a:pt x="141" y="220"/>
                  </a:lnTo>
                  <a:lnTo>
                    <a:pt x="144" y="207"/>
                  </a:lnTo>
                  <a:lnTo>
                    <a:pt x="146" y="193"/>
                  </a:lnTo>
                  <a:lnTo>
                    <a:pt x="149" y="180"/>
                  </a:lnTo>
                  <a:lnTo>
                    <a:pt x="153" y="166"/>
                  </a:lnTo>
                  <a:lnTo>
                    <a:pt x="156" y="151"/>
                  </a:lnTo>
                  <a:lnTo>
                    <a:pt x="159" y="138"/>
                  </a:lnTo>
                  <a:lnTo>
                    <a:pt x="161" y="122"/>
                  </a:lnTo>
                  <a:lnTo>
                    <a:pt x="165" y="109"/>
                  </a:lnTo>
                  <a:lnTo>
                    <a:pt x="168" y="95"/>
                  </a:lnTo>
                  <a:lnTo>
                    <a:pt x="171" y="82"/>
                  </a:lnTo>
                  <a:lnTo>
                    <a:pt x="173" y="70"/>
                  </a:lnTo>
                  <a:lnTo>
                    <a:pt x="176" y="58"/>
                  </a:lnTo>
                  <a:lnTo>
                    <a:pt x="178" y="48"/>
                  </a:lnTo>
                  <a:lnTo>
                    <a:pt x="181" y="38"/>
                  </a:lnTo>
                  <a:lnTo>
                    <a:pt x="183" y="28"/>
                  </a:lnTo>
                  <a:lnTo>
                    <a:pt x="185" y="19"/>
                  </a:lnTo>
                  <a:lnTo>
                    <a:pt x="187" y="12"/>
                  </a:lnTo>
                  <a:lnTo>
                    <a:pt x="188" y="7"/>
                  </a:lnTo>
                  <a:lnTo>
                    <a:pt x="188" y="4"/>
                  </a:lnTo>
                  <a:lnTo>
                    <a:pt x="188" y="0"/>
                  </a:lnTo>
                  <a:lnTo>
                    <a:pt x="266" y="17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16" name="Freeform 117"/>
            <p:cNvSpPr>
              <a:spLocks/>
            </p:cNvSpPr>
            <p:nvPr/>
          </p:nvSpPr>
          <p:spPr bwMode="auto">
            <a:xfrm>
              <a:off x="1110" y="981"/>
              <a:ext cx="979" cy="621"/>
            </a:xfrm>
            <a:custGeom>
              <a:avLst/>
              <a:gdLst>
                <a:gd name="T0" fmla="*/ 289 w 1007"/>
                <a:gd name="T1" fmla="*/ 381 h 640"/>
                <a:gd name="T2" fmla="*/ 357 w 1007"/>
                <a:gd name="T3" fmla="*/ 389 h 640"/>
                <a:gd name="T4" fmla="*/ 425 w 1007"/>
                <a:gd name="T5" fmla="*/ 398 h 640"/>
                <a:gd name="T6" fmla="*/ 489 w 1007"/>
                <a:gd name="T7" fmla="*/ 406 h 640"/>
                <a:gd name="T8" fmla="*/ 550 w 1007"/>
                <a:gd name="T9" fmla="*/ 410 h 640"/>
                <a:gd name="T10" fmla="*/ 600 w 1007"/>
                <a:gd name="T11" fmla="*/ 415 h 640"/>
                <a:gd name="T12" fmla="*/ 635 w 1007"/>
                <a:gd name="T13" fmla="*/ 418 h 640"/>
                <a:gd name="T14" fmla="*/ 651 w 1007"/>
                <a:gd name="T15" fmla="*/ 420 h 640"/>
                <a:gd name="T16" fmla="*/ 635 w 1007"/>
                <a:gd name="T17" fmla="*/ 93 h 640"/>
                <a:gd name="T18" fmla="*/ 534 w 1007"/>
                <a:gd name="T19" fmla="*/ 82 h 640"/>
                <a:gd name="T20" fmla="*/ 426 w 1007"/>
                <a:gd name="T21" fmla="*/ 70 h 640"/>
                <a:gd name="T22" fmla="*/ 317 w 1007"/>
                <a:gd name="T23" fmla="*/ 54 h 640"/>
                <a:gd name="T24" fmla="*/ 215 w 1007"/>
                <a:gd name="T25" fmla="*/ 39 h 640"/>
                <a:gd name="T26" fmla="*/ 126 w 1007"/>
                <a:gd name="T27" fmla="*/ 17 h 640"/>
                <a:gd name="T28" fmla="*/ 60 w 1007"/>
                <a:gd name="T29" fmla="*/ 12 h 640"/>
                <a:gd name="T30" fmla="*/ 20 w 1007"/>
                <a:gd name="T31" fmla="*/ 2 h 640"/>
                <a:gd name="T32" fmla="*/ 0 w 1007"/>
                <a:gd name="T33" fmla="*/ 80 h 640"/>
                <a:gd name="T34" fmla="*/ 13 w 1007"/>
                <a:gd name="T35" fmla="*/ 120 h 640"/>
                <a:gd name="T36" fmla="*/ 17 w 1007"/>
                <a:gd name="T37" fmla="*/ 135 h 640"/>
                <a:gd name="T38" fmla="*/ 17 w 1007"/>
                <a:gd name="T39" fmla="*/ 139 h 640"/>
                <a:gd name="T40" fmla="*/ 17 w 1007"/>
                <a:gd name="T41" fmla="*/ 143 h 640"/>
                <a:gd name="T42" fmla="*/ 31 w 1007"/>
                <a:gd name="T43" fmla="*/ 148 h 640"/>
                <a:gd name="T44" fmla="*/ 41 w 1007"/>
                <a:gd name="T45" fmla="*/ 165 h 640"/>
                <a:gd name="T46" fmla="*/ 44 w 1007"/>
                <a:gd name="T47" fmla="*/ 180 h 640"/>
                <a:gd name="T48" fmla="*/ 45 w 1007"/>
                <a:gd name="T49" fmla="*/ 187 h 640"/>
                <a:gd name="T50" fmla="*/ 60 w 1007"/>
                <a:gd name="T51" fmla="*/ 206 h 640"/>
                <a:gd name="T52" fmla="*/ 77 w 1007"/>
                <a:gd name="T53" fmla="*/ 206 h 640"/>
                <a:gd name="T54" fmla="*/ 63 w 1007"/>
                <a:gd name="T55" fmla="*/ 236 h 640"/>
                <a:gd name="T56" fmla="*/ 58 w 1007"/>
                <a:gd name="T57" fmla="*/ 252 h 640"/>
                <a:gd name="T58" fmla="*/ 58 w 1007"/>
                <a:gd name="T59" fmla="*/ 268 h 640"/>
                <a:gd name="T60" fmla="*/ 49 w 1007"/>
                <a:gd name="T61" fmla="*/ 274 h 640"/>
                <a:gd name="T62" fmla="*/ 49 w 1007"/>
                <a:gd name="T63" fmla="*/ 285 h 640"/>
                <a:gd name="T64" fmla="*/ 51 w 1007"/>
                <a:gd name="T65" fmla="*/ 295 h 640"/>
                <a:gd name="T66" fmla="*/ 83 w 1007"/>
                <a:gd name="T67" fmla="*/ 286 h 640"/>
                <a:gd name="T68" fmla="*/ 85 w 1007"/>
                <a:gd name="T69" fmla="*/ 285 h 640"/>
                <a:gd name="T70" fmla="*/ 88 w 1007"/>
                <a:gd name="T71" fmla="*/ 300 h 640"/>
                <a:gd name="T72" fmla="*/ 90 w 1007"/>
                <a:gd name="T73" fmla="*/ 325 h 640"/>
                <a:gd name="T74" fmla="*/ 95 w 1007"/>
                <a:gd name="T75" fmla="*/ 334 h 640"/>
                <a:gd name="T76" fmla="*/ 101 w 1007"/>
                <a:gd name="T77" fmla="*/ 347 h 640"/>
                <a:gd name="T78" fmla="*/ 98 w 1007"/>
                <a:gd name="T79" fmla="*/ 352 h 640"/>
                <a:gd name="T80" fmla="*/ 101 w 1007"/>
                <a:gd name="T81" fmla="*/ 363 h 640"/>
                <a:gd name="T82" fmla="*/ 109 w 1007"/>
                <a:gd name="T83" fmla="*/ 364 h 640"/>
                <a:gd name="T84" fmla="*/ 117 w 1007"/>
                <a:gd name="T85" fmla="*/ 385 h 640"/>
                <a:gd name="T86" fmla="*/ 119 w 1007"/>
                <a:gd name="T87" fmla="*/ 399 h 640"/>
                <a:gd name="T88" fmla="*/ 125 w 1007"/>
                <a:gd name="T89" fmla="*/ 408 h 640"/>
                <a:gd name="T90" fmla="*/ 129 w 1007"/>
                <a:gd name="T91" fmla="*/ 402 h 640"/>
                <a:gd name="T92" fmla="*/ 137 w 1007"/>
                <a:gd name="T93" fmla="*/ 397 h 640"/>
                <a:gd name="T94" fmla="*/ 145 w 1007"/>
                <a:gd name="T95" fmla="*/ 399 h 640"/>
                <a:gd name="T96" fmla="*/ 157 w 1007"/>
                <a:gd name="T97" fmla="*/ 402 h 640"/>
                <a:gd name="T98" fmla="*/ 160 w 1007"/>
                <a:gd name="T99" fmla="*/ 396 h 640"/>
                <a:gd name="T100" fmla="*/ 167 w 1007"/>
                <a:gd name="T101" fmla="*/ 396 h 640"/>
                <a:gd name="T102" fmla="*/ 170 w 1007"/>
                <a:gd name="T103" fmla="*/ 399 h 640"/>
                <a:gd name="T104" fmla="*/ 192 w 1007"/>
                <a:gd name="T105" fmla="*/ 402 h 640"/>
                <a:gd name="T106" fmla="*/ 221 w 1007"/>
                <a:gd name="T107" fmla="*/ 389 h 640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w 1007"/>
                <a:gd name="T163" fmla="*/ 0 h 640"/>
                <a:gd name="T164" fmla="*/ 1007 w 1007"/>
                <a:gd name="T165" fmla="*/ 640 h 640"/>
              </a:gdLst>
              <a:ahLst/>
              <a:cxnLst>
                <a:cxn ang="T108">
                  <a:pos x="T0" y="T1"/>
                </a:cxn>
                <a:cxn ang="T109">
                  <a:pos x="T2" y="T3"/>
                </a:cxn>
                <a:cxn ang="T110">
                  <a:pos x="T4" y="T5"/>
                </a:cxn>
                <a:cxn ang="T111">
                  <a:pos x="T6" y="T7"/>
                </a:cxn>
                <a:cxn ang="T112">
                  <a:pos x="T8" y="T9"/>
                </a:cxn>
                <a:cxn ang="T113">
                  <a:pos x="T10" y="T11"/>
                </a:cxn>
                <a:cxn ang="T114">
                  <a:pos x="T12" y="T13"/>
                </a:cxn>
                <a:cxn ang="T115">
                  <a:pos x="T14" y="T15"/>
                </a:cxn>
                <a:cxn ang="T116">
                  <a:pos x="T16" y="T17"/>
                </a:cxn>
                <a:cxn ang="T117">
                  <a:pos x="T18" y="T19"/>
                </a:cxn>
                <a:cxn ang="T118">
                  <a:pos x="T20" y="T21"/>
                </a:cxn>
                <a:cxn ang="T119">
                  <a:pos x="T22" y="T23"/>
                </a:cxn>
                <a:cxn ang="T120">
                  <a:pos x="T24" y="T25"/>
                </a:cxn>
                <a:cxn ang="T121">
                  <a:pos x="T26" y="T27"/>
                </a:cxn>
                <a:cxn ang="T122">
                  <a:pos x="T28" y="T29"/>
                </a:cxn>
                <a:cxn ang="T123">
                  <a:pos x="T30" y="T31"/>
                </a:cxn>
                <a:cxn ang="T124">
                  <a:pos x="T32" y="T33"/>
                </a:cxn>
                <a:cxn ang="T125">
                  <a:pos x="T34" y="T35"/>
                </a:cxn>
                <a:cxn ang="T126">
                  <a:pos x="T36" y="T37"/>
                </a:cxn>
                <a:cxn ang="T127">
                  <a:pos x="T38" y="T39"/>
                </a:cxn>
                <a:cxn ang="T128">
                  <a:pos x="T40" y="T41"/>
                </a:cxn>
                <a:cxn ang="T129">
                  <a:pos x="T42" y="T43"/>
                </a:cxn>
                <a:cxn ang="T130">
                  <a:pos x="T44" y="T45"/>
                </a:cxn>
                <a:cxn ang="T131">
                  <a:pos x="T46" y="T47"/>
                </a:cxn>
                <a:cxn ang="T132">
                  <a:pos x="T48" y="T49"/>
                </a:cxn>
                <a:cxn ang="T133">
                  <a:pos x="T50" y="T51"/>
                </a:cxn>
                <a:cxn ang="T134">
                  <a:pos x="T52" y="T53"/>
                </a:cxn>
                <a:cxn ang="T135">
                  <a:pos x="T54" y="T55"/>
                </a:cxn>
                <a:cxn ang="T136">
                  <a:pos x="T56" y="T57"/>
                </a:cxn>
                <a:cxn ang="T137">
                  <a:pos x="T58" y="T59"/>
                </a:cxn>
                <a:cxn ang="T138">
                  <a:pos x="T60" y="T61"/>
                </a:cxn>
                <a:cxn ang="T139">
                  <a:pos x="T62" y="T63"/>
                </a:cxn>
                <a:cxn ang="T140">
                  <a:pos x="T64" y="T65"/>
                </a:cxn>
                <a:cxn ang="T141">
                  <a:pos x="T66" y="T67"/>
                </a:cxn>
                <a:cxn ang="T142">
                  <a:pos x="T68" y="T69"/>
                </a:cxn>
                <a:cxn ang="T143">
                  <a:pos x="T70" y="T71"/>
                </a:cxn>
                <a:cxn ang="T144">
                  <a:pos x="T72" y="T73"/>
                </a:cxn>
                <a:cxn ang="T145">
                  <a:pos x="T74" y="T75"/>
                </a:cxn>
                <a:cxn ang="T146">
                  <a:pos x="T76" y="T77"/>
                </a:cxn>
                <a:cxn ang="T147">
                  <a:pos x="T78" y="T79"/>
                </a:cxn>
                <a:cxn ang="T148">
                  <a:pos x="T80" y="T81"/>
                </a:cxn>
                <a:cxn ang="T149">
                  <a:pos x="T82" y="T83"/>
                </a:cxn>
                <a:cxn ang="T150">
                  <a:pos x="T84" y="T85"/>
                </a:cxn>
                <a:cxn ang="T151">
                  <a:pos x="T86" y="T87"/>
                </a:cxn>
                <a:cxn ang="T152">
                  <a:pos x="T88" y="T89"/>
                </a:cxn>
                <a:cxn ang="T153">
                  <a:pos x="T90" y="T91"/>
                </a:cxn>
                <a:cxn ang="T154">
                  <a:pos x="T92" y="T93"/>
                </a:cxn>
                <a:cxn ang="T155">
                  <a:pos x="T94" y="T95"/>
                </a:cxn>
                <a:cxn ang="T156">
                  <a:pos x="T96" y="T97"/>
                </a:cxn>
                <a:cxn ang="T157">
                  <a:pos x="T98" y="T99"/>
                </a:cxn>
                <a:cxn ang="T158">
                  <a:pos x="T100" y="T101"/>
                </a:cxn>
                <a:cxn ang="T159">
                  <a:pos x="T102" y="T103"/>
                </a:cxn>
                <a:cxn ang="T160">
                  <a:pos x="T104" y="T105"/>
                </a:cxn>
                <a:cxn ang="T161">
                  <a:pos x="T106" y="T107"/>
                </a:cxn>
              </a:cxnLst>
              <a:rect l="T162" t="T163" r="T164" b="T165"/>
              <a:pathLst>
                <a:path w="1007" h="640">
                  <a:moveTo>
                    <a:pt x="358" y="569"/>
                  </a:moveTo>
                  <a:lnTo>
                    <a:pt x="380" y="572"/>
                  </a:lnTo>
                  <a:lnTo>
                    <a:pt x="404" y="576"/>
                  </a:lnTo>
                  <a:lnTo>
                    <a:pt x="428" y="581"/>
                  </a:lnTo>
                  <a:lnTo>
                    <a:pt x="453" y="584"/>
                  </a:lnTo>
                  <a:lnTo>
                    <a:pt x="477" y="588"/>
                  </a:lnTo>
                  <a:lnTo>
                    <a:pt x="502" y="591"/>
                  </a:lnTo>
                  <a:lnTo>
                    <a:pt x="528" y="594"/>
                  </a:lnTo>
                  <a:lnTo>
                    <a:pt x="553" y="598"/>
                  </a:lnTo>
                  <a:lnTo>
                    <a:pt x="578" y="601"/>
                  </a:lnTo>
                  <a:lnTo>
                    <a:pt x="605" y="603"/>
                  </a:lnTo>
                  <a:lnTo>
                    <a:pt x="631" y="606"/>
                  </a:lnTo>
                  <a:lnTo>
                    <a:pt x="655" y="610"/>
                  </a:lnTo>
                  <a:lnTo>
                    <a:pt x="680" y="613"/>
                  </a:lnTo>
                  <a:lnTo>
                    <a:pt x="704" y="615"/>
                  </a:lnTo>
                  <a:lnTo>
                    <a:pt x="727" y="618"/>
                  </a:lnTo>
                  <a:lnTo>
                    <a:pt x="751" y="620"/>
                  </a:lnTo>
                  <a:lnTo>
                    <a:pt x="775" y="621"/>
                  </a:lnTo>
                  <a:lnTo>
                    <a:pt x="797" y="625"/>
                  </a:lnTo>
                  <a:lnTo>
                    <a:pt x="817" y="627"/>
                  </a:lnTo>
                  <a:lnTo>
                    <a:pt x="837" y="628"/>
                  </a:lnTo>
                  <a:lnTo>
                    <a:pt x="856" y="630"/>
                  </a:lnTo>
                  <a:lnTo>
                    <a:pt x="873" y="632"/>
                  </a:lnTo>
                  <a:lnTo>
                    <a:pt x="890" y="633"/>
                  </a:lnTo>
                  <a:lnTo>
                    <a:pt x="905" y="635"/>
                  </a:lnTo>
                  <a:lnTo>
                    <a:pt x="919" y="635"/>
                  </a:lnTo>
                  <a:lnTo>
                    <a:pt x="930" y="637"/>
                  </a:lnTo>
                  <a:lnTo>
                    <a:pt x="941" y="637"/>
                  </a:lnTo>
                  <a:lnTo>
                    <a:pt x="949" y="638"/>
                  </a:lnTo>
                  <a:lnTo>
                    <a:pt x="957" y="638"/>
                  </a:lnTo>
                  <a:lnTo>
                    <a:pt x="963" y="638"/>
                  </a:lnTo>
                  <a:lnTo>
                    <a:pt x="966" y="640"/>
                  </a:lnTo>
                  <a:lnTo>
                    <a:pt x="1007" y="144"/>
                  </a:lnTo>
                  <a:lnTo>
                    <a:pt x="974" y="143"/>
                  </a:lnTo>
                  <a:lnTo>
                    <a:pt x="941" y="141"/>
                  </a:lnTo>
                  <a:lnTo>
                    <a:pt x="905" y="139"/>
                  </a:lnTo>
                  <a:lnTo>
                    <a:pt x="869" y="136"/>
                  </a:lnTo>
                  <a:lnTo>
                    <a:pt x="832" y="131"/>
                  </a:lnTo>
                  <a:lnTo>
                    <a:pt x="793" y="127"/>
                  </a:lnTo>
                  <a:lnTo>
                    <a:pt x="754" y="122"/>
                  </a:lnTo>
                  <a:lnTo>
                    <a:pt x="714" y="117"/>
                  </a:lnTo>
                  <a:lnTo>
                    <a:pt x="673" y="112"/>
                  </a:lnTo>
                  <a:lnTo>
                    <a:pt x="633" y="105"/>
                  </a:lnTo>
                  <a:lnTo>
                    <a:pt x="592" y="100"/>
                  </a:lnTo>
                  <a:lnTo>
                    <a:pt x="551" y="93"/>
                  </a:lnTo>
                  <a:lnTo>
                    <a:pt x="511" y="88"/>
                  </a:lnTo>
                  <a:lnTo>
                    <a:pt x="470" y="82"/>
                  </a:lnTo>
                  <a:lnTo>
                    <a:pt x="431" y="75"/>
                  </a:lnTo>
                  <a:lnTo>
                    <a:pt x="392" y="68"/>
                  </a:lnTo>
                  <a:lnTo>
                    <a:pt x="355" y="61"/>
                  </a:lnTo>
                  <a:lnTo>
                    <a:pt x="318" y="56"/>
                  </a:lnTo>
                  <a:lnTo>
                    <a:pt x="282" y="49"/>
                  </a:lnTo>
                  <a:lnTo>
                    <a:pt x="248" y="43"/>
                  </a:lnTo>
                  <a:lnTo>
                    <a:pt x="216" y="38"/>
                  </a:lnTo>
                  <a:lnTo>
                    <a:pt x="188" y="31"/>
                  </a:lnTo>
                  <a:lnTo>
                    <a:pt x="159" y="26"/>
                  </a:lnTo>
                  <a:lnTo>
                    <a:pt x="133" y="21"/>
                  </a:lnTo>
                  <a:lnTo>
                    <a:pt x="108" y="17"/>
                  </a:lnTo>
                  <a:lnTo>
                    <a:pt x="88" y="12"/>
                  </a:lnTo>
                  <a:lnTo>
                    <a:pt x="69" y="9"/>
                  </a:lnTo>
                  <a:lnTo>
                    <a:pt x="54" y="5"/>
                  </a:lnTo>
                  <a:lnTo>
                    <a:pt x="42" y="4"/>
                  </a:lnTo>
                  <a:lnTo>
                    <a:pt x="34" y="2"/>
                  </a:lnTo>
                  <a:lnTo>
                    <a:pt x="27" y="0"/>
                  </a:lnTo>
                  <a:lnTo>
                    <a:pt x="25" y="0"/>
                  </a:lnTo>
                  <a:lnTo>
                    <a:pt x="0" y="122"/>
                  </a:lnTo>
                  <a:lnTo>
                    <a:pt x="8" y="141"/>
                  </a:lnTo>
                  <a:lnTo>
                    <a:pt x="20" y="168"/>
                  </a:lnTo>
                  <a:lnTo>
                    <a:pt x="20" y="178"/>
                  </a:lnTo>
                  <a:lnTo>
                    <a:pt x="13" y="183"/>
                  </a:lnTo>
                  <a:lnTo>
                    <a:pt x="22" y="190"/>
                  </a:lnTo>
                  <a:lnTo>
                    <a:pt x="15" y="195"/>
                  </a:lnTo>
                  <a:lnTo>
                    <a:pt x="15" y="202"/>
                  </a:lnTo>
                  <a:lnTo>
                    <a:pt x="28" y="205"/>
                  </a:lnTo>
                  <a:lnTo>
                    <a:pt x="28" y="207"/>
                  </a:lnTo>
                  <a:lnTo>
                    <a:pt x="28" y="209"/>
                  </a:lnTo>
                  <a:lnTo>
                    <a:pt x="28" y="210"/>
                  </a:lnTo>
                  <a:lnTo>
                    <a:pt x="28" y="212"/>
                  </a:lnTo>
                  <a:lnTo>
                    <a:pt x="28" y="214"/>
                  </a:lnTo>
                  <a:lnTo>
                    <a:pt x="28" y="215"/>
                  </a:lnTo>
                  <a:lnTo>
                    <a:pt x="30" y="217"/>
                  </a:lnTo>
                  <a:lnTo>
                    <a:pt x="35" y="219"/>
                  </a:lnTo>
                  <a:lnTo>
                    <a:pt x="39" y="220"/>
                  </a:lnTo>
                  <a:lnTo>
                    <a:pt x="42" y="224"/>
                  </a:lnTo>
                  <a:lnTo>
                    <a:pt x="45" y="227"/>
                  </a:lnTo>
                  <a:lnTo>
                    <a:pt x="49" y="232"/>
                  </a:lnTo>
                  <a:lnTo>
                    <a:pt x="52" y="239"/>
                  </a:lnTo>
                  <a:lnTo>
                    <a:pt x="54" y="244"/>
                  </a:lnTo>
                  <a:lnTo>
                    <a:pt x="57" y="251"/>
                  </a:lnTo>
                  <a:lnTo>
                    <a:pt x="59" y="258"/>
                  </a:lnTo>
                  <a:lnTo>
                    <a:pt x="61" y="263"/>
                  </a:lnTo>
                  <a:lnTo>
                    <a:pt x="62" y="269"/>
                  </a:lnTo>
                  <a:lnTo>
                    <a:pt x="64" y="275"/>
                  </a:lnTo>
                  <a:lnTo>
                    <a:pt x="64" y="278"/>
                  </a:lnTo>
                  <a:lnTo>
                    <a:pt x="66" y="281"/>
                  </a:lnTo>
                  <a:lnTo>
                    <a:pt x="66" y="283"/>
                  </a:lnTo>
                  <a:lnTo>
                    <a:pt x="66" y="285"/>
                  </a:lnTo>
                  <a:lnTo>
                    <a:pt x="74" y="288"/>
                  </a:lnTo>
                  <a:lnTo>
                    <a:pt x="74" y="300"/>
                  </a:lnTo>
                  <a:lnTo>
                    <a:pt x="86" y="300"/>
                  </a:lnTo>
                  <a:lnTo>
                    <a:pt x="88" y="313"/>
                  </a:lnTo>
                  <a:lnTo>
                    <a:pt x="94" y="313"/>
                  </a:lnTo>
                  <a:lnTo>
                    <a:pt x="113" y="313"/>
                  </a:lnTo>
                  <a:lnTo>
                    <a:pt x="113" y="315"/>
                  </a:lnTo>
                  <a:lnTo>
                    <a:pt x="101" y="337"/>
                  </a:lnTo>
                  <a:lnTo>
                    <a:pt x="101" y="349"/>
                  </a:lnTo>
                  <a:lnTo>
                    <a:pt x="93" y="359"/>
                  </a:lnTo>
                  <a:lnTo>
                    <a:pt x="94" y="359"/>
                  </a:lnTo>
                  <a:lnTo>
                    <a:pt x="94" y="368"/>
                  </a:lnTo>
                  <a:lnTo>
                    <a:pt x="88" y="373"/>
                  </a:lnTo>
                  <a:lnTo>
                    <a:pt x="86" y="383"/>
                  </a:lnTo>
                  <a:lnTo>
                    <a:pt x="89" y="401"/>
                  </a:lnTo>
                  <a:lnTo>
                    <a:pt x="89" y="403"/>
                  </a:lnTo>
                  <a:lnTo>
                    <a:pt x="88" y="405"/>
                  </a:lnTo>
                  <a:lnTo>
                    <a:pt x="86" y="408"/>
                  </a:lnTo>
                  <a:lnTo>
                    <a:pt x="79" y="410"/>
                  </a:lnTo>
                  <a:lnTo>
                    <a:pt x="76" y="413"/>
                  </a:lnTo>
                  <a:lnTo>
                    <a:pt x="74" y="417"/>
                  </a:lnTo>
                  <a:lnTo>
                    <a:pt x="72" y="422"/>
                  </a:lnTo>
                  <a:lnTo>
                    <a:pt x="72" y="427"/>
                  </a:lnTo>
                  <a:lnTo>
                    <a:pt x="74" y="430"/>
                  </a:lnTo>
                  <a:lnTo>
                    <a:pt x="74" y="434"/>
                  </a:lnTo>
                  <a:lnTo>
                    <a:pt x="74" y="435"/>
                  </a:lnTo>
                  <a:lnTo>
                    <a:pt x="69" y="437"/>
                  </a:lnTo>
                  <a:lnTo>
                    <a:pt x="69" y="445"/>
                  </a:lnTo>
                  <a:lnTo>
                    <a:pt x="78" y="449"/>
                  </a:lnTo>
                  <a:lnTo>
                    <a:pt x="86" y="457"/>
                  </a:lnTo>
                  <a:lnTo>
                    <a:pt x="101" y="452"/>
                  </a:lnTo>
                  <a:lnTo>
                    <a:pt x="116" y="439"/>
                  </a:lnTo>
                  <a:lnTo>
                    <a:pt x="123" y="437"/>
                  </a:lnTo>
                  <a:lnTo>
                    <a:pt x="125" y="435"/>
                  </a:lnTo>
                  <a:lnTo>
                    <a:pt x="125" y="434"/>
                  </a:lnTo>
                  <a:lnTo>
                    <a:pt x="127" y="434"/>
                  </a:lnTo>
                  <a:lnTo>
                    <a:pt x="128" y="435"/>
                  </a:lnTo>
                  <a:lnTo>
                    <a:pt x="130" y="439"/>
                  </a:lnTo>
                  <a:lnTo>
                    <a:pt x="132" y="447"/>
                  </a:lnTo>
                  <a:lnTo>
                    <a:pt x="132" y="457"/>
                  </a:lnTo>
                  <a:lnTo>
                    <a:pt x="132" y="471"/>
                  </a:lnTo>
                  <a:lnTo>
                    <a:pt x="132" y="481"/>
                  </a:lnTo>
                  <a:lnTo>
                    <a:pt x="133" y="489"/>
                  </a:lnTo>
                  <a:lnTo>
                    <a:pt x="135" y="496"/>
                  </a:lnTo>
                  <a:lnTo>
                    <a:pt x="137" y="503"/>
                  </a:lnTo>
                  <a:lnTo>
                    <a:pt x="138" y="506"/>
                  </a:lnTo>
                  <a:lnTo>
                    <a:pt x="140" y="508"/>
                  </a:lnTo>
                  <a:lnTo>
                    <a:pt x="142" y="510"/>
                  </a:lnTo>
                  <a:lnTo>
                    <a:pt x="145" y="518"/>
                  </a:lnTo>
                  <a:lnTo>
                    <a:pt x="147" y="523"/>
                  </a:lnTo>
                  <a:lnTo>
                    <a:pt x="149" y="528"/>
                  </a:lnTo>
                  <a:lnTo>
                    <a:pt x="149" y="530"/>
                  </a:lnTo>
                  <a:lnTo>
                    <a:pt x="147" y="533"/>
                  </a:lnTo>
                  <a:lnTo>
                    <a:pt x="147" y="535"/>
                  </a:lnTo>
                  <a:lnTo>
                    <a:pt x="145" y="537"/>
                  </a:lnTo>
                  <a:lnTo>
                    <a:pt x="144" y="542"/>
                  </a:lnTo>
                  <a:lnTo>
                    <a:pt x="145" y="545"/>
                  </a:lnTo>
                  <a:lnTo>
                    <a:pt x="147" y="549"/>
                  </a:lnTo>
                  <a:lnTo>
                    <a:pt x="150" y="552"/>
                  </a:lnTo>
                  <a:lnTo>
                    <a:pt x="154" y="554"/>
                  </a:lnTo>
                  <a:lnTo>
                    <a:pt x="157" y="555"/>
                  </a:lnTo>
                  <a:lnTo>
                    <a:pt x="159" y="555"/>
                  </a:lnTo>
                  <a:lnTo>
                    <a:pt x="160" y="555"/>
                  </a:lnTo>
                  <a:lnTo>
                    <a:pt x="172" y="574"/>
                  </a:lnTo>
                  <a:lnTo>
                    <a:pt x="172" y="576"/>
                  </a:lnTo>
                  <a:lnTo>
                    <a:pt x="174" y="579"/>
                  </a:lnTo>
                  <a:lnTo>
                    <a:pt x="174" y="586"/>
                  </a:lnTo>
                  <a:lnTo>
                    <a:pt x="174" y="593"/>
                  </a:lnTo>
                  <a:lnTo>
                    <a:pt x="176" y="599"/>
                  </a:lnTo>
                  <a:lnTo>
                    <a:pt x="176" y="605"/>
                  </a:lnTo>
                  <a:lnTo>
                    <a:pt x="177" y="610"/>
                  </a:lnTo>
                  <a:lnTo>
                    <a:pt x="177" y="611"/>
                  </a:lnTo>
                  <a:lnTo>
                    <a:pt x="181" y="616"/>
                  </a:lnTo>
                  <a:lnTo>
                    <a:pt x="184" y="620"/>
                  </a:lnTo>
                  <a:lnTo>
                    <a:pt x="186" y="620"/>
                  </a:lnTo>
                  <a:lnTo>
                    <a:pt x="188" y="620"/>
                  </a:lnTo>
                  <a:lnTo>
                    <a:pt x="189" y="616"/>
                  </a:lnTo>
                  <a:lnTo>
                    <a:pt x="191" y="615"/>
                  </a:lnTo>
                  <a:lnTo>
                    <a:pt x="191" y="613"/>
                  </a:lnTo>
                  <a:lnTo>
                    <a:pt x="191" y="611"/>
                  </a:lnTo>
                  <a:lnTo>
                    <a:pt x="194" y="606"/>
                  </a:lnTo>
                  <a:lnTo>
                    <a:pt x="199" y="605"/>
                  </a:lnTo>
                  <a:lnTo>
                    <a:pt x="203" y="605"/>
                  </a:lnTo>
                  <a:lnTo>
                    <a:pt x="206" y="605"/>
                  </a:lnTo>
                  <a:lnTo>
                    <a:pt x="211" y="606"/>
                  </a:lnTo>
                  <a:lnTo>
                    <a:pt x="213" y="608"/>
                  </a:lnTo>
                  <a:lnTo>
                    <a:pt x="216" y="610"/>
                  </a:lnTo>
                  <a:lnTo>
                    <a:pt x="218" y="611"/>
                  </a:lnTo>
                  <a:lnTo>
                    <a:pt x="223" y="615"/>
                  </a:lnTo>
                  <a:lnTo>
                    <a:pt x="228" y="615"/>
                  </a:lnTo>
                  <a:lnTo>
                    <a:pt x="232" y="613"/>
                  </a:lnTo>
                  <a:lnTo>
                    <a:pt x="235" y="611"/>
                  </a:lnTo>
                  <a:lnTo>
                    <a:pt x="237" y="608"/>
                  </a:lnTo>
                  <a:lnTo>
                    <a:pt x="238" y="606"/>
                  </a:lnTo>
                  <a:lnTo>
                    <a:pt x="238" y="603"/>
                  </a:lnTo>
                  <a:lnTo>
                    <a:pt x="240" y="603"/>
                  </a:lnTo>
                  <a:lnTo>
                    <a:pt x="243" y="601"/>
                  </a:lnTo>
                  <a:lnTo>
                    <a:pt x="245" y="601"/>
                  </a:lnTo>
                  <a:lnTo>
                    <a:pt x="247" y="603"/>
                  </a:lnTo>
                  <a:lnTo>
                    <a:pt x="248" y="605"/>
                  </a:lnTo>
                  <a:lnTo>
                    <a:pt x="250" y="606"/>
                  </a:lnTo>
                  <a:lnTo>
                    <a:pt x="250" y="608"/>
                  </a:lnTo>
                  <a:lnTo>
                    <a:pt x="252" y="610"/>
                  </a:lnTo>
                  <a:lnTo>
                    <a:pt x="252" y="611"/>
                  </a:lnTo>
                  <a:lnTo>
                    <a:pt x="257" y="611"/>
                  </a:lnTo>
                  <a:lnTo>
                    <a:pt x="277" y="608"/>
                  </a:lnTo>
                  <a:lnTo>
                    <a:pt x="284" y="613"/>
                  </a:lnTo>
                  <a:lnTo>
                    <a:pt x="296" y="613"/>
                  </a:lnTo>
                  <a:lnTo>
                    <a:pt x="311" y="611"/>
                  </a:lnTo>
                  <a:lnTo>
                    <a:pt x="318" y="594"/>
                  </a:lnTo>
                  <a:lnTo>
                    <a:pt x="328" y="594"/>
                  </a:lnTo>
                  <a:lnTo>
                    <a:pt x="335" y="615"/>
                  </a:lnTo>
                  <a:lnTo>
                    <a:pt x="345" y="630"/>
                  </a:lnTo>
                  <a:lnTo>
                    <a:pt x="358" y="56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17" name="Freeform 118"/>
            <p:cNvSpPr>
              <a:spLocks/>
            </p:cNvSpPr>
            <p:nvPr/>
          </p:nvSpPr>
          <p:spPr bwMode="auto">
            <a:xfrm>
              <a:off x="528" y="1726"/>
              <a:ext cx="609" cy="942"/>
            </a:xfrm>
            <a:custGeom>
              <a:avLst/>
              <a:gdLst>
                <a:gd name="T0" fmla="*/ 0 w 626"/>
                <a:gd name="T1" fmla="*/ 243 h 970"/>
                <a:gd name="T2" fmla="*/ 64 w 626"/>
                <a:gd name="T3" fmla="*/ 2 h 970"/>
                <a:gd name="T4" fmla="*/ 82 w 626"/>
                <a:gd name="T5" fmla="*/ 8 h 970"/>
                <a:gd name="T6" fmla="*/ 99 w 626"/>
                <a:gd name="T7" fmla="*/ 15 h 970"/>
                <a:gd name="T8" fmla="*/ 116 w 626"/>
                <a:gd name="T9" fmla="*/ 17 h 970"/>
                <a:gd name="T10" fmla="*/ 131 w 626"/>
                <a:gd name="T11" fmla="*/ 17 h 970"/>
                <a:gd name="T12" fmla="*/ 148 w 626"/>
                <a:gd name="T13" fmla="*/ 18 h 970"/>
                <a:gd name="T14" fmla="*/ 162 w 626"/>
                <a:gd name="T15" fmla="*/ 25 h 970"/>
                <a:gd name="T16" fmla="*/ 177 w 626"/>
                <a:gd name="T17" fmla="*/ 30 h 970"/>
                <a:gd name="T18" fmla="*/ 189 w 626"/>
                <a:gd name="T19" fmla="*/ 35 h 970"/>
                <a:gd name="T20" fmla="*/ 201 w 626"/>
                <a:gd name="T21" fmla="*/ 37 h 970"/>
                <a:gd name="T22" fmla="*/ 213 w 626"/>
                <a:gd name="T23" fmla="*/ 39 h 970"/>
                <a:gd name="T24" fmla="*/ 221 w 626"/>
                <a:gd name="T25" fmla="*/ 41 h 970"/>
                <a:gd name="T26" fmla="*/ 229 w 626"/>
                <a:gd name="T27" fmla="*/ 43 h 970"/>
                <a:gd name="T28" fmla="*/ 235 w 626"/>
                <a:gd name="T29" fmla="*/ 44 h 970"/>
                <a:gd name="T30" fmla="*/ 239 w 626"/>
                <a:gd name="T31" fmla="*/ 44 h 970"/>
                <a:gd name="T32" fmla="*/ 243 w 626"/>
                <a:gd name="T33" fmla="*/ 45 h 970"/>
                <a:gd name="T34" fmla="*/ 243 w 626"/>
                <a:gd name="T35" fmla="*/ 45 h 970"/>
                <a:gd name="T36" fmla="*/ 425 w 626"/>
                <a:gd name="T37" fmla="*/ 83 h 970"/>
                <a:gd name="T38" fmla="*/ 334 w 626"/>
                <a:gd name="T39" fmla="*/ 552 h 970"/>
                <a:gd name="T40" fmla="*/ 332 w 626"/>
                <a:gd name="T41" fmla="*/ 555 h 970"/>
                <a:gd name="T42" fmla="*/ 330 w 626"/>
                <a:gd name="T43" fmla="*/ 564 h 970"/>
                <a:gd name="T44" fmla="*/ 323 w 626"/>
                <a:gd name="T45" fmla="*/ 570 h 970"/>
                <a:gd name="T46" fmla="*/ 315 w 626"/>
                <a:gd name="T47" fmla="*/ 566 h 970"/>
                <a:gd name="T48" fmla="*/ 313 w 626"/>
                <a:gd name="T49" fmla="*/ 564 h 970"/>
                <a:gd name="T50" fmla="*/ 313 w 626"/>
                <a:gd name="T51" fmla="*/ 562 h 970"/>
                <a:gd name="T52" fmla="*/ 311 w 626"/>
                <a:gd name="T53" fmla="*/ 557 h 970"/>
                <a:gd name="T54" fmla="*/ 305 w 626"/>
                <a:gd name="T55" fmla="*/ 555 h 970"/>
                <a:gd name="T56" fmla="*/ 303 w 626"/>
                <a:gd name="T57" fmla="*/ 555 h 970"/>
                <a:gd name="T58" fmla="*/ 302 w 626"/>
                <a:gd name="T59" fmla="*/ 554 h 970"/>
                <a:gd name="T60" fmla="*/ 298 w 626"/>
                <a:gd name="T61" fmla="*/ 554 h 970"/>
                <a:gd name="T62" fmla="*/ 297 w 626"/>
                <a:gd name="T63" fmla="*/ 555 h 970"/>
                <a:gd name="T64" fmla="*/ 294 w 626"/>
                <a:gd name="T65" fmla="*/ 555 h 970"/>
                <a:gd name="T66" fmla="*/ 289 w 626"/>
                <a:gd name="T67" fmla="*/ 555 h 970"/>
                <a:gd name="T68" fmla="*/ 286 w 626"/>
                <a:gd name="T69" fmla="*/ 555 h 970"/>
                <a:gd name="T70" fmla="*/ 285 w 626"/>
                <a:gd name="T71" fmla="*/ 559 h 970"/>
                <a:gd name="T72" fmla="*/ 285 w 626"/>
                <a:gd name="T73" fmla="*/ 562 h 970"/>
                <a:gd name="T74" fmla="*/ 286 w 626"/>
                <a:gd name="T75" fmla="*/ 566 h 970"/>
                <a:gd name="T76" fmla="*/ 286 w 626"/>
                <a:gd name="T77" fmla="*/ 572 h 970"/>
                <a:gd name="T78" fmla="*/ 286 w 626"/>
                <a:gd name="T79" fmla="*/ 580 h 970"/>
                <a:gd name="T80" fmla="*/ 288 w 626"/>
                <a:gd name="T81" fmla="*/ 587 h 970"/>
                <a:gd name="T82" fmla="*/ 286 w 626"/>
                <a:gd name="T83" fmla="*/ 596 h 970"/>
                <a:gd name="T84" fmla="*/ 285 w 626"/>
                <a:gd name="T85" fmla="*/ 602 h 970"/>
                <a:gd name="T86" fmla="*/ 282 w 626"/>
                <a:gd name="T87" fmla="*/ 607 h 970"/>
                <a:gd name="T88" fmla="*/ 282 w 626"/>
                <a:gd name="T89" fmla="*/ 612 h 970"/>
                <a:gd name="T90" fmla="*/ 282 w 626"/>
                <a:gd name="T91" fmla="*/ 620 h 970"/>
                <a:gd name="T92" fmla="*/ 282 w 626"/>
                <a:gd name="T93" fmla="*/ 629 h 970"/>
                <a:gd name="T94" fmla="*/ 281 w 626"/>
                <a:gd name="T95" fmla="*/ 637 h 970"/>
                <a:gd name="T96" fmla="*/ 279 w 626"/>
                <a:gd name="T97" fmla="*/ 637 h 970"/>
                <a:gd name="T98" fmla="*/ 276 w 626"/>
                <a:gd name="T99" fmla="*/ 640 h 970"/>
                <a:gd name="T100" fmla="*/ 273 w 626"/>
                <a:gd name="T101" fmla="*/ 643 h 970"/>
                <a:gd name="T102" fmla="*/ 272 w 626"/>
                <a:gd name="T103" fmla="*/ 644 h 970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w 626"/>
                <a:gd name="T157" fmla="*/ 0 h 970"/>
                <a:gd name="T158" fmla="*/ 626 w 626"/>
                <a:gd name="T159" fmla="*/ 970 h 970"/>
              </a:gdLst>
              <a:ahLst/>
              <a:cxnLst>
                <a:cxn ang="T104">
                  <a:pos x="T0" y="T1"/>
                </a:cxn>
                <a:cxn ang="T105">
                  <a:pos x="T2" y="T3"/>
                </a:cxn>
                <a:cxn ang="T106">
                  <a:pos x="T4" y="T5"/>
                </a:cxn>
                <a:cxn ang="T107">
                  <a:pos x="T6" y="T7"/>
                </a:cxn>
                <a:cxn ang="T108">
                  <a:pos x="T8" y="T9"/>
                </a:cxn>
                <a:cxn ang="T109">
                  <a:pos x="T10" y="T11"/>
                </a:cxn>
                <a:cxn ang="T110">
                  <a:pos x="T12" y="T13"/>
                </a:cxn>
                <a:cxn ang="T111">
                  <a:pos x="T14" y="T15"/>
                </a:cxn>
                <a:cxn ang="T112">
                  <a:pos x="T16" y="T17"/>
                </a:cxn>
                <a:cxn ang="T113">
                  <a:pos x="T18" y="T19"/>
                </a:cxn>
                <a:cxn ang="T114">
                  <a:pos x="T20" y="T21"/>
                </a:cxn>
                <a:cxn ang="T115">
                  <a:pos x="T22" y="T23"/>
                </a:cxn>
                <a:cxn ang="T116">
                  <a:pos x="T24" y="T25"/>
                </a:cxn>
                <a:cxn ang="T117">
                  <a:pos x="T26" y="T27"/>
                </a:cxn>
                <a:cxn ang="T118">
                  <a:pos x="T28" y="T29"/>
                </a:cxn>
                <a:cxn ang="T119">
                  <a:pos x="T30" y="T31"/>
                </a:cxn>
                <a:cxn ang="T120">
                  <a:pos x="T32" y="T33"/>
                </a:cxn>
                <a:cxn ang="T121">
                  <a:pos x="T34" y="T35"/>
                </a:cxn>
                <a:cxn ang="T122">
                  <a:pos x="T36" y="T37"/>
                </a:cxn>
                <a:cxn ang="T123">
                  <a:pos x="T38" y="T39"/>
                </a:cxn>
                <a:cxn ang="T124">
                  <a:pos x="T40" y="T41"/>
                </a:cxn>
                <a:cxn ang="T125">
                  <a:pos x="T42" y="T43"/>
                </a:cxn>
                <a:cxn ang="T126">
                  <a:pos x="T44" y="T45"/>
                </a:cxn>
                <a:cxn ang="T127">
                  <a:pos x="T46" y="T47"/>
                </a:cxn>
                <a:cxn ang="T128">
                  <a:pos x="T48" y="T49"/>
                </a:cxn>
                <a:cxn ang="T129">
                  <a:pos x="T50" y="T51"/>
                </a:cxn>
                <a:cxn ang="T130">
                  <a:pos x="T52" y="T53"/>
                </a:cxn>
                <a:cxn ang="T131">
                  <a:pos x="T54" y="T55"/>
                </a:cxn>
                <a:cxn ang="T132">
                  <a:pos x="T56" y="T57"/>
                </a:cxn>
                <a:cxn ang="T133">
                  <a:pos x="T58" y="T59"/>
                </a:cxn>
                <a:cxn ang="T134">
                  <a:pos x="T60" y="T61"/>
                </a:cxn>
                <a:cxn ang="T135">
                  <a:pos x="T62" y="T63"/>
                </a:cxn>
                <a:cxn ang="T136">
                  <a:pos x="T64" y="T65"/>
                </a:cxn>
                <a:cxn ang="T137">
                  <a:pos x="T66" y="T67"/>
                </a:cxn>
                <a:cxn ang="T138">
                  <a:pos x="T68" y="T69"/>
                </a:cxn>
                <a:cxn ang="T139">
                  <a:pos x="T70" y="T71"/>
                </a:cxn>
                <a:cxn ang="T140">
                  <a:pos x="T72" y="T73"/>
                </a:cxn>
                <a:cxn ang="T141">
                  <a:pos x="T74" y="T75"/>
                </a:cxn>
                <a:cxn ang="T142">
                  <a:pos x="T76" y="T77"/>
                </a:cxn>
                <a:cxn ang="T143">
                  <a:pos x="T78" y="T79"/>
                </a:cxn>
                <a:cxn ang="T144">
                  <a:pos x="T80" y="T81"/>
                </a:cxn>
                <a:cxn ang="T145">
                  <a:pos x="T82" y="T83"/>
                </a:cxn>
                <a:cxn ang="T146">
                  <a:pos x="T84" y="T85"/>
                </a:cxn>
                <a:cxn ang="T147">
                  <a:pos x="T86" y="T87"/>
                </a:cxn>
                <a:cxn ang="T148">
                  <a:pos x="T88" y="T89"/>
                </a:cxn>
                <a:cxn ang="T149">
                  <a:pos x="T90" y="T91"/>
                </a:cxn>
                <a:cxn ang="T150">
                  <a:pos x="T92" y="T93"/>
                </a:cxn>
                <a:cxn ang="T151">
                  <a:pos x="T94" y="T95"/>
                </a:cxn>
                <a:cxn ang="T152">
                  <a:pos x="T96" y="T97"/>
                </a:cxn>
                <a:cxn ang="T153">
                  <a:pos x="T98" y="T99"/>
                </a:cxn>
                <a:cxn ang="T154">
                  <a:pos x="T100" y="T101"/>
                </a:cxn>
                <a:cxn ang="T155">
                  <a:pos x="T102" y="T103"/>
                </a:cxn>
              </a:cxnLst>
              <a:rect l="T156" t="T157" r="T158" b="T159"/>
              <a:pathLst>
                <a:path w="626" h="970">
                  <a:moveTo>
                    <a:pt x="400" y="970"/>
                  </a:moveTo>
                  <a:lnTo>
                    <a:pt x="0" y="366"/>
                  </a:lnTo>
                  <a:lnTo>
                    <a:pt x="95" y="0"/>
                  </a:lnTo>
                  <a:lnTo>
                    <a:pt x="93" y="2"/>
                  </a:lnTo>
                  <a:lnTo>
                    <a:pt x="107" y="5"/>
                  </a:lnTo>
                  <a:lnTo>
                    <a:pt x="120" y="8"/>
                  </a:lnTo>
                  <a:lnTo>
                    <a:pt x="132" y="12"/>
                  </a:lnTo>
                  <a:lnTo>
                    <a:pt x="146" y="15"/>
                  </a:lnTo>
                  <a:lnTo>
                    <a:pt x="158" y="19"/>
                  </a:lnTo>
                  <a:lnTo>
                    <a:pt x="170" y="20"/>
                  </a:lnTo>
                  <a:lnTo>
                    <a:pt x="183" y="24"/>
                  </a:lnTo>
                  <a:lnTo>
                    <a:pt x="193" y="27"/>
                  </a:lnTo>
                  <a:lnTo>
                    <a:pt x="205" y="30"/>
                  </a:lnTo>
                  <a:lnTo>
                    <a:pt x="217" y="32"/>
                  </a:lnTo>
                  <a:lnTo>
                    <a:pt x="229" y="36"/>
                  </a:lnTo>
                  <a:lnTo>
                    <a:pt x="239" y="39"/>
                  </a:lnTo>
                  <a:lnTo>
                    <a:pt x="249" y="41"/>
                  </a:lnTo>
                  <a:lnTo>
                    <a:pt x="259" y="44"/>
                  </a:lnTo>
                  <a:lnTo>
                    <a:pt x="269" y="46"/>
                  </a:lnTo>
                  <a:lnTo>
                    <a:pt x="278" y="49"/>
                  </a:lnTo>
                  <a:lnTo>
                    <a:pt x="288" y="51"/>
                  </a:lnTo>
                  <a:lnTo>
                    <a:pt x="296" y="52"/>
                  </a:lnTo>
                  <a:lnTo>
                    <a:pt x="303" y="54"/>
                  </a:lnTo>
                  <a:lnTo>
                    <a:pt x="312" y="56"/>
                  </a:lnTo>
                  <a:lnTo>
                    <a:pt x="318" y="58"/>
                  </a:lnTo>
                  <a:lnTo>
                    <a:pt x="325" y="59"/>
                  </a:lnTo>
                  <a:lnTo>
                    <a:pt x="330" y="61"/>
                  </a:lnTo>
                  <a:lnTo>
                    <a:pt x="337" y="63"/>
                  </a:lnTo>
                  <a:lnTo>
                    <a:pt x="340" y="64"/>
                  </a:lnTo>
                  <a:lnTo>
                    <a:pt x="346" y="66"/>
                  </a:lnTo>
                  <a:lnTo>
                    <a:pt x="349" y="66"/>
                  </a:lnTo>
                  <a:lnTo>
                    <a:pt x="352" y="66"/>
                  </a:lnTo>
                  <a:lnTo>
                    <a:pt x="354" y="68"/>
                  </a:lnTo>
                  <a:lnTo>
                    <a:pt x="357" y="68"/>
                  </a:lnTo>
                  <a:lnTo>
                    <a:pt x="626" y="125"/>
                  </a:lnTo>
                  <a:lnTo>
                    <a:pt x="508" y="741"/>
                  </a:lnTo>
                  <a:lnTo>
                    <a:pt x="491" y="831"/>
                  </a:lnTo>
                  <a:lnTo>
                    <a:pt x="491" y="833"/>
                  </a:lnTo>
                  <a:lnTo>
                    <a:pt x="489" y="836"/>
                  </a:lnTo>
                  <a:lnTo>
                    <a:pt x="488" y="843"/>
                  </a:lnTo>
                  <a:lnTo>
                    <a:pt x="484" y="850"/>
                  </a:lnTo>
                  <a:lnTo>
                    <a:pt x="481" y="855"/>
                  </a:lnTo>
                  <a:lnTo>
                    <a:pt x="476" y="858"/>
                  </a:lnTo>
                  <a:lnTo>
                    <a:pt x="471" y="858"/>
                  </a:lnTo>
                  <a:lnTo>
                    <a:pt x="464" y="853"/>
                  </a:lnTo>
                  <a:lnTo>
                    <a:pt x="464" y="851"/>
                  </a:lnTo>
                  <a:lnTo>
                    <a:pt x="462" y="850"/>
                  </a:lnTo>
                  <a:lnTo>
                    <a:pt x="462" y="848"/>
                  </a:lnTo>
                  <a:lnTo>
                    <a:pt x="462" y="846"/>
                  </a:lnTo>
                  <a:lnTo>
                    <a:pt x="461" y="844"/>
                  </a:lnTo>
                  <a:lnTo>
                    <a:pt x="457" y="841"/>
                  </a:lnTo>
                  <a:lnTo>
                    <a:pt x="454" y="841"/>
                  </a:lnTo>
                  <a:lnTo>
                    <a:pt x="449" y="839"/>
                  </a:lnTo>
                  <a:lnTo>
                    <a:pt x="447" y="839"/>
                  </a:lnTo>
                  <a:lnTo>
                    <a:pt x="445" y="838"/>
                  </a:lnTo>
                  <a:lnTo>
                    <a:pt x="445" y="836"/>
                  </a:lnTo>
                  <a:lnTo>
                    <a:pt x="444" y="834"/>
                  </a:lnTo>
                  <a:lnTo>
                    <a:pt x="440" y="833"/>
                  </a:lnTo>
                  <a:lnTo>
                    <a:pt x="439" y="833"/>
                  </a:lnTo>
                  <a:lnTo>
                    <a:pt x="437" y="833"/>
                  </a:lnTo>
                  <a:lnTo>
                    <a:pt x="435" y="836"/>
                  </a:lnTo>
                  <a:lnTo>
                    <a:pt x="434" y="836"/>
                  </a:lnTo>
                  <a:lnTo>
                    <a:pt x="432" y="838"/>
                  </a:lnTo>
                  <a:lnTo>
                    <a:pt x="428" y="838"/>
                  </a:lnTo>
                  <a:lnTo>
                    <a:pt x="425" y="838"/>
                  </a:lnTo>
                  <a:lnTo>
                    <a:pt x="423" y="838"/>
                  </a:lnTo>
                  <a:lnTo>
                    <a:pt x="420" y="839"/>
                  </a:lnTo>
                  <a:lnTo>
                    <a:pt x="420" y="841"/>
                  </a:lnTo>
                  <a:lnTo>
                    <a:pt x="418" y="843"/>
                  </a:lnTo>
                  <a:lnTo>
                    <a:pt x="418" y="844"/>
                  </a:lnTo>
                  <a:lnTo>
                    <a:pt x="418" y="846"/>
                  </a:lnTo>
                  <a:lnTo>
                    <a:pt x="420" y="850"/>
                  </a:lnTo>
                  <a:lnTo>
                    <a:pt x="420" y="853"/>
                  </a:lnTo>
                  <a:lnTo>
                    <a:pt x="420" y="856"/>
                  </a:lnTo>
                  <a:lnTo>
                    <a:pt x="420" y="861"/>
                  </a:lnTo>
                  <a:lnTo>
                    <a:pt x="420" y="866"/>
                  </a:lnTo>
                  <a:lnTo>
                    <a:pt x="420" y="873"/>
                  </a:lnTo>
                  <a:lnTo>
                    <a:pt x="422" y="878"/>
                  </a:lnTo>
                  <a:lnTo>
                    <a:pt x="422" y="885"/>
                  </a:lnTo>
                  <a:lnTo>
                    <a:pt x="420" y="890"/>
                  </a:lnTo>
                  <a:lnTo>
                    <a:pt x="420" y="897"/>
                  </a:lnTo>
                  <a:lnTo>
                    <a:pt x="420" y="902"/>
                  </a:lnTo>
                  <a:lnTo>
                    <a:pt x="418" y="907"/>
                  </a:lnTo>
                  <a:lnTo>
                    <a:pt x="417" y="912"/>
                  </a:lnTo>
                  <a:lnTo>
                    <a:pt x="415" y="916"/>
                  </a:lnTo>
                  <a:lnTo>
                    <a:pt x="415" y="919"/>
                  </a:lnTo>
                  <a:lnTo>
                    <a:pt x="415" y="922"/>
                  </a:lnTo>
                  <a:lnTo>
                    <a:pt x="415" y="927"/>
                  </a:lnTo>
                  <a:lnTo>
                    <a:pt x="415" y="934"/>
                  </a:lnTo>
                  <a:lnTo>
                    <a:pt x="415" y="941"/>
                  </a:lnTo>
                  <a:lnTo>
                    <a:pt x="415" y="948"/>
                  </a:lnTo>
                  <a:lnTo>
                    <a:pt x="415" y="954"/>
                  </a:lnTo>
                  <a:lnTo>
                    <a:pt x="413" y="960"/>
                  </a:lnTo>
                  <a:lnTo>
                    <a:pt x="412" y="960"/>
                  </a:lnTo>
                  <a:lnTo>
                    <a:pt x="410" y="961"/>
                  </a:lnTo>
                  <a:lnTo>
                    <a:pt x="408" y="963"/>
                  </a:lnTo>
                  <a:lnTo>
                    <a:pt x="406" y="965"/>
                  </a:lnTo>
                  <a:lnTo>
                    <a:pt x="403" y="966"/>
                  </a:lnTo>
                  <a:lnTo>
                    <a:pt x="401" y="968"/>
                  </a:lnTo>
                  <a:lnTo>
                    <a:pt x="400" y="970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18" name="Freeform 119"/>
            <p:cNvSpPr>
              <a:spLocks/>
            </p:cNvSpPr>
            <p:nvPr/>
          </p:nvSpPr>
          <p:spPr bwMode="auto">
            <a:xfrm>
              <a:off x="846" y="2445"/>
              <a:ext cx="649" cy="757"/>
            </a:xfrm>
            <a:custGeom>
              <a:avLst/>
              <a:gdLst>
                <a:gd name="T0" fmla="*/ 18 w 667"/>
                <a:gd name="T1" fmla="*/ 337 h 780"/>
                <a:gd name="T2" fmla="*/ 25 w 667"/>
                <a:gd name="T3" fmla="*/ 334 h 780"/>
                <a:gd name="T4" fmla="*/ 28 w 667"/>
                <a:gd name="T5" fmla="*/ 326 h 780"/>
                <a:gd name="T6" fmla="*/ 28 w 667"/>
                <a:gd name="T7" fmla="*/ 319 h 780"/>
                <a:gd name="T8" fmla="*/ 27 w 667"/>
                <a:gd name="T9" fmla="*/ 316 h 780"/>
                <a:gd name="T10" fmla="*/ 18 w 667"/>
                <a:gd name="T11" fmla="*/ 299 h 780"/>
                <a:gd name="T12" fmla="*/ 18 w 667"/>
                <a:gd name="T13" fmla="*/ 285 h 780"/>
                <a:gd name="T14" fmla="*/ 18 w 667"/>
                <a:gd name="T15" fmla="*/ 284 h 780"/>
                <a:gd name="T16" fmla="*/ 23 w 667"/>
                <a:gd name="T17" fmla="*/ 280 h 780"/>
                <a:gd name="T18" fmla="*/ 28 w 667"/>
                <a:gd name="T19" fmla="*/ 279 h 780"/>
                <a:gd name="T20" fmla="*/ 32 w 667"/>
                <a:gd name="T21" fmla="*/ 277 h 780"/>
                <a:gd name="T22" fmla="*/ 41 w 667"/>
                <a:gd name="T23" fmla="*/ 270 h 780"/>
                <a:gd name="T24" fmla="*/ 43 w 667"/>
                <a:gd name="T25" fmla="*/ 261 h 780"/>
                <a:gd name="T26" fmla="*/ 44 w 667"/>
                <a:gd name="T27" fmla="*/ 253 h 780"/>
                <a:gd name="T28" fmla="*/ 44 w 667"/>
                <a:gd name="T29" fmla="*/ 248 h 780"/>
                <a:gd name="T30" fmla="*/ 46 w 667"/>
                <a:gd name="T31" fmla="*/ 238 h 780"/>
                <a:gd name="T32" fmla="*/ 54 w 667"/>
                <a:gd name="T33" fmla="*/ 230 h 780"/>
                <a:gd name="T34" fmla="*/ 66 w 667"/>
                <a:gd name="T35" fmla="*/ 226 h 780"/>
                <a:gd name="T36" fmla="*/ 70 w 667"/>
                <a:gd name="T37" fmla="*/ 226 h 780"/>
                <a:gd name="T38" fmla="*/ 74 w 667"/>
                <a:gd name="T39" fmla="*/ 214 h 780"/>
                <a:gd name="T40" fmla="*/ 64 w 667"/>
                <a:gd name="T41" fmla="*/ 186 h 780"/>
                <a:gd name="T42" fmla="*/ 51 w 667"/>
                <a:gd name="T43" fmla="*/ 161 h 780"/>
                <a:gd name="T44" fmla="*/ 50 w 667"/>
                <a:gd name="T45" fmla="*/ 150 h 780"/>
                <a:gd name="T46" fmla="*/ 51 w 667"/>
                <a:gd name="T47" fmla="*/ 148 h 780"/>
                <a:gd name="T48" fmla="*/ 54 w 667"/>
                <a:gd name="T49" fmla="*/ 146 h 780"/>
                <a:gd name="T50" fmla="*/ 57 w 667"/>
                <a:gd name="T51" fmla="*/ 144 h 780"/>
                <a:gd name="T52" fmla="*/ 60 w 667"/>
                <a:gd name="T53" fmla="*/ 140 h 780"/>
                <a:gd name="T54" fmla="*/ 60 w 667"/>
                <a:gd name="T55" fmla="*/ 132 h 780"/>
                <a:gd name="T56" fmla="*/ 60 w 667"/>
                <a:gd name="T57" fmla="*/ 123 h 780"/>
                <a:gd name="T58" fmla="*/ 60 w 667"/>
                <a:gd name="T59" fmla="*/ 116 h 780"/>
                <a:gd name="T60" fmla="*/ 62 w 667"/>
                <a:gd name="T61" fmla="*/ 112 h 780"/>
                <a:gd name="T62" fmla="*/ 64 w 667"/>
                <a:gd name="T63" fmla="*/ 106 h 780"/>
                <a:gd name="T64" fmla="*/ 64 w 667"/>
                <a:gd name="T65" fmla="*/ 99 h 780"/>
                <a:gd name="T66" fmla="*/ 66 w 667"/>
                <a:gd name="T67" fmla="*/ 90 h 780"/>
                <a:gd name="T68" fmla="*/ 64 w 667"/>
                <a:gd name="T69" fmla="*/ 82 h 780"/>
                <a:gd name="T70" fmla="*/ 64 w 667"/>
                <a:gd name="T71" fmla="*/ 76 h 780"/>
                <a:gd name="T72" fmla="*/ 64 w 667"/>
                <a:gd name="T73" fmla="*/ 72 h 780"/>
                <a:gd name="T74" fmla="*/ 63 w 667"/>
                <a:gd name="T75" fmla="*/ 68 h 780"/>
                <a:gd name="T76" fmla="*/ 64 w 667"/>
                <a:gd name="T77" fmla="*/ 66 h 780"/>
                <a:gd name="T78" fmla="*/ 66 w 667"/>
                <a:gd name="T79" fmla="*/ 64 h 780"/>
                <a:gd name="T80" fmla="*/ 70 w 667"/>
                <a:gd name="T81" fmla="*/ 64 h 780"/>
                <a:gd name="T82" fmla="*/ 74 w 667"/>
                <a:gd name="T83" fmla="*/ 63 h 780"/>
                <a:gd name="T84" fmla="*/ 76 w 667"/>
                <a:gd name="T85" fmla="*/ 61 h 780"/>
                <a:gd name="T86" fmla="*/ 78 w 667"/>
                <a:gd name="T87" fmla="*/ 61 h 780"/>
                <a:gd name="T88" fmla="*/ 81 w 667"/>
                <a:gd name="T89" fmla="*/ 63 h 780"/>
                <a:gd name="T90" fmla="*/ 82 w 667"/>
                <a:gd name="T91" fmla="*/ 65 h 780"/>
                <a:gd name="T92" fmla="*/ 87 w 667"/>
                <a:gd name="T93" fmla="*/ 66 h 780"/>
                <a:gd name="T94" fmla="*/ 90 w 667"/>
                <a:gd name="T95" fmla="*/ 68 h 780"/>
                <a:gd name="T96" fmla="*/ 91 w 667"/>
                <a:gd name="T97" fmla="*/ 71 h 780"/>
                <a:gd name="T98" fmla="*/ 93 w 667"/>
                <a:gd name="T99" fmla="*/ 73 h 780"/>
                <a:gd name="T100" fmla="*/ 98 w 667"/>
                <a:gd name="T101" fmla="*/ 78 h 780"/>
                <a:gd name="T102" fmla="*/ 105 w 667"/>
                <a:gd name="T103" fmla="*/ 76 h 780"/>
                <a:gd name="T104" fmla="*/ 111 w 667"/>
                <a:gd name="T105" fmla="*/ 68 h 780"/>
                <a:gd name="T106" fmla="*/ 113 w 667"/>
                <a:gd name="T107" fmla="*/ 61 h 780"/>
                <a:gd name="T108" fmla="*/ 123 w 667"/>
                <a:gd name="T109" fmla="*/ 0 h 780"/>
                <a:gd name="T110" fmla="*/ 454 w 667"/>
                <a:gd name="T111" fmla="*/ 53 h 780"/>
                <a:gd name="T112" fmla="*/ 247 w 667"/>
                <a:gd name="T113" fmla="*/ 495 h 780"/>
                <a:gd name="T114" fmla="*/ 13 w 667"/>
                <a:gd name="T115" fmla="*/ 337 h 780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667"/>
                <a:gd name="T175" fmla="*/ 0 h 780"/>
                <a:gd name="T176" fmla="*/ 667 w 667"/>
                <a:gd name="T177" fmla="*/ 780 h 780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667" h="780">
                  <a:moveTo>
                    <a:pt x="13" y="513"/>
                  </a:moveTo>
                  <a:lnTo>
                    <a:pt x="29" y="513"/>
                  </a:lnTo>
                  <a:lnTo>
                    <a:pt x="34" y="511"/>
                  </a:lnTo>
                  <a:lnTo>
                    <a:pt x="39" y="508"/>
                  </a:lnTo>
                  <a:lnTo>
                    <a:pt x="41" y="503"/>
                  </a:lnTo>
                  <a:lnTo>
                    <a:pt x="42" y="496"/>
                  </a:lnTo>
                  <a:lnTo>
                    <a:pt x="42" y="491"/>
                  </a:lnTo>
                  <a:lnTo>
                    <a:pt x="42" y="486"/>
                  </a:lnTo>
                  <a:lnTo>
                    <a:pt x="42" y="483"/>
                  </a:lnTo>
                  <a:lnTo>
                    <a:pt x="41" y="481"/>
                  </a:lnTo>
                  <a:lnTo>
                    <a:pt x="24" y="472"/>
                  </a:lnTo>
                  <a:lnTo>
                    <a:pt x="29" y="455"/>
                  </a:lnTo>
                  <a:lnTo>
                    <a:pt x="27" y="444"/>
                  </a:lnTo>
                  <a:lnTo>
                    <a:pt x="30" y="433"/>
                  </a:lnTo>
                  <a:lnTo>
                    <a:pt x="32" y="432"/>
                  </a:lnTo>
                  <a:lnTo>
                    <a:pt x="35" y="430"/>
                  </a:lnTo>
                  <a:lnTo>
                    <a:pt x="37" y="427"/>
                  </a:lnTo>
                  <a:lnTo>
                    <a:pt x="41" y="425"/>
                  </a:lnTo>
                  <a:lnTo>
                    <a:pt x="42" y="423"/>
                  </a:lnTo>
                  <a:lnTo>
                    <a:pt x="44" y="422"/>
                  </a:lnTo>
                  <a:lnTo>
                    <a:pt x="46" y="420"/>
                  </a:lnTo>
                  <a:lnTo>
                    <a:pt x="51" y="415"/>
                  </a:lnTo>
                  <a:lnTo>
                    <a:pt x="56" y="410"/>
                  </a:lnTo>
                  <a:lnTo>
                    <a:pt x="57" y="403"/>
                  </a:lnTo>
                  <a:lnTo>
                    <a:pt x="59" y="396"/>
                  </a:lnTo>
                  <a:lnTo>
                    <a:pt x="61" y="389"/>
                  </a:lnTo>
                  <a:lnTo>
                    <a:pt x="61" y="384"/>
                  </a:lnTo>
                  <a:lnTo>
                    <a:pt x="61" y="379"/>
                  </a:lnTo>
                  <a:lnTo>
                    <a:pt x="61" y="378"/>
                  </a:lnTo>
                  <a:lnTo>
                    <a:pt x="63" y="369"/>
                  </a:lnTo>
                  <a:lnTo>
                    <a:pt x="66" y="361"/>
                  </a:lnTo>
                  <a:lnTo>
                    <a:pt x="73" y="354"/>
                  </a:lnTo>
                  <a:lnTo>
                    <a:pt x="81" y="349"/>
                  </a:lnTo>
                  <a:lnTo>
                    <a:pt x="88" y="345"/>
                  </a:lnTo>
                  <a:lnTo>
                    <a:pt x="95" y="344"/>
                  </a:lnTo>
                  <a:lnTo>
                    <a:pt x="100" y="344"/>
                  </a:lnTo>
                  <a:lnTo>
                    <a:pt x="101" y="342"/>
                  </a:lnTo>
                  <a:lnTo>
                    <a:pt x="108" y="334"/>
                  </a:lnTo>
                  <a:lnTo>
                    <a:pt x="108" y="325"/>
                  </a:lnTo>
                  <a:lnTo>
                    <a:pt x="91" y="301"/>
                  </a:lnTo>
                  <a:lnTo>
                    <a:pt x="93" y="283"/>
                  </a:lnTo>
                  <a:lnTo>
                    <a:pt x="81" y="257"/>
                  </a:lnTo>
                  <a:lnTo>
                    <a:pt x="76" y="244"/>
                  </a:lnTo>
                  <a:lnTo>
                    <a:pt x="73" y="229"/>
                  </a:lnTo>
                  <a:lnTo>
                    <a:pt x="74" y="227"/>
                  </a:lnTo>
                  <a:lnTo>
                    <a:pt x="76" y="225"/>
                  </a:lnTo>
                  <a:lnTo>
                    <a:pt x="79" y="224"/>
                  </a:lnTo>
                  <a:lnTo>
                    <a:pt x="81" y="222"/>
                  </a:lnTo>
                  <a:lnTo>
                    <a:pt x="83" y="220"/>
                  </a:lnTo>
                  <a:lnTo>
                    <a:pt x="85" y="219"/>
                  </a:lnTo>
                  <a:lnTo>
                    <a:pt x="86" y="219"/>
                  </a:lnTo>
                  <a:lnTo>
                    <a:pt x="88" y="213"/>
                  </a:lnTo>
                  <a:lnTo>
                    <a:pt x="88" y="207"/>
                  </a:lnTo>
                  <a:lnTo>
                    <a:pt x="88" y="200"/>
                  </a:lnTo>
                  <a:lnTo>
                    <a:pt x="88" y="193"/>
                  </a:lnTo>
                  <a:lnTo>
                    <a:pt x="88" y="186"/>
                  </a:lnTo>
                  <a:lnTo>
                    <a:pt x="88" y="181"/>
                  </a:lnTo>
                  <a:lnTo>
                    <a:pt x="88" y="178"/>
                  </a:lnTo>
                  <a:lnTo>
                    <a:pt x="88" y="175"/>
                  </a:lnTo>
                  <a:lnTo>
                    <a:pt x="90" y="171"/>
                  </a:lnTo>
                  <a:lnTo>
                    <a:pt x="91" y="166"/>
                  </a:lnTo>
                  <a:lnTo>
                    <a:pt x="93" y="161"/>
                  </a:lnTo>
                  <a:lnTo>
                    <a:pt x="93" y="156"/>
                  </a:lnTo>
                  <a:lnTo>
                    <a:pt x="93" y="149"/>
                  </a:lnTo>
                  <a:lnTo>
                    <a:pt x="95" y="144"/>
                  </a:lnTo>
                  <a:lnTo>
                    <a:pt x="95" y="137"/>
                  </a:lnTo>
                  <a:lnTo>
                    <a:pt x="93" y="132"/>
                  </a:lnTo>
                  <a:lnTo>
                    <a:pt x="93" y="125"/>
                  </a:lnTo>
                  <a:lnTo>
                    <a:pt x="93" y="120"/>
                  </a:lnTo>
                  <a:lnTo>
                    <a:pt x="93" y="115"/>
                  </a:lnTo>
                  <a:lnTo>
                    <a:pt x="93" y="112"/>
                  </a:lnTo>
                  <a:lnTo>
                    <a:pt x="93" y="109"/>
                  </a:lnTo>
                  <a:lnTo>
                    <a:pt x="91" y="105"/>
                  </a:lnTo>
                  <a:lnTo>
                    <a:pt x="91" y="103"/>
                  </a:lnTo>
                  <a:lnTo>
                    <a:pt x="91" y="102"/>
                  </a:lnTo>
                  <a:lnTo>
                    <a:pt x="93" y="100"/>
                  </a:lnTo>
                  <a:lnTo>
                    <a:pt x="93" y="98"/>
                  </a:lnTo>
                  <a:lnTo>
                    <a:pt x="96" y="97"/>
                  </a:lnTo>
                  <a:lnTo>
                    <a:pt x="98" y="97"/>
                  </a:lnTo>
                  <a:lnTo>
                    <a:pt x="101" y="97"/>
                  </a:lnTo>
                  <a:lnTo>
                    <a:pt x="105" y="97"/>
                  </a:lnTo>
                  <a:lnTo>
                    <a:pt x="107" y="95"/>
                  </a:lnTo>
                  <a:lnTo>
                    <a:pt x="108" y="95"/>
                  </a:lnTo>
                  <a:lnTo>
                    <a:pt x="110" y="92"/>
                  </a:lnTo>
                  <a:lnTo>
                    <a:pt x="112" y="92"/>
                  </a:lnTo>
                  <a:lnTo>
                    <a:pt x="113" y="92"/>
                  </a:lnTo>
                  <a:lnTo>
                    <a:pt x="117" y="93"/>
                  </a:lnTo>
                  <a:lnTo>
                    <a:pt x="118" y="95"/>
                  </a:lnTo>
                  <a:lnTo>
                    <a:pt x="118" y="97"/>
                  </a:lnTo>
                  <a:lnTo>
                    <a:pt x="120" y="98"/>
                  </a:lnTo>
                  <a:lnTo>
                    <a:pt x="122" y="98"/>
                  </a:lnTo>
                  <a:lnTo>
                    <a:pt x="127" y="100"/>
                  </a:lnTo>
                  <a:lnTo>
                    <a:pt x="130" y="100"/>
                  </a:lnTo>
                  <a:lnTo>
                    <a:pt x="134" y="103"/>
                  </a:lnTo>
                  <a:lnTo>
                    <a:pt x="135" y="105"/>
                  </a:lnTo>
                  <a:lnTo>
                    <a:pt x="135" y="107"/>
                  </a:lnTo>
                  <a:lnTo>
                    <a:pt x="135" y="109"/>
                  </a:lnTo>
                  <a:lnTo>
                    <a:pt x="137" y="110"/>
                  </a:lnTo>
                  <a:lnTo>
                    <a:pt x="137" y="112"/>
                  </a:lnTo>
                  <a:lnTo>
                    <a:pt x="144" y="117"/>
                  </a:lnTo>
                  <a:lnTo>
                    <a:pt x="149" y="117"/>
                  </a:lnTo>
                  <a:lnTo>
                    <a:pt x="154" y="114"/>
                  </a:lnTo>
                  <a:lnTo>
                    <a:pt x="157" y="109"/>
                  </a:lnTo>
                  <a:lnTo>
                    <a:pt x="161" y="102"/>
                  </a:lnTo>
                  <a:lnTo>
                    <a:pt x="162" y="95"/>
                  </a:lnTo>
                  <a:lnTo>
                    <a:pt x="164" y="92"/>
                  </a:lnTo>
                  <a:lnTo>
                    <a:pt x="164" y="90"/>
                  </a:lnTo>
                  <a:lnTo>
                    <a:pt x="181" y="0"/>
                  </a:lnTo>
                  <a:lnTo>
                    <a:pt x="667" y="81"/>
                  </a:lnTo>
                  <a:lnTo>
                    <a:pt x="570" y="780"/>
                  </a:lnTo>
                  <a:lnTo>
                    <a:pt x="362" y="753"/>
                  </a:lnTo>
                  <a:lnTo>
                    <a:pt x="0" y="542"/>
                  </a:lnTo>
                  <a:lnTo>
                    <a:pt x="13" y="513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19" name="Freeform 120"/>
            <p:cNvSpPr>
              <a:spLocks/>
            </p:cNvSpPr>
            <p:nvPr/>
          </p:nvSpPr>
          <p:spPr bwMode="auto">
            <a:xfrm>
              <a:off x="1495" y="2036"/>
              <a:ext cx="697" cy="552"/>
            </a:xfrm>
            <a:custGeom>
              <a:avLst/>
              <a:gdLst>
                <a:gd name="T0" fmla="*/ 387 w 717"/>
                <a:gd name="T1" fmla="*/ 376 h 568"/>
                <a:gd name="T2" fmla="*/ 368 w 717"/>
                <a:gd name="T3" fmla="*/ 375 h 568"/>
                <a:gd name="T4" fmla="*/ 343 w 717"/>
                <a:gd name="T5" fmla="*/ 374 h 568"/>
                <a:gd name="T6" fmla="*/ 315 w 717"/>
                <a:gd name="T7" fmla="*/ 372 h 568"/>
                <a:gd name="T8" fmla="*/ 285 w 717"/>
                <a:gd name="T9" fmla="*/ 369 h 568"/>
                <a:gd name="T10" fmla="*/ 252 w 717"/>
                <a:gd name="T11" fmla="*/ 364 h 568"/>
                <a:gd name="T12" fmla="*/ 219 w 717"/>
                <a:gd name="T13" fmla="*/ 362 h 568"/>
                <a:gd name="T14" fmla="*/ 185 w 717"/>
                <a:gd name="T15" fmla="*/ 359 h 568"/>
                <a:gd name="T16" fmla="*/ 152 w 717"/>
                <a:gd name="T17" fmla="*/ 354 h 568"/>
                <a:gd name="T18" fmla="*/ 119 w 717"/>
                <a:gd name="T19" fmla="*/ 351 h 568"/>
                <a:gd name="T20" fmla="*/ 89 w 717"/>
                <a:gd name="T21" fmla="*/ 347 h 568"/>
                <a:gd name="T22" fmla="*/ 63 w 717"/>
                <a:gd name="T23" fmla="*/ 344 h 568"/>
                <a:gd name="T24" fmla="*/ 42 w 717"/>
                <a:gd name="T25" fmla="*/ 342 h 568"/>
                <a:gd name="T26" fmla="*/ 17 w 717"/>
                <a:gd name="T27" fmla="*/ 340 h 568"/>
                <a:gd name="T28" fmla="*/ 11 w 717"/>
                <a:gd name="T29" fmla="*/ 336 h 568"/>
                <a:gd name="T30" fmla="*/ 1 w 717"/>
                <a:gd name="T31" fmla="*/ 336 h 568"/>
                <a:gd name="T32" fmla="*/ 45 w 717"/>
                <a:gd name="T33" fmla="*/ 0 h 568"/>
                <a:gd name="T34" fmla="*/ 49 w 717"/>
                <a:gd name="T35" fmla="*/ 2 h 568"/>
                <a:gd name="T36" fmla="*/ 63 w 717"/>
                <a:gd name="T37" fmla="*/ 5 h 568"/>
                <a:gd name="T38" fmla="*/ 79 w 717"/>
                <a:gd name="T39" fmla="*/ 7 h 568"/>
                <a:gd name="T40" fmla="*/ 99 w 717"/>
                <a:gd name="T41" fmla="*/ 10 h 568"/>
                <a:gd name="T42" fmla="*/ 122 w 717"/>
                <a:gd name="T43" fmla="*/ 15 h 568"/>
                <a:gd name="T44" fmla="*/ 149 w 717"/>
                <a:gd name="T45" fmla="*/ 17 h 568"/>
                <a:gd name="T46" fmla="*/ 177 w 717"/>
                <a:gd name="T47" fmla="*/ 17 h 568"/>
                <a:gd name="T48" fmla="*/ 205 w 717"/>
                <a:gd name="T49" fmla="*/ 17 h 568"/>
                <a:gd name="T50" fmla="*/ 233 w 717"/>
                <a:gd name="T51" fmla="*/ 20 h 568"/>
                <a:gd name="T52" fmla="*/ 261 w 717"/>
                <a:gd name="T53" fmla="*/ 23 h 568"/>
                <a:gd name="T54" fmla="*/ 286 w 717"/>
                <a:gd name="T55" fmla="*/ 26 h 568"/>
                <a:gd name="T56" fmla="*/ 308 w 717"/>
                <a:gd name="T57" fmla="*/ 32 h 568"/>
                <a:gd name="T58" fmla="*/ 327 w 717"/>
                <a:gd name="T59" fmla="*/ 33 h 568"/>
                <a:gd name="T60" fmla="*/ 341 w 717"/>
                <a:gd name="T61" fmla="*/ 37 h 568"/>
                <a:gd name="T62" fmla="*/ 350 w 717"/>
                <a:gd name="T63" fmla="*/ 38 h 568"/>
                <a:gd name="T64" fmla="*/ 355 w 717"/>
                <a:gd name="T65" fmla="*/ 38 h 568"/>
                <a:gd name="T66" fmla="*/ 483 w 717"/>
                <a:gd name="T67" fmla="*/ 44 h 568"/>
                <a:gd name="T68" fmla="*/ 459 w 717"/>
                <a:gd name="T69" fmla="*/ 381 h 568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w 717"/>
                <a:gd name="T106" fmla="*/ 0 h 568"/>
                <a:gd name="T107" fmla="*/ 717 w 717"/>
                <a:gd name="T108" fmla="*/ 568 h 568"/>
              </a:gdLst>
              <a:ahLst/>
              <a:cxnLst>
                <a:cxn ang="T70">
                  <a:pos x="T0" y="T1"/>
                </a:cxn>
                <a:cxn ang="T71">
                  <a:pos x="T2" y="T3"/>
                </a:cxn>
                <a:cxn ang="T72">
                  <a:pos x="T4" y="T5"/>
                </a:cxn>
                <a:cxn ang="T73">
                  <a:pos x="T6" y="T7"/>
                </a:cxn>
                <a:cxn ang="T74">
                  <a:pos x="T8" y="T9"/>
                </a:cxn>
                <a:cxn ang="T75">
                  <a:pos x="T10" y="T11"/>
                </a:cxn>
                <a:cxn ang="T76">
                  <a:pos x="T12" y="T13"/>
                </a:cxn>
                <a:cxn ang="T77">
                  <a:pos x="T14" y="T15"/>
                </a:cxn>
                <a:cxn ang="T78">
                  <a:pos x="T16" y="T17"/>
                </a:cxn>
                <a:cxn ang="T79">
                  <a:pos x="T18" y="T19"/>
                </a:cxn>
                <a:cxn ang="T80">
                  <a:pos x="T20" y="T21"/>
                </a:cxn>
                <a:cxn ang="T81">
                  <a:pos x="T22" y="T23"/>
                </a:cxn>
                <a:cxn ang="T82">
                  <a:pos x="T24" y="T25"/>
                </a:cxn>
                <a:cxn ang="T83">
                  <a:pos x="T26" y="T27"/>
                </a:cxn>
                <a:cxn ang="T84">
                  <a:pos x="T28" y="T29"/>
                </a:cxn>
                <a:cxn ang="T85">
                  <a:pos x="T30" y="T31"/>
                </a:cxn>
                <a:cxn ang="T86">
                  <a:pos x="T32" y="T33"/>
                </a:cxn>
                <a:cxn ang="T87">
                  <a:pos x="T34" y="T35"/>
                </a:cxn>
                <a:cxn ang="T88">
                  <a:pos x="T36" y="T37"/>
                </a:cxn>
                <a:cxn ang="T89">
                  <a:pos x="T38" y="T39"/>
                </a:cxn>
                <a:cxn ang="T90">
                  <a:pos x="T40" y="T41"/>
                </a:cxn>
                <a:cxn ang="T91">
                  <a:pos x="T42" y="T43"/>
                </a:cxn>
                <a:cxn ang="T92">
                  <a:pos x="T44" y="T45"/>
                </a:cxn>
                <a:cxn ang="T93">
                  <a:pos x="T46" y="T47"/>
                </a:cxn>
                <a:cxn ang="T94">
                  <a:pos x="T48" y="T49"/>
                </a:cxn>
                <a:cxn ang="T95">
                  <a:pos x="T50" y="T51"/>
                </a:cxn>
                <a:cxn ang="T96">
                  <a:pos x="T52" y="T53"/>
                </a:cxn>
                <a:cxn ang="T97">
                  <a:pos x="T54" y="T55"/>
                </a:cxn>
                <a:cxn ang="T98">
                  <a:pos x="T56" y="T57"/>
                </a:cxn>
                <a:cxn ang="T99">
                  <a:pos x="T58" y="T59"/>
                </a:cxn>
                <a:cxn ang="T100">
                  <a:pos x="T60" y="T61"/>
                </a:cxn>
                <a:cxn ang="T101">
                  <a:pos x="T62" y="T63"/>
                </a:cxn>
                <a:cxn ang="T102">
                  <a:pos x="T64" y="T65"/>
                </a:cxn>
                <a:cxn ang="T103">
                  <a:pos x="T66" y="T67"/>
                </a:cxn>
                <a:cxn ang="T104">
                  <a:pos x="T68" y="T69"/>
                </a:cxn>
              </a:cxnLst>
              <a:rect l="T105" t="T106" r="T107" b="T108"/>
              <a:pathLst>
                <a:path w="717" h="568">
                  <a:moveTo>
                    <a:pt x="587" y="562"/>
                  </a:moveTo>
                  <a:lnTo>
                    <a:pt x="575" y="562"/>
                  </a:lnTo>
                  <a:lnTo>
                    <a:pt x="561" y="562"/>
                  </a:lnTo>
                  <a:lnTo>
                    <a:pt x="546" y="560"/>
                  </a:lnTo>
                  <a:lnTo>
                    <a:pt x="528" y="560"/>
                  </a:lnTo>
                  <a:lnTo>
                    <a:pt x="509" y="558"/>
                  </a:lnTo>
                  <a:lnTo>
                    <a:pt x="489" y="557"/>
                  </a:lnTo>
                  <a:lnTo>
                    <a:pt x="468" y="555"/>
                  </a:lnTo>
                  <a:lnTo>
                    <a:pt x="446" y="552"/>
                  </a:lnTo>
                  <a:lnTo>
                    <a:pt x="423" y="550"/>
                  </a:lnTo>
                  <a:lnTo>
                    <a:pt x="399" y="548"/>
                  </a:lnTo>
                  <a:lnTo>
                    <a:pt x="374" y="545"/>
                  </a:lnTo>
                  <a:lnTo>
                    <a:pt x="350" y="543"/>
                  </a:lnTo>
                  <a:lnTo>
                    <a:pt x="325" y="540"/>
                  </a:lnTo>
                  <a:lnTo>
                    <a:pt x="299" y="538"/>
                  </a:lnTo>
                  <a:lnTo>
                    <a:pt x="274" y="535"/>
                  </a:lnTo>
                  <a:lnTo>
                    <a:pt x="250" y="531"/>
                  </a:lnTo>
                  <a:lnTo>
                    <a:pt x="225" y="530"/>
                  </a:lnTo>
                  <a:lnTo>
                    <a:pt x="201" y="526"/>
                  </a:lnTo>
                  <a:lnTo>
                    <a:pt x="177" y="523"/>
                  </a:lnTo>
                  <a:lnTo>
                    <a:pt x="155" y="521"/>
                  </a:lnTo>
                  <a:lnTo>
                    <a:pt x="133" y="518"/>
                  </a:lnTo>
                  <a:lnTo>
                    <a:pt x="113" y="516"/>
                  </a:lnTo>
                  <a:lnTo>
                    <a:pt x="93" y="513"/>
                  </a:lnTo>
                  <a:lnTo>
                    <a:pt x="74" y="511"/>
                  </a:lnTo>
                  <a:lnTo>
                    <a:pt x="59" y="509"/>
                  </a:lnTo>
                  <a:lnTo>
                    <a:pt x="44" y="508"/>
                  </a:lnTo>
                  <a:lnTo>
                    <a:pt x="30" y="506"/>
                  </a:lnTo>
                  <a:lnTo>
                    <a:pt x="20" y="504"/>
                  </a:lnTo>
                  <a:lnTo>
                    <a:pt x="11" y="502"/>
                  </a:lnTo>
                  <a:lnTo>
                    <a:pt x="5" y="502"/>
                  </a:lnTo>
                  <a:lnTo>
                    <a:pt x="1" y="502"/>
                  </a:lnTo>
                  <a:lnTo>
                    <a:pt x="0" y="502"/>
                  </a:lnTo>
                  <a:lnTo>
                    <a:pt x="66" y="0"/>
                  </a:lnTo>
                  <a:lnTo>
                    <a:pt x="69" y="2"/>
                  </a:lnTo>
                  <a:lnTo>
                    <a:pt x="74" y="2"/>
                  </a:lnTo>
                  <a:lnTo>
                    <a:pt x="83" y="3"/>
                  </a:lnTo>
                  <a:lnTo>
                    <a:pt x="93" y="5"/>
                  </a:lnTo>
                  <a:lnTo>
                    <a:pt x="103" y="5"/>
                  </a:lnTo>
                  <a:lnTo>
                    <a:pt x="116" y="7"/>
                  </a:lnTo>
                  <a:lnTo>
                    <a:pt x="132" y="8"/>
                  </a:lnTo>
                  <a:lnTo>
                    <a:pt x="147" y="10"/>
                  </a:lnTo>
                  <a:lnTo>
                    <a:pt x="164" y="13"/>
                  </a:lnTo>
                  <a:lnTo>
                    <a:pt x="182" y="15"/>
                  </a:lnTo>
                  <a:lnTo>
                    <a:pt x="201" y="17"/>
                  </a:lnTo>
                  <a:lnTo>
                    <a:pt x="221" y="18"/>
                  </a:lnTo>
                  <a:lnTo>
                    <a:pt x="242" y="22"/>
                  </a:lnTo>
                  <a:lnTo>
                    <a:pt x="262" y="24"/>
                  </a:lnTo>
                  <a:lnTo>
                    <a:pt x="282" y="27"/>
                  </a:lnTo>
                  <a:lnTo>
                    <a:pt x="304" y="29"/>
                  </a:lnTo>
                  <a:lnTo>
                    <a:pt x="325" y="30"/>
                  </a:lnTo>
                  <a:lnTo>
                    <a:pt x="347" y="34"/>
                  </a:lnTo>
                  <a:lnTo>
                    <a:pt x="367" y="35"/>
                  </a:lnTo>
                  <a:lnTo>
                    <a:pt x="387" y="37"/>
                  </a:lnTo>
                  <a:lnTo>
                    <a:pt x="406" y="39"/>
                  </a:lnTo>
                  <a:lnTo>
                    <a:pt x="424" y="40"/>
                  </a:lnTo>
                  <a:lnTo>
                    <a:pt x="441" y="44"/>
                  </a:lnTo>
                  <a:lnTo>
                    <a:pt x="457" y="46"/>
                  </a:lnTo>
                  <a:lnTo>
                    <a:pt x="472" y="47"/>
                  </a:lnTo>
                  <a:lnTo>
                    <a:pt x="485" y="47"/>
                  </a:lnTo>
                  <a:lnTo>
                    <a:pt x="497" y="49"/>
                  </a:lnTo>
                  <a:lnTo>
                    <a:pt x="507" y="51"/>
                  </a:lnTo>
                  <a:lnTo>
                    <a:pt x="516" y="51"/>
                  </a:lnTo>
                  <a:lnTo>
                    <a:pt x="521" y="52"/>
                  </a:lnTo>
                  <a:lnTo>
                    <a:pt x="526" y="52"/>
                  </a:lnTo>
                  <a:lnTo>
                    <a:pt x="524" y="52"/>
                  </a:lnTo>
                  <a:lnTo>
                    <a:pt x="717" y="64"/>
                  </a:lnTo>
                  <a:lnTo>
                    <a:pt x="710" y="189"/>
                  </a:lnTo>
                  <a:lnTo>
                    <a:pt x="683" y="568"/>
                  </a:lnTo>
                  <a:lnTo>
                    <a:pt x="587" y="562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20" name="Freeform 121"/>
            <p:cNvSpPr>
              <a:spLocks/>
            </p:cNvSpPr>
            <p:nvPr/>
          </p:nvSpPr>
          <p:spPr bwMode="auto">
            <a:xfrm>
              <a:off x="1401" y="2524"/>
              <a:ext cx="665" cy="694"/>
            </a:xfrm>
            <a:custGeom>
              <a:avLst/>
              <a:gdLst>
                <a:gd name="T0" fmla="*/ 60 w 684"/>
                <a:gd name="T1" fmla="*/ 470 h 715"/>
                <a:gd name="T2" fmla="*/ 65 w 684"/>
                <a:gd name="T3" fmla="*/ 433 h 715"/>
                <a:gd name="T4" fmla="*/ 182 w 684"/>
                <a:gd name="T5" fmla="*/ 449 h 715"/>
                <a:gd name="T6" fmla="*/ 177 w 684"/>
                <a:gd name="T7" fmla="*/ 439 h 715"/>
                <a:gd name="T8" fmla="*/ 177 w 684"/>
                <a:gd name="T9" fmla="*/ 428 h 715"/>
                <a:gd name="T10" fmla="*/ 426 w 684"/>
                <a:gd name="T11" fmla="*/ 452 h 715"/>
                <a:gd name="T12" fmla="*/ 459 w 684"/>
                <a:gd name="T13" fmla="*/ 80 h 715"/>
                <a:gd name="T14" fmla="*/ 461 w 684"/>
                <a:gd name="T15" fmla="*/ 41 h 715"/>
                <a:gd name="T16" fmla="*/ 453 w 684"/>
                <a:gd name="T17" fmla="*/ 41 h 715"/>
                <a:gd name="T18" fmla="*/ 444 w 684"/>
                <a:gd name="T19" fmla="*/ 41 h 715"/>
                <a:gd name="T20" fmla="*/ 434 w 684"/>
                <a:gd name="T21" fmla="*/ 40 h 715"/>
                <a:gd name="T22" fmla="*/ 422 w 684"/>
                <a:gd name="T23" fmla="*/ 40 h 715"/>
                <a:gd name="T24" fmla="*/ 409 w 684"/>
                <a:gd name="T25" fmla="*/ 39 h 715"/>
                <a:gd name="T26" fmla="*/ 395 w 684"/>
                <a:gd name="T27" fmla="*/ 39 h 715"/>
                <a:gd name="T28" fmla="*/ 380 w 684"/>
                <a:gd name="T29" fmla="*/ 38 h 715"/>
                <a:gd name="T30" fmla="*/ 367 w 684"/>
                <a:gd name="T31" fmla="*/ 36 h 715"/>
                <a:gd name="T32" fmla="*/ 350 w 684"/>
                <a:gd name="T33" fmla="*/ 34 h 715"/>
                <a:gd name="T34" fmla="*/ 334 w 684"/>
                <a:gd name="T35" fmla="*/ 32 h 715"/>
                <a:gd name="T36" fmla="*/ 318 w 684"/>
                <a:gd name="T37" fmla="*/ 29 h 715"/>
                <a:gd name="T38" fmla="*/ 301 w 684"/>
                <a:gd name="T39" fmla="*/ 27 h 715"/>
                <a:gd name="T40" fmla="*/ 285 w 684"/>
                <a:gd name="T41" fmla="*/ 24 h 715"/>
                <a:gd name="T42" fmla="*/ 266 w 684"/>
                <a:gd name="T43" fmla="*/ 22 h 715"/>
                <a:gd name="T44" fmla="*/ 251 w 684"/>
                <a:gd name="T45" fmla="*/ 19 h 715"/>
                <a:gd name="T46" fmla="*/ 234 w 684"/>
                <a:gd name="T47" fmla="*/ 17 h 715"/>
                <a:gd name="T48" fmla="*/ 217 w 684"/>
                <a:gd name="T49" fmla="*/ 17 h 715"/>
                <a:gd name="T50" fmla="*/ 201 w 684"/>
                <a:gd name="T51" fmla="*/ 17 h 715"/>
                <a:gd name="T52" fmla="*/ 185 w 684"/>
                <a:gd name="T53" fmla="*/ 17 h 715"/>
                <a:gd name="T54" fmla="*/ 170 w 684"/>
                <a:gd name="T55" fmla="*/ 17 h 715"/>
                <a:gd name="T56" fmla="*/ 155 w 684"/>
                <a:gd name="T57" fmla="*/ 16 h 715"/>
                <a:gd name="T58" fmla="*/ 142 w 684"/>
                <a:gd name="T59" fmla="*/ 14 h 715"/>
                <a:gd name="T60" fmla="*/ 128 w 684"/>
                <a:gd name="T61" fmla="*/ 11 h 715"/>
                <a:gd name="T62" fmla="*/ 116 w 684"/>
                <a:gd name="T63" fmla="*/ 9 h 715"/>
                <a:gd name="T64" fmla="*/ 106 w 684"/>
                <a:gd name="T65" fmla="*/ 7 h 715"/>
                <a:gd name="T66" fmla="*/ 95 w 684"/>
                <a:gd name="T67" fmla="*/ 6 h 715"/>
                <a:gd name="T68" fmla="*/ 85 w 684"/>
                <a:gd name="T69" fmla="*/ 4 h 715"/>
                <a:gd name="T70" fmla="*/ 79 w 684"/>
                <a:gd name="T71" fmla="*/ 2 h 715"/>
                <a:gd name="T72" fmla="*/ 73 w 684"/>
                <a:gd name="T73" fmla="*/ 0 h 715"/>
                <a:gd name="T74" fmla="*/ 69 w 684"/>
                <a:gd name="T75" fmla="*/ 0 h 715"/>
                <a:gd name="T76" fmla="*/ 67 w 684"/>
                <a:gd name="T77" fmla="*/ 0 h 715"/>
                <a:gd name="T78" fmla="*/ 66 w 684"/>
                <a:gd name="T79" fmla="*/ 0 h 715"/>
                <a:gd name="T80" fmla="*/ 66 w 684"/>
                <a:gd name="T81" fmla="*/ 0 h 715"/>
                <a:gd name="T82" fmla="*/ 66 w 684"/>
                <a:gd name="T83" fmla="*/ 0 h 715"/>
                <a:gd name="T84" fmla="*/ 0 w 684"/>
                <a:gd name="T85" fmla="*/ 460 h 715"/>
                <a:gd name="T86" fmla="*/ 60 w 684"/>
                <a:gd name="T87" fmla="*/ 470 h 715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w 684"/>
                <a:gd name="T133" fmla="*/ 0 h 715"/>
                <a:gd name="T134" fmla="*/ 684 w 684"/>
                <a:gd name="T135" fmla="*/ 715 h 715"/>
              </a:gdLst>
              <a:ahLst/>
              <a:cxnLst>
                <a:cxn ang="T88">
                  <a:pos x="T0" y="T1"/>
                </a:cxn>
                <a:cxn ang="T89">
                  <a:pos x="T2" y="T3"/>
                </a:cxn>
                <a:cxn ang="T90">
                  <a:pos x="T4" y="T5"/>
                </a:cxn>
                <a:cxn ang="T91">
                  <a:pos x="T6" y="T7"/>
                </a:cxn>
                <a:cxn ang="T92">
                  <a:pos x="T8" y="T9"/>
                </a:cxn>
                <a:cxn ang="T93">
                  <a:pos x="T10" y="T11"/>
                </a:cxn>
                <a:cxn ang="T94">
                  <a:pos x="T12" y="T13"/>
                </a:cxn>
                <a:cxn ang="T95">
                  <a:pos x="T14" y="T15"/>
                </a:cxn>
                <a:cxn ang="T96">
                  <a:pos x="T16" y="T17"/>
                </a:cxn>
                <a:cxn ang="T97">
                  <a:pos x="T18" y="T19"/>
                </a:cxn>
                <a:cxn ang="T98">
                  <a:pos x="T20" y="T21"/>
                </a:cxn>
                <a:cxn ang="T99">
                  <a:pos x="T22" y="T23"/>
                </a:cxn>
                <a:cxn ang="T100">
                  <a:pos x="T24" y="T25"/>
                </a:cxn>
                <a:cxn ang="T101">
                  <a:pos x="T26" y="T27"/>
                </a:cxn>
                <a:cxn ang="T102">
                  <a:pos x="T28" y="T29"/>
                </a:cxn>
                <a:cxn ang="T103">
                  <a:pos x="T30" y="T31"/>
                </a:cxn>
                <a:cxn ang="T104">
                  <a:pos x="T32" y="T33"/>
                </a:cxn>
                <a:cxn ang="T105">
                  <a:pos x="T34" y="T35"/>
                </a:cxn>
                <a:cxn ang="T106">
                  <a:pos x="T36" y="T37"/>
                </a:cxn>
                <a:cxn ang="T107">
                  <a:pos x="T38" y="T39"/>
                </a:cxn>
                <a:cxn ang="T108">
                  <a:pos x="T40" y="T41"/>
                </a:cxn>
                <a:cxn ang="T109">
                  <a:pos x="T42" y="T43"/>
                </a:cxn>
                <a:cxn ang="T110">
                  <a:pos x="T44" y="T45"/>
                </a:cxn>
                <a:cxn ang="T111">
                  <a:pos x="T46" y="T47"/>
                </a:cxn>
                <a:cxn ang="T112">
                  <a:pos x="T48" y="T49"/>
                </a:cxn>
                <a:cxn ang="T113">
                  <a:pos x="T50" y="T51"/>
                </a:cxn>
                <a:cxn ang="T114">
                  <a:pos x="T52" y="T53"/>
                </a:cxn>
                <a:cxn ang="T115">
                  <a:pos x="T54" y="T55"/>
                </a:cxn>
                <a:cxn ang="T116">
                  <a:pos x="T56" y="T57"/>
                </a:cxn>
                <a:cxn ang="T117">
                  <a:pos x="T58" y="T59"/>
                </a:cxn>
                <a:cxn ang="T118">
                  <a:pos x="T60" y="T61"/>
                </a:cxn>
                <a:cxn ang="T119">
                  <a:pos x="T62" y="T63"/>
                </a:cxn>
                <a:cxn ang="T120">
                  <a:pos x="T64" y="T65"/>
                </a:cxn>
                <a:cxn ang="T121">
                  <a:pos x="T66" y="T67"/>
                </a:cxn>
                <a:cxn ang="T122">
                  <a:pos x="T68" y="T69"/>
                </a:cxn>
                <a:cxn ang="T123">
                  <a:pos x="T70" y="T71"/>
                </a:cxn>
                <a:cxn ang="T124">
                  <a:pos x="T72" y="T73"/>
                </a:cxn>
                <a:cxn ang="T125">
                  <a:pos x="T74" y="T75"/>
                </a:cxn>
                <a:cxn ang="T126">
                  <a:pos x="T76" y="T77"/>
                </a:cxn>
                <a:cxn ang="T127">
                  <a:pos x="T78" y="T79"/>
                </a:cxn>
                <a:cxn ang="T128">
                  <a:pos x="T80" y="T81"/>
                </a:cxn>
                <a:cxn ang="T129">
                  <a:pos x="T82" y="T83"/>
                </a:cxn>
                <a:cxn ang="T130">
                  <a:pos x="T84" y="T85"/>
                </a:cxn>
                <a:cxn ang="T131">
                  <a:pos x="T86" y="T87"/>
                </a:cxn>
              </a:cxnLst>
              <a:rect l="T132" t="T133" r="T134" b="T135"/>
              <a:pathLst>
                <a:path w="684" h="715">
                  <a:moveTo>
                    <a:pt x="88" y="715"/>
                  </a:moveTo>
                  <a:lnTo>
                    <a:pt x="95" y="657"/>
                  </a:lnTo>
                  <a:lnTo>
                    <a:pt x="268" y="681"/>
                  </a:lnTo>
                  <a:lnTo>
                    <a:pt x="262" y="666"/>
                  </a:lnTo>
                  <a:lnTo>
                    <a:pt x="262" y="649"/>
                  </a:lnTo>
                  <a:lnTo>
                    <a:pt x="633" y="686"/>
                  </a:lnTo>
                  <a:lnTo>
                    <a:pt x="679" y="121"/>
                  </a:lnTo>
                  <a:lnTo>
                    <a:pt x="684" y="60"/>
                  </a:lnTo>
                  <a:lnTo>
                    <a:pt x="672" y="60"/>
                  </a:lnTo>
                  <a:lnTo>
                    <a:pt x="658" y="60"/>
                  </a:lnTo>
                  <a:lnTo>
                    <a:pt x="643" y="58"/>
                  </a:lnTo>
                  <a:lnTo>
                    <a:pt x="625" y="58"/>
                  </a:lnTo>
                  <a:lnTo>
                    <a:pt x="606" y="56"/>
                  </a:lnTo>
                  <a:lnTo>
                    <a:pt x="586" y="55"/>
                  </a:lnTo>
                  <a:lnTo>
                    <a:pt x="565" y="53"/>
                  </a:lnTo>
                  <a:lnTo>
                    <a:pt x="543" y="50"/>
                  </a:lnTo>
                  <a:lnTo>
                    <a:pt x="520" y="48"/>
                  </a:lnTo>
                  <a:lnTo>
                    <a:pt x="496" y="46"/>
                  </a:lnTo>
                  <a:lnTo>
                    <a:pt x="471" y="43"/>
                  </a:lnTo>
                  <a:lnTo>
                    <a:pt x="447" y="41"/>
                  </a:lnTo>
                  <a:lnTo>
                    <a:pt x="422" y="38"/>
                  </a:lnTo>
                  <a:lnTo>
                    <a:pt x="396" y="36"/>
                  </a:lnTo>
                  <a:lnTo>
                    <a:pt x="371" y="33"/>
                  </a:lnTo>
                  <a:lnTo>
                    <a:pt x="347" y="29"/>
                  </a:lnTo>
                  <a:lnTo>
                    <a:pt x="322" y="28"/>
                  </a:lnTo>
                  <a:lnTo>
                    <a:pt x="298" y="24"/>
                  </a:lnTo>
                  <a:lnTo>
                    <a:pt x="274" y="21"/>
                  </a:lnTo>
                  <a:lnTo>
                    <a:pt x="252" y="19"/>
                  </a:lnTo>
                  <a:lnTo>
                    <a:pt x="230" y="16"/>
                  </a:lnTo>
                  <a:lnTo>
                    <a:pt x="210" y="14"/>
                  </a:lnTo>
                  <a:lnTo>
                    <a:pt x="190" y="11"/>
                  </a:lnTo>
                  <a:lnTo>
                    <a:pt x="171" y="9"/>
                  </a:lnTo>
                  <a:lnTo>
                    <a:pt x="156" y="7"/>
                  </a:lnTo>
                  <a:lnTo>
                    <a:pt x="141" y="6"/>
                  </a:lnTo>
                  <a:lnTo>
                    <a:pt x="127" y="4"/>
                  </a:lnTo>
                  <a:lnTo>
                    <a:pt x="117" y="2"/>
                  </a:lnTo>
                  <a:lnTo>
                    <a:pt x="108" y="0"/>
                  </a:lnTo>
                  <a:lnTo>
                    <a:pt x="102" y="0"/>
                  </a:lnTo>
                  <a:lnTo>
                    <a:pt x="98" y="0"/>
                  </a:lnTo>
                  <a:lnTo>
                    <a:pt x="97" y="0"/>
                  </a:lnTo>
                  <a:lnTo>
                    <a:pt x="0" y="699"/>
                  </a:lnTo>
                  <a:lnTo>
                    <a:pt x="88" y="715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21" name="Freeform 122"/>
            <p:cNvSpPr>
              <a:spLocks/>
            </p:cNvSpPr>
            <p:nvPr/>
          </p:nvSpPr>
          <p:spPr bwMode="auto">
            <a:xfrm>
              <a:off x="2061" y="2582"/>
              <a:ext cx="827" cy="428"/>
            </a:xfrm>
            <a:custGeom>
              <a:avLst/>
              <a:gdLst>
                <a:gd name="T0" fmla="*/ 203 w 851"/>
                <a:gd name="T1" fmla="*/ 212 h 441"/>
                <a:gd name="T2" fmla="*/ 234 w 851"/>
                <a:gd name="T3" fmla="*/ 228 h 441"/>
                <a:gd name="T4" fmla="*/ 266 w 851"/>
                <a:gd name="T5" fmla="*/ 242 h 441"/>
                <a:gd name="T6" fmla="*/ 271 w 851"/>
                <a:gd name="T7" fmla="*/ 245 h 441"/>
                <a:gd name="T8" fmla="*/ 277 w 851"/>
                <a:gd name="T9" fmla="*/ 248 h 441"/>
                <a:gd name="T10" fmla="*/ 285 w 851"/>
                <a:gd name="T11" fmla="*/ 247 h 441"/>
                <a:gd name="T12" fmla="*/ 297 w 851"/>
                <a:gd name="T13" fmla="*/ 248 h 441"/>
                <a:gd name="T14" fmla="*/ 303 w 851"/>
                <a:gd name="T15" fmla="*/ 255 h 441"/>
                <a:gd name="T16" fmla="*/ 315 w 851"/>
                <a:gd name="T17" fmla="*/ 251 h 441"/>
                <a:gd name="T18" fmla="*/ 332 w 851"/>
                <a:gd name="T19" fmla="*/ 257 h 441"/>
                <a:gd name="T20" fmla="*/ 347 w 851"/>
                <a:gd name="T21" fmla="*/ 264 h 441"/>
                <a:gd name="T22" fmla="*/ 367 w 851"/>
                <a:gd name="T23" fmla="*/ 271 h 441"/>
                <a:gd name="T24" fmla="*/ 367 w 851"/>
                <a:gd name="T25" fmla="*/ 273 h 441"/>
                <a:gd name="T26" fmla="*/ 369 w 851"/>
                <a:gd name="T27" fmla="*/ 278 h 441"/>
                <a:gd name="T28" fmla="*/ 380 w 851"/>
                <a:gd name="T29" fmla="*/ 271 h 441"/>
                <a:gd name="T30" fmla="*/ 384 w 851"/>
                <a:gd name="T31" fmla="*/ 265 h 441"/>
                <a:gd name="T32" fmla="*/ 385 w 851"/>
                <a:gd name="T33" fmla="*/ 272 h 441"/>
                <a:gd name="T34" fmla="*/ 389 w 851"/>
                <a:gd name="T35" fmla="*/ 283 h 441"/>
                <a:gd name="T36" fmla="*/ 392 w 851"/>
                <a:gd name="T37" fmla="*/ 280 h 441"/>
                <a:gd name="T38" fmla="*/ 392 w 851"/>
                <a:gd name="T39" fmla="*/ 276 h 441"/>
                <a:gd name="T40" fmla="*/ 425 w 851"/>
                <a:gd name="T41" fmla="*/ 269 h 441"/>
                <a:gd name="T42" fmla="*/ 423 w 851"/>
                <a:gd name="T43" fmla="*/ 270 h 441"/>
                <a:gd name="T44" fmla="*/ 425 w 851"/>
                <a:gd name="T45" fmla="*/ 275 h 441"/>
                <a:gd name="T46" fmla="*/ 438 w 851"/>
                <a:gd name="T47" fmla="*/ 280 h 441"/>
                <a:gd name="T48" fmla="*/ 446 w 851"/>
                <a:gd name="T49" fmla="*/ 286 h 441"/>
                <a:gd name="T50" fmla="*/ 452 w 851"/>
                <a:gd name="T51" fmla="*/ 282 h 441"/>
                <a:gd name="T52" fmla="*/ 465 w 851"/>
                <a:gd name="T53" fmla="*/ 272 h 441"/>
                <a:gd name="T54" fmla="*/ 476 w 851"/>
                <a:gd name="T55" fmla="*/ 273 h 441"/>
                <a:gd name="T56" fmla="*/ 479 w 851"/>
                <a:gd name="T57" fmla="*/ 279 h 441"/>
                <a:gd name="T58" fmla="*/ 479 w 851"/>
                <a:gd name="T59" fmla="*/ 279 h 441"/>
                <a:gd name="T60" fmla="*/ 479 w 851"/>
                <a:gd name="T61" fmla="*/ 276 h 441"/>
                <a:gd name="T62" fmla="*/ 487 w 851"/>
                <a:gd name="T63" fmla="*/ 269 h 441"/>
                <a:gd name="T64" fmla="*/ 489 w 851"/>
                <a:gd name="T65" fmla="*/ 264 h 441"/>
                <a:gd name="T66" fmla="*/ 492 w 851"/>
                <a:gd name="T67" fmla="*/ 269 h 441"/>
                <a:gd name="T68" fmla="*/ 504 w 851"/>
                <a:gd name="T69" fmla="*/ 278 h 441"/>
                <a:gd name="T70" fmla="*/ 506 w 851"/>
                <a:gd name="T71" fmla="*/ 280 h 441"/>
                <a:gd name="T72" fmla="*/ 509 w 851"/>
                <a:gd name="T73" fmla="*/ 272 h 441"/>
                <a:gd name="T74" fmla="*/ 520 w 851"/>
                <a:gd name="T75" fmla="*/ 267 h 441"/>
                <a:gd name="T76" fmla="*/ 527 w 851"/>
                <a:gd name="T77" fmla="*/ 269 h 441"/>
                <a:gd name="T78" fmla="*/ 546 w 851"/>
                <a:gd name="T79" fmla="*/ 285 h 441"/>
                <a:gd name="T80" fmla="*/ 569 w 851"/>
                <a:gd name="T81" fmla="*/ 147 h 441"/>
                <a:gd name="T82" fmla="*/ 555 w 851"/>
                <a:gd name="T83" fmla="*/ 16 h 441"/>
                <a:gd name="T84" fmla="*/ 546 w 851"/>
                <a:gd name="T85" fmla="*/ 16 h 441"/>
                <a:gd name="T86" fmla="*/ 519 w 851"/>
                <a:gd name="T87" fmla="*/ 16 h 441"/>
                <a:gd name="T88" fmla="*/ 477 w 851"/>
                <a:gd name="T89" fmla="*/ 16 h 441"/>
                <a:gd name="T90" fmla="*/ 427 w 851"/>
                <a:gd name="T91" fmla="*/ 16 h 441"/>
                <a:gd name="T92" fmla="*/ 368 w 851"/>
                <a:gd name="T93" fmla="*/ 16 h 441"/>
                <a:gd name="T94" fmla="*/ 306 w 851"/>
                <a:gd name="T95" fmla="*/ 16 h 441"/>
                <a:gd name="T96" fmla="*/ 244 w 851"/>
                <a:gd name="T97" fmla="*/ 15 h 441"/>
                <a:gd name="T98" fmla="*/ 185 w 851"/>
                <a:gd name="T99" fmla="*/ 13 h 441"/>
                <a:gd name="T100" fmla="*/ 133 w 851"/>
                <a:gd name="T101" fmla="*/ 12 h 441"/>
                <a:gd name="T102" fmla="*/ 88 w 851"/>
                <a:gd name="T103" fmla="*/ 8 h 441"/>
                <a:gd name="T104" fmla="*/ 5 w 851"/>
                <a:gd name="T105" fmla="*/ 0 h 441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w 851"/>
                <a:gd name="T160" fmla="*/ 0 h 441"/>
                <a:gd name="T161" fmla="*/ 851 w 851"/>
                <a:gd name="T162" fmla="*/ 441 h 441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T159" t="T160" r="T161" b="T162"/>
              <a:pathLst>
                <a:path w="851" h="441">
                  <a:moveTo>
                    <a:pt x="303" y="79"/>
                  </a:moveTo>
                  <a:lnTo>
                    <a:pt x="294" y="320"/>
                  </a:lnTo>
                  <a:lnTo>
                    <a:pt x="303" y="321"/>
                  </a:lnTo>
                  <a:lnTo>
                    <a:pt x="326" y="345"/>
                  </a:lnTo>
                  <a:lnTo>
                    <a:pt x="335" y="338"/>
                  </a:lnTo>
                  <a:lnTo>
                    <a:pt x="350" y="347"/>
                  </a:lnTo>
                  <a:lnTo>
                    <a:pt x="359" y="335"/>
                  </a:lnTo>
                  <a:lnTo>
                    <a:pt x="379" y="369"/>
                  </a:lnTo>
                  <a:lnTo>
                    <a:pt x="397" y="369"/>
                  </a:lnTo>
                  <a:lnTo>
                    <a:pt x="399" y="369"/>
                  </a:lnTo>
                  <a:lnTo>
                    <a:pt x="401" y="370"/>
                  </a:lnTo>
                  <a:lnTo>
                    <a:pt x="404" y="372"/>
                  </a:lnTo>
                  <a:lnTo>
                    <a:pt x="408" y="374"/>
                  </a:lnTo>
                  <a:lnTo>
                    <a:pt x="411" y="375"/>
                  </a:lnTo>
                  <a:lnTo>
                    <a:pt x="414" y="377"/>
                  </a:lnTo>
                  <a:lnTo>
                    <a:pt x="418" y="379"/>
                  </a:lnTo>
                  <a:lnTo>
                    <a:pt x="419" y="379"/>
                  </a:lnTo>
                  <a:lnTo>
                    <a:pt x="426" y="374"/>
                  </a:lnTo>
                  <a:lnTo>
                    <a:pt x="431" y="372"/>
                  </a:lnTo>
                  <a:lnTo>
                    <a:pt x="438" y="374"/>
                  </a:lnTo>
                  <a:lnTo>
                    <a:pt x="443" y="377"/>
                  </a:lnTo>
                  <a:lnTo>
                    <a:pt x="447" y="380"/>
                  </a:lnTo>
                  <a:lnTo>
                    <a:pt x="450" y="386"/>
                  </a:lnTo>
                  <a:lnTo>
                    <a:pt x="452" y="387"/>
                  </a:lnTo>
                  <a:lnTo>
                    <a:pt x="453" y="389"/>
                  </a:lnTo>
                  <a:lnTo>
                    <a:pt x="458" y="379"/>
                  </a:lnTo>
                  <a:lnTo>
                    <a:pt x="469" y="382"/>
                  </a:lnTo>
                  <a:lnTo>
                    <a:pt x="484" y="377"/>
                  </a:lnTo>
                  <a:lnTo>
                    <a:pt x="484" y="391"/>
                  </a:lnTo>
                  <a:lnTo>
                    <a:pt x="496" y="392"/>
                  </a:lnTo>
                  <a:lnTo>
                    <a:pt x="499" y="406"/>
                  </a:lnTo>
                  <a:lnTo>
                    <a:pt x="511" y="411"/>
                  </a:lnTo>
                  <a:lnTo>
                    <a:pt x="518" y="401"/>
                  </a:lnTo>
                  <a:lnTo>
                    <a:pt x="529" y="397"/>
                  </a:lnTo>
                  <a:lnTo>
                    <a:pt x="540" y="408"/>
                  </a:lnTo>
                  <a:lnTo>
                    <a:pt x="548" y="411"/>
                  </a:lnTo>
                  <a:lnTo>
                    <a:pt x="548" y="413"/>
                  </a:lnTo>
                  <a:lnTo>
                    <a:pt x="548" y="414"/>
                  </a:lnTo>
                  <a:lnTo>
                    <a:pt x="548" y="416"/>
                  </a:lnTo>
                  <a:lnTo>
                    <a:pt x="548" y="418"/>
                  </a:lnTo>
                  <a:lnTo>
                    <a:pt x="550" y="419"/>
                  </a:lnTo>
                  <a:lnTo>
                    <a:pt x="551" y="421"/>
                  </a:lnTo>
                  <a:lnTo>
                    <a:pt x="555" y="419"/>
                  </a:lnTo>
                  <a:lnTo>
                    <a:pt x="562" y="416"/>
                  </a:lnTo>
                  <a:lnTo>
                    <a:pt x="567" y="411"/>
                  </a:lnTo>
                  <a:lnTo>
                    <a:pt x="570" y="408"/>
                  </a:lnTo>
                  <a:lnTo>
                    <a:pt x="572" y="406"/>
                  </a:lnTo>
                  <a:lnTo>
                    <a:pt x="572" y="404"/>
                  </a:lnTo>
                  <a:lnTo>
                    <a:pt x="572" y="408"/>
                  </a:lnTo>
                  <a:lnTo>
                    <a:pt x="573" y="413"/>
                  </a:lnTo>
                  <a:lnTo>
                    <a:pt x="575" y="419"/>
                  </a:lnTo>
                  <a:lnTo>
                    <a:pt x="579" y="428"/>
                  </a:lnTo>
                  <a:lnTo>
                    <a:pt x="580" y="431"/>
                  </a:lnTo>
                  <a:lnTo>
                    <a:pt x="584" y="431"/>
                  </a:lnTo>
                  <a:lnTo>
                    <a:pt x="584" y="430"/>
                  </a:lnTo>
                  <a:lnTo>
                    <a:pt x="585" y="426"/>
                  </a:lnTo>
                  <a:lnTo>
                    <a:pt x="585" y="424"/>
                  </a:lnTo>
                  <a:lnTo>
                    <a:pt x="585" y="421"/>
                  </a:lnTo>
                  <a:lnTo>
                    <a:pt x="585" y="419"/>
                  </a:lnTo>
                  <a:lnTo>
                    <a:pt x="602" y="406"/>
                  </a:lnTo>
                  <a:lnTo>
                    <a:pt x="616" y="416"/>
                  </a:lnTo>
                  <a:lnTo>
                    <a:pt x="633" y="408"/>
                  </a:lnTo>
                  <a:lnTo>
                    <a:pt x="631" y="409"/>
                  </a:lnTo>
                  <a:lnTo>
                    <a:pt x="631" y="413"/>
                  </a:lnTo>
                  <a:lnTo>
                    <a:pt x="633" y="414"/>
                  </a:lnTo>
                  <a:lnTo>
                    <a:pt x="634" y="418"/>
                  </a:lnTo>
                  <a:lnTo>
                    <a:pt x="639" y="421"/>
                  </a:lnTo>
                  <a:lnTo>
                    <a:pt x="646" y="424"/>
                  </a:lnTo>
                  <a:lnTo>
                    <a:pt x="653" y="428"/>
                  </a:lnTo>
                  <a:lnTo>
                    <a:pt x="658" y="431"/>
                  </a:lnTo>
                  <a:lnTo>
                    <a:pt x="661" y="433"/>
                  </a:lnTo>
                  <a:lnTo>
                    <a:pt x="665" y="435"/>
                  </a:lnTo>
                  <a:lnTo>
                    <a:pt x="667" y="435"/>
                  </a:lnTo>
                  <a:lnTo>
                    <a:pt x="670" y="433"/>
                  </a:lnTo>
                  <a:lnTo>
                    <a:pt x="675" y="430"/>
                  </a:lnTo>
                  <a:lnTo>
                    <a:pt x="682" y="423"/>
                  </a:lnTo>
                  <a:lnTo>
                    <a:pt x="690" y="416"/>
                  </a:lnTo>
                  <a:lnTo>
                    <a:pt x="697" y="413"/>
                  </a:lnTo>
                  <a:lnTo>
                    <a:pt x="702" y="413"/>
                  </a:lnTo>
                  <a:lnTo>
                    <a:pt x="707" y="414"/>
                  </a:lnTo>
                  <a:lnTo>
                    <a:pt x="709" y="416"/>
                  </a:lnTo>
                  <a:lnTo>
                    <a:pt x="712" y="419"/>
                  </a:lnTo>
                  <a:lnTo>
                    <a:pt x="714" y="421"/>
                  </a:lnTo>
                  <a:lnTo>
                    <a:pt x="714" y="423"/>
                  </a:lnTo>
                  <a:lnTo>
                    <a:pt x="716" y="423"/>
                  </a:lnTo>
                  <a:lnTo>
                    <a:pt x="716" y="421"/>
                  </a:lnTo>
                  <a:lnTo>
                    <a:pt x="717" y="419"/>
                  </a:lnTo>
                  <a:lnTo>
                    <a:pt x="721" y="416"/>
                  </a:lnTo>
                  <a:lnTo>
                    <a:pt x="724" y="411"/>
                  </a:lnTo>
                  <a:lnTo>
                    <a:pt x="727" y="408"/>
                  </a:lnTo>
                  <a:lnTo>
                    <a:pt x="727" y="404"/>
                  </a:lnTo>
                  <a:lnTo>
                    <a:pt x="727" y="401"/>
                  </a:lnTo>
                  <a:lnTo>
                    <a:pt x="729" y="401"/>
                  </a:lnTo>
                  <a:lnTo>
                    <a:pt x="731" y="404"/>
                  </a:lnTo>
                  <a:lnTo>
                    <a:pt x="734" y="408"/>
                  </a:lnTo>
                  <a:lnTo>
                    <a:pt x="741" y="411"/>
                  </a:lnTo>
                  <a:lnTo>
                    <a:pt x="746" y="416"/>
                  </a:lnTo>
                  <a:lnTo>
                    <a:pt x="751" y="421"/>
                  </a:lnTo>
                  <a:lnTo>
                    <a:pt x="753" y="423"/>
                  </a:lnTo>
                  <a:lnTo>
                    <a:pt x="755" y="424"/>
                  </a:lnTo>
                  <a:lnTo>
                    <a:pt x="756" y="423"/>
                  </a:lnTo>
                  <a:lnTo>
                    <a:pt x="758" y="419"/>
                  </a:lnTo>
                  <a:lnTo>
                    <a:pt x="761" y="414"/>
                  </a:lnTo>
                  <a:lnTo>
                    <a:pt x="766" y="409"/>
                  </a:lnTo>
                  <a:lnTo>
                    <a:pt x="771" y="406"/>
                  </a:lnTo>
                  <a:lnTo>
                    <a:pt x="775" y="406"/>
                  </a:lnTo>
                  <a:lnTo>
                    <a:pt x="780" y="406"/>
                  </a:lnTo>
                  <a:lnTo>
                    <a:pt x="783" y="408"/>
                  </a:lnTo>
                  <a:lnTo>
                    <a:pt x="787" y="408"/>
                  </a:lnTo>
                  <a:lnTo>
                    <a:pt x="788" y="409"/>
                  </a:lnTo>
                  <a:lnTo>
                    <a:pt x="815" y="433"/>
                  </a:lnTo>
                  <a:lnTo>
                    <a:pt x="831" y="435"/>
                  </a:lnTo>
                  <a:lnTo>
                    <a:pt x="849" y="441"/>
                  </a:lnTo>
                  <a:lnTo>
                    <a:pt x="851" y="223"/>
                  </a:lnTo>
                  <a:lnTo>
                    <a:pt x="831" y="84"/>
                  </a:lnTo>
                  <a:lnTo>
                    <a:pt x="829" y="20"/>
                  </a:lnTo>
                  <a:lnTo>
                    <a:pt x="827" y="20"/>
                  </a:lnTo>
                  <a:lnTo>
                    <a:pt x="822" y="20"/>
                  </a:lnTo>
                  <a:lnTo>
                    <a:pt x="814" y="20"/>
                  </a:lnTo>
                  <a:lnTo>
                    <a:pt x="804" y="20"/>
                  </a:lnTo>
                  <a:lnTo>
                    <a:pt x="790" y="20"/>
                  </a:lnTo>
                  <a:lnTo>
                    <a:pt x="773" y="20"/>
                  </a:lnTo>
                  <a:lnTo>
                    <a:pt x="755" y="20"/>
                  </a:lnTo>
                  <a:lnTo>
                    <a:pt x="736" y="20"/>
                  </a:lnTo>
                  <a:lnTo>
                    <a:pt x="712" y="20"/>
                  </a:lnTo>
                  <a:lnTo>
                    <a:pt x="689" y="20"/>
                  </a:lnTo>
                  <a:lnTo>
                    <a:pt x="663" y="20"/>
                  </a:lnTo>
                  <a:lnTo>
                    <a:pt x="636" y="20"/>
                  </a:lnTo>
                  <a:lnTo>
                    <a:pt x="609" y="20"/>
                  </a:lnTo>
                  <a:lnTo>
                    <a:pt x="579" y="18"/>
                  </a:lnTo>
                  <a:lnTo>
                    <a:pt x="550" y="18"/>
                  </a:lnTo>
                  <a:lnTo>
                    <a:pt x="519" y="18"/>
                  </a:lnTo>
                  <a:lnTo>
                    <a:pt x="489" y="18"/>
                  </a:lnTo>
                  <a:lnTo>
                    <a:pt x="457" y="17"/>
                  </a:lnTo>
                  <a:lnTo>
                    <a:pt x="426" y="17"/>
                  </a:lnTo>
                  <a:lnTo>
                    <a:pt x="396" y="17"/>
                  </a:lnTo>
                  <a:lnTo>
                    <a:pt x="364" y="15"/>
                  </a:lnTo>
                  <a:lnTo>
                    <a:pt x="335" y="15"/>
                  </a:lnTo>
                  <a:lnTo>
                    <a:pt x="304" y="15"/>
                  </a:lnTo>
                  <a:lnTo>
                    <a:pt x="276" y="13"/>
                  </a:lnTo>
                  <a:lnTo>
                    <a:pt x="249" y="13"/>
                  </a:lnTo>
                  <a:lnTo>
                    <a:pt x="221" y="12"/>
                  </a:lnTo>
                  <a:lnTo>
                    <a:pt x="198" y="12"/>
                  </a:lnTo>
                  <a:lnTo>
                    <a:pt x="174" y="10"/>
                  </a:lnTo>
                  <a:lnTo>
                    <a:pt x="152" y="10"/>
                  </a:lnTo>
                  <a:lnTo>
                    <a:pt x="133" y="8"/>
                  </a:lnTo>
                  <a:lnTo>
                    <a:pt x="117" y="6"/>
                  </a:lnTo>
                  <a:lnTo>
                    <a:pt x="101" y="6"/>
                  </a:lnTo>
                  <a:lnTo>
                    <a:pt x="5" y="0"/>
                  </a:lnTo>
                  <a:lnTo>
                    <a:pt x="0" y="61"/>
                  </a:lnTo>
                  <a:lnTo>
                    <a:pt x="303" y="7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22" name="Freeform 123"/>
            <p:cNvSpPr>
              <a:spLocks/>
            </p:cNvSpPr>
            <p:nvPr/>
          </p:nvSpPr>
          <p:spPr bwMode="auto">
            <a:xfrm>
              <a:off x="1658" y="2620"/>
              <a:ext cx="1334" cy="1316"/>
            </a:xfrm>
            <a:custGeom>
              <a:avLst/>
              <a:gdLst>
                <a:gd name="T0" fmla="*/ 522 w 1371"/>
                <a:gd name="T1" fmla="*/ 189 h 1355"/>
                <a:gd name="T2" fmla="*/ 569 w 1371"/>
                <a:gd name="T3" fmla="*/ 212 h 1355"/>
                <a:gd name="T4" fmla="*/ 614 w 1371"/>
                <a:gd name="T5" fmla="*/ 210 h 1355"/>
                <a:gd name="T6" fmla="*/ 658 w 1371"/>
                <a:gd name="T7" fmla="*/ 236 h 1355"/>
                <a:gd name="T8" fmla="*/ 674 w 1371"/>
                <a:gd name="T9" fmla="*/ 231 h 1355"/>
                <a:gd name="T10" fmla="*/ 695 w 1371"/>
                <a:gd name="T11" fmla="*/ 229 h 1355"/>
                <a:gd name="T12" fmla="*/ 729 w 1371"/>
                <a:gd name="T13" fmla="*/ 244 h 1355"/>
                <a:gd name="T14" fmla="*/ 767 w 1371"/>
                <a:gd name="T15" fmla="*/ 234 h 1355"/>
                <a:gd name="T16" fmla="*/ 775 w 1371"/>
                <a:gd name="T17" fmla="*/ 236 h 1355"/>
                <a:gd name="T18" fmla="*/ 796 w 1371"/>
                <a:gd name="T19" fmla="*/ 240 h 1355"/>
                <a:gd name="T20" fmla="*/ 818 w 1371"/>
                <a:gd name="T21" fmla="*/ 231 h 1355"/>
                <a:gd name="T22" fmla="*/ 894 w 1371"/>
                <a:gd name="T23" fmla="*/ 303 h 1355"/>
                <a:gd name="T24" fmla="*/ 931 w 1371"/>
                <a:gd name="T25" fmla="*/ 458 h 1355"/>
                <a:gd name="T26" fmla="*/ 923 w 1371"/>
                <a:gd name="T27" fmla="*/ 500 h 1355"/>
                <a:gd name="T28" fmla="*/ 925 w 1371"/>
                <a:gd name="T29" fmla="*/ 533 h 1355"/>
                <a:gd name="T30" fmla="*/ 913 w 1371"/>
                <a:gd name="T31" fmla="*/ 574 h 1355"/>
                <a:gd name="T32" fmla="*/ 894 w 1371"/>
                <a:gd name="T33" fmla="*/ 585 h 1355"/>
                <a:gd name="T34" fmla="*/ 867 w 1371"/>
                <a:gd name="T35" fmla="*/ 592 h 1355"/>
                <a:gd name="T36" fmla="*/ 853 w 1371"/>
                <a:gd name="T37" fmla="*/ 594 h 1355"/>
                <a:gd name="T38" fmla="*/ 853 w 1371"/>
                <a:gd name="T39" fmla="*/ 583 h 1355"/>
                <a:gd name="T40" fmla="*/ 841 w 1371"/>
                <a:gd name="T41" fmla="*/ 579 h 1355"/>
                <a:gd name="T42" fmla="*/ 833 w 1371"/>
                <a:gd name="T43" fmla="*/ 582 h 1355"/>
                <a:gd name="T44" fmla="*/ 829 w 1371"/>
                <a:gd name="T45" fmla="*/ 591 h 1355"/>
                <a:gd name="T46" fmla="*/ 840 w 1371"/>
                <a:gd name="T47" fmla="*/ 610 h 1355"/>
                <a:gd name="T48" fmla="*/ 811 w 1371"/>
                <a:gd name="T49" fmla="*/ 644 h 1355"/>
                <a:gd name="T50" fmla="*/ 773 w 1371"/>
                <a:gd name="T51" fmla="*/ 666 h 1355"/>
                <a:gd name="T52" fmla="*/ 739 w 1371"/>
                <a:gd name="T53" fmla="*/ 687 h 1355"/>
                <a:gd name="T54" fmla="*/ 770 w 1371"/>
                <a:gd name="T55" fmla="*/ 665 h 1355"/>
                <a:gd name="T56" fmla="*/ 751 w 1371"/>
                <a:gd name="T57" fmla="*/ 672 h 1355"/>
                <a:gd name="T58" fmla="*/ 747 w 1371"/>
                <a:gd name="T59" fmla="*/ 663 h 1355"/>
                <a:gd name="T60" fmla="*/ 719 w 1371"/>
                <a:gd name="T61" fmla="*/ 666 h 1355"/>
                <a:gd name="T62" fmla="*/ 729 w 1371"/>
                <a:gd name="T63" fmla="*/ 684 h 1355"/>
                <a:gd name="T64" fmla="*/ 716 w 1371"/>
                <a:gd name="T65" fmla="*/ 694 h 1355"/>
                <a:gd name="T66" fmla="*/ 704 w 1371"/>
                <a:gd name="T67" fmla="*/ 682 h 1355"/>
                <a:gd name="T68" fmla="*/ 695 w 1371"/>
                <a:gd name="T69" fmla="*/ 702 h 1355"/>
                <a:gd name="T70" fmla="*/ 684 w 1371"/>
                <a:gd name="T71" fmla="*/ 718 h 1355"/>
                <a:gd name="T72" fmla="*/ 669 w 1371"/>
                <a:gd name="T73" fmla="*/ 733 h 1355"/>
                <a:gd name="T74" fmla="*/ 654 w 1371"/>
                <a:gd name="T75" fmla="*/ 779 h 1355"/>
                <a:gd name="T76" fmla="*/ 646 w 1371"/>
                <a:gd name="T77" fmla="*/ 769 h 1355"/>
                <a:gd name="T78" fmla="*/ 653 w 1371"/>
                <a:gd name="T79" fmla="*/ 795 h 1355"/>
                <a:gd name="T80" fmla="*/ 654 w 1371"/>
                <a:gd name="T81" fmla="*/ 897 h 1355"/>
                <a:gd name="T82" fmla="*/ 623 w 1371"/>
                <a:gd name="T83" fmla="*/ 881 h 1355"/>
                <a:gd name="T84" fmla="*/ 595 w 1371"/>
                <a:gd name="T85" fmla="*/ 881 h 1355"/>
                <a:gd name="T86" fmla="*/ 535 w 1371"/>
                <a:gd name="T87" fmla="*/ 853 h 1355"/>
                <a:gd name="T88" fmla="*/ 522 w 1371"/>
                <a:gd name="T89" fmla="*/ 841 h 1355"/>
                <a:gd name="T90" fmla="*/ 509 w 1371"/>
                <a:gd name="T91" fmla="*/ 806 h 1355"/>
                <a:gd name="T92" fmla="*/ 504 w 1371"/>
                <a:gd name="T93" fmla="*/ 781 h 1355"/>
                <a:gd name="T94" fmla="*/ 487 w 1371"/>
                <a:gd name="T95" fmla="*/ 748 h 1355"/>
                <a:gd name="T96" fmla="*/ 463 w 1371"/>
                <a:gd name="T97" fmla="*/ 718 h 1355"/>
                <a:gd name="T98" fmla="*/ 444 w 1371"/>
                <a:gd name="T99" fmla="*/ 693 h 1355"/>
                <a:gd name="T100" fmla="*/ 361 w 1371"/>
                <a:gd name="T101" fmla="*/ 569 h 1355"/>
                <a:gd name="T102" fmla="*/ 323 w 1371"/>
                <a:gd name="T103" fmla="*/ 563 h 1355"/>
                <a:gd name="T104" fmla="*/ 297 w 1371"/>
                <a:gd name="T105" fmla="*/ 557 h 1355"/>
                <a:gd name="T106" fmla="*/ 282 w 1371"/>
                <a:gd name="T107" fmla="*/ 562 h 1355"/>
                <a:gd name="T108" fmla="*/ 251 w 1371"/>
                <a:gd name="T109" fmla="*/ 600 h 1355"/>
                <a:gd name="T110" fmla="*/ 238 w 1371"/>
                <a:gd name="T111" fmla="*/ 614 h 1355"/>
                <a:gd name="T112" fmla="*/ 215 w 1371"/>
                <a:gd name="T113" fmla="*/ 619 h 1355"/>
                <a:gd name="T114" fmla="*/ 177 w 1371"/>
                <a:gd name="T115" fmla="*/ 594 h 1355"/>
                <a:gd name="T116" fmla="*/ 143 w 1371"/>
                <a:gd name="T117" fmla="*/ 567 h 1355"/>
                <a:gd name="T118" fmla="*/ 124 w 1371"/>
                <a:gd name="T119" fmla="*/ 510 h 1355"/>
                <a:gd name="T120" fmla="*/ 88 w 1371"/>
                <a:gd name="T121" fmla="*/ 458 h 1355"/>
                <a:gd name="T122" fmla="*/ 6 w 1371"/>
                <a:gd name="T123" fmla="*/ 372 h 1355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w 1371"/>
                <a:gd name="T187" fmla="*/ 0 h 1355"/>
                <a:gd name="T188" fmla="*/ 1371 w 1371"/>
                <a:gd name="T189" fmla="*/ 1355 h 1355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T186" t="T187" r="T188" b="T189"/>
              <a:pathLst>
                <a:path w="1371" h="1355">
                  <a:moveTo>
                    <a:pt x="6" y="560"/>
                  </a:moveTo>
                  <a:lnTo>
                    <a:pt x="0" y="545"/>
                  </a:lnTo>
                  <a:lnTo>
                    <a:pt x="0" y="528"/>
                  </a:lnTo>
                  <a:lnTo>
                    <a:pt x="371" y="565"/>
                  </a:lnTo>
                  <a:lnTo>
                    <a:pt x="417" y="0"/>
                  </a:lnTo>
                  <a:lnTo>
                    <a:pt x="720" y="18"/>
                  </a:lnTo>
                  <a:lnTo>
                    <a:pt x="711" y="259"/>
                  </a:lnTo>
                  <a:lnTo>
                    <a:pt x="720" y="260"/>
                  </a:lnTo>
                  <a:lnTo>
                    <a:pt x="743" y="284"/>
                  </a:lnTo>
                  <a:lnTo>
                    <a:pt x="752" y="277"/>
                  </a:lnTo>
                  <a:lnTo>
                    <a:pt x="767" y="286"/>
                  </a:lnTo>
                  <a:lnTo>
                    <a:pt x="776" y="274"/>
                  </a:lnTo>
                  <a:lnTo>
                    <a:pt x="796" y="308"/>
                  </a:lnTo>
                  <a:lnTo>
                    <a:pt x="814" y="308"/>
                  </a:lnTo>
                  <a:lnTo>
                    <a:pt x="816" y="308"/>
                  </a:lnTo>
                  <a:lnTo>
                    <a:pt x="818" y="309"/>
                  </a:lnTo>
                  <a:lnTo>
                    <a:pt x="821" y="311"/>
                  </a:lnTo>
                  <a:lnTo>
                    <a:pt x="825" y="313"/>
                  </a:lnTo>
                  <a:lnTo>
                    <a:pt x="828" y="314"/>
                  </a:lnTo>
                  <a:lnTo>
                    <a:pt x="831" y="316"/>
                  </a:lnTo>
                  <a:lnTo>
                    <a:pt x="835" y="318"/>
                  </a:lnTo>
                  <a:lnTo>
                    <a:pt x="836" y="318"/>
                  </a:lnTo>
                  <a:lnTo>
                    <a:pt x="843" y="313"/>
                  </a:lnTo>
                  <a:lnTo>
                    <a:pt x="848" y="311"/>
                  </a:lnTo>
                  <a:lnTo>
                    <a:pt x="855" y="313"/>
                  </a:lnTo>
                  <a:lnTo>
                    <a:pt x="860" y="316"/>
                  </a:lnTo>
                  <a:lnTo>
                    <a:pt x="864" y="319"/>
                  </a:lnTo>
                  <a:lnTo>
                    <a:pt x="867" y="325"/>
                  </a:lnTo>
                  <a:lnTo>
                    <a:pt x="869" y="326"/>
                  </a:lnTo>
                  <a:lnTo>
                    <a:pt x="870" y="328"/>
                  </a:lnTo>
                  <a:lnTo>
                    <a:pt x="875" y="318"/>
                  </a:lnTo>
                  <a:lnTo>
                    <a:pt x="886" y="321"/>
                  </a:lnTo>
                  <a:lnTo>
                    <a:pt x="901" y="316"/>
                  </a:lnTo>
                  <a:lnTo>
                    <a:pt x="901" y="330"/>
                  </a:lnTo>
                  <a:lnTo>
                    <a:pt x="913" y="331"/>
                  </a:lnTo>
                  <a:lnTo>
                    <a:pt x="916" y="345"/>
                  </a:lnTo>
                  <a:lnTo>
                    <a:pt x="928" y="350"/>
                  </a:lnTo>
                  <a:lnTo>
                    <a:pt x="935" y="340"/>
                  </a:lnTo>
                  <a:lnTo>
                    <a:pt x="946" y="336"/>
                  </a:lnTo>
                  <a:lnTo>
                    <a:pt x="957" y="347"/>
                  </a:lnTo>
                  <a:lnTo>
                    <a:pt x="965" y="350"/>
                  </a:lnTo>
                  <a:lnTo>
                    <a:pt x="965" y="352"/>
                  </a:lnTo>
                  <a:lnTo>
                    <a:pt x="965" y="353"/>
                  </a:lnTo>
                  <a:lnTo>
                    <a:pt x="965" y="355"/>
                  </a:lnTo>
                  <a:lnTo>
                    <a:pt x="965" y="357"/>
                  </a:lnTo>
                  <a:lnTo>
                    <a:pt x="967" y="358"/>
                  </a:lnTo>
                  <a:lnTo>
                    <a:pt x="968" y="360"/>
                  </a:lnTo>
                  <a:lnTo>
                    <a:pt x="972" y="358"/>
                  </a:lnTo>
                  <a:lnTo>
                    <a:pt x="979" y="355"/>
                  </a:lnTo>
                  <a:lnTo>
                    <a:pt x="984" y="350"/>
                  </a:lnTo>
                  <a:lnTo>
                    <a:pt x="987" y="347"/>
                  </a:lnTo>
                  <a:lnTo>
                    <a:pt x="989" y="345"/>
                  </a:lnTo>
                  <a:lnTo>
                    <a:pt x="989" y="343"/>
                  </a:lnTo>
                  <a:lnTo>
                    <a:pt x="989" y="347"/>
                  </a:lnTo>
                  <a:lnTo>
                    <a:pt x="990" y="352"/>
                  </a:lnTo>
                  <a:lnTo>
                    <a:pt x="992" y="358"/>
                  </a:lnTo>
                  <a:lnTo>
                    <a:pt x="996" y="367"/>
                  </a:lnTo>
                  <a:lnTo>
                    <a:pt x="997" y="370"/>
                  </a:lnTo>
                  <a:lnTo>
                    <a:pt x="1001" y="370"/>
                  </a:lnTo>
                  <a:lnTo>
                    <a:pt x="1001" y="369"/>
                  </a:lnTo>
                  <a:lnTo>
                    <a:pt x="1002" y="365"/>
                  </a:lnTo>
                  <a:lnTo>
                    <a:pt x="1002" y="363"/>
                  </a:lnTo>
                  <a:lnTo>
                    <a:pt x="1002" y="360"/>
                  </a:lnTo>
                  <a:lnTo>
                    <a:pt x="1002" y="358"/>
                  </a:lnTo>
                  <a:lnTo>
                    <a:pt x="1019" y="345"/>
                  </a:lnTo>
                  <a:lnTo>
                    <a:pt x="1033" y="355"/>
                  </a:lnTo>
                  <a:lnTo>
                    <a:pt x="1050" y="347"/>
                  </a:lnTo>
                  <a:lnTo>
                    <a:pt x="1048" y="348"/>
                  </a:lnTo>
                  <a:lnTo>
                    <a:pt x="1048" y="352"/>
                  </a:lnTo>
                  <a:lnTo>
                    <a:pt x="1050" y="353"/>
                  </a:lnTo>
                  <a:lnTo>
                    <a:pt x="1051" y="357"/>
                  </a:lnTo>
                  <a:lnTo>
                    <a:pt x="1056" y="360"/>
                  </a:lnTo>
                  <a:lnTo>
                    <a:pt x="1063" y="363"/>
                  </a:lnTo>
                  <a:lnTo>
                    <a:pt x="1070" y="367"/>
                  </a:lnTo>
                  <a:lnTo>
                    <a:pt x="1075" y="370"/>
                  </a:lnTo>
                  <a:lnTo>
                    <a:pt x="1078" y="372"/>
                  </a:lnTo>
                  <a:lnTo>
                    <a:pt x="1082" y="374"/>
                  </a:lnTo>
                  <a:lnTo>
                    <a:pt x="1084" y="374"/>
                  </a:lnTo>
                  <a:lnTo>
                    <a:pt x="1087" y="372"/>
                  </a:lnTo>
                  <a:lnTo>
                    <a:pt x="1092" y="369"/>
                  </a:lnTo>
                  <a:lnTo>
                    <a:pt x="1099" y="362"/>
                  </a:lnTo>
                  <a:lnTo>
                    <a:pt x="1107" y="355"/>
                  </a:lnTo>
                  <a:lnTo>
                    <a:pt x="1114" y="352"/>
                  </a:lnTo>
                  <a:lnTo>
                    <a:pt x="1119" y="352"/>
                  </a:lnTo>
                  <a:lnTo>
                    <a:pt x="1124" y="353"/>
                  </a:lnTo>
                  <a:lnTo>
                    <a:pt x="1126" y="355"/>
                  </a:lnTo>
                  <a:lnTo>
                    <a:pt x="1129" y="358"/>
                  </a:lnTo>
                  <a:lnTo>
                    <a:pt x="1131" y="360"/>
                  </a:lnTo>
                  <a:lnTo>
                    <a:pt x="1131" y="362"/>
                  </a:lnTo>
                  <a:lnTo>
                    <a:pt x="1133" y="362"/>
                  </a:lnTo>
                  <a:lnTo>
                    <a:pt x="1133" y="360"/>
                  </a:lnTo>
                  <a:lnTo>
                    <a:pt x="1134" y="358"/>
                  </a:lnTo>
                  <a:lnTo>
                    <a:pt x="1138" y="355"/>
                  </a:lnTo>
                  <a:lnTo>
                    <a:pt x="1141" y="350"/>
                  </a:lnTo>
                  <a:lnTo>
                    <a:pt x="1144" y="347"/>
                  </a:lnTo>
                  <a:lnTo>
                    <a:pt x="1144" y="343"/>
                  </a:lnTo>
                  <a:lnTo>
                    <a:pt x="1144" y="340"/>
                  </a:lnTo>
                  <a:lnTo>
                    <a:pt x="1146" y="340"/>
                  </a:lnTo>
                  <a:lnTo>
                    <a:pt x="1148" y="343"/>
                  </a:lnTo>
                  <a:lnTo>
                    <a:pt x="1151" y="347"/>
                  </a:lnTo>
                  <a:lnTo>
                    <a:pt x="1158" y="350"/>
                  </a:lnTo>
                  <a:lnTo>
                    <a:pt x="1163" y="355"/>
                  </a:lnTo>
                  <a:lnTo>
                    <a:pt x="1168" y="360"/>
                  </a:lnTo>
                  <a:lnTo>
                    <a:pt x="1170" y="362"/>
                  </a:lnTo>
                  <a:lnTo>
                    <a:pt x="1172" y="363"/>
                  </a:lnTo>
                  <a:lnTo>
                    <a:pt x="1173" y="362"/>
                  </a:lnTo>
                  <a:lnTo>
                    <a:pt x="1175" y="358"/>
                  </a:lnTo>
                  <a:lnTo>
                    <a:pt x="1178" y="353"/>
                  </a:lnTo>
                  <a:lnTo>
                    <a:pt x="1183" y="348"/>
                  </a:lnTo>
                  <a:lnTo>
                    <a:pt x="1188" y="345"/>
                  </a:lnTo>
                  <a:lnTo>
                    <a:pt x="1192" y="345"/>
                  </a:lnTo>
                  <a:lnTo>
                    <a:pt x="1197" y="345"/>
                  </a:lnTo>
                  <a:lnTo>
                    <a:pt x="1200" y="347"/>
                  </a:lnTo>
                  <a:lnTo>
                    <a:pt x="1204" y="347"/>
                  </a:lnTo>
                  <a:lnTo>
                    <a:pt x="1205" y="348"/>
                  </a:lnTo>
                  <a:lnTo>
                    <a:pt x="1232" y="372"/>
                  </a:lnTo>
                  <a:lnTo>
                    <a:pt x="1248" y="374"/>
                  </a:lnTo>
                  <a:lnTo>
                    <a:pt x="1266" y="380"/>
                  </a:lnTo>
                  <a:lnTo>
                    <a:pt x="1265" y="377"/>
                  </a:lnTo>
                  <a:lnTo>
                    <a:pt x="1276" y="392"/>
                  </a:lnTo>
                  <a:lnTo>
                    <a:pt x="1302" y="389"/>
                  </a:lnTo>
                  <a:lnTo>
                    <a:pt x="1312" y="391"/>
                  </a:lnTo>
                  <a:lnTo>
                    <a:pt x="1312" y="455"/>
                  </a:lnTo>
                  <a:lnTo>
                    <a:pt x="1317" y="580"/>
                  </a:lnTo>
                  <a:lnTo>
                    <a:pt x="1341" y="611"/>
                  </a:lnTo>
                  <a:lnTo>
                    <a:pt x="1341" y="641"/>
                  </a:lnTo>
                  <a:lnTo>
                    <a:pt x="1354" y="655"/>
                  </a:lnTo>
                  <a:lnTo>
                    <a:pt x="1361" y="675"/>
                  </a:lnTo>
                  <a:lnTo>
                    <a:pt x="1361" y="677"/>
                  </a:lnTo>
                  <a:lnTo>
                    <a:pt x="1363" y="678"/>
                  </a:lnTo>
                  <a:lnTo>
                    <a:pt x="1364" y="682"/>
                  </a:lnTo>
                  <a:lnTo>
                    <a:pt x="1366" y="687"/>
                  </a:lnTo>
                  <a:lnTo>
                    <a:pt x="1366" y="690"/>
                  </a:lnTo>
                  <a:lnTo>
                    <a:pt x="1368" y="695"/>
                  </a:lnTo>
                  <a:lnTo>
                    <a:pt x="1370" y="700"/>
                  </a:lnTo>
                  <a:lnTo>
                    <a:pt x="1371" y="705"/>
                  </a:lnTo>
                  <a:lnTo>
                    <a:pt x="1371" y="710"/>
                  </a:lnTo>
                  <a:lnTo>
                    <a:pt x="1371" y="717"/>
                  </a:lnTo>
                  <a:lnTo>
                    <a:pt x="1371" y="722"/>
                  </a:lnTo>
                  <a:lnTo>
                    <a:pt x="1370" y="727"/>
                  </a:lnTo>
                  <a:lnTo>
                    <a:pt x="1368" y="734"/>
                  </a:lnTo>
                  <a:lnTo>
                    <a:pt x="1366" y="739"/>
                  </a:lnTo>
                  <a:lnTo>
                    <a:pt x="1363" y="744"/>
                  </a:lnTo>
                  <a:lnTo>
                    <a:pt x="1356" y="753"/>
                  </a:lnTo>
                  <a:lnTo>
                    <a:pt x="1353" y="759"/>
                  </a:lnTo>
                  <a:lnTo>
                    <a:pt x="1351" y="765"/>
                  </a:lnTo>
                  <a:lnTo>
                    <a:pt x="1351" y="768"/>
                  </a:lnTo>
                  <a:lnTo>
                    <a:pt x="1353" y="771"/>
                  </a:lnTo>
                  <a:lnTo>
                    <a:pt x="1354" y="773"/>
                  </a:lnTo>
                  <a:lnTo>
                    <a:pt x="1356" y="775"/>
                  </a:lnTo>
                  <a:lnTo>
                    <a:pt x="1353" y="797"/>
                  </a:lnTo>
                  <a:lnTo>
                    <a:pt x="1356" y="798"/>
                  </a:lnTo>
                  <a:lnTo>
                    <a:pt x="1358" y="802"/>
                  </a:lnTo>
                  <a:lnTo>
                    <a:pt x="1361" y="807"/>
                  </a:lnTo>
                  <a:lnTo>
                    <a:pt x="1363" y="812"/>
                  </a:lnTo>
                  <a:lnTo>
                    <a:pt x="1363" y="819"/>
                  </a:lnTo>
                  <a:lnTo>
                    <a:pt x="1359" y="827"/>
                  </a:lnTo>
                  <a:lnTo>
                    <a:pt x="1353" y="836"/>
                  </a:lnTo>
                  <a:lnTo>
                    <a:pt x="1351" y="837"/>
                  </a:lnTo>
                  <a:lnTo>
                    <a:pt x="1348" y="836"/>
                  </a:lnTo>
                  <a:lnTo>
                    <a:pt x="1346" y="836"/>
                  </a:lnTo>
                  <a:lnTo>
                    <a:pt x="1329" y="854"/>
                  </a:lnTo>
                  <a:lnTo>
                    <a:pt x="1337" y="866"/>
                  </a:lnTo>
                  <a:lnTo>
                    <a:pt x="1339" y="875"/>
                  </a:lnTo>
                  <a:lnTo>
                    <a:pt x="1337" y="875"/>
                  </a:lnTo>
                  <a:lnTo>
                    <a:pt x="1334" y="875"/>
                  </a:lnTo>
                  <a:lnTo>
                    <a:pt x="1332" y="875"/>
                  </a:lnTo>
                  <a:lnTo>
                    <a:pt x="1329" y="875"/>
                  </a:lnTo>
                  <a:lnTo>
                    <a:pt x="1324" y="876"/>
                  </a:lnTo>
                  <a:lnTo>
                    <a:pt x="1319" y="878"/>
                  </a:lnTo>
                  <a:lnTo>
                    <a:pt x="1312" y="880"/>
                  </a:lnTo>
                  <a:lnTo>
                    <a:pt x="1305" y="883"/>
                  </a:lnTo>
                  <a:lnTo>
                    <a:pt x="1295" y="888"/>
                  </a:lnTo>
                  <a:lnTo>
                    <a:pt x="1285" y="893"/>
                  </a:lnTo>
                  <a:lnTo>
                    <a:pt x="1273" y="898"/>
                  </a:lnTo>
                  <a:lnTo>
                    <a:pt x="1260" y="905"/>
                  </a:lnTo>
                  <a:lnTo>
                    <a:pt x="1246" y="913"/>
                  </a:lnTo>
                  <a:lnTo>
                    <a:pt x="1251" y="905"/>
                  </a:lnTo>
                  <a:lnTo>
                    <a:pt x="1256" y="902"/>
                  </a:lnTo>
                  <a:lnTo>
                    <a:pt x="1268" y="895"/>
                  </a:lnTo>
                  <a:lnTo>
                    <a:pt x="1270" y="895"/>
                  </a:lnTo>
                  <a:lnTo>
                    <a:pt x="1271" y="893"/>
                  </a:lnTo>
                  <a:lnTo>
                    <a:pt x="1271" y="891"/>
                  </a:lnTo>
                  <a:lnTo>
                    <a:pt x="1268" y="890"/>
                  </a:lnTo>
                  <a:lnTo>
                    <a:pt x="1266" y="890"/>
                  </a:lnTo>
                  <a:lnTo>
                    <a:pt x="1263" y="890"/>
                  </a:lnTo>
                  <a:lnTo>
                    <a:pt x="1261" y="890"/>
                  </a:lnTo>
                  <a:lnTo>
                    <a:pt x="1260" y="890"/>
                  </a:lnTo>
                  <a:lnTo>
                    <a:pt x="1258" y="891"/>
                  </a:lnTo>
                  <a:lnTo>
                    <a:pt x="1256" y="891"/>
                  </a:lnTo>
                  <a:lnTo>
                    <a:pt x="1251" y="895"/>
                  </a:lnTo>
                  <a:lnTo>
                    <a:pt x="1249" y="895"/>
                  </a:lnTo>
                  <a:lnTo>
                    <a:pt x="1248" y="895"/>
                  </a:lnTo>
                  <a:lnTo>
                    <a:pt x="1246" y="895"/>
                  </a:lnTo>
                  <a:lnTo>
                    <a:pt x="1244" y="895"/>
                  </a:lnTo>
                  <a:lnTo>
                    <a:pt x="1243" y="893"/>
                  </a:lnTo>
                  <a:lnTo>
                    <a:pt x="1244" y="890"/>
                  </a:lnTo>
                  <a:lnTo>
                    <a:pt x="1246" y="886"/>
                  </a:lnTo>
                  <a:lnTo>
                    <a:pt x="1248" y="881"/>
                  </a:lnTo>
                  <a:lnTo>
                    <a:pt x="1249" y="878"/>
                  </a:lnTo>
                  <a:lnTo>
                    <a:pt x="1251" y="876"/>
                  </a:lnTo>
                  <a:lnTo>
                    <a:pt x="1253" y="875"/>
                  </a:lnTo>
                  <a:lnTo>
                    <a:pt x="1254" y="873"/>
                  </a:lnTo>
                  <a:lnTo>
                    <a:pt x="1254" y="871"/>
                  </a:lnTo>
                  <a:lnTo>
                    <a:pt x="1254" y="869"/>
                  </a:lnTo>
                  <a:lnTo>
                    <a:pt x="1253" y="868"/>
                  </a:lnTo>
                  <a:lnTo>
                    <a:pt x="1251" y="864"/>
                  </a:lnTo>
                  <a:lnTo>
                    <a:pt x="1249" y="864"/>
                  </a:lnTo>
                  <a:lnTo>
                    <a:pt x="1248" y="864"/>
                  </a:lnTo>
                  <a:lnTo>
                    <a:pt x="1243" y="868"/>
                  </a:lnTo>
                  <a:lnTo>
                    <a:pt x="1238" y="869"/>
                  </a:lnTo>
                  <a:lnTo>
                    <a:pt x="1234" y="871"/>
                  </a:lnTo>
                  <a:lnTo>
                    <a:pt x="1232" y="873"/>
                  </a:lnTo>
                  <a:lnTo>
                    <a:pt x="1232" y="875"/>
                  </a:lnTo>
                  <a:lnTo>
                    <a:pt x="1232" y="876"/>
                  </a:lnTo>
                  <a:lnTo>
                    <a:pt x="1232" y="878"/>
                  </a:lnTo>
                  <a:lnTo>
                    <a:pt x="1231" y="880"/>
                  </a:lnTo>
                  <a:lnTo>
                    <a:pt x="1229" y="880"/>
                  </a:lnTo>
                  <a:lnTo>
                    <a:pt x="1227" y="880"/>
                  </a:lnTo>
                  <a:lnTo>
                    <a:pt x="1224" y="878"/>
                  </a:lnTo>
                  <a:lnTo>
                    <a:pt x="1222" y="875"/>
                  </a:lnTo>
                  <a:lnTo>
                    <a:pt x="1219" y="873"/>
                  </a:lnTo>
                  <a:lnTo>
                    <a:pt x="1217" y="871"/>
                  </a:lnTo>
                  <a:lnTo>
                    <a:pt x="1216" y="869"/>
                  </a:lnTo>
                  <a:lnTo>
                    <a:pt x="1216" y="871"/>
                  </a:lnTo>
                  <a:lnTo>
                    <a:pt x="1217" y="875"/>
                  </a:lnTo>
                  <a:lnTo>
                    <a:pt x="1219" y="878"/>
                  </a:lnTo>
                  <a:lnTo>
                    <a:pt x="1219" y="881"/>
                  </a:lnTo>
                  <a:lnTo>
                    <a:pt x="1219" y="885"/>
                  </a:lnTo>
                  <a:lnTo>
                    <a:pt x="1217" y="886"/>
                  </a:lnTo>
                  <a:lnTo>
                    <a:pt x="1216" y="890"/>
                  </a:lnTo>
                  <a:lnTo>
                    <a:pt x="1216" y="891"/>
                  </a:lnTo>
                  <a:lnTo>
                    <a:pt x="1217" y="895"/>
                  </a:lnTo>
                  <a:lnTo>
                    <a:pt x="1221" y="898"/>
                  </a:lnTo>
                  <a:lnTo>
                    <a:pt x="1226" y="903"/>
                  </a:lnTo>
                  <a:lnTo>
                    <a:pt x="1231" y="907"/>
                  </a:lnTo>
                  <a:lnTo>
                    <a:pt x="1234" y="910"/>
                  </a:lnTo>
                  <a:lnTo>
                    <a:pt x="1236" y="913"/>
                  </a:lnTo>
                  <a:lnTo>
                    <a:pt x="1234" y="915"/>
                  </a:lnTo>
                  <a:lnTo>
                    <a:pt x="1234" y="917"/>
                  </a:lnTo>
                  <a:lnTo>
                    <a:pt x="1232" y="919"/>
                  </a:lnTo>
                  <a:lnTo>
                    <a:pt x="1231" y="919"/>
                  </a:lnTo>
                  <a:lnTo>
                    <a:pt x="1212" y="939"/>
                  </a:lnTo>
                  <a:lnTo>
                    <a:pt x="1202" y="937"/>
                  </a:lnTo>
                  <a:lnTo>
                    <a:pt x="1192" y="959"/>
                  </a:lnTo>
                  <a:lnTo>
                    <a:pt x="1202" y="957"/>
                  </a:lnTo>
                  <a:lnTo>
                    <a:pt x="1200" y="959"/>
                  </a:lnTo>
                  <a:lnTo>
                    <a:pt x="1199" y="961"/>
                  </a:lnTo>
                  <a:lnTo>
                    <a:pt x="1197" y="964"/>
                  </a:lnTo>
                  <a:lnTo>
                    <a:pt x="1194" y="966"/>
                  </a:lnTo>
                  <a:lnTo>
                    <a:pt x="1190" y="969"/>
                  </a:lnTo>
                  <a:lnTo>
                    <a:pt x="1185" y="973"/>
                  </a:lnTo>
                  <a:lnTo>
                    <a:pt x="1180" y="976"/>
                  </a:lnTo>
                  <a:lnTo>
                    <a:pt x="1177" y="981"/>
                  </a:lnTo>
                  <a:lnTo>
                    <a:pt x="1172" y="985"/>
                  </a:lnTo>
                  <a:lnTo>
                    <a:pt x="1165" y="988"/>
                  </a:lnTo>
                  <a:lnTo>
                    <a:pt x="1160" y="991"/>
                  </a:lnTo>
                  <a:lnTo>
                    <a:pt x="1155" y="995"/>
                  </a:lnTo>
                  <a:lnTo>
                    <a:pt x="1148" y="998"/>
                  </a:lnTo>
                  <a:lnTo>
                    <a:pt x="1143" y="1000"/>
                  </a:lnTo>
                  <a:lnTo>
                    <a:pt x="1136" y="1001"/>
                  </a:lnTo>
                  <a:lnTo>
                    <a:pt x="1134" y="1003"/>
                  </a:lnTo>
                  <a:lnTo>
                    <a:pt x="1129" y="1007"/>
                  </a:lnTo>
                  <a:lnTo>
                    <a:pt x="1124" y="1010"/>
                  </a:lnTo>
                  <a:lnTo>
                    <a:pt x="1117" y="1013"/>
                  </a:lnTo>
                  <a:lnTo>
                    <a:pt x="1111" y="1018"/>
                  </a:lnTo>
                  <a:lnTo>
                    <a:pt x="1106" y="1022"/>
                  </a:lnTo>
                  <a:lnTo>
                    <a:pt x="1102" y="1023"/>
                  </a:lnTo>
                  <a:lnTo>
                    <a:pt x="1100" y="1025"/>
                  </a:lnTo>
                  <a:lnTo>
                    <a:pt x="1099" y="1025"/>
                  </a:lnTo>
                  <a:lnTo>
                    <a:pt x="1094" y="1029"/>
                  </a:lnTo>
                  <a:lnTo>
                    <a:pt x="1089" y="1032"/>
                  </a:lnTo>
                  <a:lnTo>
                    <a:pt x="1084" y="1034"/>
                  </a:lnTo>
                  <a:lnTo>
                    <a:pt x="1078" y="1034"/>
                  </a:lnTo>
                  <a:lnTo>
                    <a:pt x="1080" y="1034"/>
                  </a:lnTo>
                  <a:lnTo>
                    <a:pt x="1085" y="1029"/>
                  </a:lnTo>
                  <a:lnTo>
                    <a:pt x="1099" y="1020"/>
                  </a:lnTo>
                  <a:lnTo>
                    <a:pt x="1100" y="1018"/>
                  </a:lnTo>
                  <a:lnTo>
                    <a:pt x="1102" y="1017"/>
                  </a:lnTo>
                  <a:lnTo>
                    <a:pt x="1107" y="1015"/>
                  </a:lnTo>
                  <a:lnTo>
                    <a:pt x="1112" y="1012"/>
                  </a:lnTo>
                  <a:lnTo>
                    <a:pt x="1119" y="1008"/>
                  </a:lnTo>
                  <a:lnTo>
                    <a:pt x="1124" y="1005"/>
                  </a:lnTo>
                  <a:lnTo>
                    <a:pt x="1131" y="1001"/>
                  </a:lnTo>
                  <a:lnTo>
                    <a:pt x="1136" y="998"/>
                  </a:lnTo>
                  <a:lnTo>
                    <a:pt x="1139" y="995"/>
                  </a:lnTo>
                  <a:lnTo>
                    <a:pt x="1141" y="993"/>
                  </a:lnTo>
                  <a:lnTo>
                    <a:pt x="1143" y="993"/>
                  </a:lnTo>
                  <a:lnTo>
                    <a:pt x="1141" y="993"/>
                  </a:lnTo>
                  <a:lnTo>
                    <a:pt x="1138" y="993"/>
                  </a:lnTo>
                  <a:lnTo>
                    <a:pt x="1131" y="996"/>
                  </a:lnTo>
                  <a:lnTo>
                    <a:pt x="1119" y="1001"/>
                  </a:lnTo>
                  <a:lnTo>
                    <a:pt x="1106" y="1008"/>
                  </a:lnTo>
                  <a:lnTo>
                    <a:pt x="1104" y="1008"/>
                  </a:lnTo>
                  <a:lnTo>
                    <a:pt x="1102" y="1010"/>
                  </a:lnTo>
                  <a:lnTo>
                    <a:pt x="1099" y="1012"/>
                  </a:lnTo>
                  <a:lnTo>
                    <a:pt x="1097" y="1013"/>
                  </a:lnTo>
                  <a:lnTo>
                    <a:pt x="1094" y="1015"/>
                  </a:lnTo>
                  <a:lnTo>
                    <a:pt x="1092" y="1015"/>
                  </a:lnTo>
                  <a:lnTo>
                    <a:pt x="1092" y="1012"/>
                  </a:lnTo>
                  <a:lnTo>
                    <a:pt x="1094" y="1008"/>
                  </a:lnTo>
                  <a:lnTo>
                    <a:pt x="1094" y="1007"/>
                  </a:lnTo>
                  <a:lnTo>
                    <a:pt x="1095" y="1005"/>
                  </a:lnTo>
                  <a:lnTo>
                    <a:pt x="1095" y="1003"/>
                  </a:lnTo>
                  <a:lnTo>
                    <a:pt x="1097" y="1000"/>
                  </a:lnTo>
                  <a:lnTo>
                    <a:pt x="1097" y="998"/>
                  </a:lnTo>
                  <a:lnTo>
                    <a:pt x="1099" y="995"/>
                  </a:lnTo>
                  <a:lnTo>
                    <a:pt x="1099" y="993"/>
                  </a:lnTo>
                  <a:lnTo>
                    <a:pt x="1087" y="1005"/>
                  </a:lnTo>
                  <a:lnTo>
                    <a:pt x="1078" y="1007"/>
                  </a:lnTo>
                  <a:lnTo>
                    <a:pt x="1075" y="1001"/>
                  </a:lnTo>
                  <a:lnTo>
                    <a:pt x="1077" y="1012"/>
                  </a:lnTo>
                  <a:lnTo>
                    <a:pt x="1067" y="1015"/>
                  </a:lnTo>
                  <a:lnTo>
                    <a:pt x="1065" y="1013"/>
                  </a:lnTo>
                  <a:lnTo>
                    <a:pt x="1062" y="1008"/>
                  </a:lnTo>
                  <a:lnTo>
                    <a:pt x="1056" y="1003"/>
                  </a:lnTo>
                  <a:lnTo>
                    <a:pt x="1051" y="1000"/>
                  </a:lnTo>
                  <a:lnTo>
                    <a:pt x="1048" y="998"/>
                  </a:lnTo>
                  <a:lnTo>
                    <a:pt x="1048" y="1000"/>
                  </a:lnTo>
                  <a:lnTo>
                    <a:pt x="1050" y="1007"/>
                  </a:lnTo>
                  <a:lnTo>
                    <a:pt x="1058" y="1020"/>
                  </a:lnTo>
                  <a:lnTo>
                    <a:pt x="1060" y="1020"/>
                  </a:lnTo>
                  <a:lnTo>
                    <a:pt x="1063" y="1023"/>
                  </a:lnTo>
                  <a:lnTo>
                    <a:pt x="1067" y="1023"/>
                  </a:lnTo>
                  <a:lnTo>
                    <a:pt x="1068" y="1025"/>
                  </a:lnTo>
                  <a:lnTo>
                    <a:pt x="1070" y="1029"/>
                  </a:lnTo>
                  <a:lnTo>
                    <a:pt x="1070" y="1032"/>
                  </a:lnTo>
                  <a:lnTo>
                    <a:pt x="1067" y="1035"/>
                  </a:lnTo>
                  <a:lnTo>
                    <a:pt x="1063" y="1037"/>
                  </a:lnTo>
                  <a:lnTo>
                    <a:pt x="1062" y="1039"/>
                  </a:lnTo>
                  <a:lnTo>
                    <a:pt x="1058" y="1040"/>
                  </a:lnTo>
                  <a:lnTo>
                    <a:pt x="1056" y="1042"/>
                  </a:lnTo>
                  <a:lnTo>
                    <a:pt x="1053" y="1044"/>
                  </a:lnTo>
                  <a:lnTo>
                    <a:pt x="1051" y="1045"/>
                  </a:lnTo>
                  <a:lnTo>
                    <a:pt x="1050" y="1045"/>
                  </a:lnTo>
                  <a:lnTo>
                    <a:pt x="1050" y="1047"/>
                  </a:lnTo>
                  <a:lnTo>
                    <a:pt x="1048" y="1047"/>
                  </a:lnTo>
                  <a:lnTo>
                    <a:pt x="1046" y="1047"/>
                  </a:lnTo>
                  <a:lnTo>
                    <a:pt x="1045" y="1047"/>
                  </a:lnTo>
                  <a:lnTo>
                    <a:pt x="1043" y="1045"/>
                  </a:lnTo>
                  <a:lnTo>
                    <a:pt x="1041" y="1044"/>
                  </a:lnTo>
                  <a:lnTo>
                    <a:pt x="1040" y="1039"/>
                  </a:lnTo>
                  <a:lnTo>
                    <a:pt x="1040" y="1034"/>
                  </a:lnTo>
                  <a:lnTo>
                    <a:pt x="1036" y="1030"/>
                  </a:lnTo>
                  <a:lnTo>
                    <a:pt x="1036" y="1027"/>
                  </a:lnTo>
                  <a:lnTo>
                    <a:pt x="1033" y="1027"/>
                  </a:lnTo>
                  <a:lnTo>
                    <a:pt x="1033" y="1025"/>
                  </a:lnTo>
                  <a:lnTo>
                    <a:pt x="1031" y="1025"/>
                  </a:lnTo>
                  <a:lnTo>
                    <a:pt x="1029" y="1025"/>
                  </a:lnTo>
                  <a:lnTo>
                    <a:pt x="1019" y="1013"/>
                  </a:lnTo>
                  <a:lnTo>
                    <a:pt x="1023" y="1027"/>
                  </a:lnTo>
                  <a:lnTo>
                    <a:pt x="1031" y="1037"/>
                  </a:lnTo>
                  <a:lnTo>
                    <a:pt x="1028" y="1040"/>
                  </a:lnTo>
                  <a:lnTo>
                    <a:pt x="1031" y="1056"/>
                  </a:lnTo>
                  <a:lnTo>
                    <a:pt x="1019" y="1069"/>
                  </a:lnTo>
                  <a:lnTo>
                    <a:pt x="1018" y="1057"/>
                  </a:lnTo>
                  <a:lnTo>
                    <a:pt x="1011" y="1067"/>
                  </a:lnTo>
                  <a:lnTo>
                    <a:pt x="1006" y="1064"/>
                  </a:lnTo>
                  <a:lnTo>
                    <a:pt x="984" y="1078"/>
                  </a:lnTo>
                  <a:lnTo>
                    <a:pt x="992" y="1086"/>
                  </a:lnTo>
                  <a:lnTo>
                    <a:pt x="996" y="1083"/>
                  </a:lnTo>
                  <a:lnTo>
                    <a:pt x="997" y="1081"/>
                  </a:lnTo>
                  <a:lnTo>
                    <a:pt x="1001" y="1078"/>
                  </a:lnTo>
                  <a:lnTo>
                    <a:pt x="1002" y="1076"/>
                  </a:lnTo>
                  <a:lnTo>
                    <a:pt x="1004" y="1078"/>
                  </a:lnTo>
                  <a:lnTo>
                    <a:pt x="1004" y="1081"/>
                  </a:lnTo>
                  <a:lnTo>
                    <a:pt x="1001" y="1089"/>
                  </a:lnTo>
                  <a:lnTo>
                    <a:pt x="999" y="1091"/>
                  </a:lnTo>
                  <a:lnTo>
                    <a:pt x="997" y="1095"/>
                  </a:lnTo>
                  <a:lnTo>
                    <a:pt x="996" y="1098"/>
                  </a:lnTo>
                  <a:lnTo>
                    <a:pt x="994" y="1100"/>
                  </a:lnTo>
                  <a:lnTo>
                    <a:pt x="992" y="1103"/>
                  </a:lnTo>
                  <a:lnTo>
                    <a:pt x="992" y="1105"/>
                  </a:lnTo>
                  <a:lnTo>
                    <a:pt x="985" y="1110"/>
                  </a:lnTo>
                  <a:lnTo>
                    <a:pt x="982" y="1103"/>
                  </a:lnTo>
                  <a:lnTo>
                    <a:pt x="952" y="1103"/>
                  </a:lnTo>
                  <a:lnTo>
                    <a:pt x="957" y="1110"/>
                  </a:lnTo>
                  <a:lnTo>
                    <a:pt x="962" y="1111"/>
                  </a:lnTo>
                  <a:lnTo>
                    <a:pt x="965" y="1120"/>
                  </a:lnTo>
                  <a:lnTo>
                    <a:pt x="972" y="1125"/>
                  </a:lnTo>
                  <a:lnTo>
                    <a:pt x="977" y="1123"/>
                  </a:lnTo>
                  <a:lnTo>
                    <a:pt x="963" y="1167"/>
                  </a:lnTo>
                  <a:lnTo>
                    <a:pt x="963" y="1169"/>
                  </a:lnTo>
                  <a:lnTo>
                    <a:pt x="962" y="1171"/>
                  </a:lnTo>
                  <a:lnTo>
                    <a:pt x="962" y="1172"/>
                  </a:lnTo>
                  <a:lnTo>
                    <a:pt x="960" y="1172"/>
                  </a:lnTo>
                  <a:lnTo>
                    <a:pt x="958" y="1174"/>
                  </a:lnTo>
                  <a:lnTo>
                    <a:pt x="957" y="1172"/>
                  </a:lnTo>
                  <a:lnTo>
                    <a:pt x="955" y="1169"/>
                  </a:lnTo>
                  <a:lnTo>
                    <a:pt x="955" y="1162"/>
                  </a:lnTo>
                  <a:lnTo>
                    <a:pt x="953" y="1159"/>
                  </a:lnTo>
                  <a:lnTo>
                    <a:pt x="953" y="1155"/>
                  </a:lnTo>
                  <a:lnTo>
                    <a:pt x="952" y="1154"/>
                  </a:lnTo>
                  <a:lnTo>
                    <a:pt x="950" y="1152"/>
                  </a:lnTo>
                  <a:lnTo>
                    <a:pt x="948" y="1154"/>
                  </a:lnTo>
                  <a:lnTo>
                    <a:pt x="948" y="1157"/>
                  </a:lnTo>
                  <a:lnTo>
                    <a:pt x="948" y="1164"/>
                  </a:lnTo>
                  <a:lnTo>
                    <a:pt x="946" y="1166"/>
                  </a:lnTo>
                  <a:lnTo>
                    <a:pt x="945" y="1169"/>
                  </a:lnTo>
                  <a:lnTo>
                    <a:pt x="941" y="1172"/>
                  </a:lnTo>
                  <a:lnTo>
                    <a:pt x="940" y="1172"/>
                  </a:lnTo>
                  <a:lnTo>
                    <a:pt x="930" y="1166"/>
                  </a:lnTo>
                  <a:lnTo>
                    <a:pt x="931" y="1174"/>
                  </a:lnTo>
                  <a:lnTo>
                    <a:pt x="928" y="1179"/>
                  </a:lnTo>
                  <a:lnTo>
                    <a:pt x="938" y="1184"/>
                  </a:lnTo>
                  <a:lnTo>
                    <a:pt x="957" y="1181"/>
                  </a:lnTo>
                  <a:lnTo>
                    <a:pt x="958" y="1198"/>
                  </a:lnTo>
                  <a:lnTo>
                    <a:pt x="948" y="1223"/>
                  </a:lnTo>
                  <a:lnTo>
                    <a:pt x="948" y="1233"/>
                  </a:lnTo>
                  <a:lnTo>
                    <a:pt x="962" y="1269"/>
                  </a:lnTo>
                  <a:lnTo>
                    <a:pt x="960" y="1291"/>
                  </a:lnTo>
                  <a:lnTo>
                    <a:pt x="970" y="1304"/>
                  </a:lnTo>
                  <a:lnTo>
                    <a:pt x="975" y="1325"/>
                  </a:lnTo>
                  <a:lnTo>
                    <a:pt x="982" y="1337"/>
                  </a:lnTo>
                  <a:lnTo>
                    <a:pt x="968" y="1347"/>
                  </a:lnTo>
                  <a:lnTo>
                    <a:pt x="962" y="1355"/>
                  </a:lnTo>
                  <a:lnTo>
                    <a:pt x="960" y="1353"/>
                  </a:lnTo>
                  <a:lnTo>
                    <a:pt x="958" y="1352"/>
                  </a:lnTo>
                  <a:lnTo>
                    <a:pt x="957" y="1350"/>
                  </a:lnTo>
                  <a:lnTo>
                    <a:pt x="953" y="1347"/>
                  </a:lnTo>
                  <a:lnTo>
                    <a:pt x="950" y="1343"/>
                  </a:lnTo>
                  <a:lnTo>
                    <a:pt x="946" y="1340"/>
                  </a:lnTo>
                  <a:lnTo>
                    <a:pt x="943" y="1338"/>
                  </a:lnTo>
                  <a:lnTo>
                    <a:pt x="938" y="1335"/>
                  </a:lnTo>
                  <a:lnTo>
                    <a:pt x="933" y="1331"/>
                  </a:lnTo>
                  <a:lnTo>
                    <a:pt x="926" y="1330"/>
                  </a:lnTo>
                  <a:lnTo>
                    <a:pt x="919" y="1326"/>
                  </a:lnTo>
                  <a:lnTo>
                    <a:pt x="913" y="1325"/>
                  </a:lnTo>
                  <a:lnTo>
                    <a:pt x="904" y="1325"/>
                  </a:lnTo>
                  <a:lnTo>
                    <a:pt x="896" y="1325"/>
                  </a:lnTo>
                  <a:lnTo>
                    <a:pt x="887" y="1325"/>
                  </a:lnTo>
                  <a:lnTo>
                    <a:pt x="886" y="1325"/>
                  </a:lnTo>
                  <a:lnTo>
                    <a:pt x="884" y="1325"/>
                  </a:lnTo>
                  <a:lnTo>
                    <a:pt x="882" y="1325"/>
                  </a:lnTo>
                  <a:lnTo>
                    <a:pt x="879" y="1325"/>
                  </a:lnTo>
                  <a:lnTo>
                    <a:pt x="877" y="1325"/>
                  </a:lnTo>
                  <a:lnTo>
                    <a:pt x="875" y="1326"/>
                  </a:lnTo>
                  <a:lnTo>
                    <a:pt x="874" y="1326"/>
                  </a:lnTo>
                  <a:lnTo>
                    <a:pt x="872" y="1326"/>
                  </a:lnTo>
                  <a:lnTo>
                    <a:pt x="836" y="1304"/>
                  </a:lnTo>
                  <a:lnTo>
                    <a:pt x="821" y="1304"/>
                  </a:lnTo>
                  <a:lnTo>
                    <a:pt x="821" y="1303"/>
                  </a:lnTo>
                  <a:lnTo>
                    <a:pt x="820" y="1301"/>
                  </a:lnTo>
                  <a:lnTo>
                    <a:pt x="820" y="1298"/>
                  </a:lnTo>
                  <a:lnTo>
                    <a:pt x="816" y="1294"/>
                  </a:lnTo>
                  <a:lnTo>
                    <a:pt x="811" y="1291"/>
                  </a:lnTo>
                  <a:lnTo>
                    <a:pt x="806" y="1287"/>
                  </a:lnTo>
                  <a:lnTo>
                    <a:pt x="798" y="1284"/>
                  </a:lnTo>
                  <a:lnTo>
                    <a:pt x="787" y="1284"/>
                  </a:lnTo>
                  <a:lnTo>
                    <a:pt x="786" y="1284"/>
                  </a:lnTo>
                  <a:lnTo>
                    <a:pt x="784" y="1284"/>
                  </a:lnTo>
                  <a:lnTo>
                    <a:pt x="781" y="1284"/>
                  </a:lnTo>
                  <a:lnTo>
                    <a:pt x="779" y="1284"/>
                  </a:lnTo>
                  <a:lnTo>
                    <a:pt x="777" y="1284"/>
                  </a:lnTo>
                  <a:lnTo>
                    <a:pt x="776" y="1284"/>
                  </a:lnTo>
                  <a:lnTo>
                    <a:pt x="774" y="1284"/>
                  </a:lnTo>
                  <a:lnTo>
                    <a:pt x="774" y="1269"/>
                  </a:lnTo>
                  <a:lnTo>
                    <a:pt x="767" y="1267"/>
                  </a:lnTo>
                  <a:lnTo>
                    <a:pt x="767" y="1265"/>
                  </a:lnTo>
                  <a:lnTo>
                    <a:pt x="767" y="1262"/>
                  </a:lnTo>
                  <a:lnTo>
                    <a:pt x="765" y="1257"/>
                  </a:lnTo>
                  <a:lnTo>
                    <a:pt x="764" y="1252"/>
                  </a:lnTo>
                  <a:lnTo>
                    <a:pt x="764" y="1247"/>
                  </a:lnTo>
                  <a:lnTo>
                    <a:pt x="762" y="1242"/>
                  </a:lnTo>
                  <a:lnTo>
                    <a:pt x="759" y="1237"/>
                  </a:lnTo>
                  <a:lnTo>
                    <a:pt x="757" y="1230"/>
                  </a:lnTo>
                  <a:lnTo>
                    <a:pt x="755" y="1225"/>
                  </a:lnTo>
                  <a:lnTo>
                    <a:pt x="754" y="1220"/>
                  </a:lnTo>
                  <a:lnTo>
                    <a:pt x="750" y="1216"/>
                  </a:lnTo>
                  <a:lnTo>
                    <a:pt x="748" y="1213"/>
                  </a:lnTo>
                  <a:lnTo>
                    <a:pt x="745" y="1210"/>
                  </a:lnTo>
                  <a:lnTo>
                    <a:pt x="743" y="1208"/>
                  </a:lnTo>
                  <a:lnTo>
                    <a:pt x="740" y="1208"/>
                  </a:lnTo>
                  <a:lnTo>
                    <a:pt x="738" y="1208"/>
                  </a:lnTo>
                  <a:lnTo>
                    <a:pt x="738" y="1205"/>
                  </a:lnTo>
                  <a:lnTo>
                    <a:pt x="738" y="1199"/>
                  </a:lnTo>
                  <a:lnTo>
                    <a:pt x="738" y="1193"/>
                  </a:lnTo>
                  <a:lnTo>
                    <a:pt x="738" y="1188"/>
                  </a:lnTo>
                  <a:lnTo>
                    <a:pt x="738" y="1181"/>
                  </a:lnTo>
                  <a:lnTo>
                    <a:pt x="738" y="1177"/>
                  </a:lnTo>
                  <a:lnTo>
                    <a:pt x="738" y="1176"/>
                  </a:lnTo>
                  <a:lnTo>
                    <a:pt x="728" y="1166"/>
                  </a:lnTo>
                  <a:lnTo>
                    <a:pt x="728" y="1164"/>
                  </a:lnTo>
                  <a:lnTo>
                    <a:pt x="728" y="1161"/>
                  </a:lnTo>
                  <a:lnTo>
                    <a:pt x="730" y="1154"/>
                  </a:lnTo>
                  <a:lnTo>
                    <a:pt x="730" y="1147"/>
                  </a:lnTo>
                  <a:lnTo>
                    <a:pt x="728" y="1140"/>
                  </a:lnTo>
                  <a:lnTo>
                    <a:pt x="726" y="1133"/>
                  </a:lnTo>
                  <a:lnTo>
                    <a:pt x="725" y="1128"/>
                  </a:lnTo>
                  <a:lnTo>
                    <a:pt x="720" y="1127"/>
                  </a:lnTo>
                  <a:lnTo>
                    <a:pt x="718" y="1127"/>
                  </a:lnTo>
                  <a:lnTo>
                    <a:pt x="715" y="1125"/>
                  </a:lnTo>
                  <a:lnTo>
                    <a:pt x="711" y="1123"/>
                  </a:lnTo>
                  <a:lnTo>
                    <a:pt x="708" y="1122"/>
                  </a:lnTo>
                  <a:lnTo>
                    <a:pt x="706" y="1118"/>
                  </a:lnTo>
                  <a:lnTo>
                    <a:pt x="703" y="1115"/>
                  </a:lnTo>
                  <a:lnTo>
                    <a:pt x="699" y="1111"/>
                  </a:lnTo>
                  <a:lnTo>
                    <a:pt x="696" y="1106"/>
                  </a:lnTo>
                  <a:lnTo>
                    <a:pt x="693" y="1103"/>
                  </a:lnTo>
                  <a:lnTo>
                    <a:pt x="689" y="1098"/>
                  </a:lnTo>
                  <a:lnTo>
                    <a:pt x="686" y="1091"/>
                  </a:lnTo>
                  <a:lnTo>
                    <a:pt x="682" y="1086"/>
                  </a:lnTo>
                  <a:lnTo>
                    <a:pt x="679" y="1081"/>
                  </a:lnTo>
                  <a:lnTo>
                    <a:pt x="676" y="1074"/>
                  </a:lnTo>
                  <a:lnTo>
                    <a:pt x="672" y="1069"/>
                  </a:lnTo>
                  <a:lnTo>
                    <a:pt x="669" y="1062"/>
                  </a:lnTo>
                  <a:lnTo>
                    <a:pt x="667" y="1061"/>
                  </a:lnTo>
                  <a:lnTo>
                    <a:pt x="666" y="1059"/>
                  </a:lnTo>
                  <a:lnTo>
                    <a:pt x="662" y="1056"/>
                  </a:lnTo>
                  <a:lnTo>
                    <a:pt x="660" y="1051"/>
                  </a:lnTo>
                  <a:lnTo>
                    <a:pt x="657" y="1047"/>
                  </a:lnTo>
                  <a:lnTo>
                    <a:pt x="654" y="1045"/>
                  </a:lnTo>
                  <a:lnTo>
                    <a:pt x="652" y="1044"/>
                  </a:lnTo>
                  <a:lnTo>
                    <a:pt x="652" y="1042"/>
                  </a:lnTo>
                  <a:lnTo>
                    <a:pt x="610" y="949"/>
                  </a:lnTo>
                  <a:lnTo>
                    <a:pt x="605" y="935"/>
                  </a:lnTo>
                  <a:lnTo>
                    <a:pt x="591" y="915"/>
                  </a:lnTo>
                  <a:lnTo>
                    <a:pt x="564" y="891"/>
                  </a:lnTo>
                  <a:lnTo>
                    <a:pt x="562" y="890"/>
                  </a:lnTo>
                  <a:lnTo>
                    <a:pt x="561" y="885"/>
                  </a:lnTo>
                  <a:lnTo>
                    <a:pt x="554" y="880"/>
                  </a:lnTo>
                  <a:lnTo>
                    <a:pt x="549" y="873"/>
                  </a:lnTo>
                  <a:lnTo>
                    <a:pt x="542" y="866"/>
                  </a:lnTo>
                  <a:lnTo>
                    <a:pt x="535" y="861"/>
                  </a:lnTo>
                  <a:lnTo>
                    <a:pt x="528" y="856"/>
                  </a:lnTo>
                  <a:lnTo>
                    <a:pt x="522" y="854"/>
                  </a:lnTo>
                  <a:lnTo>
                    <a:pt x="520" y="854"/>
                  </a:lnTo>
                  <a:lnTo>
                    <a:pt x="515" y="854"/>
                  </a:lnTo>
                  <a:lnTo>
                    <a:pt x="512" y="853"/>
                  </a:lnTo>
                  <a:lnTo>
                    <a:pt x="506" y="853"/>
                  </a:lnTo>
                  <a:lnTo>
                    <a:pt x="501" y="853"/>
                  </a:lnTo>
                  <a:lnTo>
                    <a:pt x="496" y="851"/>
                  </a:lnTo>
                  <a:lnTo>
                    <a:pt x="490" y="851"/>
                  </a:lnTo>
                  <a:lnTo>
                    <a:pt x="484" y="849"/>
                  </a:lnTo>
                  <a:lnTo>
                    <a:pt x="478" y="849"/>
                  </a:lnTo>
                  <a:lnTo>
                    <a:pt x="473" y="847"/>
                  </a:lnTo>
                  <a:lnTo>
                    <a:pt x="468" y="846"/>
                  </a:lnTo>
                  <a:lnTo>
                    <a:pt x="461" y="844"/>
                  </a:lnTo>
                  <a:lnTo>
                    <a:pt x="457" y="844"/>
                  </a:lnTo>
                  <a:lnTo>
                    <a:pt x="452" y="841"/>
                  </a:lnTo>
                  <a:lnTo>
                    <a:pt x="449" y="839"/>
                  </a:lnTo>
                  <a:lnTo>
                    <a:pt x="446" y="837"/>
                  </a:lnTo>
                  <a:lnTo>
                    <a:pt x="442" y="836"/>
                  </a:lnTo>
                  <a:lnTo>
                    <a:pt x="440" y="834"/>
                  </a:lnTo>
                  <a:lnTo>
                    <a:pt x="439" y="834"/>
                  </a:lnTo>
                  <a:lnTo>
                    <a:pt x="435" y="836"/>
                  </a:lnTo>
                  <a:lnTo>
                    <a:pt x="434" y="837"/>
                  </a:lnTo>
                  <a:lnTo>
                    <a:pt x="432" y="839"/>
                  </a:lnTo>
                  <a:lnTo>
                    <a:pt x="429" y="842"/>
                  </a:lnTo>
                  <a:lnTo>
                    <a:pt x="427" y="846"/>
                  </a:lnTo>
                  <a:lnTo>
                    <a:pt x="424" y="847"/>
                  </a:lnTo>
                  <a:lnTo>
                    <a:pt x="420" y="849"/>
                  </a:lnTo>
                  <a:lnTo>
                    <a:pt x="418" y="849"/>
                  </a:lnTo>
                  <a:lnTo>
                    <a:pt x="417" y="849"/>
                  </a:lnTo>
                  <a:lnTo>
                    <a:pt x="415" y="847"/>
                  </a:lnTo>
                  <a:lnTo>
                    <a:pt x="413" y="846"/>
                  </a:lnTo>
                  <a:lnTo>
                    <a:pt x="412" y="844"/>
                  </a:lnTo>
                  <a:lnTo>
                    <a:pt x="408" y="844"/>
                  </a:lnTo>
                  <a:lnTo>
                    <a:pt x="405" y="846"/>
                  </a:lnTo>
                  <a:lnTo>
                    <a:pt x="398" y="847"/>
                  </a:lnTo>
                  <a:lnTo>
                    <a:pt x="391" y="853"/>
                  </a:lnTo>
                  <a:lnTo>
                    <a:pt x="386" y="863"/>
                  </a:lnTo>
                  <a:lnTo>
                    <a:pt x="380" y="875"/>
                  </a:lnTo>
                  <a:lnTo>
                    <a:pt x="374" y="891"/>
                  </a:lnTo>
                  <a:lnTo>
                    <a:pt x="368" y="902"/>
                  </a:lnTo>
                  <a:lnTo>
                    <a:pt x="368" y="903"/>
                  </a:lnTo>
                  <a:lnTo>
                    <a:pt x="366" y="903"/>
                  </a:lnTo>
                  <a:lnTo>
                    <a:pt x="366" y="905"/>
                  </a:lnTo>
                  <a:lnTo>
                    <a:pt x="364" y="908"/>
                  </a:lnTo>
                  <a:lnTo>
                    <a:pt x="361" y="912"/>
                  </a:lnTo>
                  <a:lnTo>
                    <a:pt x="358" y="915"/>
                  </a:lnTo>
                  <a:lnTo>
                    <a:pt x="356" y="915"/>
                  </a:lnTo>
                  <a:lnTo>
                    <a:pt x="356" y="917"/>
                  </a:lnTo>
                  <a:lnTo>
                    <a:pt x="352" y="919"/>
                  </a:lnTo>
                  <a:lnTo>
                    <a:pt x="351" y="922"/>
                  </a:lnTo>
                  <a:lnTo>
                    <a:pt x="349" y="924"/>
                  </a:lnTo>
                  <a:lnTo>
                    <a:pt x="347" y="925"/>
                  </a:lnTo>
                  <a:lnTo>
                    <a:pt x="346" y="927"/>
                  </a:lnTo>
                  <a:lnTo>
                    <a:pt x="346" y="930"/>
                  </a:lnTo>
                  <a:lnTo>
                    <a:pt x="344" y="932"/>
                  </a:lnTo>
                  <a:lnTo>
                    <a:pt x="342" y="935"/>
                  </a:lnTo>
                  <a:lnTo>
                    <a:pt x="339" y="937"/>
                  </a:lnTo>
                  <a:lnTo>
                    <a:pt x="334" y="937"/>
                  </a:lnTo>
                  <a:lnTo>
                    <a:pt x="325" y="937"/>
                  </a:lnTo>
                  <a:lnTo>
                    <a:pt x="314" y="932"/>
                  </a:lnTo>
                  <a:lnTo>
                    <a:pt x="312" y="930"/>
                  </a:lnTo>
                  <a:lnTo>
                    <a:pt x="308" y="927"/>
                  </a:lnTo>
                  <a:lnTo>
                    <a:pt x="303" y="924"/>
                  </a:lnTo>
                  <a:lnTo>
                    <a:pt x="297" y="919"/>
                  </a:lnTo>
                  <a:lnTo>
                    <a:pt x="288" y="912"/>
                  </a:lnTo>
                  <a:lnTo>
                    <a:pt x="280" y="907"/>
                  </a:lnTo>
                  <a:lnTo>
                    <a:pt x="271" y="902"/>
                  </a:lnTo>
                  <a:lnTo>
                    <a:pt x="263" y="895"/>
                  </a:lnTo>
                  <a:lnTo>
                    <a:pt x="261" y="895"/>
                  </a:lnTo>
                  <a:lnTo>
                    <a:pt x="259" y="895"/>
                  </a:lnTo>
                  <a:lnTo>
                    <a:pt x="256" y="895"/>
                  </a:lnTo>
                  <a:lnTo>
                    <a:pt x="251" y="893"/>
                  </a:lnTo>
                  <a:lnTo>
                    <a:pt x="246" y="890"/>
                  </a:lnTo>
                  <a:lnTo>
                    <a:pt x="239" y="885"/>
                  </a:lnTo>
                  <a:lnTo>
                    <a:pt x="234" y="880"/>
                  </a:lnTo>
                  <a:lnTo>
                    <a:pt x="227" y="869"/>
                  </a:lnTo>
                  <a:lnTo>
                    <a:pt x="224" y="866"/>
                  </a:lnTo>
                  <a:lnTo>
                    <a:pt x="220" y="864"/>
                  </a:lnTo>
                  <a:lnTo>
                    <a:pt x="217" y="863"/>
                  </a:lnTo>
                  <a:lnTo>
                    <a:pt x="214" y="859"/>
                  </a:lnTo>
                  <a:lnTo>
                    <a:pt x="209" y="854"/>
                  </a:lnTo>
                  <a:lnTo>
                    <a:pt x="204" y="846"/>
                  </a:lnTo>
                  <a:lnTo>
                    <a:pt x="195" y="834"/>
                  </a:lnTo>
                  <a:lnTo>
                    <a:pt x="187" y="819"/>
                  </a:lnTo>
                  <a:lnTo>
                    <a:pt x="187" y="815"/>
                  </a:lnTo>
                  <a:lnTo>
                    <a:pt x="185" y="809"/>
                  </a:lnTo>
                  <a:lnTo>
                    <a:pt x="185" y="800"/>
                  </a:lnTo>
                  <a:lnTo>
                    <a:pt x="185" y="792"/>
                  </a:lnTo>
                  <a:lnTo>
                    <a:pt x="183" y="783"/>
                  </a:lnTo>
                  <a:lnTo>
                    <a:pt x="183" y="776"/>
                  </a:lnTo>
                  <a:lnTo>
                    <a:pt x="183" y="771"/>
                  </a:lnTo>
                  <a:lnTo>
                    <a:pt x="183" y="770"/>
                  </a:lnTo>
                  <a:lnTo>
                    <a:pt x="171" y="753"/>
                  </a:lnTo>
                  <a:lnTo>
                    <a:pt x="171" y="751"/>
                  </a:lnTo>
                  <a:lnTo>
                    <a:pt x="171" y="749"/>
                  </a:lnTo>
                  <a:lnTo>
                    <a:pt x="171" y="746"/>
                  </a:lnTo>
                  <a:lnTo>
                    <a:pt x="170" y="741"/>
                  </a:lnTo>
                  <a:lnTo>
                    <a:pt x="166" y="732"/>
                  </a:lnTo>
                  <a:lnTo>
                    <a:pt x="160" y="722"/>
                  </a:lnTo>
                  <a:lnTo>
                    <a:pt x="149" y="710"/>
                  </a:lnTo>
                  <a:lnTo>
                    <a:pt x="134" y="695"/>
                  </a:lnTo>
                  <a:lnTo>
                    <a:pt x="132" y="693"/>
                  </a:lnTo>
                  <a:lnTo>
                    <a:pt x="129" y="690"/>
                  </a:lnTo>
                  <a:lnTo>
                    <a:pt x="124" y="685"/>
                  </a:lnTo>
                  <a:lnTo>
                    <a:pt x="119" y="680"/>
                  </a:lnTo>
                  <a:lnTo>
                    <a:pt x="114" y="677"/>
                  </a:lnTo>
                  <a:lnTo>
                    <a:pt x="109" y="671"/>
                  </a:lnTo>
                  <a:lnTo>
                    <a:pt x="105" y="670"/>
                  </a:lnTo>
                  <a:lnTo>
                    <a:pt x="104" y="668"/>
                  </a:lnTo>
                  <a:lnTo>
                    <a:pt x="92" y="648"/>
                  </a:lnTo>
                  <a:lnTo>
                    <a:pt x="60" y="609"/>
                  </a:lnTo>
                  <a:lnTo>
                    <a:pt x="43" y="605"/>
                  </a:lnTo>
                  <a:lnTo>
                    <a:pt x="19" y="561"/>
                  </a:lnTo>
                  <a:lnTo>
                    <a:pt x="6" y="560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23" name="Freeform 124"/>
            <p:cNvSpPr>
              <a:spLocks/>
            </p:cNvSpPr>
            <p:nvPr/>
          </p:nvSpPr>
          <p:spPr bwMode="auto">
            <a:xfrm>
              <a:off x="2004" y="1844"/>
              <a:ext cx="789" cy="392"/>
            </a:xfrm>
            <a:custGeom>
              <a:avLst/>
              <a:gdLst>
                <a:gd name="T0" fmla="*/ 533 w 811"/>
                <a:gd name="T1" fmla="*/ 239 h 404"/>
                <a:gd name="T2" fmla="*/ 531 w 811"/>
                <a:gd name="T3" fmla="*/ 229 h 404"/>
                <a:gd name="T4" fmla="*/ 528 w 811"/>
                <a:gd name="T5" fmla="*/ 221 h 404"/>
                <a:gd name="T6" fmla="*/ 526 w 811"/>
                <a:gd name="T7" fmla="*/ 216 h 404"/>
                <a:gd name="T8" fmla="*/ 520 w 811"/>
                <a:gd name="T9" fmla="*/ 209 h 404"/>
                <a:gd name="T10" fmla="*/ 518 w 811"/>
                <a:gd name="T11" fmla="*/ 199 h 404"/>
                <a:gd name="T12" fmla="*/ 520 w 811"/>
                <a:gd name="T13" fmla="*/ 188 h 404"/>
                <a:gd name="T14" fmla="*/ 520 w 811"/>
                <a:gd name="T15" fmla="*/ 178 h 404"/>
                <a:gd name="T16" fmla="*/ 521 w 811"/>
                <a:gd name="T17" fmla="*/ 173 h 404"/>
                <a:gd name="T18" fmla="*/ 516 w 811"/>
                <a:gd name="T19" fmla="*/ 146 h 404"/>
                <a:gd name="T20" fmla="*/ 508 w 811"/>
                <a:gd name="T21" fmla="*/ 138 h 404"/>
                <a:gd name="T22" fmla="*/ 505 w 811"/>
                <a:gd name="T23" fmla="*/ 127 h 404"/>
                <a:gd name="T24" fmla="*/ 506 w 811"/>
                <a:gd name="T25" fmla="*/ 122 h 404"/>
                <a:gd name="T26" fmla="*/ 504 w 811"/>
                <a:gd name="T27" fmla="*/ 108 h 404"/>
                <a:gd name="T28" fmla="*/ 501 w 811"/>
                <a:gd name="T29" fmla="*/ 102 h 404"/>
                <a:gd name="T30" fmla="*/ 493 w 811"/>
                <a:gd name="T31" fmla="*/ 97 h 404"/>
                <a:gd name="T32" fmla="*/ 490 w 811"/>
                <a:gd name="T33" fmla="*/ 87 h 404"/>
                <a:gd name="T34" fmla="*/ 489 w 811"/>
                <a:gd name="T35" fmla="*/ 80 h 404"/>
                <a:gd name="T36" fmla="*/ 486 w 811"/>
                <a:gd name="T37" fmla="*/ 73 h 404"/>
                <a:gd name="T38" fmla="*/ 484 w 811"/>
                <a:gd name="T39" fmla="*/ 70 h 404"/>
                <a:gd name="T40" fmla="*/ 478 w 811"/>
                <a:gd name="T41" fmla="*/ 63 h 404"/>
                <a:gd name="T42" fmla="*/ 474 w 811"/>
                <a:gd name="T43" fmla="*/ 58 h 404"/>
                <a:gd name="T44" fmla="*/ 469 w 811"/>
                <a:gd name="T45" fmla="*/ 48 h 404"/>
                <a:gd name="T46" fmla="*/ 459 w 811"/>
                <a:gd name="T47" fmla="*/ 41 h 404"/>
                <a:gd name="T48" fmla="*/ 450 w 811"/>
                <a:gd name="T49" fmla="*/ 39 h 404"/>
                <a:gd name="T50" fmla="*/ 441 w 811"/>
                <a:gd name="T51" fmla="*/ 38 h 404"/>
                <a:gd name="T52" fmla="*/ 398 w 811"/>
                <a:gd name="T53" fmla="*/ 32 h 404"/>
                <a:gd name="T54" fmla="*/ 391 w 811"/>
                <a:gd name="T55" fmla="*/ 37 h 404"/>
                <a:gd name="T56" fmla="*/ 384 w 811"/>
                <a:gd name="T57" fmla="*/ 38 h 404"/>
                <a:gd name="T58" fmla="*/ 378 w 811"/>
                <a:gd name="T59" fmla="*/ 32 h 404"/>
                <a:gd name="T60" fmla="*/ 364 w 811"/>
                <a:gd name="T61" fmla="*/ 18 h 404"/>
                <a:gd name="T62" fmla="*/ 355 w 811"/>
                <a:gd name="T63" fmla="*/ 16 h 404"/>
                <a:gd name="T64" fmla="*/ 348 w 811"/>
                <a:gd name="T65" fmla="*/ 16 h 404"/>
                <a:gd name="T66" fmla="*/ 328 w 811"/>
                <a:gd name="T67" fmla="*/ 16 h 404"/>
                <a:gd name="T68" fmla="*/ 295 w 811"/>
                <a:gd name="T69" fmla="*/ 16 h 404"/>
                <a:gd name="T70" fmla="*/ 258 w 811"/>
                <a:gd name="T71" fmla="*/ 16 h 404"/>
                <a:gd name="T72" fmla="*/ 214 w 811"/>
                <a:gd name="T73" fmla="*/ 16 h 404"/>
                <a:gd name="T74" fmla="*/ 167 w 811"/>
                <a:gd name="T75" fmla="*/ 13 h 404"/>
                <a:gd name="T76" fmla="*/ 123 w 811"/>
                <a:gd name="T77" fmla="*/ 12 h 404"/>
                <a:gd name="T78" fmla="*/ 84 w 811"/>
                <a:gd name="T79" fmla="*/ 8 h 404"/>
                <a:gd name="T80" fmla="*/ 50 w 811"/>
                <a:gd name="T81" fmla="*/ 5 h 404"/>
                <a:gd name="T82" fmla="*/ 23 w 811"/>
                <a:gd name="T83" fmla="*/ 2 h 404"/>
                <a:gd name="T84" fmla="*/ 2 w 811"/>
                <a:gd name="T85" fmla="*/ 165 h 404"/>
                <a:gd name="T86" fmla="*/ 126 w 811"/>
                <a:gd name="T87" fmla="*/ 254 h 404"/>
                <a:gd name="T88" fmla="*/ 153 w 811"/>
                <a:gd name="T89" fmla="*/ 257 h 404"/>
                <a:gd name="T90" fmla="*/ 189 w 811"/>
                <a:gd name="T91" fmla="*/ 260 h 404"/>
                <a:gd name="T92" fmla="*/ 234 w 811"/>
                <a:gd name="T93" fmla="*/ 262 h 404"/>
                <a:gd name="T94" fmla="*/ 289 w 811"/>
                <a:gd name="T95" fmla="*/ 262 h 404"/>
                <a:gd name="T96" fmla="*/ 343 w 811"/>
                <a:gd name="T97" fmla="*/ 262 h 404"/>
                <a:gd name="T98" fmla="*/ 400 w 811"/>
                <a:gd name="T99" fmla="*/ 264 h 404"/>
                <a:gd name="T100" fmla="*/ 449 w 811"/>
                <a:gd name="T101" fmla="*/ 264 h 404"/>
                <a:gd name="T102" fmla="*/ 492 w 811"/>
                <a:gd name="T103" fmla="*/ 265 h 404"/>
                <a:gd name="T104" fmla="*/ 528 w 811"/>
                <a:gd name="T105" fmla="*/ 265 h 404"/>
                <a:gd name="T106" fmla="*/ 547 w 811"/>
                <a:gd name="T107" fmla="*/ 265 h 404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w 811"/>
                <a:gd name="T163" fmla="*/ 0 h 404"/>
                <a:gd name="T164" fmla="*/ 811 w 811"/>
                <a:gd name="T165" fmla="*/ 404 h 404"/>
              </a:gdLst>
              <a:ahLst/>
              <a:cxnLst>
                <a:cxn ang="T108">
                  <a:pos x="T0" y="T1"/>
                </a:cxn>
                <a:cxn ang="T109">
                  <a:pos x="T2" y="T3"/>
                </a:cxn>
                <a:cxn ang="T110">
                  <a:pos x="T4" y="T5"/>
                </a:cxn>
                <a:cxn ang="T111">
                  <a:pos x="T6" y="T7"/>
                </a:cxn>
                <a:cxn ang="T112">
                  <a:pos x="T8" y="T9"/>
                </a:cxn>
                <a:cxn ang="T113">
                  <a:pos x="T10" y="T11"/>
                </a:cxn>
                <a:cxn ang="T114">
                  <a:pos x="T12" y="T13"/>
                </a:cxn>
                <a:cxn ang="T115">
                  <a:pos x="T14" y="T15"/>
                </a:cxn>
                <a:cxn ang="T116">
                  <a:pos x="T16" y="T17"/>
                </a:cxn>
                <a:cxn ang="T117">
                  <a:pos x="T18" y="T19"/>
                </a:cxn>
                <a:cxn ang="T118">
                  <a:pos x="T20" y="T21"/>
                </a:cxn>
                <a:cxn ang="T119">
                  <a:pos x="T22" y="T23"/>
                </a:cxn>
                <a:cxn ang="T120">
                  <a:pos x="T24" y="T25"/>
                </a:cxn>
                <a:cxn ang="T121">
                  <a:pos x="T26" y="T27"/>
                </a:cxn>
                <a:cxn ang="T122">
                  <a:pos x="T28" y="T29"/>
                </a:cxn>
                <a:cxn ang="T123">
                  <a:pos x="T30" y="T31"/>
                </a:cxn>
                <a:cxn ang="T124">
                  <a:pos x="T32" y="T33"/>
                </a:cxn>
                <a:cxn ang="T125">
                  <a:pos x="T34" y="T35"/>
                </a:cxn>
                <a:cxn ang="T126">
                  <a:pos x="T36" y="T37"/>
                </a:cxn>
                <a:cxn ang="T127">
                  <a:pos x="T38" y="T39"/>
                </a:cxn>
                <a:cxn ang="T128">
                  <a:pos x="T40" y="T41"/>
                </a:cxn>
                <a:cxn ang="T129">
                  <a:pos x="T42" y="T43"/>
                </a:cxn>
                <a:cxn ang="T130">
                  <a:pos x="T44" y="T45"/>
                </a:cxn>
                <a:cxn ang="T131">
                  <a:pos x="T46" y="T47"/>
                </a:cxn>
                <a:cxn ang="T132">
                  <a:pos x="T48" y="T49"/>
                </a:cxn>
                <a:cxn ang="T133">
                  <a:pos x="T50" y="T51"/>
                </a:cxn>
                <a:cxn ang="T134">
                  <a:pos x="T52" y="T53"/>
                </a:cxn>
                <a:cxn ang="T135">
                  <a:pos x="T54" y="T55"/>
                </a:cxn>
                <a:cxn ang="T136">
                  <a:pos x="T56" y="T57"/>
                </a:cxn>
                <a:cxn ang="T137">
                  <a:pos x="T58" y="T59"/>
                </a:cxn>
                <a:cxn ang="T138">
                  <a:pos x="T60" y="T61"/>
                </a:cxn>
                <a:cxn ang="T139">
                  <a:pos x="T62" y="T63"/>
                </a:cxn>
                <a:cxn ang="T140">
                  <a:pos x="T64" y="T65"/>
                </a:cxn>
                <a:cxn ang="T141">
                  <a:pos x="T66" y="T67"/>
                </a:cxn>
                <a:cxn ang="T142">
                  <a:pos x="T68" y="T69"/>
                </a:cxn>
                <a:cxn ang="T143">
                  <a:pos x="T70" y="T71"/>
                </a:cxn>
                <a:cxn ang="T144">
                  <a:pos x="T72" y="T73"/>
                </a:cxn>
                <a:cxn ang="T145">
                  <a:pos x="T74" y="T75"/>
                </a:cxn>
                <a:cxn ang="T146">
                  <a:pos x="T76" y="T77"/>
                </a:cxn>
                <a:cxn ang="T147">
                  <a:pos x="T78" y="T79"/>
                </a:cxn>
                <a:cxn ang="T148">
                  <a:pos x="T80" y="T81"/>
                </a:cxn>
                <a:cxn ang="T149">
                  <a:pos x="T82" y="T83"/>
                </a:cxn>
                <a:cxn ang="T150">
                  <a:pos x="T84" y="T85"/>
                </a:cxn>
                <a:cxn ang="T151">
                  <a:pos x="T86" y="T87"/>
                </a:cxn>
                <a:cxn ang="T152">
                  <a:pos x="T88" y="T89"/>
                </a:cxn>
                <a:cxn ang="T153">
                  <a:pos x="T90" y="T91"/>
                </a:cxn>
                <a:cxn ang="T154">
                  <a:pos x="T92" y="T93"/>
                </a:cxn>
                <a:cxn ang="T155">
                  <a:pos x="T94" y="T95"/>
                </a:cxn>
                <a:cxn ang="T156">
                  <a:pos x="T96" y="T97"/>
                </a:cxn>
                <a:cxn ang="T157">
                  <a:pos x="T98" y="T99"/>
                </a:cxn>
                <a:cxn ang="T158">
                  <a:pos x="T100" y="T101"/>
                </a:cxn>
                <a:cxn ang="T159">
                  <a:pos x="T102" y="T103"/>
                </a:cxn>
                <a:cxn ang="T160">
                  <a:pos x="T104" y="T105"/>
                </a:cxn>
                <a:cxn ang="T161">
                  <a:pos x="T106" y="T107"/>
                </a:cxn>
              </a:cxnLst>
              <a:rect l="T162" t="T163" r="T164" b="T165"/>
              <a:pathLst>
                <a:path w="811" h="404">
                  <a:moveTo>
                    <a:pt x="811" y="404"/>
                  </a:moveTo>
                  <a:lnTo>
                    <a:pt x="799" y="376"/>
                  </a:lnTo>
                  <a:lnTo>
                    <a:pt x="785" y="364"/>
                  </a:lnTo>
                  <a:lnTo>
                    <a:pt x="782" y="352"/>
                  </a:lnTo>
                  <a:lnTo>
                    <a:pt x="782" y="350"/>
                  </a:lnTo>
                  <a:lnTo>
                    <a:pt x="780" y="348"/>
                  </a:lnTo>
                  <a:lnTo>
                    <a:pt x="779" y="345"/>
                  </a:lnTo>
                  <a:lnTo>
                    <a:pt x="777" y="342"/>
                  </a:lnTo>
                  <a:lnTo>
                    <a:pt x="775" y="337"/>
                  </a:lnTo>
                  <a:lnTo>
                    <a:pt x="774" y="333"/>
                  </a:lnTo>
                  <a:lnTo>
                    <a:pt x="772" y="330"/>
                  </a:lnTo>
                  <a:lnTo>
                    <a:pt x="769" y="326"/>
                  </a:lnTo>
                  <a:lnTo>
                    <a:pt x="767" y="323"/>
                  </a:lnTo>
                  <a:lnTo>
                    <a:pt x="765" y="318"/>
                  </a:lnTo>
                  <a:lnTo>
                    <a:pt x="765" y="313"/>
                  </a:lnTo>
                  <a:lnTo>
                    <a:pt x="763" y="308"/>
                  </a:lnTo>
                  <a:lnTo>
                    <a:pt x="763" y="303"/>
                  </a:lnTo>
                  <a:lnTo>
                    <a:pt x="763" y="298"/>
                  </a:lnTo>
                  <a:lnTo>
                    <a:pt x="763" y="291"/>
                  </a:lnTo>
                  <a:lnTo>
                    <a:pt x="765" y="286"/>
                  </a:lnTo>
                  <a:lnTo>
                    <a:pt x="765" y="281"/>
                  </a:lnTo>
                  <a:lnTo>
                    <a:pt x="765" y="276"/>
                  </a:lnTo>
                  <a:lnTo>
                    <a:pt x="765" y="272"/>
                  </a:lnTo>
                  <a:lnTo>
                    <a:pt x="767" y="269"/>
                  </a:lnTo>
                  <a:lnTo>
                    <a:pt x="767" y="266"/>
                  </a:lnTo>
                  <a:lnTo>
                    <a:pt x="767" y="264"/>
                  </a:lnTo>
                  <a:lnTo>
                    <a:pt x="760" y="255"/>
                  </a:lnTo>
                  <a:lnTo>
                    <a:pt x="758" y="223"/>
                  </a:lnTo>
                  <a:lnTo>
                    <a:pt x="755" y="218"/>
                  </a:lnTo>
                  <a:lnTo>
                    <a:pt x="750" y="215"/>
                  </a:lnTo>
                  <a:lnTo>
                    <a:pt x="747" y="210"/>
                  </a:lnTo>
                  <a:lnTo>
                    <a:pt x="743" y="205"/>
                  </a:lnTo>
                  <a:lnTo>
                    <a:pt x="743" y="200"/>
                  </a:lnTo>
                  <a:lnTo>
                    <a:pt x="743" y="194"/>
                  </a:lnTo>
                  <a:lnTo>
                    <a:pt x="743" y="191"/>
                  </a:lnTo>
                  <a:lnTo>
                    <a:pt x="743" y="188"/>
                  </a:lnTo>
                  <a:lnTo>
                    <a:pt x="745" y="186"/>
                  </a:lnTo>
                  <a:lnTo>
                    <a:pt x="743" y="178"/>
                  </a:lnTo>
                  <a:lnTo>
                    <a:pt x="743" y="169"/>
                  </a:lnTo>
                  <a:lnTo>
                    <a:pt x="741" y="164"/>
                  </a:lnTo>
                  <a:lnTo>
                    <a:pt x="738" y="159"/>
                  </a:lnTo>
                  <a:lnTo>
                    <a:pt x="736" y="156"/>
                  </a:lnTo>
                  <a:lnTo>
                    <a:pt x="735" y="154"/>
                  </a:lnTo>
                  <a:lnTo>
                    <a:pt x="733" y="152"/>
                  </a:lnTo>
                  <a:lnTo>
                    <a:pt x="731" y="150"/>
                  </a:lnTo>
                  <a:lnTo>
                    <a:pt x="726" y="147"/>
                  </a:lnTo>
                  <a:lnTo>
                    <a:pt x="725" y="144"/>
                  </a:lnTo>
                  <a:lnTo>
                    <a:pt x="721" y="139"/>
                  </a:lnTo>
                  <a:lnTo>
                    <a:pt x="721" y="134"/>
                  </a:lnTo>
                  <a:lnTo>
                    <a:pt x="719" y="130"/>
                  </a:lnTo>
                  <a:lnTo>
                    <a:pt x="719" y="125"/>
                  </a:lnTo>
                  <a:lnTo>
                    <a:pt x="719" y="123"/>
                  </a:lnTo>
                  <a:lnTo>
                    <a:pt x="714" y="110"/>
                  </a:lnTo>
                  <a:lnTo>
                    <a:pt x="713" y="108"/>
                  </a:lnTo>
                  <a:lnTo>
                    <a:pt x="711" y="105"/>
                  </a:lnTo>
                  <a:lnTo>
                    <a:pt x="708" y="103"/>
                  </a:lnTo>
                  <a:lnTo>
                    <a:pt x="706" y="100"/>
                  </a:lnTo>
                  <a:lnTo>
                    <a:pt x="703" y="95"/>
                  </a:lnTo>
                  <a:lnTo>
                    <a:pt x="699" y="93"/>
                  </a:lnTo>
                  <a:lnTo>
                    <a:pt x="697" y="90"/>
                  </a:lnTo>
                  <a:lnTo>
                    <a:pt x="696" y="88"/>
                  </a:lnTo>
                  <a:lnTo>
                    <a:pt x="694" y="84"/>
                  </a:lnTo>
                  <a:lnTo>
                    <a:pt x="692" y="79"/>
                  </a:lnTo>
                  <a:lnTo>
                    <a:pt x="689" y="74"/>
                  </a:lnTo>
                  <a:lnTo>
                    <a:pt x="686" y="69"/>
                  </a:lnTo>
                  <a:lnTo>
                    <a:pt x="681" y="64"/>
                  </a:lnTo>
                  <a:lnTo>
                    <a:pt x="675" y="61"/>
                  </a:lnTo>
                  <a:lnTo>
                    <a:pt x="667" y="59"/>
                  </a:lnTo>
                  <a:lnTo>
                    <a:pt x="665" y="59"/>
                  </a:lnTo>
                  <a:lnTo>
                    <a:pt x="662" y="57"/>
                  </a:lnTo>
                  <a:lnTo>
                    <a:pt x="659" y="56"/>
                  </a:lnTo>
                  <a:lnTo>
                    <a:pt x="659" y="54"/>
                  </a:lnTo>
                  <a:lnTo>
                    <a:pt x="648" y="54"/>
                  </a:lnTo>
                  <a:lnTo>
                    <a:pt x="637" y="44"/>
                  </a:lnTo>
                  <a:lnTo>
                    <a:pt x="584" y="44"/>
                  </a:lnTo>
                  <a:lnTo>
                    <a:pt x="584" y="46"/>
                  </a:lnTo>
                  <a:lnTo>
                    <a:pt x="582" y="47"/>
                  </a:lnTo>
                  <a:lnTo>
                    <a:pt x="579" y="51"/>
                  </a:lnTo>
                  <a:lnTo>
                    <a:pt x="576" y="52"/>
                  </a:lnTo>
                  <a:lnTo>
                    <a:pt x="572" y="56"/>
                  </a:lnTo>
                  <a:lnTo>
                    <a:pt x="569" y="56"/>
                  </a:lnTo>
                  <a:lnTo>
                    <a:pt x="565" y="54"/>
                  </a:lnTo>
                  <a:lnTo>
                    <a:pt x="562" y="51"/>
                  </a:lnTo>
                  <a:lnTo>
                    <a:pt x="560" y="49"/>
                  </a:lnTo>
                  <a:lnTo>
                    <a:pt x="555" y="46"/>
                  </a:lnTo>
                  <a:lnTo>
                    <a:pt x="549" y="42"/>
                  </a:lnTo>
                  <a:lnTo>
                    <a:pt x="542" y="37"/>
                  </a:lnTo>
                  <a:lnTo>
                    <a:pt x="535" y="32"/>
                  </a:lnTo>
                  <a:lnTo>
                    <a:pt x="528" y="29"/>
                  </a:lnTo>
                  <a:lnTo>
                    <a:pt x="523" y="25"/>
                  </a:lnTo>
                  <a:lnTo>
                    <a:pt x="521" y="25"/>
                  </a:lnTo>
                  <a:lnTo>
                    <a:pt x="520" y="25"/>
                  </a:lnTo>
                  <a:lnTo>
                    <a:pt x="516" y="25"/>
                  </a:lnTo>
                  <a:lnTo>
                    <a:pt x="511" y="24"/>
                  </a:lnTo>
                  <a:lnTo>
                    <a:pt x="503" y="24"/>
                  </a:lnTo>
                  <a:lnTo>
                    <a:pt x="493" y="24"/>
                  </a:lnTo>
                  <a:lnTo>
                    <a:pt x="481" y="24"/>
                  </a:lnTo>
                  <a:lnTo>
                    <a:pt x="467" y="24"/>
                  </a:lnTo>
                  <a:lnTo>
                    <a:pt x="450" y="22"/>
                  </a:lnTo>
                  <a:lnTo>
                    <a:pt x="433" y="22"/>
                  </a:lnTo>
                  <a:lnTo>
                    <a:pt x="417" y="20"/>
                  </a:lnTo>
                  <a:lnTo>
                    <a:pt x="398" y="20"/>
                  </a:lnTo>
                  <a:lnTo>
                    <a:pt x="378" y="20"/>
                  </a:lnTo>
                  <a:lnTo>
                    <a:pt x="357" y="18"/>
                  </a:lnTo>
                  <a:lnTo>
                    <a:pt x="335" y="18"/>
                  </a:lnTo>
                  <a:lnTo>
                    <a:pt x="313" y="17"/>
                  </a:lnTo>
                  <a:lnTo>
                    <a:pt x="291" y="15"/>
                  </a:lnTo>
                  <a:lnTo>
                    <a:pt x="269" y="15"/>
                  </a:lnTo>
                  <a:lnTo>
                    <a:pt x="247" y="13"/>
                  </a:lnTo>
                  <a:lnTo>
                    <a:pt x="225" y="13"/>
                  </a:lnTo>
                  <a:lnTo>
                    <a:pt x="203" y="12"/>
                  </a:lnTo>
                  <a:lnTo>
                    <a:pt x="181" y="12"/>
                  </a:lnTo>
                  <a:lnTo>
                    <a:pt x="161" y="10"/>
                  </a:lnTo>
                  <a:lnTo>
                    <a:pt x="142" y="8"/>
                  </a:lnTo>
                  <a:lnTo>
                    <a:pt x="122" y="8"/>
                  </a:lnTo>
                  <a:lnTo>
                    <a:pt x="105" y="7"/>
                  </a:lnTo>
                  <a:lnTo>
                    <a:pt x="88" y="7"/>
                  </a:lnTo>
                  <a:lnTo>
                    <a:pt x="73" y="5"/>
                  </a:lnTo>
                  <a:lnTo>
                    <a:pt x="59" y="3"/>
                  </a:lnTo>
                  <a:lnTo>
                    <a:pt x="48" y="3"/>
                  </a:lnTo>
                  <a:lnTo>
                    <a:pt x="37" y="2"/>
                  </a:lnTo>
                  <a:lnTo>
                    <a:pt x="31" y="2"/>
                  </a:lnTo>
                  <a:lnTo>
                    <a:pt x="24" y="0"/>
                  </a:lnTo>
                  <a:lnTo>
                    <a:pt x="2" y="250"/>
                  </a:lnTo>
                  <a:lnTo>
                    <a:pt x="0" y="250"/>
                  </a:lnTo>
                  <a:lnTo>
                    <a:pt x="193" y="262"/>
                  </a:lnTo>
                  <a:lnTo>
                    <a:pt x="186" y="387"/>
                  </a:lnTo>
                  <a:lnTo>
                    <a:pt x="197" y="389"/>
                  </a:lnTo>
                  <a:lnTo>
                    <a:pt x="208" y="391"/>
                  </a:lnTo>
                  <a:lnTo>
                    <a:pt x="224" y="392"/>
                  </a:lnTo>
                  <a:lnTo>
                    <a:pt x="239" y="392"/>
                  </a:lnTo>
                  <a:lnTo>
                    <a:pt x="257" y="394"/>
                  </a:lnTo>
                  <a:lnTo>
                    <a:pt x="278" y="396"/>
                  </a:lnTo>
                  <a:lnTo>
                    <a:pt x="298" y="396"/>
                  </a:lnTo>
                  <a:lnTo>
                    <a:pt x="322" y="398"/>
                  </a:lnTo>
                  <a:lnTo>
                    <a:pt x="345" y="398"/>
                  </a:lnTo>
                  <a:lnTo>
                    <a:pt x="371" y="399"/>
                  </a:lnTo>
                  <a:lnTo>
                    <a:pt x="396" y="399"/>
                  </a:lnTo>
                  <a:lnTo>
                    <a:pt x="423" y="399"/>
                  </a:lnTo>
                  <a:lnTo>
                    <a:pt x="450" y="401"/>
                  </a:lnTo>
                  <a:lnTo>
                    <a:pt x="477" y="401"/>
                  </a:lnTo>
                  <a:lnTo>
                    <a:pt x="505" y="401"/>
                  </a:lnTo>
                  <a:lnTo>
                    <a:pt x="532" y="401"/>
                  </a:lnTo>
                  <a:lnTo>
                    <a:pt x="559" y="403"/>
                  </a:lnTo>
                  <a:lnTo>
                    <a:pt x="586" y="403"/>
                  </a:lnTo>
                  <a:lnTo>
                    <a:pt x="611" y="403"/>
                  </a:lnTo>
                  <a:lnTo>
                    <a:pt x="637" y="403"/>
                  </a:lnTo>
                  <a:lnTo>
                    <a:pt x="660" y="403"/>
                  </a:lnTo>
                  <a:lnTo>
                    <a:pt x="684" y="403"/>
                  </a:lnTo>
                  <a:lnTo>
                    <a:pt x="704" y="404"/>
                  </a:lnTo>
                  <a:lnTo>
                    <a:pt x="725" y="404"/>
                  </a:lnTo>
                  <a:lnTo>
                    <a:pt x="743" y="404"/>
                  </a:lnTo>
                  <a:lnTo>
                    <a:pt x="760" y="404"/>
                  </a:lnTo>
                  <a:lnTo>
                    <a:pt x="775" y="404"/>
                  </a:lnTo>
                  <a:lnTo>
                    <a:pt x="787" y="404"/>
                  </a:lnTo>
                  <a:lnTo>
                    <a:pt x="797" y="404"/>
                  </a:lnTo>
                  <a:lnTo>
                    <a:pt x="804" y="404"/>
                  </a:lnTo>
                  <a:lnTo>
                    <a:pt x="809" y="404"/>
                  </a:lnTo>
                  <a:lnTo>
                    <a:pt x="811" y="404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24" name="Freeform 125"/>
            <p:cNvSpPr>
              <a:spLocks/>
            </p:cNvSpPr>
            <p:nvPr/>
          </p:nvSpPr>
          <p:spPr bwMode="auto">
            <a:xfrm>
              <a:off x="1384" y="1534"/>
              <a:ext cx="665" cy="553"/>
            </a:xfrm>
            <a:custGeom>
              <a:avLst/>
              <a:gdLst>
                <a:gd name="T0" fmla="*/ 119 w 684"/>
                <a:gd name="T1" fmla="*/ 340 h 570"/>
                <a:gd name="T2" fmla="*/ 108 w 684"/>
                <a:gd name="T3" fmla="*/ 337 h 570"/>
                <a:gd name="T4" fmla="*/ 89 w 684"/>
                <a:gd name="T5" fmla="*/ 333 h 570"/>
                <a:gd name="T6" fmla="*/ 69 w 684"/>
                <a:gd name="T7" fmla="*/ 330 h 570"/>
                <a:gd name="T8" fmla="*/ 47 w 684"/>
                <a:gd name="T9" fmla="*/ 327 h 570"/>
                <a:gd name="T10" fmla="*/ 25 w 684"/>
                <a:gd name="T11" fmla="*/ 324 h 570"/>
                <a:gd name="T12" fmla="*/ 16 w 684"/>
                <a:gd name="T13" fmla="*/ 322 h 570"/>
                <a:gd name="T14" fmla="*/ 2 w 684"/>
                <a:gd name="T15" fmla="*/ 320 h 570"/>
                <a:gd name="T16" fmla="*/ 17 w 684"/>
                <a:gd name="T17" fmla="*/ 244 h 570"/>
                <a:gd name="T18" fmla="*/ 50 w 684"/>
                <a:gd name="T19" fmla="*/ 0 h 570"/>
                <a:gd name="T20" fmla="*/ 83 w 684"/>
                <a:gd name="T21" fmla="*/ 7 h 570"/>
                <a:gd name="T22" fmla="*/ 116 w 684"/>
                <a:gd name="T23" fmla="*/ 15 h 570"/>
                <a:gd name="T24" fmla="*/ 149 w 684"/>
                <a:gd name="T25" fmla="*/ 16 h 570"/>
                <a:gd name="T26" fmla="*/ 182 w 684"/>
                <a:gd name="T27" fmla="*/ 16 h 570"/>
                <a:gd name="T28" fmla="*/ 218 w 684"/>
                <a:gd name="T29" fmla="*/ 20 h 570"/>
                <a:gd name="T30" fmla="*/ 252 w 684"/>
                <a:gd name="T31" fmla="*/ 27 h 570"/>
                <a:gd name="T32" fmla="*/ 285 w 684"/>
                <a:gd name="T33" fmla="*/ 32 h 570"/>
                <a:gd name="T34" fmla="*/ 316 w 684"/>
                <a:gd name="T35" fmla="*/ 36 h 570"/>
                <a:gd name="T36" fmla="*/ 347 w 684"/>
                <a:gd name="T37" fmla="*/ 39 h 570"/>
                <a:gd name="T38" fmla="*/ 374 w 684"/>
                <a:gd name="T39" fmla="*/ 40 h 570"/>
                <a:gd name="T40" fmla="*/ 399 w 684"/>
                <a:gd name="T41" fmla="*/ 42 h 570"/>
                <a:gd name="T42" fmla="*/ 421 w 684"/>
                <a:gd name="T43" fmla="*/ 44 h 570"/>
                <a:gd name="T44" fmla="*/ 437 w 684"/>
                <a:gd name="T45" fmla="*/ 45 h 570"/>
                <a:gd name="T46" fmla="*/ 449 w 684"/>
                <a:gd name="T47" fmla="*/ 45 h 570"/>
                <a:gd name="T48" fmla="*/ 459 w 684"/>
                <a:gd name="T49" fmla="*/ 45 h 570"/>
                <a:gd name="T50" fmla="*/ 461 w 684"/>
                <a:gd name="T51" fmla="*/ 46 h 570"/>
                <a:gd name="T52" fmla="*/ 446 w 684"/>
                <a:gd name="T53" fmla="*/ 210 h 570"/>
                <a:gd name="T54" fmla="*/ 432 w 684"/>
                <a:gd name="T55" fmla="*/ 373 h 570"/>
                <a:gd name="T56" fmla="*/ 425 w 684"/>
                <a:gd name="T57" fmla="*/ 372 h 570"/>
                <a:gd name="T58" fmla="*/ 412 w 684"/>
                <a:gd name="T59" fmla="*/ 372 h 570"/>
                <a:gd name="T60" fmla="*/ 395 w 684"/>
                <a:gd name="T61" fmla="*/ 371 h 570"/>
                <a:gd name="T62" fmla="*/ 374 w 684"/>
                <a:gd name="T63" fmla="*/ 368 h 570"/>
                <a:gd name="T64" fmla="*/ 350 w 684"/>
                <a:gd name="T65" fmla="*/ 364 h 570"/>
                <a:gd name="T66" fmla="*/ 324 w 684"/>
                <a:gd name="T67" fmla="*/ 362 h 570"/>
                <a:gd name="T68" fmla="*/ 296 w 684"/>
                <a:gd name="T69" fmla="*/ 360 h 570"/>
                <a:gd name="T70" fmla="*/ 266 w 684"/>
                <a:gd name="T71" fmla="*/ 357 h 570"/>
                <a:gd name="T72" fmla="*/ 240 w 684"/>
                <a:gd name="T73" fmla="*/ 353 h 570"/>
                <a:gd name="T74" fmla="*/ 213 w 684"/>
                <a:gd name="T75" fmla="*/ 350 h 570"/>
                <a:gd name="T76" fmla="*/ 187 w 684"/>
                <a:gd name="T77" fmla="*/ 348 h 570"/>
                <a:gd name="T78" fmla="*/ 166 w 684"/>
                <a:gd name="T79" fmla="*/ 344 h 570"/>
                <a:gd name="T80" fmla="*/ 146 w 684"/>
                <a:gd name="T81" fmla="*/ 342 h 570"/>
                <a:gd name="T82" fmla="*/ 134 w 684"/>
                <a:gd name="T83" fmla="*/ 341 h 570"/>
                <a:gd name="T84" fmla="*/ 122 w 684"/>
                <a:gd name="T85" fmla="*/ 340 h 570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684"/>
                <a:gd name="T130" fmla="*/ 0 h 570"/>
                <a:gd name="T131" fmla="*/ 684 w 684"/>
                <a:gd name="T132" fmla="*/ 570 h 570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684" h="570">
                  <a:moveTo>
                    <a:pt x="180" y="518"/>
                  </a:moveTo>
                  <a:lnTo>
                    <a:pt x="176" y="518"/>
                  </a:lnTo>
                  <a:lnTo>
                    <a:pt x="169" y="516"/>
                  </a:lnTo>
                  <a:lnTo>
                    <a:pt x="159" y="514"/>
                  </a:lnTo>
                  <a:lnTo>
                    <a:pt x="147" y="513"/>
                  </a:lnTo>
                  <a:lnTo>
                    <a:pt x="134" y="509"/>
                  </a:lnTo>
                  <a:lnTo>
                    <a:pt x="119" y="508"/>
                  </a:lnTo>
                  <a:lnTo>
                    <a:pt x="102" y="504"/>
                  </a:lnTo>
                  <a:lnTo>
                    <a:pt x="87" y="503"/>
                  </a:lnTo>
                  <a:lnTo>
                    <a:pt x="70" y="499"/>
                  </a:lnTo>
                  <a:lnTo>
                    <a:pt x="54" y="498"/>
                  </a:lnTo>
                  <a:lnTo>
                    <a:pt x="39" y="496"/>
                  </a:lnTo>
                  <a:lnTo>
                    <a:pt x="27" y="492"/>
                  </a:lnTo>
                  <a:lnTo>
                    <a:pt x="16" y="491"/>
                  </a:lnTo>
                  <a:lnTo>
                    <a:pt x="9" y="489"/>
                  </a:lnTo>
                  <a:lnTo>
                    <a:pt x="2" y="489"/>
                  </a:lnTo>
                  <a:lnTo>
                    <a:pt x="0" y="489"/>
                  </a:lnTo>
                  <a:lnTo>
                    <a:pt x="17" y="372"/>
                  </a:lnTo>
                  <a:lnTo>
                    <a:pt x="63" y="61"/>
                  </a:lnTo>
                  <a:lnTo>
                    <a:pt x="76" y="0"/>
                  </a:lnTo>
                  <a:lnTo>
                    <a:pt x="98" y="3"/>
                  </a:lnTo>
                  <a:lnTo>
                    <a:pt x="122" y="7"/>
                  </a:lnTo>
                  <a:lnTo>
                    <a:pt x="146" y="12"/>
                  </a:lnTo>
                  <a:lnTo>
                    <a:pt x="171" y="15"/>
                  </a:lnTo>
                  <a:lnTo>
                    <a:pt x="195" y="19"/>
                  </a:lnTo>
                  <a:lnTo>
                    <a:pt x="220" y="22"/>
                  </a:lnTo>
                  <a:lnTo>
                    <a:pt x="246" y="25"/>
                  </a:lnTo>
                  <a:lnTo>
                    <a:pt x="271" y="29"/>
                  </a:lnTo>
                  <a:lnTo>
                    <a:pt x="296" y="32"/>
                  </a:lnTo>
                  <a:lnTo>
                    <a:pt x="323" y="34"/>
                  </a:lnTo>
                  <a:lnTo>
                    <a:pt x="349" y="37"/>
                  </a:lnTo>
                  <a:lnTo>
                    <a:pt x="373" y="41"/>
                  </a:lnTo>
                  <a:lnTo>
                    <a:pt x="398" y="44"/>
                  </a:lnTo>
                  <a:lnTo>
                    <a:pt x="422" y="46"/>
                  </a:lnTo>
                  <a:lnTo>
                    <a:pt x="445" y="49"/>
                  </a:lnTo>
                  <a:lnTo>
                    <a:pt x="469" y="51"/>
                  </a:lnTo>
                  <a:lnTo>
                    <a:pt x="493" y="52"/>
                  </a:lnTo>
                  <a:lnTo>
                    <a:pt x="515" y="56"/>
                  </a:lnTo>
                  <a:lnTo>
                    <a:pt x="535" y="58"/>
                  </a:lnTo>
                  <a:lnTo>
                    <a:pt x="555" y="59"/>
                  </a:lnTo>
                  <a:lnTo>
                    <a:pt x="574" y="61"/>
                  </a:lnTo>
                  <a:lnTo>
                    <a:pt x="591" y="63"/>
                  </a:lnTo>
                  <a:lnTo>
                    <a:pt x="608" y="64"/>
                  </a:lnTo>
                  <a:lnTo>
                    <a:pt x="623" y="66"/>
                  </a:lnTo>
                  <a:lnTo>
                    <a:pt x="637" y="66"/>
                  </a:lnTo>
                  <a:lnTo>
                    <a:pt x="648" y="68"/>
                  </a:lnTo>
                  <a:lnTo>
                    <a:pt x="659" y="68"/>
                  </a:lnTo>
                  <a:lnTo>
                    <a:pt x="667" y="69"/>
                  </a:lnTo>
                  <a:lnTo>
                    <a:pt x="675" y="69"/>
                  </a:lnTo>
                  <a:lnTo>
                    <a:pt x="681" y="69"/>
                  </a:lnTo>
                  <a:lnTo>
                    <a:pt x="684" y="71"/>
                  </a:lnTo>
                  <a:lnTo>
                    <a:pt x="662" y="320"/>
                  </a:lnTo>
                  <a:lnTo>
                    <a:pt x="640" y="570"/>
                  </a:lnTo>
                  <a:lnTo>
                    <a:pt x="635" y="570"/>
                  </a:lnTo>
                  <a:lnTo>
                    <a:pt x="630" y="569"/>
                  </a:lnTo>
                  <a:lnTo>
                    <a:pt x="621" y="569"/>
                  </a:lnTo>
                  <a:lnTo>
                    <a:pt x="611" y="567"/>
                  </a:lnTo>
                  <a:lnTo>
                    <a:pt x="599" y="565"/>
                  </a:lnTo>
                  <a:lnTo>
                    <a:pt x="586" y="565"/>
                  </a:lnTo>
                  <a:lnTo>
                    <a:pt x="571" y="564"/>
                  </a:lnTo>
                  <a:lnTo>
                    <a:pt x="555" y="562"/>
                  </a:lnTo>
                  <a:lnTo>
                    <a:pt x="538" y="558"/>
                  </a:lnTo>
                  <a:lnTo>
                    <a:pt x="520" y="557"/>
                  </a:lnTo>
                  <a:lnTo>
                    <a:pt x="501" y="555"/>
                  </a:lnTo>
                  <a:lnTo>
                    <a:pt x="481" y="553"/>
                  </a:lnTo>
                  <a:lnTo>
                    <a:pt x="461" y="552"/>
                  </a:lnTo>
                  <a:lnTo>
                    <a:pt x="439" y="548"/>
                  </a:lnTo>
                  <a:lnTo>
                    <a:pt x="418" y="547"/>
                  </a:lnTo>
                  <a:lnTo>
                    <a:pt x="396" y="545"/>
                  </a:lnTo>
                  <a:lnTo>
                    <a:pt x="376" y="542"/>
                  </a:lnTo>
                  <a:lnTo>
                    <a:pt x="356" y="540"/>
                  </a:lnTo>
                  <a:lnTo>
                    <a:pt x="335" y="536"/>
                  </a:lnTo>
                  <a:lnTo>
                    <a:pt x="315" y="535"/>
                  </a:lnTo>
                  <a:lnTo>
                    <a:pt x="296" y="533"/>
                  </a:lnTo>
                  <a:lnTo>
                    <a:pt x="278" y="531"/>
                  </a:lnTo>
                  <a:lnTo>
                    <a:pt x="261" y="528"/>
                  </a:lnTo>
                  <a:lnTo>
                    <a:pt x="246" y="526"/>
                  </a:lnTo>
                  <a:lnTo>
                    <a:pt x="230" y="525"/>
                  </a:lnTo>
                  <a:lnTo>
                    <a:pt x="217" y="523"/>
                  </a:lnTo>
                  <a:lnTo>
                    <a:pt x="207" y="523"/>
                  </a:lnTo>
                  <a:lnTo>
                    <a:pt x="197" y="521"/>
                  </a:lnTo>
                  <a:lnTo>
                    <a:pt x="188" y="520"/>
                  </a:lnTo>
                  <a:lnTo>
                    <a:pt x="183" y="520"/>
                  </a:lnTo>
                  <a:lnTo>
                    <a:pt x="180" y="518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225" name="Group 126"/>
            <p:cNvGrpSpPr>
              <a:grpSpLocks/>
            </p:cNvGrpSpPr>
            <p:nvPr/>
          </p:nvGrpSpPr>
          <p:grpSpPr bwMode="auto">
            <a:xfrm>
              <a:off x="3179" y="1296"/>
              <a:ext cx="723" cy="681"/>
              <a:chOff x="3132" y="1095"/>
              <a:chExt cx="724" cy="681"/>
            </a:xfrm>
          </p:grpSpPr>
          <p:sp>
            <p:nvSpPr>
              <p:cNvPr id="288" name="Freeform 127"/>
              <p:cNvSpPr>
                <a:spLocks/>
              </p:cNvSpPr>
              <p:nvPr/>
            </p:nvSpPr>
            <p:spPr bwMode="auto">
              <a:xfrm>
                <a:off x="3132" y="1095"/>
                <a:ext cx="548" cy="284"/>
              </a:xfrm>
              <a:custGeom>
                <a:avLst/>
                <a:gdLst>
                  <a:gd name="T0" fmla="*/ 12 w 564"/>
                  <a:gd name="T1" fmla="*/ 83 h 293"/>
                  <a:gd name="T2" fmla="*/ 17 w 564"/>
                  <a:gd name="T3" fmla="*/ 98 h 293"/>
                  <a:gd name="T4" fmla="*/ 27 w 564"/>
                  <a:gd name="T5" fmla="*/ 104 h 293"/>
                  <a:gd name="T6" fmla="*/ 45 w 564"/>
                  <a:gd name="T7" fmla="*/ 104 h 293"/>
                  <a:gd name="T8" fmla="*/ 79 w 564"/>
                  <a:gd name="T9" fmla="*/ 112 h 293"/>
                  <a:gd name="T10" fmla="*/ 104 w 564"/>
                  <a:gd name="T11" fmla="*/ 122 h 293"/>
                  <a:gd name="T12" fmla="*/ 137 w 564"/>
                  <a:gd name="T13" fmla="*/ 125 h 293"/>
                  <a:gd name="T14" fmla="*/ 149 w 564"/>
                  <a:gd name="T15" fmla="*/ 137 h 293"/>
                  <a:gd name="T16" fmla="*/ 156 w 564"/>
                  <a:gd name="T17" fmla="*/ 160 h 293"/>
                  <a:gd name="T18" fmla="*/ 154 w 564"/>
                  <a:gd name="T19" fmla="*/ 172 h 293"/>
                  <a:gd name="T20" fmla="*/ 168 w 564"/>
                  <a:gd name="T21" fmla="*/ 184 h 293"/>
                  <a:gd name="T22" fmla="*/ 178 w 564"/>
                  <a:gd name="T23" fmla="*/ 181 h 293"/>
                  <a:gd name="T24" fmla="*/ 182 w 564"/>
                  <a:gd name="T25" fmla="*/ 172 h 293"/>
                  <a:gd name="T26" fmla="*/ 193 w 564"/>
                  <a:gd name="T27" fmla="*/ 151 h 293"/>
                  <a:gd name="T28" fmla="*/ 200 w 564"/>
                  <a:gd name="T29" fmla="*/ 139 h 293"/>
                  <a:gd name="T30" fmla="*/ 206 w 564"/>
                  <a:gd name="T31" fmla="*/ 122 h 293"/>
                  <a:gd name="T32" fmla="*/ 206 w 564"/>
                  <a:gd name="T33" fmla="*/ 132 h 293"/>
                  <a:gd name="T34" fmla="*/ 218 w 564"/>
                  <a:gd name="T35" fmla="*/ 125 h 293"/>
                  <a:gd name="T36" fmla="*/ 229 w 564"/>
                  <a:gd name="T37" fmla="*/ 127 h 293"/>
                  <a:gd name="T38" fmla="*/ 224 w 564"/>
                  <a:gd name="T39" fmla="*/ 139 h 293"/>
                  <a:gd name="T40" fmla="*/ 229 w 564"/>
                  <a:gd name="T41" fmla="*/ 137 h 293"/>
                  <a:gd name="T42" fmla="*/ 244 w 564"/>
                  <a:gd name="T43" fmla="*/ 125 h 293"/>
                  <a:gd name="T44" fmla="*/ 250 w 564"/>
                  <a:gd name="T45" fmla="*/ 111 h 293"/>
                  <a:gd name="T46" fmla="*/ 287 w 564"/>
                  <a:gd name="T47" fmla="*/ 98 h 293"/>
                  <a:gd name="T48" fmla="*/ 315 w 564"/>
                  <a:gd name="T49" fmla="*/ 101 h 293"/>
                  <a:gd name="T50" fmla="*/ 335 w 564"/>
                  <a:gd name="T51" fmla="*/ 114 h 293"/>
                  <a:gd name="T52" fmla="*/ 334 w 564"/>
                  <a:gd name="T53" fmla="*/ 101 h 293"/>
                  <a:gd name="T54" fmla="*/ 341 w 564"/>
                  <a:gd name="T55" fmla="*/ 97 h 293"/>
                  <a:gd name="T56" fmla="*/ 351 w 564"/>
                  <a:gd name="T57" fmla="*/ 98 h 293"/>
                  <a:gd name="T58" fmla="*/ 373 w 564"/>
                  <a:gd name="T59" fmla="*/ 94 h 293"/>
                  <a:gd name="T60" fmla="*/ 360 w 564"/>
                  <a:gd name="T61" fmla="*/ 79 h 293"/>
                  <a:gd name="T62" fmla="*/ 357 w 564"/>
                  <a:gd name="T63" fmla="*/ 65 h 293"/>
                  <a:gd name="T64" fmla="*/ 347 w 564"/>
                  <a:gd name="T65" fmla="*/ 63 h 293"/>
                  <a:gd name="T66" fmla="*/ 331 w 564"/>
                  <a:gd name="T67" fmla="*/ 64 h 293"/>
                  <a:gd name="T68" fmla="*/ 309 w 564"/>
                  <a:gd name="T69" fmla="*/ 46 h 293"/>
                  <a:gd name="T70" fmla="*/ 304 w 564"/>
                  <a:gd name="T71" fmla="*/ 42 h 293"/>
                  <a:gd name="T72" fmla="*/ 290 w 564"/>
                  <a:gd name="T73" fmla="*/ 46 h 293"/>
                  <a:gd name="T74" fmla="*/ 264 w 564"/>
                  <a:gd name="T75" fmla="*/ 53 h 293"/>
                  <a:gd name="T76" fmla="*/ 247 w 564"/>
                  <a:gd name="T77" fmla="*/ 54 h 293"/>
                  <a:gd name="T78" fmla="*/ 212 w 564"/>
                  <a:gd name="T79" fmla="*/ 76 h 293"/>
                  <a:gd name="T80" fmla="*/ 203 w 564"/>
                  <a:gd name="T81" fmla="*/ 72 h 293"/>
                  <a:gd name="T82" fmla="*/ 190 w 564"/>
                  <a:gd name="T83" fmla="*/ 75 h 293"/>
                  <a:gd name="T84" fmla="*/ 170 w 564"/>
                  <a:gd name="T85" fmla="*/ 65 h 293"/>
                  <a:gd name="T86" fmla="*/ 151 w 564"/>
                  <a:gd name="T87" fmla="*/ 45 h 293"/>
                  <a:gd name="T88" fmla="*/ 127 w 564"/>
                  <a:gd name="T89" fmla="*/ 52 h 293"/>
                  <a:gd name="T90" fmla="*/ 130 w 564"/>
                  <a:gd name="T91" fmla="*/ 44 h 293"/>
                  <a:gd name="T92" fmla="*/ 117 w 564"/>
                  <a:gd name="T93" fmla="*/ 52 h 293"/>
                  <a:gd name="T94" fmla="*/ 113 w 564"/>
                  <a:gd name="T95" fmla="*/ 42 h 293"/>
                  <a:gd name="T96" fmla="*/ 108 w 564"/>
                  <a:gd name="T97" fmla="*/ 40 h 293"/>
                  <a:gd name="T98" fmla="*/ 111 w 564"/>
                  <a:gd name="T99" fmla="*/ 35 h 293"/>
                  <a:gd name="T100" fmla="*/ 113 w 564"/>
                  <a:gd name="T101" fmla="*/ 35 h 293"/>
                  <a:gd name="T102" fmla="*/ 114 w 564"/>
                  <a:gd name="T103" fmla="*/ 39 h 293"/>
                  <a:gd name="T104" fmla="*/ 117 w 564"/>
                  <a:gd name="T105" fmla="*/ 37 h 293"/>
                  <a:gd name="T106" fmla="*/ 142 w 564"/>
                  <a:gd name="T107" fmla="*/ 8 h 293"/>
                  <a:gd name="T108" fmla="*/ 152 w 564"/>
                  <a:gd name="T109" fmla="*/ 3 h 293"/>
                  <a:gd name="T110" fmla="*/ 132 w 564"/>
                  <a:gd name="T111" fmla="*/ 2 h 293"/>
                  <a:gd name="T112" fmla="*/ 104 w 564"/>
                  <a:gd name="T113" fmla="*/ 20 h 293"/>
                  <a:gd name="T114" fmla="*/ 87 w 564"/>
                  <a:gd name="T115" fmla="*/ 38 h 293"/>
                  <a:gd name="T116" fmla="*/ 74 w 564"/>
                  <a:gd name="T117" fmla="*/ 46 h 293"/>
                  <a:gd name="T118" fmla="*/ 55 w 564"/>
                  <a:gd name="T119" fmla="*/ 59 h 293"/>
                  <a:gd name="T120" fmla="*/ 42 w 564"/>
                  <a:gd name="T121" fmla="*/ 61 h 293"/>
                  <a:gd name="T122" fmla="*/ 17 w 564"/>
                  <a:gd name="T123" fmla="*/ 76 h 293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w 564"/>
                  <a:gd name="T187" fmla="*/ 0 h 293"/>
                  <a:gd name="T188" fmla="*/ 564 w 564"/>
                  <a:gd name="T189" fmla="*/ 293 h 293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T186" t="T187" r="T188" b="T189"/>
                <a:pathLst>
                  <a:path w="564" h="293">
                    <a:moveTo>
                      <a:pt x="0" y="129"/>
                    </a:moveTo>
                    <a:lnTo>
                      <a:pt x="2" y="129"/>
                    </a:lnTo>
                    <a:lnTo>
                      <a:pt x="4" y="129"/>
                    </a:lnTo>
                    <a:lnTo>
                      <a:pt x="6" y="129"/>
                    </a:lnTo>
                    <a:lnTo>
                      <a:pt x="9" y="129"/>
                    </a:lnTo>
                    <a:lnTo>
                      <a:pt x="12" y="129"/>
                    </a:lnTo>
                    <a:lnTo>
                      <a:pt x="17" y="130"/>
                    </a:lnTo>
                    <a:lnTo>
                      <a:pt x="21" y="135"/>
                    </a:lnTo>
                    <a:lnTo>
                      <a:pt x="26" y="140"/>
                    </a:lnTo>
                    <a:lnTo>
                      <a:pt x="29" y="149"/>
                    </a:lnTo>
                    <a:lnTo>
                      <a:pt x="31" y="151"/>
                    </a:lnTo>
                    <a:lnTo>
                      <a:pt x="31" y="152"/>
                    </a:lnTo>
                    <a:lnTo>
                      <a:pt x="34" y="154"/>
                    </a:lnTo>
                    <a:lnTo>
                      <a:pt x="36" y="156"/>
                    </a:lnTo>
                    <a:lnTo>
                      <a:pt x="38" y="157"/>
                    </a:lnTo>
                    <a:lnTo>
                      <a:pt x="39" y="159"/>
                    </a:lnTo>
                    <a:lnTo>
                      <a:pt x="41" y="159"/>
                    </a:lnTo>
                    <a:lnTo>
                      <a:pt x="41" y="161"/>
                    </a:lnTo>
                    <a:lnTo>
                      <a:pt x="44" y="161"/>
                    </a:lnTo>
                    <a:lnTo>
                      <a:pt x="48" y="161"/>
                    </a:lnTo>
                    <a:lnTo>
                      <a:pt x="53" y="161"/>
                    </a:lnTo>
                    <a:lnTo>
                      <a:pt x="60" y="162"/>
                    </a:lnTo>
                    <a:lnTo>
                      <a:pt x="66" y="162"/>
                    </a:lnTo>
                    <a:lnTo>
                      <a:pt x="75" y="164"/>
                    </a:lnTo>
                    <a:lnTo>
                      <a:pt x="83" y="166"/>
                    </a:lnTo>
                    <a:lnTo>
                      <a:pt x="92" y="168"/>
                    </a:lnTo>
                    <a:lnTo>
                      <a:pt x="100" y="169"/>
                    </a:lnTo>
                    <a:lnTo>
                      <a:pt x="109" y="171"/>
                    </a:lnTo>
                    <a:lnTo>
                      <a:pt x="117" y="174"/>
                    </a:lnTo>
                    <a:lnTo>
                      <a:pt x="126" y="176"/>
                    </a:lnTo>
                    <a:lnTo>
                      <a:pt x="132" y="179"/>
                    </a:lnTo>
                    <a:lnTo>
                      <a:pt x="139" y="183"/>
                    </a:lnTo>
                    <a:lnTo>
                      <a:pt x="146" y="186"/>
                    </a:lnTo>
                    <a:lnTo>
                      <a:pt x="148" y="186"/>
                    </a:lnTo>
                    <a:lnTo>
                      <a:pt x="154" y="188"/>
                    </a:lnTo>
                    <a:lnTo>
                      <a:pt x="165" y="190"/>
                    </a:lnTo>
                    <a:lnTo>
                      <a:pt x="175" y="190"/>
                    </a:lnTo>
                    <a:lnTo>
                      <a:pt x="185" y="191"/>
                    </a:lnTo>
                    <a:lnTo>
                      <a:pt x="193" y="193"/>
                    </a:lnTo>
                    <a:lnTo>
                      <a:pt x="200" y="193"/>
                    </a:lnTo>
                    <a:lnTo>
                      <a:pt x="204" y="193"/>
                    </a:lnTo>
                    <a:lnTo>
                      <a:pt x="207" y="198"/>
                    </a:lnTo>
                    <a:lnTo>
                      <a:pt x="210" y="210"/>
                    </a:lnTo>
                    <a:lnTo>
                      <a:pt x="212" y="210"/>
                    </a:lnTo>
                    <a:lnTo>
                      <a:pt x="214" y="210"/>
                    </a:lnTo>
                    <a:lnTo>
                      <a:pt x="219" y="210"/>
                    </a:lnTo>
                    <a:lnTo>
                      <a:pt x="222" y="212"/>
                    </a:lnTo>
                    <a:lnTo>
                      <a:pt x="227" y="215"/>
                    </a:lnTo>
                    <a:lnTo>
                      <a:pt x="231" y="222"/>
                    </a:lnTo>
                    <a:lnTo>
                      <a:pt x="234" y="230"/>
                    </a:lnTo>
                    <a:lnTo>
                      <a:pt x="236" y="242"/>
                    </a:lnTo>
                    <a:lnTo>
                      <a:pt x="236" y="244"/>
                    </a:lnTo>
                    <a:lnTo>
                      <a:pt x="234" y="247"/>
                    </a:lnTo>
                    <a:lnTo>
                      <a:pt x="234" y="250"/>
                    </a:lnTo>
                    <a:lnTo>
                      <a:pt x="234" y="256"/>
                    </a:lnTo>
                    <a:lnTo>
                      <a:pt x="232" y="259"/>
                    </a:lnTo>
                    <a:lnTo>
                      <a:pt x="232" y="262"/>
                    </a:lnTo>
                    <a:lnTo>
                      <a:pt x="231" y="266"/>
                    </a:lnTo>
                    <a:lnTo>
                      <a:pt x="253" y="266"/>
                    </a:lnTo>
                    <a:lnTo>
                      <a:pt x="253" y="267"/>
                    </a:lnTo>
                    <a:lnTo>
                      <a:pt x="251" y="269"/>
                    </a:lnTo>
                    <a:lnTo>
                      <a:pt x="251" y="274"/>
                    </a:lnTo>
                    <a:lnTo>
                      <a:pt x="251" y="279"/>
                    </a:lnTo>
                    <a:lnTo>
                      <a:pt x="251" y="284"/>
                    </a:lnTo>
                    <a:lnTo>
                      <a:pt x="253" y="288"/>
                    </a:lnTo>
                    <a:lnTo>
                      <a:pt x="256" y="291"/>
                    </a:lnTo>
                    <a:lnTo>
                      <a:pt x="261" y="293"/>
                    </a:lnTo>
                    <a:lnTo>
                      <a:pt x="266" y="279"/>
                    </a:lnTo>
                    <a:lnTo>
                      <a:pt x="266" y="281"/>
                    </a:lnTo>
                    <a:lnTo>
                      <a:pt x="266" y="279"/>
                    </a:lnTo>
                    <a:lnTo>
                      <a:pt x="266" y="278"/>
                    </a:lnTo>
                    <a:lnTo>
                      <a:pt x="268" y="274"/>
                    </a:lnTo>
                    <a:lnTo>
                      <a:pt x="270" y="271"/>
                    </a:lnTo>
                    <a:lnTo>
                      <a:pt x="271" y="266"/>
                    </a:lnTo>
                    <a:lnTo>
                      <a:pt x="275" y="261"/>
                    </a:lnTo>
                    <a:lnTo>
                      <a:pt x="276" y="256"/>
                    </a:lnTo>
                    <a:lnTo>
                      <a:pt x="280" y="250"/>
                    </a:lnTo>
                    <a:lnTo>
                      <a:pt x="283" y="245"/>
                    </a:lnTo>
                    <a:lnTo>
                      <a:pt x="286" y="239"/>
                    </a:lnTo>
                    <a:lnTo>
                      <a:pt x="288" y="234"/>
                    </a:lnTo>
                    <a:lnTo>
                      <a:pt x="292" y="228"/>
                    </a:lnTo>
                    <a:lnTo>
                      <a:pt x="293" y="225"/>
                    </a:lnTo>
                    <a:lnTo>
                      <a:pt x="297" y="220"/>
                    </a:lnTo>
                    <a:lnTo>
                      <a:pt x="298" y="218"/>
                    </a:lnTo>
                    <a:lnTo>
                      <a:pt x="298" y="217"/>
                    </a:lnTo>
                    <a:lnTo>
                      <a:pt x="300" y="215"/>
                    </a:lnTo>
                    <a:lnTo>
                      <a:pt x="300" y="206"/>
                    </a:lnTo>
                    <a:lnTo>
                      <a:pt x="302" y="198"/>
                    </a:lnTo>
                    <a:lnTo>
                      <a:pt x="303" y="193"/>
                    </a:lnTo>
                    <a:lnTo>
                      <a:pt x="305" y="191"/>
                    </a:lnTo>
                    <a:lnTo>
                      <a:pt x="307" y="188"/>
                    </a:lnTo>
                    <a:lnTo>
                      <a:pt x="308" y="188"/>
                    </a:lnTo>
                    <a:lnTo>
                      <a:pt x="310" y="188"/>
                    </a:lnTo>
                    <a:lnTo>
                      <a:pt x="308" y="191"/>
                    </a:lnTo>
                    <a:lnTo>
                      <a:pt x="308" y="195"/>
                    </a:lnTo>
                    <a:lnTo>
                      <a:pt x="308" y="198"/>
                    </a:lnTo>
                    <a:lnTo>
                      <a:pt x="308" y="203"/>
                    </a:lnTo>
                    <a:lnTo>
                      <a:pt x="308" y="206"/>
                    </a:lnTo>
                    <a:lnTo>
                      <a:pt x="308" y="210"/>
                    </a:lnTo>
                    <a:lnTo>
                      <a:pt x="310" y="213"/>
                    </a:lnTo>
                    <a:lnTo>
                      <a:pt x="327" y="201"/>
                    </a:lnTo>
                    <a:lnTo>
                      <a:pt x="327" y="193"/>
                    </a:lnTo>
                    <a:lnTo>
                      <a:pt x="336" y="191"/>
                    </a:lnTo>
                    <a:lnTo>
                      <a:pt x="341" y="186"/>
                    </a:lnTo>
                    <a:lnTo>
                      <a:pt x="346" y="191"/>
                    </a:lnTo>
                    <a:lnTo>
                      <a:pt x="344" y="191"/>
                    </a:lnTo>
                    <a:lnTo>
                      <a:pt x="344" y="193"/>
                    </a:lnTo>
                    <a:lnTo>
                      <a:pt x="342" y="196"/>
                    </a:lnTo>
                    <a:lnTo>
                      <a:pt x="341" y="198"/>
                    </a:lnTo>
                    <a:lnTo>
                      <a:pt x="339" y="201"/>
                    </a:lnTo>
                    <a:lnTo>
                      <a:pt x="336" y="205"/>
                    </a:lnTo>
                    <a:lnTo>
                      <a:pt x="336" y="208"/>
                    </a:lnTo>
                    <a:lnTo>
                      <a:pt x="336" y="210"/>
                    </a:lnTo>
                    <a:lnTo>
                      <a:pt x="336" y="215"/>
                    </a:lnTo>
                    <a:lnTo>
                      <a:pt x="336" y="218"/>
                    </a:lnTo>
                    <a:lnTo>
                      <a:pt x="337" y="218"/>
                    </a:lnTo>
                    <a:lnTo>
                      <a:pt x="339" y="217"/>
                    </a:lnTo>
                    <a:lnTo>
                      <a:pt x="341" y="215"/>
                    </a:lnTo>
                    <a:lnTo>
                      <a:pt x="342" y="213"/>
                    </a:lnTo>
                    <a:lnTo>
                      <a:pt x="342" y="212"/>
                    </a:lnTo>
                    <a:lnTo>
                      <a:pt x="344" y="210"/>
                    </a:lnTo>
                    <a:lnTo>
                      <a:pt x="354" y="198"/>
                    </a:lnTo>
                    <a:lnTo>
                      <a:pt x="356" y="198"/>
                    </a:lnTo>
                    <a:lnTo>
                      <a:pt x="359" y="196"/>
                    </a:lnTo>
                    <a:lnTo>
                      <a:pt x="363" y="193"/>
                    </a:lnTo>
                    <a:lnTo>
                      <a:pt x="364" y="193"/>
                    </a:lnTo>
                    <a:lnTo>
                      <a:pt x="363" y="188"/>
                    </a:lnTo>
                    <a:lnTo>
                      <a:pt x="363" y="183"/>
                    </a:lnTo>
                    <a:lnTo>
                      <a:pt x="364" y="179"/>
                    </a:lnTo>
                    <a:lnTo>
                      <a:pt x="366" y="176"/>
                    </a:lnTo>
                    <a:lnTo>
                      <a:pt x="369" y="174"/>
                    </a:lnTo>
                    <a:lnTo>
                      <a:pt x="373" y="173"/>
                    </a:lnTo>
                    <a:lnTo>
                      <a:pt x="374" y="173"/>
                    </a:lnTo>
                    <a:lnTo>
                      <a:pt x="376" y="171"/>
                    </a:lnTo>
                    <a:lnTo>
                      <a:pt x="400" y="173"/>
                    </a:lnTo>
                    <a:lnTo>
                      <a:pt x="400" y="168"/>
                    </a:lnTo>
                    <a:lnTo>
                      <a:pt x="417" y="168"/>
                    </a:lnTo>
                    <a:lnTo>
                      <a:pt x="429" y="151"/>
                    </a:lnTo>
                    <a:lnTo>
                      <a:pt x="468" y="154"/>
                    </a:lnTo>
                    <a:lnTo>
                      <a:pt x="471" y="157"/>
                    </a:lnTo>
                    <a:lnTo>
                      <a:pt x="474" y="159"/>
                    </a:lnTo>
                    <a:lnTo>
                      <a:pt x="479" y="162"/>
                    </a:lnTo>
                    <a:lnTo>
                      <a:pt x="486" y="168"/>
                    </a:lnTo>
                    <a:lnTo>
                      <a:pt x="493" y="171"/>
                    </a:lnTo>
                    <a:lnTo>
                      <a:pt x="498" y="174"/>
                    </a:lnTo>
                    <a:lnTo>
                      <a:pt x="501" y="176"/>
                    </a:lnTo>
                    <a:lnTo>
                      <a:pt x="503" y="174"/>
                    </a:lnTo>
                    <a:lnTo>
                      <a:pt x="503" y="173"/>
                    </a:lnTo>
                    <a:lnTo>
                      <a:pt x="501" y="171"/>
                    </a:lnTo>
                    <a:lnTo>
                      <a:pt x="501" y="166"/>
                    </a:lnTo>
                    <a:lnTo>
                      <a:pt x="500" y="162"/>
                    </a:lnTo>
                    <a:lnTo>
                      <a:pt x="500" y="157"/>
                    </a:lnTo>
                    <a:lnTo>
                      <a:pt x="501" y="154"/>
                    </a:lnTo>
                    <a:lnTo>
                      <a:pt x="501" y="152"/>
                    </a:lnTo>
                    <a:lnTo>
                      <a:pt x="505" y="151"/>
                    </a:lnTo>
                    <a:lnTo>
                      <a:pt x="506" y="149"/>
                    </a:lnTo>
                    <a:lnTo>
                      <a:pt x="508" y="149"/>
                    </a:lnTo>
                    <a:lnTo>
                      <a:pt x="510" y="149"/>
                    </a:lnTo>
                    <a:lnTo>
                      <a:pt x="510" y="152"/>
                    </a:lnTo>
                    <a:lnTo>
                      <a:pt x="513" y="154"/>
                    </a:lnTo>
                    <a:lnTo>
                      <a:pt x="517" y="154"/>
                    </a:lnTo>
                    <a:lnTo>
                      <a:pt x="520" y="154"/>
                    </a:lnTo>
                    <a:lnTo>
                      <a:pt x="525" y="152"/>
                    </a:lnTo>
                    <a:lnTo>
                      <a:pt x="528" y="151"/>
                    </a:lnTo>
                    <a:lnTo>
                      <a:pt x="532" y="151"/>
                    </a:lnTo>
                    <a:lnTo>
                      <a:pt x="532" y="149"/>
                    </a:lnTo>
                    <a:lnTo>
                      <a:pt x="562" y="149"/>
                    </a:lnTo>
                    <a:lnTo>
                      <a:pt x="564" y="144"/>
                    </a:lnTo>
                    <a:lnTo>
                      <a:pt x="559" y="144"/>
                    </a:lnTo>
                    <a:lnTo>
                      <a:pt x="550" y="129"/>
                    </a:lnTo>
                    <a:lnTo>
                      <a:pt x="537" y="129"/>
                    </a:lnTo>
                    <a:lnTo>
                      <a:pt x="537" y="127"/>
                    </a:lnTo>
                    <a:lnTo>
                      <a:pt x="537" y="125"/>
                    </a:lnTo>
                    <a:lnTo>
                      <a:pt x="537" y="124"/>
                    </a:lnTo>
                    <a:lnTo>
                      <a:pt x="535" y="120"/>
                    </a:lnTo>
                    <a:lnTo>
                      <a:pt x="535" y="118"/>
                    </a:lnTo>
                    <a:lnTo>
                      <a:pt x="535" y="117"/>
                    </a:lnTo>
                    <a:lnTo>
                      <a:pt x="535" y="115"/>
                    </a:lnTo>
                    <a:lnTo>
                      <a:pt x="535" y="105"/>
                    </a:lnTo>
                    <a:lnTo>
                      <a:pt x="534" y="100"/>
                    </a:lnTo>
                    <a:lnTo>
                      <a:pt x="530" y="96"/>
                    </a:lnTo>
                    <a:lnTo>
                      <a:pt x="527" y="95"/>
                    </a:lnTo>
                    <a:lnTo>
                      <a:pt x="523" y="95"/>
                    </a:lnTo>
                    <a:lnTo>
                      <a:pt x="520" y="95"/>
                    </a:lnTo>
                    <a:lnTo>
                      <a:pt x="518" y="96"/>
                    </a:lnTo>
                    <a:lnTo>
                      <a:pt x="513" y="102"/>
                    </a:lnTo>
                    <a:lnTo>
                      <a:pt x="508" y="102"/>
                    </a:lnTo>
                    <a:lnTo>
                      <a:pt x="505" y="102"/>
                    </a:lnTo>
                    <a:lnTo>
                      <a:pt x="501" y="102"/>
                    </a:lnTo>
                    <a:lnTo>
                      <a:pt x="500" y="100"/>
                    </a:lnTo>
                    <a:lnTo>
                      <a:pt x="496" y="98"/>
                    </a:lnTo>
                    <a:lnTo>
                      <a:pt x="496" y="96"/>
                    </a:lnTo>
                    <a:lnTo>
                      <a:pt x="496" y="95"/>
                    </a:lnTo>
                    <a:lnTo>
                      <a:pt x="490" y="102"/>
                    </a:lnTo>
                    <a:lnTo>
                      <a:pt x="468" y="100"/>
                    </a:lnTo>
                    <a:lnTo>
                      <a:pt x="466" y="95"/>
                    </a:lnTo>
                    <a:lnTo>
                      <a:pt x="462" y="73"/>
                    </a:lnTo>
                    <a:lnTo>
                      <a:pt x="466" y="68"/>
                    </a:lnTo>
                    <a:lnTo>
                      <a:pt x="464" y="61"/>
                    </a:lnTo>
                    <a:lnTo>
                      <a:pt x="462" y="63"/>
                    </a:lnTo>
                    <a:lnTo>
                      <a:pt x="459" y="63"/>
                    </a:lnTo>
                    <a:lnTo>
                      <a:pt x="456" y="64"/>
                    </a:lnTo>
                    <a:lnTo>
                      <a:pt x="452" y="66"/>
                    </a:lnTo>
                    <a:lnTo>
                      <a:pt x="449" y="66"/>
                    </a:lnTo>
                    <a:lnTo>
                      <a:pt x="447" y="68"/>
                    </a:lnTo>
                    <a:lnTo>
                      <a:pt x="440" y="71"/>
                    </a:lnTo>
                    <a:lnTo>
                      <a:pt x="434" y="73"/>
                    </a:lnTo>
                    <a:lnTo>
                      <a:pt x="427" y="74"/>
                    </a:lnTo>
                    <a:lnTo>
                      <a:pt x="420" y="78"/>
                    </a:lnTo>
                    <a:lnTo>
                      <a:pt x="413" y="78"/>
                    </a:lnTo>
                    <a:lnTo>
                      <a:pt x="407" y="80"/>
                    </a:lnTo>
                    <a:lnTo>
                      <a:pt x="402" y="81"/>
                    </a:lnTo>
                    <a:lnTo>
                      <a:pt x="395" y="81"/>
                    </a:lnTo>
                    <a:lnTo>
                      <a:pt x="390" y="83"/>
                    </a:lnTo>
                    <a:lnTo>
                      <a:pt x="383" y="83"/>
                    </a:lnTo>
                    <a:lnTo>
                      <a:pt x="380" y="83"/>
                    </a:lnTo>
                    <a:lnTo>
                      <a:pt x="374" y="83"/>
                    </a:lnTo>
                    <a:lnTo>
                      <a:pt x="371" y="83"/>
                    </a:lnTo>
                    <a:lnTo>
                      <a:pt x="369" y="83"/>
                    </a:lnTo>
                    <a:lnTo>
                      <a:pt x="368" y="83"/>
                    </a:lnTo>
                    <a:lnTo>
                      <a:pt x="330" y="118"/>
                    </a:lnTo>
                    <a:lnTo>
                      <a:pt x="324" y="117"/>
                    </a:lnTo>
                    <a:lnTo>
                      <a:pt x="317" y="117"/>
                    </a:lnTo>
                    <a:lnTo>
                      <a:pt x="315" y="117"/>
                    </a:lnTo>
                    <a:lnTo>
                      <a:pt x="312" y="117"/>
                    </a:lnTo>
                    <a:lnTo>
                      <a:pt x="308" y="117"/>
                    </a:lnTo>
                    <a:lnTo>
                      <a:pt x="307" y="117"/>
                    </a:lnTo>
                    <a:lnTo>
                      <a:pt x="305" y="112"/>
                    </a:lnTo>
                    <a:lnTo>
                      <a:pt x="303" y="110"/>
                    </a:lnTo>
                    <a:lnTo>
                      <a:pt x="300" y="108"/>
                    </a:lnTo>
                    <a:lnTo>
                      <a:pt x="297" y="110"/>
                    </a:lnTo>
                    <a:lnTo>
                      <a:pt x="292" y="112"/>
                    </a:lnTo>
                    <a:lnTo>
                      <a:pt x="288" y="113"/>
                    </a:lnTo>
                    <a:lnTo>
                      <a:pt x="286" y="115"/>
                    </a:lnTo>
                    <a:lnTo>
                      <a:pt x="285" y="115"/>
                    </a:lnTo>
                    <a:lnTo>
                      <a:pt x="266" y="115"/>
                    </a:lnTo>
                    <a:lnTo>
                      <a:pt x="263" y="108"/>
                    </a:lnTo>
                    <a:lnTo>
                      <a:pt x="263" y="107"/>
                    </a:lnTo>
                    <a:lnTo>
                      <a:pt x="261" y="105"/>
                    </a:lnTo>
                    <a:lnTo>
                      <a:pt x="258" y="102"/>
                    </a:lnTo>
                    <a:lnTo>
                      <a:pt x="254" y="100"/>
                    </a:lnTo>
                    <a:lnTo>
                      <a:pt x="253" y="96"/>
                    </a:lnTo>
                    <a:lnTo>
                      <a:pt x="249" y="93"/>
                    </a:lnTo>
                    <a:lnTo>
                      <a:pt x="246" y="90"/>
                    </a:lnTo>
                    <a:lnTo>
                      <a:pt x="244" y="88"/>
                    </a:lnTo>
                    <a:lnTo>
                      <a:pt x="236" y="78"/>
                    </a:lnTo>
                    <a:lnTo>
                      <a:pt x="226" y="71"/>
                    </a:lnTo>
                    <a:lnTo>
                      <a:pt x="217" y="69"/>
                    </a:lnTo>
                    <a:lnTo>
                      <a:pt x="209" y="69"/>
                    </a:lnTo>
                    <a:lnTo>
                      <a:pt x="200" y="73"/>
                    </a:lnTo>
                    <a:lnTo>
                      <a:pt x="195" y="76"/>
                    </a:lnTo>
                    <a:lnTo>
                      <a:pt x="192" y="78"/>
                    </a:lnTo>
                    <a:lnTo>
                      <a:pt x="190" y="80"/>
                    </a:lnTo>
                    <a:lnTo>
                      <a:pt x="190" y="78"/>
                    </a:lnTo>
                    <a:lnTo>
                      <a:pt x="192" y="74"/>
                    </a:lnTo>
                    <a:lnTo>
                      <a:pt x="192" y="73"/>
                    </a:lnTo>
                    <a:lnTo>
                      <a:pt x="193" y="71"/>
                    </a:lnTo>
                    <a:lnTo>
                      <a:pt x="193" y="68"/>
                    </a:lnTo>
                    <a:lnTo>
                      <a:pt x="193" y="66"/>
                    </a:lnTo>
                    <a:lnTo>
                      <a:pt x="188" y="68"/>
                    </a:lnTo>
                    <a:lnTo>
                      <a:pt x="183" y="69"/>
                    </a:lnTo>
                    <a:lnTo>
                      <a:pt x="180" y="74"/>
                    </a:lnTo>
                    <a:lnTo>
                      <a:pt x="176" y="80"/>
                    </a:lnTo>
                    <a:lnTo>
                      <a:pt x="173" y="85"/>
                    </a:lnTo>
                    <a:lnTo>
                      <a:pt x="171" y="88"/>
                    </a:lnTo>
                    <a:lnTo>
                      <a:pt x="170" y="91"/>
                    </a:lnTo>
                    <a:lnTo>
                      <a:pt x="168" y="64"/>
                    </a:lnTo>
                    <a:lnTo>
                      <a:pt x="168" y="66"/>
                    </a:lnTo>
                    <a:lnTo>
                      <a:pt x="166" y="66"/>
                    </a:lnTo>
                    <a:lnTo>
                      <a:pt x="165" y="66"/>
                    </a:lnTo>
                    <a:lnTo>
                      <a:pt x="163" y="64"/>
                    </a:lnTo>
                    <a:lnTo>
                      <a:pt x="163" y="63"/>
                    </a:lnTo>
                    <a:lnTo>
                      <a:pt x="161" y="61"/>
                    </a:lnTo>
                    <a:lnTo>
                      <a:pt x="163" y="56"/>
                    </a:lnTo>
                    <a:lnTo>
                      <a:pt x="163" y="52"/>
                    </a:lnTo>
                    <a:lnTo>
                      <a:pt x="165" y="49"/>
                    </a:lnTo>
                    <a:lnTo>
                      <a:pt x="166" y="49"/>
                    </a:lnTo>
                    <a:lnTo>
                      <a:pt x="166" y="51"/>
                    </a:lnTo>
                    <a:lnTo>
                      <a:pt x="168" y="52"/>
                    </a:lnTo>
                    <a:lnTo>
                      <a:pt x="168" y="54"/>
                    </a:lnTo>
                    <a:lnTo>
                      <a:pt x="168" y="52"/>
                    </a:lnTo>
                    <a:lnTo>
                      <a:pt x="168" y="51"/>
                    </a:lnTo>
                    <a:lnTo>
                      <a:pt x="168" y="49"/>
                    </a:lnTo>
                    <a:lnTo>
                      <a:pt x="166" y="47"/>
                    </a:lnTo>
                    <a:lnTo>
                      <a:pt x="168" y="49"/>
                    </a:lnTo>
                    <a:lnTo>
                      <a:pt x="168" y="54"/>
                    </a:lnTo>
                    <a:lnTo>
                      <a:pt x="170" y="59"/>
                    </a:lnTo>
                    <a:lnTo>
                      <a:pt x="171" y="61"/>
                    </a:lnTo>
                    <a:lnTo>
                      <a:pt x="173" y="61"/>
                    </a:lnTo>
                    <a:lnTo>
                      <a:pt x="175" y="61"/>
                    </a:lnTo>
                    <a:lnTo>
                      <a:pt x="175" y="58"/>
                    </a:lnTo>
                    <a:lnTo>
                      <a:pt x="176" y="56"/>
                    </a:lnTo>
                    <a:lnTo>
                      <a:pt x="176" y="54"/>
                    </a:lnTo>
                    <a:lnTo>
                      <a:pt x="185" y="46"/>
                    </a:lnTo>
                    <a:lnTo>
                      <a:pt x="187" y="37"/>
                    </a:lnTo>
                    <a:lnTo>
                      <a:pt x="207" y="19"/>
                    </a:lnTo>
                    <a:lnTo>
                      <a:pt x="214" y="8"/>
                    </a:lnTo>
                    <a:lnTo>
                      <a:pt x="212" y="8"/>
                    </a:lnTo>
                    <a:lnTo>
                      <a:pt x="212" y="10"/>
                    </a:lnTo>
                    <a:lnTo>
                      <a:pt x="214" y="10"/>
                    </a:lnTo>
                    <a:lnTo>
                      <a:pt x="222" y="7"/>
                    </a:lnTo>
                    <a:lnTo>
                      <a:pt x="226" y="5"/>
                    </a:lnTo>
                    <a:lnTo>
                      <a:pt x="227" y="3"/>
                    </a:lnTo>
                    <a:lnTo>
                      <a:pt x="224" y="2"/>
                    </a:lnTo>
                    <a:lnTo>
                      <a:pt x="219" y="2"/>
                    </a:lnTo>
                    <a:lnTo>
                      <a:pt x="215" y="0"/>
                    </a:lnTo>
                    <a:lnTo>
                      <a:pt x="210" y="0"/>
                    </a:lnTo>
                    <a:lnTo>
                      <a:pt x="209" y="0"/>
                    </a:lnTo>
                    <a:lnTo>
                      <a:pt x="197" y="2"/>
                    </a:lnTo>
                    <a:lnTo>
                      <a:pt x="185" y="5"/>
                    </a:lnTo>
                    <a:lnTo>
                      <a:pt x="176" y="12"/>
                    </a:lnTo>
                    <a:lnTo>
                      <a:pt x="168" y="19"/>
                    </a:lnTo>
                    <a:lnTo>
                      <a:pt x="163" y="25"/>
                    </a:lnTo>
                    <a:lnTo>
                      <a:pt x="158" y="30"/>
                    </a:lnTo>
                    <a:lnTo>
                      <a:pt x="154" y="34"/>
                    </a:lnTo>
                    <a:lnTo>
                      <a:pt x="154" y="36"/>
                    </a:lnTo>
                    <a:lnTo>
                      <a:pt x="146" y="37"/>
                    </a:lnTo>
                    <a:lnTo>
                      <a:pt x="141" y="41"/>
                    </a:lnTo>
                    <a:lnTo>
                      <a:pt x="136" y="46"/>
                    </a:lnTo>
                    <a:lnTo>
                      <a:pt x="132" y="51"/>
                    </a:lnTo>
                    <a:lnTo>
                      <a:pt x="131" y="56"/>
                    </a:lnTo>
                    <a:lnTo>
                      <a:pt x="127" y="61"/>
                    </a:lnTo>
                    <a:lnTo>
                      <a:pt x="126" y="64"/>
                    </a:lnTo>
                    <a:lnTo>
                      <a:pt x="122" y="66"/>
                    </a:lnTo>
                    <a:lnTo>
                      <a:pt x="119" y="68"/>
                    </a:lnTo>
                    <a:lnTo>
                      <a:pt x="114" y="69"/>
                    </a:lnTo>
                    <a:lnTo>
                      <a:pt x="109" y="73"/>
                    </a:lnTo>
                    <a:lnTo>
                      <a:pt x="104" y="78"/>
                    </a:lnTo>
                    <a:lnTo>
                      <a:pt x="99" y="81"/>
                    </a:lnTo>
                    <a:lnTo>
                      <a:pt x="95" y="85"/>
                    </a:lnTo>
                    <a:lnTo>
                      <a:pt x="92" y="88"/>
                    </a:lnTo>
                    <a:lnTo>
                      <a:pt x="92" y="90"/>
                    </a:lnTo>
                    <a:lnTo>
                      <a:pt x="83" y="90"/>
                    </a:lnTo>
                    <a:lnTo>
                      <a:pt x="73" y="90"/>
                    </a:lnTo>
                    <a:lnTo>
                      <a:pt x="73" y="91"/>
                    </a:lnTo>
                    <a:lnTo>
                      <a:pt x="70" y="91"/>
                    </a:lnTo>
                    <a:lnTo>
                      <a:pt x="66" y="91"/>
                    </a:lnTo>
                    <a:lnTo>
                      <a:pt x="65" y="93"/>
                    </a:lnTo>
                    <a:lnTo>
                      <a:pt x="60" y="93"/>
                    </a:lnTo>
                    <a:lnTo>
                      <a:pt x="56" y="95"/>
                    </a:lnTo>
                    <a:lnTo>
                      <a:pt x="55" y="96"/>
                    </a:lnTo>
                    <a:lnTo>
                      <a:pt x="53" y="96"/>
                    </a:lnTo>
                    <a:lnTo>
                      <a:pt x="46" y="105"/>
                    </a:lnTo>
                    <a:lnTo>
                      <a:pt x="38" y="112"/>
                    </a:lnTo>
                    <a:lnTo>
                      <a:pt x="29" y="117"/>
                    </a:lnTo>
                    <a:lnTo>
                      <a:pt x="21" y="120"/>
                    </a:lnTo>
                    <a:lnTo>
                      <a:pt x="12" y="124"/>
                    </a:lnTo>
                    <a:lnTo>
                      <a:pt x="7" y="127"/>
                    </a:lnTo>
                    <a:lnTo>
                      <a:pt x="2" y="127"/>
                    </a:lnTo>
                    <a:lnTo>
                      <a:pt x="0" y="12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89" name="Freeform 128"/>
              <p:cNvSpPr>
                <a:spLocks/>
              </p:cNvSpPr>
              <p:nvPr/>
            </p:nvSpPr>
            <p:spPr bwMode="auto">
              <a:xfrm>
                <a:off x="3490" y="1273"/>
                <a:ext cx="366" cy="503"/>
              </a:xfrm>
              <a:custGeom>
                <a:avLst/>
                <a:gdLst>
                  <a:gd name="T0" fmla="*/ 211 w 377"/>
                  <a:gd name="T1" fmla="*/ 296 h 519"/>
                  <a:gd name="T2" fmla="*/ 216 w 377"/>
                  <a:gd name="T3" fmla="*/ 272 h 519"/>
                  <a:gd name="T4" fmla="*/ 230 w 377"/>
                  <a:gd name="T5" fmla="*/ 256 h 519"/>
                  <a:gd name="T6" fmla="*/ 236 w 377"/>
                  <a:gd name="T7" fmla="*/ 241 h 519"/>
                  <a:gd name="T8" fmla="*/ 237 w 377"/>
                  <a:gd name="T9" fmla="*/ 233 h 519"/>
                  <a:gd name="T10" fmla="*/ 244 w 377"/>
                  <a:gd name="T11" fmla="*/ 236 h 519"/>
                  <a:gd name="T12" fmla="*/ 248 w 377"/>
                  <a:gd name="T13" fmla="*/ 233 h 519"/>
                  <a:gd name="T14" fmla="*/ 250 w 377"/>
                  <a:gd name="T15" fmla="*/ 204 h 519"/>
                  <a:gd name="T16" fmla="*/ 229 w 377"/>
                  <a:gd name="T17" fmla="*/ 139 h 519"/>
                  <a:gd name="T18" fmla="*/ 214 w 377"/>
                  <a:gd name="T19" fmla="*/ 122 h 519"/>
                  <a:gd name="T20" fmla="*/ 204 w 377"/>
                  <a:gd name="T21" fmla="*/ 128 h 519"/>
                  <a:gd name="T22" fmla="*/ 192 w 377"/>
                  <a:gd name="T23" fmla="*/ 133 h 519"/>
                  <a:gd name="T24" fmla="*/ 186 w 377"/>
                  <a:gd name="T25" fmla="*/ 148 h 519"/>
                  <a:gd name="T26" fmla="*/ 176 w 377"/>
                  <a:gd name="T27" fmla="*/ 162 h 519"/>
                  <a:gd name="T28" fmla="*/ 172 w 377"/>
                  <a:gd name="T29" fmla="*/ 168 h 519"/>
                  <a:gd name="T30" fmla="*/ 166 w 377"/>
                  <a:gd name="T31" fmla="*/ 166 h 519"/>
                  <a:gd name="T32" fmla="*/ 153 w 377"/>
                  <a:gd name="T33" fmla="*/ 155 h 519"/>
                  <a:gd name="T34" fmla="*/ 156 w 377"/>
                  <a:gd name="T35" fmla="*/ 139 h 519"/>
                  <a:gd name="T36" fmla="*/ 164 w 377"/>
                  <a:gd name="T37" fmla="*/ 135 h 519"/>
                  <a:gd name="T38" fmla="*/ 182 w 377"/>
                  <a:gd name="T39" fmla="*/ 98 h 519"/>
                  <a:gd name="T40" fmla="*/ 182 w 377"/>
                  <a:gd name="T41" fmla="*/ 76 h 519"/>
                  <a:gd name="T42" fmla="*/ 173 w 377"/>
                  <a:gd name="T43" fmla="*/ 59 h 519"/>
                  <a:gd name="T44" fmla="*/ 169 w 377"/>
                  <a:gd name="T45" fmla="*/ 47 h 519"/>
                  <a:gd name="T46" fmla="*/ 178 w 377"/>
                  <a:gd name="T47" fmla="*/ 48 h 519"/>
                  <a:gd name="T48" fmla="*/ 164 w 377"/>
                  <a:gd name="T49" fmla="*/ 26 h 519"/>
                  <a:gd name="T50" fmla="*/ 140 w 377"/>
                  <a:gd name="T51" fmla="*/ 16 h 519"/>
                  <a:gd name="T52" fmla="*/ 91 w 377"/>
                  <a:gd name="T53" fmla="*/ 0 h 519"/>
                  <a:gd name="T54" fmla="*/ 77 w 377"/>
                  <a:gd name="T55" fmla="*/ 10 h 519"/>
                  <a:gd name="T56" fmla="*/ 71 w 377"/>
                  <a:gd name="T57" fmla="*/ 23 h 519"/>
                  <a:gd name="T58" fmla="*/ 79 w 377"/>
                  <a:gd name="T59" fmla="*/ 33 h 519"/>
                  <a:gd name="T60" fmla="*/ 72 w 377"/>
                  <a:gd name="T61" fmla="*/ 37 h 519"/>
                  <a:gd name="T62" fmla="*/ 57 w 377"/>
                  <a:gd name="T63" fmla="*/ 46 h 519"/>
                  <a:gd name="T64" fmla="*/ 59 w 377"/>
                  <a:gd name="T65" fmla="*/ 66 h 519"/>
                  <a:gd name="T66" fmla="*/ 55 w 377"/>
                  <a:gd name="T67" fmla="*/ 81 h 519"/>
                  <a:gd name="T68" fmla="*/ 47 w 377"/>
                  <a:gd name="T69" fmla="*/ 85 h 519"/>
                  <a:gd name="T70" fmla="*/ 47 w 377"/>
                  <a:gd name="T71" fmla="*/ 69 h 519"/>
                  <a:gd name="T72" fmla="*/ 44 w 377"/>
                  <a:gd name="T73" fmla="*/ 53 h 519"/>
                  <a:gd name="T74" fmla="*/ 42 w 377"/>
                  <a:gd name="T75" fmla="*/ 59 h 519"/>
                  <a:gd name="T76" fmla="*/ 36 w 377"/>
                  <a:gd name="T77" fmla="*/ 74 h 519"/>
                  <a:gd name="T78" fmla="*/ 25 w 377"/>
                  <a:gd name="T79" fmla="*/ 75 h 519"/>
                  <a:gd name="T80" fmla="*/ 18 w 377"/>
                  <a:gd name="T81" fmla="*/ 78 h 519"/>
                  <a:gd name="T82" fmla="*/ 17 w 377"/>
                  <a:gd name="T83" fmla="*/ 91 h 519"/>
                  <a:gd name="T84" fmla="*/ 17 w 377"/>
                  <a:gd name="T85" fmla="*/ 103 h 519"/>
                  <a:gd name="T86" fmla="*/ 17 w 377"/>
                  <a:gd name="T87" fmla="*/ 117 h 519"/>
                  <a:gd name="T88" fmla="*/ 10 w 377"/>
                  <a:gd name="T89" fmla="*/ 139 h 519"/>
                  <a:gd name="T90" fmla="*/ 3 w 377"/>
                  <a:gd name="T91" fmla="*/ 150 h 519"/>
                  <a:gd name="T92" fmla="*/ 10 w 377"/>
                  <a:gd name="T93" fmla="*/ 170 h 519"/>
                  <a:gd name="T94" fmla="*/ 3 w 377"/>
                  <a:gd name="T95" fmla="*/ 178 h 519"/>
                  <a:gd name="T96" fmla="*/ 17 w 377"/>
                  <a:gd name="T97" fmla="*/ 201 h 519"/>
                  <a:gd name="T98" fmla="*/ 17 w 377"/>
                  <a:gd name="T99" fmla="*/ 215 h 519"/>
                  <a:gd name="T100" fmla="*/ 30 w 377"/>
                  <a:gd name="T101" fmla="*/ 246 h 519"/>
                  <a:gd name="T102" fmla="*/ 28 w 377"/>
                  <a:gd name="T103" fmla="*/ 282 h 519"/>
                  <a:gd name="T104" fmla="*/ 17 w 377"/>
                  <a:gd name="T105" fmla="*/ 306 h 519"/>
                  <a:gd name="T106" fmla="*/ 17 w 377"/>
                  <a:gd name="T107" fmla="*/ 320 h 519"/>
                  <a:gd name="T108" fmla="*/ 3 w 377"/>
                  <a:gd name="T109" fmla="*/ 334 h 519"/>
                  <a:gd name="T110" fmla="*/ 201 w 377"/>
                  <a:gd name="T111" fmla="*/ 320 h 519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377"/>
                  <a:gd name="T169" fmla="*/ 0 h 519"/>
                  <a:gd name="T170" fmla="*/ 377 w 377"/>
                  <a:gd name="T171" fmla="*/ 519 h 519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377" h="519">
                    <a:moveTo>
                      <a:pt x="304" y="496"/>
                    </a:moveTo>
                    <a:lnTo>
                      <a:pt x="304" y="489"/>
                    </a:lnTo>
                    <a:lnTo>
                      <a:pt x="308" y="480"/>
                    </a:lnTo>
                    <a:lnTo>
                      <a:pt x="311" y="472"/>
                    </a:lnTo>
                    <a:lnTo>
                      <a:pt x="314" y="465"/>
                    </a:lnTo>
                    <a:lnTo>
                      <a:pt x="320" y="458"/>
                    </a:lnTo>
                    <a:lnTo>
                      <a:pt x="325" y="453"/>
                    </a:lnTo>
                    <a:lnTo>
                      <a:pt x="326" y="450"/>
                    </a:lnTo>
                    <a:lnTo>
                      <a:pt x="328" y="448"/>
                    </a:lnTo>
                    <a:lnTo>
                      <a:pt x="326" y="438"/>
                    </a:lnTo>
                    <a:lnTo>
                      <a:pt x="326" y="430"/>
                    </a:lnTo>
                    <a:lnTo>
                      <a:pt x="328" y="421"/>
                    </a:lnTo>
                    <a:lnTo>
                      <a:pt x="330" y="416"/>
                    </a:lnTo>
                    <a:lnTo>
                      <a:pt x="333" y="411"/>
                    </a:lnTo>
                    <a:lnTo>
                      <a:pt x="336" y="408"/>
                    </a:lnTo>
                    <a:lnTo>
                      <a:pt x="338" y="406"/>
                    </a:lnTo>
                    <a:lnTo>
                      <a:pt x="340" y="406"/>
                    </a:lnTo>
                    <a:lnTo>
                      <a:pt x="348" y="396"/>
                    </a:lnTo>
                    <a:lnTo>
                      <a:pt x="350" y="386"/>
                    </a:lnTo>
                    <a:lnTo>
                      <a:pt x="350" y="384"/>
                    </a:lnTo>
                    <a:lnTo>
                      <a:pt x="350" y="382"/>
                    </a:lnTo>
                    <a:lnTo>
                      <a:pt x="352" y="381"/>
                    </a:lnTo>
                    <a:lnTo>
                      <a:pt x="352" y="379"/>
                    </a:lnTo>
                    <a:lnTo>
                      <a:pt x="355" y="375"/>
                    </a:lnTo>
                    <a:lnTo>
                      <a:pt x="355" y="372"/>
                    </a:lnTo>
                    <a:lnTo>
                      <a:pt x="353" y="370"/>
                    </a:lnTo>
                    <a:lnTo>
                      <a:pt x="355" y="365"/>
                    </a:lnTo>
                    <a:lnTo>
                      <a:pt x="355" y="362"/>
                    </a:lnTo>
                    <a:lnTo>
                      <a:pt x="358" y="360"/>
                    </a:lnTo>
                    <a:lnTo>
                      <a:pt x="360" y="360"/>
                    </a:lnTo>
                    <a:lnTo>
                      <a:pt x="364" y="359"/>
                    </a:lnTo>
                    <a:lnTo>
                      <a:pt x="365" y="360"/>
                    </a:lnTo>
                    <a:lnTo>
                      <a:pt x="367" y="360"/>
                    </a:lnTo>
                    <a:lnTo>
                      <a:pt x="369" y="360"/>
                    </a:lnTo>
                    <a:lnTo>
                      <a:pt x="369" y="365"/>
                    </a:lnTo>
                    <a:lnTo>
                      <a:pt x="370" y="367"/>
                    </a:lnTo>
                    <a:lnTo>
                      <a:pt x="372" y="367"/>
                    </a:lnTo>
                    <a:lnTo>
                      <a:pt x="372" y="365"/>
                    </a:lnTo>
                    <a:lnTo>
                      <a:pt x="374" y="364"/>
                    </a:lnTo>
                    <a:lnTo>
                      <a:pt x="374" y="362"/>
                    </a:lnTo>
                    <a:lnTo>
                      <a:pt x="375" y="360"/>
                    </a:lnTo>
                    <a:lnTo>
                      <a:pt x="377" y="316"/>
                    </a:lnTo>
                    <a:lnTo>
                      <a:pt x="377" y="318"/>
                    </a:lnTo>
                    <a:lnTo>
                      <a:pt x="377" y="316"/>
                    </a:lnTo>
                    <a:lnTo>
                      <a:pt x="372" y="293"/>
                    </a:lnTo>
                    <a:lnTo>
                      <a:pt x="365" y="271"/>
                    </a:lnTo>
                    <a:lnTo>
                      <a:pt x="360" y="254"/>
                    </a:lnTo>
                    <a:lnTo>
                      <a:pt x="355" y="237"/>
                    </a:lnTo>
                    <a:lnTo>
                      <a:pt x="350" y="225"/>
                    </a:lnTo>
                    <a:lnTo>
                      <a:pt x="345" y="215"/>
                    </a:lnTo>
                    <a:lnTo>
                      <a:pt x="340" y="206"/>
                    </a:lnTo>
                    <a:lnTo>
                      <a:pt x="336" y="199"/>
                    </a:lnTo>
                    <a:lnTo>
                      <a:pt x="333" y="196"/>
                    </a:lnTo>
                    <a:lnTo>
                      <a:pt x="330" y="193"/>
                    </a:lnTo>
                    <a:lnTo>
                      <a:pt x="326" y="191"/>
                    </a:lnTo>
                    <a:lnTo>
                      <a:pt x="323" y="189"/>
                    </a:lnTo>
                    <a:lnTo>
                      <a:pt x="321" y="189"/>
                    </a:lnTo>
                    <a:lnTo>
                      <a:pt x="318" y="191"/>
                    </a:lnTo>
                    <a:lnTo>
                      <a:pt x="316" y="191"/>
                    </a:lnTo>
                    <a:lnTo>
                      <a:pt x="314" y="193"/>
                    </a:lnTo>
                    <a:lnTo>
                      <a:pt x="311" y="194"/>
                    </a:lnTo>
                    <a:lnTo>
                      <a:pt x="308" y="198"/>
                    </a:lnTo>
                    <a:lnTo>
                      <a:pt x="303" y="199"/>
                    </a:lnTo>
                    <a:lnTo>
                      <a:pt x="299" y="201"/>
                    </a:lnTo>
                    <a:lnTo>
                      <a:pt x="296" y="203"/>
                    </a:lnTo>
                    <a:lnTo>
                      <a:pt x="294" y="205"/>
                    </a:lnTo>
                    <a:lnTo>
                      <a:pt x="292" y="205"/>
                    </a:lnTo>
                    <a:lnTo>
                      <a:pt x="292" y="206"/>
                    </a:lnTo>
                    <a:lnTo>
                      <a:pt x="287" y="210"/>
                    </a:lnTo>
                    <a:lnTo>
                      <a:pt x="284" y="218"/>
                    </a:lnTo>
                    <a:lnTo>
                      <a:pt x="284" y="221"/>
                    </a:lnTo>
                    <a:lnTo>
                      <a:pt x="282" y="225"/>
                    </a:lnTo>
                    <a:lnTo>
                      <a:pt x="281" y="230"/>
                    </a:lnTo>
                    <a:lnTo>
                      <a:pt x="277" y="233"/>
                    </a:lnTo>
                    <a:lnTo>
                      <a:pt x="276" y="238"/>
                    </a:lnTo>
                    <a:lnTo>
                      <a:pt x="272" y="242"/>
                    </a:lnTo>
                    <a:lnTo>
                      <a:pt x="269" y="242"/>
                    </a:lnTo>
                    <a:lnTo>
                      <a:pt x="269" y="247"/>
                    </a:lnTo>
                    <a:lnTo>
                      <a:pt x="267" y="250"/>
                    </a:lnTo>
                    <a:lnTo>
                      <a:pt x="265" y="254"/>
                    </a:lnTo>
                    <a:lnTo>
                      <a:pt x="264" y="255"/>
                    </a:lnTo>
                    <a:lnTo>
                      <a:pt x="262" y="257"/>
                    </a:lnTo>
                    <a:lnTo>
                      <a:pt x="260" y="259"/>
                    </a:lnTo>
                    <a:lnTo>
                      <a:pt x="259" y="259"/>
                    </a:lnTo>
                    <a:lnTo>
                      <a:pt x="255" y="259"/>
                    </a:lnTo>
                    <a:lnTo>
                      <a:pt x="254" y="257"/>
                    </a:lnTo>
                    <a:lnTo>
                      <a:pt x="252" y="257"/>
                    </a:lnTo>
                    <a:lnTo>
                      <a:pt x="250" y="257"/>
                    </a:lnTo>
                    <a:lnTo>
                      <a:pt x="247" y="255"/>
                    </a:lnTo>
                    <a:lnTo>
                      <a:pt x="238" y="255"/>
                    </a:lnTo>
                    <a:lnTo>
                      <a:pt x="235" y="250"/>
                    </a:lnTo>
                    <a:lnTo>
                      <a:pt x="232" y="245"/>
                    </a:lnTo>
                    <a:lnTo>
                      <a:pt x="232" y="240"/>
                    </a:lnTo>
                    <a:lnTo>
                      <a:pt x="232" y="233"/>
                    </a:lnTo>
                    <a:lnTo>
                      <a:pt x="233" y="228"/>
                    </a:lnTo>
                    <a:lnTo>
                      <a:pt x="233" y="225"/>
                    </a:lnTo>
                    <a:lnTo>
                      <a:pt x="235" y="223"/>
                    </a:lnTo>
                    <a:lnTo>
                      <a:pt x="235" y="218"/>
                    </a:lnTo>
                    <a:lnTo>
                      <a:pt x="237" y="215"/>
                    </a:lnTo>
                    <a:lnTo>
                      <a:pt x="238" y="213"/>
                    </a:lnTo>
                    <a:lnTo>
                      <a:pt x="242" y="211"/>
                    </a:lnTo>
                    <a:lnTo>
                      <a:pt x="243" y="210"/>
                    </a:lnTo>
                    <a:lnTo>
                      <a:pt x="247" y="210"/>
                    </a:lnTo>
                    <a:lnTo>
                      <a:pt x="248" y="208"/>
                    </a:lnTo>
                    <a:lnTo>
                      <a:pt x="259" y="198"/>
                    </a:lnTo>
                    <a:lnTo>
                      <a:pt x="262" y="176"/>
                    </a:lnTo>
                    <a:lnTo>
                      <a:pt x="276" y="164"/>
                    </a:lnTo>
                    <a:lnTo>
                      <a:pt x="276" y="162"/>
                    </a:lnTo>
                    <a:lnTo>
                      <a:pt x="276" y="159"/>
                    </a:lnTo>
                    <a:lnTo>
                      <a:pt x="276" y="152"/>
                    </a:lnTo>
                    <a:lnTo>
                      <a:pt x="276" y="147"/>
                    </a:lnTo>
                    <a:lnTo>
                      <a:pt x="276" y="140"/>
                    </a:lnTo>
                    <a:lnTo>
                      <a:pt x="276" y="133"/>
                    </a:lnTo>
                    <a:lnTo>
                      <a:pt x="276" y="128"/>
                    </a:lnTo>
                    <a:lnTo>
                      <a:pt x="276" y="127"/>
                    </a:lnTo>
                    <a:lnTo>
                      <a:pt x="276" y="118"/>
                    </a:lnTo>
                    <a:lnTo>
                      <a:pt x="274" y="110"/>
                    </a:lnTo>
                    <a:lnTo>
                      <a:pt x="272" y="105"/>
                    </a:lnTo>
                    <a:lnTo>
                      <a:pt x="269" y="100"/>
                    </a:lnTo>
                    <a:lnTo>
                      <a:pt x="267" y="96"/>
                    </a:lnTo>
                    <a:lnTo>
                      <a:pt x="264" y="93"/>
                    </a:lnTo>
                    <a:lnTo>
                      <a:pt x="262" y="91"/>
                    </a:lnTo>
                    <a:lnTo>
                      <a:pt x="260" y="89"/>
                    </a:lnTo>
                    <a:lnTo>
                      <a:pt x="255" y="86"/>
                    </a:lnTo>
                    <a:lnTo>
                      <a:pt x="254" y="83"/>
                    </a:lnTo>
                    <a:lnTo>
                      <a:pt x="254" y="79"/>
                    </a:lnTo>
                    <a:lnTo>
                      <a:pt x="254" y="76"/>
                    </a:lnTo>
                    <a:lnTo>
                      <a:pt x="255" y="74"/>
                    </a:lnTo>
                    <a:lnTo>
                      <a:pt x="257" y="73"/>
                    </a:lnTo>
                    <a:lnTo>
                      <a:pt x="259" y="71"/>
                    </a:lnTo>
                    <a:lnTo>
                      <a:pt x="260" y="71"/>
                    </a:lnTo>
                    <a:lnTo>
                      <a:pt x="265" y="76"/>
                    </a:lnTo>
                    <a:lnTo>
                      <a:pt x="269" y="76"/>
                    </a:lnTo>
                    <a:lnTo>
                      <a:pt x="270" y="76"/>
                    </a:lnTo>
                    <a:lnTo>
                      <a:pt x="270" y="74"/>
                    </a:lnTo>
                    <a:lnTo>
                      <a:pt x="270" y="73"/>
                    </a:lnTo>
                    <a:lnTo>
                      <a:pt x="269" y="71"/>
                    </a:lnTo>
                    <a:lnTo>
                      <a:pt x="269" y="69"/>
                    </a:lnTo>
                    <a:lnTo>
                      <a:pt x="267" y="67"/>
                    </a:lnTo>
                    <a:lnTo>
                      <a:pt x="248" y="40"/>
                    </a:lnTo>
                    <a:lnTo>
                      <a:pt x="240" y="39"/>
                    </a:lnTo>
                    <a:lnTo>
                      <a:pt x="232" y="37"/>
                    </a:lnTo>
                    <a:lnTo>
                      <a:pt x="225" y="35"/>
                    </a:lnTo>
                    <a:lnTo>
                      <a:pt x="220" y="34"/>
                    </a:lnTo>
                    <a:lnTo>
                      <a:pt x="215" y="32"/>
                    </a:lnTo>
                    <a:lnTo>
                      <a:pt x="211" y="29"/>
                    </a:lnTo>
                    <a:lnTo>
                      <a:pt x="210" y="27"/>
                    </a:lnTo>
                    <a:lnTo>
                      <a:pt x="208" y="27"/>
                    </a:lnTo>
                    <a:lnTo>
                      <a:pt x="193" y="27"/>
                    </a:lnTo>
                    <a:lnTo>
                      <a:pt x="179" y="12"/>
                    </a:lnTo>
                    <a:lnTo>
                      <a:pt x="152" y="10"/>
                    </a:lnTo>
                    <a:lnTo>
                      <a:pt x="138" y="0"/>
                    </a:lnTo>
                    <a:lnTo>
                      <a:pt x="130" y="0"/>
                    </a:lnTo>
                    <a:lnTo>
                      <a:pt x="125" y="3"/>
                    </a:lnTo>
                    <a:lnTo>
                      <a:pt x="115" y="1"/>
                    </a:lnTo>
                    <a:lnTo>
                      <a:pt x="115" y="3"/>
                    </a:lnTo>
                    <a:lnTo>
                      <a:pt x="115" y="7"/>
                    </a:lnTo>
                    <a:lnTo>
                      <a:pt x="115" y="10"/>
                    </a:lnTo>
                    <a:lnTo>
                      <a:pt x="115" y="12"/>
                    </a:lnTo>
                    <a:lnTo>
                      <a:pt x="108" y="17"/>
                    </a:lnTo>
                    <a:lnTo>
                      <a:pt x="105" y="22"/>
                    </a:lnTo>
                    <a:lnTo>
                      <a:pt x="103" y="27"/>
                    </a:lnTo>
                    <a:lnTo>
                      <a:pt x="105" y="32"/>
                    </a:lnTo>
                    <a:lnTo>
                      <a:pt x="106" y="37"/>
                    </a:lnTo>
                    <a:lnTo>
                      <a:pt x="110" y="40"/>
                    </a:lnTo>
                    <a:lnTo>
                      <a:pt x="111" y="42"/>
                    </a:lnTo>
                    <a:lnTo>
                      <a:pt x="113" y="44"/>
                    </a:lnTo>
                    <a:lnTo>
                      <a:pt x="116" y="44"/>
                    </a:lnTo>
                    <a:lnTo>
                      <a:pt x="120" y="45"/>
                    </a:lnTo>
                    <a:lnTo>
                      <a:pt x="120" y="47"/>
                    </a:lnTo>
                    <a:lnTo>
                      <a:pt x="120" y="49"/>
                    </a:lnTo>
                    <a:lnTo>
                      <a:pt x="120" y="51"/>
                    </a:lnTo>
                    <a:lnTo>
                      <a:pt x="118" y="52"/>
                    </a:lnTo>
                    <a:lnTo>
                      <a:pt x="116" y="52"/>
                    </a:lnTo>
                    <a:lnTo>
                      <a:pt x="116" y="54"/>
                    </a:lnTo>
                    <a:lnTo>
                      <a:pt x="108" y="54"/>
                    </a:lnTo>
                    <a:lnTo>
                      <a:pt x="101" y="56"/>
                    </a:lnTo>
                    <a:lnTo>
                      <a:pt x="96" y="59"/>
                    </a:lnTo>
                    <a:lnTo>
                      <a:pt x="91" y="62"/>
                    </a:lnTo>
                    <a:lnTo>
                      <a:pt x="89" y="67"/>
                    </a:lnTo>
                    <a:lnTo>
                      <a:pt x="86" y="71"/>
                    </a:lnTo>
                    <a:lnTo>
                      <a:pt x="86" y="73"/>
                    </a:lnTo>
                    <a:lnTo>
                      <a:pt x="86" y="74"/>
                    </a:lnTo>
                    <a:lnTo>
                      <a:pt x="88" y="79"/>
                    </a:lnTo>
                    <a:lnTo>
                      <a:pt x="88" y="86"/>
                    </a:lnTo>
                    <a:lnTo>
                      <a:pt x="89" y="91"/>
                    </a:lnTo>
                    <a:lnTo>
                      <a:pt x="89" y="96"/>
                    </a:lnTo>
                    <a:lnTo>
                      <a:pt x="89" y="101"/>
                    </a:lnTo>
                    <a:lnTo>
                      <a:pt x="89" y="106"/>
                    </a:lnTo>
                    <a:lnTo>
                      <a:pt x="88" y="110"/>
                    </a:lnTo>
                    <a:lnTo>
                      <a:pt x="86" y="115"/>
                    </a:lnTo>
                    <a:lnTo>
                      <a:pt x="86" y="118"/>
                    </a:lnTo>
                    <a:lnTo>
                      <a:pt x="84" y="123"/>
                    </a:lnTo>
                    <a:lnTo>
                      <a:pt x="83" y="127"/>
                    </a:lnTo>
                    <a:lnTo>
                      <a:pt x="83" y="128"/>
                    </a:lnTo>
                    <a:lnTo>
                      <a:pt x="81" y="132"/>
                    </a:lnTo>
                    <a:lnTo>
                      <a:pt x="79" y="133"/>
                    </a:lnTo>
                    <a:lnTo>
                      <a:pt x="72" y="132"/>
                    </a:lnTo>
                    <a:lnTo>
                      <a:pt x="66" y="130"/>
                    </a:lnTo>
                    <a:lnTo>
                      <a:pt x="66" y="128"/>
                    </a:lnTo>
                    <a:lnTo>
                      <a:pt x="67" y="125"/>
                    </a:lnTo>
                    <a:lnTo>
                      <a:pt x="67" y="118"/>
                    </a:lnTo>
                    <a:lnTo>
                      <a:pt x="69" y="113"/>
                    </a:lnTo>
                    <a:lnTo>
                      <a:pt x="71" y="106"/>
                    </a:lnTo>
                    <a:lnTo>
                      <a:pt x="71" y="100"/>
                    </a:lnTo>
                    <a:lnTo>
                      <a:pt x="71" y="95"/>
                    </a:lnTo>
                    <a:lnTo>
                      <a:pt x="71" y="93"/>
                    </a:lnTo>
                    <a:lnTo>
                      <a:pt x="69" y="86"/>
                    </a:lnTo>
                    <a:lnTo>
                      <a:pt x="67" y="83"/>
                    </a:lnTo>
                    <a:lnTo>
                      <a:pt x="66" y="81"/>
                    </a:lnTo>
                    <a:lnTo>
                      <a:pt x="64" y="83"/>
                    </a:lnTo>
                    <a:lnTo>
                      <a:pt x="64" y="84"/>
                    </a:lnTo>
                    <a:lnTo>
                      <a:pt x="62" y="88"/>
                    </a:lnTo>
                    <a:lnTo>
                      <a:pt x="62" y="89"/>
                    </a:lnTo>
                    <a:lnTo>
                      <a:pt x="61" y="91"/>
                    </a:lnTo>
                    <a:lnTo>
                      <a:pt x="61" y="93"/>
                    </a:lnTo>
                    <a:lnTo>
                      <a:pt x="59" y="98"/>
                    </a:lnTo>
                    <a:lnTo>
                      <a:pt x="56" y="101"/>
                    </a:lnTo>
                    <a:lnTo>
                      <a:pt x="54" y="106"/>
                    </a:lnTo>
                    <a:lnTo>
                      <a:pt x="52" y="110"/>
                    </a:lnTo>
                    <a:lnTo>
                      <a:pt x="50" y="113"/>
                    </a:lnTo>
                    <a:lnTo>
                      <a:pt x="49" y="113"/>
                    </a:lnTo>
                    <a:lnTo>
                      <a:pt x="44" y="111"/>
                    </a:lnTo>
                    <a:lnTo>
                      <a:pt x="40" y="111"/>
                    </a:lnTo>
                    <a:lnTo>
                      <a:pt x="39" y="113"/>
                    </a:lnTo>
                    <a:lnTo>
                      <a:pt x="39" y="115"/>
                    </a:lnTo>
                    <a:lnTo>
                      <a:pt x="39" y="117"/>
                    </a:lnTo>
                    <a:lnTo>
                      <a:pt x="32" y="120"/>
                    </a:lnTo>
                    <a:lnTo>
                      <a:pt x="32" y="122"/>
                    </a:lnTo>
                    <a:lnTo>
                      <a:pt x="32" y="125"/>
                    </a:lnTo>
                    <a:lnTo>
                      <a:pt x="30" y="128"/>
                    </a:lnTo>
                    <a:lnTo>
                      <a:pt x="30" y="133"/>
                    </a:lnTo>
                    <a:lnTo>
                      <a:pt x="30" y="137"/>
                    </a:lnTo>
                    <a:lnTo>
                      <a:pt x="30" y="139"/>
                    </a:lnTo>
                    <a:lnTo>
                      <a:pt x="30" y="140"/>
                    </a:lnTo>
                    <a:lnTo>
                      <a:pt x="23" y="144"/>
                    </a:lnTo>
                    <a:lnTo>
                      <a:pt x="20" y="147"/>
                    </a:lnTo>
                    <a:lnTo>
                      <a:pt x="18" y="150"/>
                    </a:lnTo>
                    <a:lnTo>
                      <a:pt x="17" y="152"/>
                    </a:lnTo>
                    <a:lnTo>
                      <a:pt x="15" y="155"/>
                    </a:lnTo>
                    <a:lnTo>
                      <a:pt x="17" y="159"/>
                    </a:lnTo>
                    <a:lnTo>
                      <a:pt x="17" y="161"/>
                    </a:lnTo>
                    <a:lnTo>
                      <a:pt x="18" y="162"/>
                    </a:lnTo>
                    <a:lnTo>
                      <a:pt x="20" y="166"/>
                    </a:lnTo>
                    <a:lnTo>
                      <a:pt x="20" y="171"/>
                    </a:lnTo>
                    <a:lnTo>
                      <a:pt x="20" y="176"/>
                    </a:lnTo>
                    <a:lnTo>
                      <a:pt x="20" y="181"/>
                    </a:lnTo>
                    <a:lnTo>
                      <a:pt x="18" y="186"/>
                    </a:lnTo>
                    <a:lnTo>
                      <a:pt x="17" y="193"/>
                    </a:lnTo>
                    <a:lnTo>
                      <a:pt x="15" y="198"/>
                    </a:lnTo>
                    <a:lnTo>
                      <a:pt x="13" y="203"/>
                    </a:lnTo>
                    <a:lnTo>
                      <a:pt x="12" y="210"/>
                    </a:lnTo>
                    <a:lnTo>
                      <a:pt x="10" y="215"/>
                    </a:lnTo>
                    <a:lnTo>
                      <a:pt x="8" y="220"/>
                    </a:lnTo>
                    <a:lnTo>
                      <a:pt x="6" y="225"/>
                    </a:lnTo>
                    <a:lnTo>
                      <a:pt x="5" y="228"/>
                    </a:lnTo>
                    <a:lnTo>
                      <a:pt x="3" y="232"/>
                    </a:lnTo>
                    <a:lnTo>
                      <a:pt x="3" y="233"/>
                    </a:lnTo>
                    <a:lnTo>
                      <a:pt x="5" y="238"/>
                    </a:lnTo>
                    <a:lnTo>
                      <a:pt x="6" y="245"/>
                    </a:lnTo>
                    <a:lnTo>
                      <a:pt x="8" y="250"/>
                    </a:lnTo>
                    <a:lnTo>
                      <a:pt x="8" y="255"/>
                    </a:lnTo>
                    <a:lnTo>
                      <a:pt x="10" y="260"/>
                    </a:lnTo>
                    <a:lnTo>
                      <a:pt x="10" y="264"/>
                    </a:lnTo>
                    <a:lnTo>
                      <a:pt x="10" y="267"/>
                    </a:lnTo>
                    <a:lnTo>
                      <a:pt x="6" y="269"/>
                    </a:lnTo>
                    <a:lnTo>
                      <a:pt x="5" y="271"/>
                    </a:lnTo>
                    <a:lnTo>
                      <a:pt x="3" y="274"/>
                    </a:lnTo>
                    <a:lnTo>
                      <a:pt x="3" y="277"/>
                    </a:lnTo>
                    <a:lnTo>
                      <a:pt x="5" y="282"/>
                    </a:lnTo>
                    <a:lnTo>
                      <a:pt x="6" y="287"/>
                    </a:lnTo>
                    <a:lnTo>
                      <a:pt x="8" y="294"/>
                    </a:lnTo>
                    <a:lnTo>
                      <a:pt x="12" y="299"/>
                    </a:lnTo>
                    <a:lnTo>
                      <a:pt x="15" y="306"/>
                    </a:lnTo>
                    <a:lnTo>
                      <a:pt x="17" y="311"/>
                    </a:lnTo>
                    <a:lnTo>
                      <a:pt x="20" y="318"/>
                    </a:lnTo>
                    <a:lnTo>
                      <a:pt x="23" y="323"/>
                    </a:lnTo>
                    <a:lnTo>
                      <a:pt x="25" y="326"/>
                    </a:lnTo>
                    <a:lnTo>
                      <a:pt x="27" y="330"/>
                    </a:lnTo>
                    <a:lnTo>
                      <a:pt x="28" y="333"/>
                    </a:lnTo>
                    <a:lnTo>
                      <a:pt x="30" y="333"/>
                    </a:lnTo>
                    <a:lnTo>
                      <a:pt x="34" y="338"/>
                    </a:lnTo>
                    <a:lnTo>
                      <a:pt x="37" y="345"/>
                    </a:lnTo>
                    <a:lnTo>
                      <a:pt x="39" y="353"/>
                    </a:lnTo>
                    <a:lnTo>
                      <a:pt x="42" y="362"/>
                    </a:lnTo>
                    <a:lnTo>
                      <a:pt x="42" y="370"/>
                    </a:lnTo>
                    <a:lnTo>
                      <a:pt x="44" y="381"/>
                    </a:lnTo>
                    <a:lnTo>
                      <a:pt x="44" y="391"/>
                    </a:lnTo>
                    <a:lnTo>
                      <a:pt x="44" y="401"/>
                    </a:lnTo>
                    <a:lnTo>
                      <a:pt x="44" y="411"/>
                    </a:lnTo>
                    <a:lnTo>
                      <a:pt x="44" y="419"/>
                    </a:lnTo>
                    <a:lnTo>
                      <a:pt x="44" y="428"/>
                    </a:lnTo>
                    <a:lnTo>
                      <a:pt x="42" y="436"/>
                    </a:lnTo>
                    <a:lnTo>
                      <a:pt x="42" y="441"/>
                    </a:lnTo>
                    <a:lnTo>
                      <a:pt x="40" y="447"/>
                    </a:lnTo>
                    <a:lnTo>
                      <a:pt x="40" y="450"/>
                    </a:lnTo>
                    <a:lnTo>
                      <a:pt x="40" y="452"/>
                    </a:lnTo>
                    <a:lnTo>
                      <a:pt x="32" y="463"/>
                    </a:lnTo>
                    <a:lnTo>
                      <a:pt x="27" y="474"/>
                    </a:lnTo>
                    <a:lnTo>
                      <a:pt x="23" y="480"/>
                    </a:lnTo>
                    <a:lnTo>
                      <a:pt x="23" y="487"/>
                    </a:lnTo>
                    <a:lnTo>
                      <a:pt x="23" y="491"/>
                    </a:lnTo>
                    <a:lnTo>
                      <a:pt x="23" y="494"/>
                    </a:lnTo>
                    <a:lnTo>
                      <a:pt x="23" y="496"/>
                    </a:lnTo>
                    <a:lnTo>
                      <a:pt x="18" y="502"/>
                    </a:lnTo>
                    <a:lnTo>
                      <a:pt x="15" y="506"/>
                    </a:lnTo>
                    <a:lnTo>
                      <a:pt x="12" y="511"/>
                    </a:lnTo>
                    <a:lnTo>
                      <a:pt x="8" y="513"/>
                    </a:lnTo>
                    <a:lnTo>
                      <a:pt x="6" y="516"/>
                    </a:lnTo>
                    <a:lnTo>
                      <a:pt x="3" y="518"/>
                    </a:lnTo>
                    <a:lnTo>
                      <a:pt x="3" y="519"/>
                    </a:lnTo>
                    <a:lnTo>
                      <a:pt x="1" y="519"/>
                    </a:lnTo>
                    <a:lnTo>
                      <a:pt x="0" y="519"/>
                    </a:lnTo>
                    <a:lnTo>
                      <a:pt x="184" y="497"/>
                    </a:lnTo>
                    <a:lnTo>
                      <a:pt x="188" y="514"/>
                    </a:lnTo>
                    <a:lnTo>
                      <a:pt x="304" y="496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226" name="Freeform 129"/>
            <p:cNvSpPr>
              <a:spLocks/>
            </p:cNvSpPr>
            <p:nvPr/>
          </p:nvSpPr>
          <p:spPr bwMode="auto">
            <a:xfrm>
              <a:off x="3986" y="2043"/>
              <a:ext cx="434" cy="427"/>
            </a:xfrm>
            <a:custGeom>
              <a:avLst/>
              <a:gdLst>
                <a:gd name="T0" fmla="*/ 44 w 446"/>
                <a:gd name="T1" fmla="*/ 263 h 440"/>
                <a:gd name="T2" fmla="*/ 35 w 446"/>
                <a:gd name="T3" fmla="*/ 261 h 440"/>
                <a:gd name="T4" fmla="*/ 18 w 446"/>
                <a:gd name="T5" fmla="*/ 234 h 440"/>
                <a:gd name="T6" fmla="*/ 5 w 446"/>
                <a:gd name="T7" fmla="*/ 218 h 440"/>
                <a:gd name="T8" fmla="*/ 3 w 446"/>
                <a:gd name="T9" fmla="*/ 201 h 440"/>
                <a:gd name="T10" fmla="*/ 1 w 446"/>
                <a:gd name="T11" fmla="*/ 196 h 440"/>
                <a:gd name="T12" fmla="*/ 18 w 446"/>
                <a:gd name="T13" fmla="*/ 195 h 440"/>
                <a:gd name="T14" fmla="*/ 18 w 446"/>
                <a:gd name="T15" fmla="*/ 167 h 440"/>
                <a:gd name="T16" fmla="*/ 23 w 446"/>
                <a:gd name="T17" fmla="*/ 160 h 440"/>
                <a:gd name="T18" fmla="*/ 26 w 446"/>
                <a:gd name="T19" fmla="*/ 148 h 440"/>
                <a:gd name="T20" fmla="*/ 40 w 446"/>
                <a:gd name="T21" fmla="*/ 148 h 440"/>
                <a:gd name="T22" fmla="*/ 47 w 446"/>
                <a:gd name="T23" fmla="*/ 148 h 440"/>
                <a:gd name="T24" fmla="*/ 64 w 446"/>
                <a:gd name="T25" fmla="*/ 110 h 440"/>
                <a:gd name="T26" fmla="*/ 74 w 446"/>
                <a:gd name="T27" fmla="*/ 110 h 440"/>
                <a:gd name="T28" fmla="*/ 81 w 446"/>
                <a:gd name="T29" fmla="*/ 103 h 440"/>
                <a:gd name="T30" fmla="*/ 90 w 446"/>
                <a:gd name="T31" fmla="*/ 90 h 440"/>
                <a:gd name="T32" fmla="*/ 97 w 446"/>
                <a:gd name="T33" fmla="*/ 72 h 440"/>
                <a:gd name="T34" fmla="*/ 98 w 446"/>
                <a:gd name="T35" fmla="*/ 59 h 440"/>
                <a:gd name="T36" fmla="*/ 102 w 446"/>
                <a:gd name="T37" fmla="*/ 37 h 440"/>
                <a:gd name="T38" fmla="*/ 100 w 446"/>
                <a:gd name="T39" fmla="*/ 10 h 440"/>
                <a:gd name="T40" fmla="*/ 184 w 446"/>
                <a:gd name="T41" fmla="*/ 62 h 440"/>
                <a:gd name="T42" fmla="*/ 216 w 446"/>
                <a:gd name="T43" fmla="*/ 80 h 440"/>
                <a:gd name="T44" fmla="*/ 230 w 446"/>
                <a:gd name="T45" fmla="*/ 65 h 440"/>
                <a:gd name="T46" fmla="*/ 249 w 446"/>
                <a:gd name="T47" fmla="*/ 66 h 440"/>
                <a:gd name="T48" fmla="*/ 260 w 446"/>
                <a:gd name="T49" fmla="*/ 53 h 440"/>
                <a:gd name="T50" fmla="*/ 282 w 446"/>
                <a:gd name="T51" fmla="*/ 55 h 440"/>
                <a:gd name="T52" fmla="*/ 290 w 446"/>
                <a:gd name="T53" fmla="*/ 55 h 440"/>
                <a:gd name="T54" fmla="*/ 296 w 446"/>
                <a:gd name="T55" fmla="*/ 62 h 440"/>
                <a:gd name="T56" fmla="*/ 302 w 446"/>
                <a:gd name="T57" fmla="*/ 79 h 440"/>
                <a:gd name="T58" fmla="*/ 299 w 446"/>
                <a:gd name="T59" fmla="*/ 86 h 440"/>
                <a:gd name="T60" fmla="*/ 276 w 446"/>
                <a:gd name="T61" fmla="*/ 80 h 440"/>
                <a:gd name="T62" fmla="*/ 262 w 446"/>
                <a:gd name="T63" fmla="*/ 74 h 440"/>
                <a:gd name="T64" fmla="*/ 254 w 446"/>
                <a:gd name="T65" fmla="*/ 107 h 440"/>
                <a:gd name="T66" fmla="*/ 242 w 446"/>
                <a:gd name="T67" fmla="*/ 119 h 440"/>
                <a:gd name="T68" fmla="*/ 236 w 446"/>
                <a:gd name="T69" fmla="*/ 134 h 440"/>
                <a:gd name="T70" fmla="*/ 229 w 446"/>
                <a:gd name="T71" fmla="*/ 129 h 440"/>
                <a:gd name="T72" fmla="*/ 223 w 446"/>
                <a:gd name="T73" fmla="*/ 143 h 440"/>
                <a:gd name="T74" fmla="*/ 221 w 446"/>
                <a:gd name="T75" fmla="*/ 149 h 440"/>
                <a:gd name="T76" fmla="*/ 218 w 446"/>
                <a:gd name="T77" fmla="*/ 159 h 440"/>
                <a:gd name="T78" fmla="*/ 199 w 446"/>
                <a:gd name="T79" fmla="*/ 160 h 440"/>
                <a:gd name="T80" fmla="*/ 188 w 446"/>
                <a:gd name="T81" fmla="*/ 160 h 440"/>
                <a:gd name="T82" fmla="*/ 188 w 446"/>
                <a:gd name="T83" fmla="*/ 176 h 440"/>
                <a:gd name="T84" fmla="*/ 183 w 446"/>
                <a:gd name="T85" fmla="*/ 189 h 440"/>
                <a:gd name="T86" fmla="*/ 179 w 446"/>
                <a:gd name="T87" fmla="*/ 195 h 440"/>
                <a:gd name="T88" fmla="*/ 174 w 446"/>
                <a:gd name="T89" fmla="*/ 212 h 440"/>
                <a:gd name="T90" fmla="*/ 163 w 446"/>
                <a:gd name="T91" fmla="*/ 232 h 440"/>
                <a:gd name="T92" fmla="*/ 163 w 446"/>
                <a:gd name="T93" fmla="*/ 239 h 440"/>
                <a:gd name="T94" fmla="*/ 164 w 446"/>
                <a:gd name="T95" fmla="*/ 253 h 440"/>
                <a:gd name="T96" fmla="*/ 148 w 446"/>
                <a:gd name="T97" fmla="*/ 259 h 440"/>
                <a:gd name="T98" fmla="*/ 136 w 446"/>
                <a:gd name="T99" fmla="*/ 267 h 440"/>
                <a:gd name="T100" fmla="*/ 125 w 446"/>
                <a:gd name="T101" fmla="*/ 268 h 440"/>
                <a:gd name="T102" fmla="*/ 122 w 446"/>
                <a:gd name="T103" fmla="*/ 276 h 440"/>
                <a:gd name="T104" fmla="*/ 118 w 446"/>
                <a:gd name="T105" fmla="*/ 279 h 440"/>
                <a:gd name="T106" fmla="*/ 97 w 446"/>
                <a:gd name="T107" fmla="*/ 280 h 440"/>
                <a:gd name="T108" fmla="*/ 90 w 446"/>
                <a:gd name="T109" fmla="*/ 285 h 440"/>
                <a:gd name="T110" fmla="*/ 74 w 446"/>
                <a:gd name="T111" fmla="*/ 288 h 440"/>
                <a:gd name="T112" fmla="*/ 55 w 446"/>
                <a:gd name="T113" fmla="*/ 279 h 440"/>
                <a:gd name="T114" fmla="*/ 51 w 446"/>
                <a:gd name="T115" fmla="*/ 265 h 440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446"/>
                <a:gd name="T175" fmla="*/ 0 h 440"/>
                <a:gd name="T176" fmla="*/ 446 w 446"/>
                <a:gd name="T177" fmla="*/ 440 h 440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446" h="440">
                  <a:moveTo>
                    <a:pt x="76" y="404"/>
                  </a:moveTo>
                  <a:lnTo>
                    <a:pt x="64" y="404"/>
                  </a:lnTo>
                  <a:lnTo>
                    <a:pt x="64" y="402"/>
                  </a:lnTo>
                  <a:lnTo>
                    <a:pt x="62" y="401"/>
                  </a:lnTo>
                  <a:lnTo>
                    <a:pt x="62" y="399"/>
                  </a:lnTo>
                  <a:lnTo>
                    <a:pt x="61" y="397"/>
                  </a:lnTo>
                  <a:lnTo>
                    <a:pt x="57" y="397"/>
                  </a:lnTo>
                  <a:lnTo>
                    <a:pt x="54" y="396"/>
                  </a:lnTo>
                  <a:lnTo>
                    <a:pt x="49" y="396"/>
                  </a:lnTo>
                  <a:lnTo>
                    <a:pt x="49" y="394"/>
                  </a:lnTo>
                  <a:lnTo>
                    <a:pt x="45" y="389"/>
                  </a:lnTo>
                  <a:lnTo>
                    <a:pt x="40" y="384"/>
                  </a:lnTo>
                  <a:lnTo>
                    <a:pt x="35" y="375"/>
                  </a:lnTo>
                  <a:lnTo>
                    <a:pt x="28" y="367"/>
                  </a:lnTo>
                  <a:lnTo>
                    <a:pt x="22" y="357"/>
                  </a:lnTo>
                  <a:lnTo>
                    <a:pt x="13" y="348"/>
                  </a:lnTo>
                  <a:lnTo>
                    <a:pt x="5" y="338"/>
                  </a:lnTo>
                  <a:lnTo>
                    <a:pt x="5" y="335"/>
                  </a:lnTo>
                  <a:lnTo>
                    <a:pt x="5" y="331"/>
                  </a:lnTo>
                  <a:lnTo>
                    <a:pt x="6" y="326"/>
                  </a:lnTo>
                  <a:lnTo>
                    <a:pt x="6" y="323"/>
                  </a:lnTo>
                  <a:lnTo>
                    <a:pt x="6" y="318"/>
                  </a:lnTo>
                  <a:lnTo>
                    <a:pt x="5" y="311"/>
                  </a:lnTo>
                  <a:lnTo>
                    <a:pt x="3" y="306"/>
                  </a:lnTo>
                  <a:lnTo>
                    <a:pt x="0" y="303"/>
                  </a:lnTo>
                  <a:lnTo>
                    <a:pt x="0" y="299"/>
                  </a:lnTo>
                  <a:lnTo>
                    <a:pt x="0" y="297"/>
                  </a:lnTo>
                  <a:lnTo>
                    <a:pt x="1" y="297"/>
                  </a:lnTo>
                  <a:lnTo>
                    <a:pt x="1" y="299"/>
                  </a:lnTo>
                  <a:lnTo>
                    <a:pt x="3" y="299"/>
                  </a:lnTo>
                  <a:lnTo>
                    <a:pt x="6" y="303"/>
                  </a:lnTo>
                  <a:lnTo>
                    <a:pt x="13" y="301"/>
                  </a:lnTo>
                  <a:lnTo>
                    <a:pt x="18" y="297"/>
                  </a:lnTo>
                  <a:lnTo>
                    <a:pt x="23" y="292"/>
                  </a:lnTo>
                  <a:lnTo>
                    <a:pt x="28" y="287"/>
                  </a:lnTo>
                  <a:lnTo>
                    <a:pt x="32" y="281"/>
                  </a:lnTo>
                  <a:lnTo>
                    <a:pt x="34" y="277"/>
                  </a:lnTo>
                  <a:lnTo>
                    <a:pt x="35" y="275"/>
                  </a:lnTo>
                  <a:lnTo>
                    <a:pt x="32" y="253"/>
                  </a:lnTo>
                  <a:lnTo>
                    <a:pt x="34" y="252"/>
                  </a:lnTo>
                  <a:lnTo>
                    <a:pt x="34" y="250"/>
                  </a:lnTo>
                  <a:lnTo>
                    <a:pt x="35" y="247"/>
                  </a:lnTo>
                  <a:lnTo>
                    <a:pt x="37" y="243"/>
                  </a:lnTo>
                  <a:lnTo>
                    <a:pt x="39" y="242"/>
                  </a:lnTo>
                  <a:lnTo>
                    <a:pt x="39" y="238"/>
                  </a:lnTo>
                  <a:lnTo>
                    <a:pt x="40" y="230"/>
                  </a:lnTo>
                  <a:lnTo>
                    <a:pt x="40" y="225"/>
                  </a:lnTo>
                  <a:lnTo>
                    <a:pt x="44" y="221"/>
                  </a:lnTo>
                  <a:lnTo>
                    <a:pt x="45" y="221"/>
                  </a:lnTo>
                  <a:lnTo>
                    <a:pt x="49" y="221"/>
                  </a:lnTo>
                  <a:lnTo>
                    <a:pt x="50" y="221"/>
                  </a:lnTo>
                  <a:lnTo>
                    <a:pt x="52" y="223"/>
                  </a:lnTo>
                  <a:lnTo>
                    <a:pt x="54" y="225"/>
                  </a:lnTo>
                  <a:lnTo>
                    <a:pt x="57" y="233"/>
                  </a:lnTo>
                  <a:lnTo>
                    <a:pt x="61" y="235"/>
                  </a:lnTo>
                  <a:lnTo>
                    <a:pt x="62" y="233"/>
                  </a:lnTo>
                  <a:lnTo>
                    <a:pt x="66" y="230"/>
                  </a:lnTo>
                  <a:lnTo>
                    <a:pt x="67" y="225"/>
                  </a:lnTo>
                  <a:lnTo>
                    <a:pt x="67" y="221"/>
                  </a:lnTo>
                  <a:lnTo>
                    <a:pt x="67" y="216"/>
                  </a:lnTo>
                  <a:lnTo>
                    <a:pt x="69" y="216"/>
                  </a:lnTo>
                  <a:lnTo>
                    <a:pt x="71" y="189"/>
                  </a:lnTo>
                  <a:lnTo>
                    <a:pt x="93" y="167"/>
                  </a:lnTo>
                  <a:lnTo>
                    <a:pt x="93" y="169"/>
                  </a:lnTo>
                  <a:lnTo>
                    <a:pt x="94" y="171"/>
                  </a:lnTo>
                  <a:lnTo>
                    <a:pt x="98" y="171"/>
                  </a:lnTo>
                  <a:lnTo>
                    <a:pt x="101" y="169"/>
                  </a:lnTo>
                  <a:lnTo>
                    <a:pt x="105" y="169"/>
                  </a:lnTo>
                  <a:lnTo>
                    <a:pt x="108" y="167"/>
                  </a:lnTo>
                  <a:lnTo>
                    <a:pt x="110" y="165"/>
                  </a:lnTo>
                  <a:lnTo>
                    <a:pt x="110" y="164"/>
                  </a:lnTo>
                  <a:lnTo>
                    <a:pt x="111" y="164"/>
                  </a:lnTo>
                  <a:lnTo>
                    <a:pt x="113" y="160"/>
                  </a:lnTo>
                  <a:lnTo>
                    <a:pt x="118" y="155"/>
                  </a:lnTo>
                  <a:lnTo>
                    <a:pt x="122" y="150"/>
                  </a:lnTo>
                  <a:lnTo>
                    <a:pt x="125" y="147"/>
                  </a:lnTo>
                  <a:lnTo>
                    <a:pt x="130" y="142"/>
                  </a:lnTo>
                  <a:lnTo>
                    <a:pt x="132" y="138"/>
                  </a:lnTo>
                  <a:lnTo>
                    <a:pt x="133" y="137"/>
                  </a:lnTo>
                  <a:lnTo>
                    <a:pt x="138" y="130"/>
                  </a:lnTo>
                  <a:lnTo>
                    <a:pt x="142" y="125"/>
                  </a:lnTo>
                  <a:lnTo>
                    <a:pt x="144" y="120"/>
                  </a:lnTo>
                  <a:lnTo>
                    <a:pt x="144" y="115"/>
                  </a:lnTo>
                  <a:lnTo>
                    <a:pt x="144" y="111"/>
                  </a:lnTo>
                  <a:lnTo>
                    <a:pt x="142" y="108"/>
                  </a:lnTo>
                  <a:lnTo>
                    <a:pt x="142" y="106"/>
                  </a:lnTo>
                  <a:lnTo>
                    <a:pt x="142" y="105"/>
                  </a:lnTo>
                  <a:lnTo>
                    <a:pt x="142" y="103"/>
                  </a:lnTo>
                  <a:lnTo>
                    <a:pt x="142" y="96"/>
                  </a:lnTo>
                  <a:lnTo>
                    <a:pt x="144" y="89"/>
                  </a:lnTo>
                  <a:lnTo>
                    <a:pt x="144" y="79"/>
                  </a:lnTo>
                  <a:lnTo>
                    <a:pt x="145" y="69"/>
                  </a:lnTo>
                  <a:lnTo>
                    <a:pt x="147" y="61"/>
                  </a:lnTo>
                  <a:lnTo>
                    <a:pt x="147" y="55"/>
                  </a:lnTo>
                  <a:lnTo>
                    <a:pt x="149" y="52"/>
                  </a:lnTo>
                  <a:lnTo>
                    <a:pt x="152" y="47"/>
                  </a:lnTo>
                  <a:lnTo>
                    <a:pt x="152" y="40"/>
                  </a:lnTo>
                  <a:lnTo>
                    <a:pt x="152" y="32"/>
                  </a:lnTo>
                  <a:lnTo>
                    <a:pt x="150" y="23"/>
                  </a:lnTo>
                  <a:lnTo>
                    <a:pt x="149" y="15"/>
                  </a:lnTo>
                  <a:lnTo>
                    <a:pt x="147" y="10"/>
                  </a:lnTo>
                  <a:lnTo>
                    <a:pt x="145" y="5"/>
                  </a:lnTo>
                  <a:lnTo>
                    <a:pt x="144" y="3"/>
                  </a:lnTo>
                  <a:lnTo>
                    <a:pt x="155" y="0"/>
                  </a:lnTo>
                  <a:lnTo>
                    <a:pt x="174" y="111"/>
                  </a:lnTo>
                  <a:lnTo>
                    <a:pt x="269" y="93"/>
                  </a:lnTo>
                  <a:lnTo>
                    <a:pt x="279" y="154"/>
                  </a:lnTo>
                  <a:lnTo>
                    <a:pt x="314" y="121"/>
                  </a:lnTo>
                  <a:lnTo>
                    <a:pt x="314" y="123"/>
                  </a:lnTo>
                  <a:lnTo>
                    <a:pt x="316" y="123"/>
                  </a:lnTo>
                  <a:lnTo>
                    <a:pt x="318" y="123"/>
                  </a:lnTo>
                  <a:lnTo>
                    <a:pt x="321" y="121"/>
                  </a:lnTo>
                  <a:lnTo>
                    <a:pt x="326" y="116"/>
                  </a:lnTo>
                  <a:lnTo>
                    <a:pt x="331" y="110"/>
                  </a:lnTo>
                  <a:lnTo>
                    <a:pt x="338" y="98"/>
                  </a:lnTo>
                  <a:lnTo>
                    <a:pt x="340" y="98"/>
                  </a:lnTo>
                  <a:lnTo>
                    <a:pt x="343" y="99"/>
                  </a:lnTo>
                  <a:lnTo>
                    <a:pt x="348" y="101"/>
                  </a:lnTo>
                  <a:lnTo>
                    <a:pt x="353" y="101"/>
                  </a:lnTo>
                  <a:lnTo>
                    <a:pt x="358" y="101"/>
                  </a:lnTo>
                  <a:lnTo>
                    <a:pt x="365" y="99"/>
                  </a:lnTo>
                  <a:lnTo>
                    <a:pt x="370" y="94"/>
                  </a:lnTo>
                  <a:lnTo>
                    <a:pt x="375" y="88"/>
                  </a:lnTo>
                  <a:lnTo>
                    <a:pt x="377" y="86"/>
                  </a:lnTo>
                  <a:lnTo>
                    <a:pt x="377" y="84"/>
                  </a:lnTo>
                  <a:lnTo>
                    <a:pt x="380" y="81"/>
                  </a:lnTo>
                  <a:lnTo>
                    <a:pt x="384" y="79"/>
                  </a:lnTo>
                  <a:lnTo>
                    <a:pt x="389" y="77"/>
                  </a:lnTo>
                  <a:lnTo>
                    <a:pt x="394" y="77"/>
                  </a:lnTo>
                  <a:lnTo>
                    <a:pt x="402" y="79"/>
                  </a:lnTo>
                  <a:lnTo>
                    <a:pt x="413" y="83"/>
                  </a:lnTo>
                  <a:lnTo>
                    <a:pt x="414" y="83"/>
                  </a:lnTo>
                  <a:lnTo>
                    <a:pt x="416" y="83"/>
                  </a:lnTo>
                  <a:lnTo>
                    <a:pt x="418" y="83"/>
                  </a:lnTo>
                  <a:lnTo>
                    <a:pt x="419" y="83"/>
                  </a:lnTo>
                  <a:lnTo>
                    <a:pt x="423" y="83"/>
                  </a:lnTo>
                  <a:lnTo>
                    <a:pt x="424" y="83"/>
                  </a:lnTo>
                  <a:lnTo>
                    <a:pt x="426" y="83"/>
                  </a:lnTo>
                  <a:lnTo>
                    <a:pt x="428" y="89"/>
                  </a:lnTo>
                  <a:lnTo>
                    <a:pt x="430" y="91"/>
                  </a:lnTo>
                  <a:lnTo>
                    <a:pt x="433" y="93"/>
                  </a:lnTo>
                  <a:lnTo>
                    <a:pt x="436" y="96"/>
                  </a:lnTo>
                  <a:lnTo>
                    <a:pt x="441" y="99"/>
                  </a:lnTo>
                  <a:lnTo>
                    <a:pt x="445" y="105"/>
                  </a:lnTo>
                  <a:lnTo>
                    <a:pt x="446" y="110"/>
                  </a:lnTo>
                  <a:lnTo>
                    <a:pt x="446" y="115"/>
                  </a:lnTo>
                  <a:lnTo>
                    <a:pt x="443" y="120"/>
                  </a:lnTo>
                  <a:lnTo>
                    <a:pt x="443" y="121"/>
                  </a:lnTo>
                  <a:lnTo>
                    <a:pt x="443" y="125"/>
                  </a:lnTo>
                  <a:lnTo>
                    <a:pt x="443" y="128"/>
                  </a:lnTo>
                  <a:lnTo>
                    <a:pt x="441" y="130"/>
                  </a:lnTo>
                  <a:lnTo>
                    <a:pt x="438" y="132"/>
                  </a:lnTo>
                  <a:lnTo>
                    <a:pt x="433" y="133"/>
                  </a:lnTo>
                  <a:lnTo>
                    <a:pt x="424" y="130"/>
                  </a:lnTo>
                  <a:lnTo>
                    <a:pt x="411" y="125"/>
                  </a:lnTo>
                  <a:lnTo>
                    <a:pt x="409" y="123"/>
                  </a:lnTo>
                  <a:lnTo>
                    <a:pt x="406" y="121"/>
                  </a:lnTo>
                  <a:lnTo>
                    <a:pt x="401" y="120"/>
                  </a:lnTo>
                  <a:lnTo>
                    <a:pt x="396" y="118"/>
                  </a:lnTo>
                  <a:lnTo>
                    <a:pt x="392" y="115"/>
                  </a:lnTo>
                  <a:lnTo>
                    <a:pt x="387" y="113"/>
                  </a:lnTo>
                  <a:lnTo>
                    <a:pt x="384" y="111"/>
                  </a:lnTo>
                  <a:lnTo>
                    <a:pt x="380" y="145"/>
                  </a:lnTo>
                  <a:lnTo>
                    <a:pt x="375" y="150"/>
                  </a:lnTo>
                  <a:lnTo>
                    <a:pt x="375" y="152"/>
                  </a:lnTo>
                  <a:lnTo>
                    <a:pt x="374" y="157"/>
                  </a:lnTo>
                  <a:lnTo>
                    <a:pt x="372" y="162"/>
                  </a:lnTo>
                  <a:lnTo>
                    <a:pt x="369" y="169"/>
                  </a:lnTo>
                  <a:lnTo>
                    <a:pt x="365" y="176"/>
                  </a:lnTo>
                  <a:lnTo>
                    <a:pt x="362" y="179"/>
                  </a:lnTo>
                  <a:lnTo>
                    <a:pt x="358" y="182"/>
                  </a:lnTo>
                  <a:lnTo>
                    <a:pt x="355" y="181"/>
                  </a:lnTo>
                  <a:lnTo>
                    <a:pt x="355" y="182"/>
                  </a:lnTo>
                  <a:lnTo>
                    <a:pt x="355" y="186"/>
                  </a:lnTo>
                  <a:lnTo>
                    <a:pt x="353" y="189"/>
                  </a:lnTo>
                  <a:lnTo>
                    <a:pt x="352" y="194"/>
                  </a:lnTo>
                  <a:lnTo>
                    <a:pt x="350" y="199"/>
                  </a:lnTo>
                  <a:lnTo>
                    <a:pt x="347" y="203"/>
                  </a:lnTo>
                  <a:lnTo>
                    <a:pt x="345" y="203"/>
                  </a:lnTo>
                  <a:lnTo>
                    <a:pt x="342" y="199"/>
                  </a:lnTo>
                  <a:lnTo>
                    <a:pt x="340" y="199"/>
                  </a:lnTo>
                  <a:lnTo>
                    <a:pt x="338" y="198"/>
                  </a:lnTo>
                  <a:lnTo>
                    <a:pt x="336" y="196"/>
                  </a:lnTo>
                  <a:lnTo>
                    <a:pt x="333" y="196"/>
                  </a:lnTo>
                  <a:lnTo>
                    <a:pt x="331" y="198"/>
                  </a:lnTo>
                  <a:lnTo>
                    <a:pt x="328" y="199"/>
                  </a:lnTo>
                  <a:lnTo>
                    <a:pt x="326" y="206"/>
                  </a:lnTo>
                  <a:lnTo>
                    <a:pt x="326" y="216"/>
                  </a:lnTo>
                  <a:lnTo>
                    <a:pt x="326" y="218"/>
                  </a:lnTo>
                  <a:lnTo>
                    <a:pt x="326" y="220"/>
                  </a:lnTo>
                  <a:lnTo>
                    <a:pt x="325" y="223"/>
                  </a:lnTo>
                  <a:lnTo>
                    <a:pt x="325" y="225"/>
                  </a:lnTo>
                  <a:lnTo>
                    <a:pt x="323" y="226"/>
                  </a:lnTo>
                  <a:lnTo>
                    <a:pt x="323" y="228"/>
                  </a:lnTo>
                  <a:lnTo>
                    <a:pt x="323" y="230"/>
                  </a:lnTo>
                  <a:lnTo>
                    <a:pt x="323" y="231"/>
                  </a:lnTo>
                  <a:lnTo>
                    <a:pt x="321" y="235"/>
                  </a:lnTo>
                  <a:lnTo>
                    <a:pt x="320" y="242"/>
                  </a:lnTo>
                  <a:lnTo>
                    <a:pt x="318" y="247"/>
                  </a:lnTo>
                  <a:lnTo>
                    <a:pt x="313" y="250"/>
                  </a:lnTo>
                  <a:lnTo>
                    <a:pt x="308" y="252"/>
                  </a:lnTo>
                  <a:lnTo>
                    <a:pt x="301" y="250"/>
                  </a:lnTo>
                  <a:lnTo>
                    <a:pt x="291" y="243"/>
                  </a:lnTo>
                  <a:lnTo>
                    <a:pt x="289" y="242"/>
                  </a:lnTo>
                  <a:lnTo>
                    <a:pt x="286" y="240"/>
                  </a:lnTo>
                  <a:lnTo>
                    <a:pt x="282" y="238"/>
                  </a:lnTo>
                  <a:lnTo>
                    <a:pt x="279" y="238"/>
                  </a:lnTo>
                  <a:lnTo>
                    <a:pt x="276" y="240"/>
                  </a:lnTo>
                  <a:lnTo>
                    <a:pt x="274" y="243"/>
                  </a:lnTo>
                  <a:lnTo>
                    <a:pt x="274" y="250"/>
                  </a:lnTo>
                  <a:lnTo>
                    <a:pt x="276" y="260"/>
                  </a:lnTo>
                  <a:lnTo>
                    <a:pt x="276" y="262"/>
                  </a:lnTo>
                  <a:lnTo>
                    <a:pt x="276" y="265"/>
                  </a:lnTo>
                  <a:lnTo>
                    <a:pt x="274" y="267"/>
                  </a:lnTo>
                  <a:lnTo>
                    <a:pt x="272" y="269"/>
                  </a:lnTo>
                  <a:lnTo>
                    <a:pt x="272" y="272"/>
                  </a:lnTo>
                  <a:lnTo>
                    <a:pt x="270" y="274"/>
                  </a:lnTo>
                  <a:lnTo>
                    <a:pt x="270" y="275"/>
                  </a:lnTo>
                  <a:lnTo>
                    <a:pt x="269" y="275"/>
                  </a:lnTo>
                  <a:lnTo>
                    <a:pt x="267" y="287"/>
                  </a:lnTo>
                  <a:lnTo>
                    <a:pt x="265" y="289"/>
                  </a:lnTo>
                  <a:lnTo>
                    <a:pt x="264" y="291"/>
                  </a:lnTo>
                  <a:lnTo>
                    <a:pt x="264" y="292"/>
                  </a:lnTo>
                  <a:lnTo>
                    <a:pt x="262" y="296"/>
                  </a:lnTo>
                  <a:lnTo>
                    <a:pt x="260" y="301"/>
                  </a:lnTo>
                  <a:lnTo>
                    <a:pt x="259" y="308"/>
                  </a:lnTo>
                  <a:lnTo>
                    <a:pt x="259" y="314"/>
                  </a:lnTo>
                  <a:lnTo>
                    <a:pt x="259" y="318"/>
                  </a:lnTo>
                  <a:lnTo>
                    <a:pt x="255" y="321"/>
                  </a:lnTo>
                  <a:lnTo>
                    <a:pt x="252" y="326"/>
                  </a:lnTo>
                  <a:lnTo>
                    <a:pt x="248" y="331"/>
                  </a:lnTo>
                  <a:lnTo>
                    <a:pt x="245" y="336"/>
                  </a:lnTo>
                  <a:lnTo>
                    <a:pt x="242" y="341"/>
                  </a:lnTo>
                  <a:lnTo>
                    <a:pt x="240" y="347"/>
                  </a:lnTo>
                  <a:lnTo>
                    <a:pt x="238" y="352"/>
                  </a:lnTo>
                  <a:lnTo>
                    <a:pt x="238" y="353"/>
                  </a:lnTo>
                  <a:lnTo>
                    <a:pt x="238" y="355"/>
                  </a:lnTo>
                  <a:lnTo>
                    <a:pt x="238" y="357"/>
                  </a:lnTo>
                  <a:lnTo>
                    <a:pt x="238" y="360"/>
                  </a:lnTo>
                  <a:lnTo>
                    <a:pt x="238" y="362"/>
                  </a:lnTo>
                  <a:lnTo>
                    <a:pt x="238" y="363"/>
                  </a:lnTo>
                  <a:lnTo>
                    <a:pt x="238" y="365"/>
                  </a:lnTo>
                  <a:lnTo>
                    <a:pt x="243" y="369"/>
                  </a:lnTo>
                  <a:lnTo>
                    <a:pt x="237" y="377"/>
                  </a:lnTo>
                  <a:lnTo>
                    <a:pt x="242" y="384"/>
                  </a:lnTo>
                  <a:lnTo>
                    <a:pt x="225" y="396"/>
                  </a:lnTo>
                  <a:lnTo>
                    <a:pt x="223" y="396"/>
                  </a:lnTo>
                  <a:lnTo>
                    <a:pt x="220" y="394"/>
                  </a:lnTo>
                  <a:lnTo>
                    <a:pt x="216" y="394"/>
                  </a:lnTo>
                  <a:lnTo>
                    <a:pt x="211" y="394"/>
                  </a:lnTo>
                  <a:lnTo>
                    <a:pt x="208" y="396"/>
                  </a:lnTo>
                  <a:lnTo>
                    <a:pt x="203" y="401"/>
                  </a:lnTo>
                  <a:lnTo>
                    <a:pt x="201" y="407"/>
                  </a:lnTo>
                  <a:lnTo>
                    <a:pt x="199" y="406"/>
                  </a:lnTo>
                  <a:lnTo>
                    <a:pt x="198" y="404"/>
                  </a:lnTo>
                  <a:lnTo>
                    <a:pt x="194" y="404"/>
                  </a:lnTo>
                  <a:lnTo>
                    <a:pt x="189" y="402"/>
                  </a:lnTo>
                  <a:lnTo>
                    <a:pt x="186" y="402"/>
                  </a:lnTo>
                  <a:lnTo>
                    <a:pt x="184" y="404"/>
                  </a:lnTo>
                  <a:lnTo>
                    <a:pt x="184" y="407"/>
                  </a:lnTo>
                  <a:lnTo>
                    <a:pt x="186" y="414"/>
                  </a:lnTo>
                  <a:lnTo>
                    <a:pt x="186" y="416"/>
                  </a:lnTo>
                  <a:lnTo>
                    <a:pt x="184" y="418"/>
                  </a:lnTo>
                  <a:lnTo>
                    <a:pt x="182" y="418"/>
                  </a:lnTo>
                  <a:lnTo>
                    <a:pt x="179" y="419"/>
                  </a:lnTo>
                  <a:lnTo>
                    <a:pt x="176" y="421"/>
                  </a:lnTo>
                  <a:lnTo>
                    <a:pt x="174" y="423"/>
                  </a:lnTo>
                  <a:lnTo>
                    <a:pt x="172" y="423"/>
                  </a:lnTo>
                  <a:lnTo>
                    <a:pt x="171" y="424"/>
                  </a:lnTo>
                  <a:lnTo>
                    <a:pt x="167" y="426"/>
                  </a:lnTo>
                  <a:lnTo>
                    <a:pt x="162" y="428"/>
                  </a:lnTo>
                  <a:lnTo>
                    <a:pt x="155" y="429"/>
                  </a:lnTo>
                  <a:lnTo>
                    <a:pt x="150" y="429"/>
                  </a:lnTo>
                  <a:lnTo>
                    <a:pt x="145" y="429"/>
                  </a:lnTo>
                  <a:lnTo>
                    <a:pt x="142" y="428"/>
                  </a:lnTo>
                  <a:lnTo>
                    <a:pt x="140" y="423"/>
                  </a:lnTo>
                  <a:lnTo>
                    <a:pt x="138" y="426"/>
                  </a:lnTo>
                  <a:lnTo>
                    <a:pt x="135" y="429"/>
                  </a:lnTo>
                  <a:lnTo>
                    <a:pt x="132" y="433"/>
                  </a:lnTo>
                  <a:lnTo>
                    <a:pt x="127" y="438"/>
                  </a:lnTo>
                  <a:lnTo>
                    <a:pt x="122" y="440"/>
                  </a:lnTo>
                  <a:lnTo>
                    <a:pt x="116" y="440"/>
                  </a:lnTo>
                  <a:lnTo>
                    <a:pt x="110" y="438"/>
                  </a:lnTo>
                  <a:lnTo>
                    <a:pt x="108" y="438"/>
                  </a:lnTo>
                  <a:lnTo>
                    <a:pt x="105" y="438"/>
                  </a:lnTo>
                  <a:lnTo>
                    <a:pt x="101" y="436"/>
                  </a:lnTo>
                  <a:lnTo>
                    <a:pt x="98" y="435"/>
                  </a:lnTo>
                  <a:lnTo>
                    <a:pt x="93" y="433"/>
                  </a:lnTo>
                  <a:lnTo>
                    <a:pt x="88" y="428"/>
                  </a:lnTo>
                  <a:lnTo>
                    <a:pt x="83" y="423"/>
                  </a:lnTo>
                  <a:lnTo>
                    <a:pt x="79" y="416"/>
                  </a:lnTo>
                  <a:lnTo>
                    <a:pt x="78" y="413"/>
                  </a:lnTo>
                  <a:lnTo>
                    <a:pt x="78" y="409"/>
                  </a:lnTo>
                  <a:lnTo>
                    <a:pt x="78" y="406"/>
                  </a:lnTo>
                  <a:lnTo>
                    <a:pt x="76" y="404"/>
                  </a:lnTo>
                </a:path>
              </a:pathLst>
            </a:custGeom>
            <a:solidFill>
              <a:srgbClr val="DDDDDD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27" name="Freeform 130"/>
            <p:cNvSpPr>
              <a:spLocks/>
            </p:cNvSpPr>
            <p:nvPr/>
          </p:nvSpPr>
          <p:spPr bwMode="auto">
            <a:xfrm>
              <a:off x="4583" y="2049"/>
              <a:ext cx="102" cy="170"/>
            </a:xfrm>
            <a:custGeom>
              <a:avLst/>
              <a:gdLst>
                <a:gd name="T0" fmla="*/ 17 w 105"/>
                <a:gd name="T1" fmla="*/ 16 h 175"/>
                <a:gd name="T2" fmla="*/ 17 w 105"/>
                <a:gd name="T3" fmla="*/ 17 h 175"/>
                <a:gd name="T4" fmla="*/ 17 w 105"/>
                <a:gd name="T5" fmla="*/ 17 h 175"/>
                <a:gd name="T6" fmla="*/ 17 w 105"/>
                <a:gd name="T7" fmla="*/ 20 h 175"/>
                <a:gd name="T8" fmla="*/ 17 w 105"/>
                <a:gd name="T9" fmla="*/ 22 h 175"/>
                <a:gd name="T10" fmla="*/ 17 w 105"/>
                <a:gd name="T11" fmla="*/ 24 h 175"/>
                <a:gd name="T12" fmla="*/ 17 w 105"/>
                <a:gd name="T13" fmla="*/ 32 h 175"/>
                <a:gd name="T14" fmla="*/ 17 w 105"/>
                <a:gd name="T15" fmla="*/ 39 h 175"/>
                <a:gd name="T16" fmla="*/ 20 w 105"/>
                <a:gd name="T17" fmla="*/ 42 h 175"/>
                <a:gd name="T18" fmla="*/ 23 w 105"/>
                <a:gd name="T19" fmla="*/ 42 h 175"/>
                <a:gd name="T20" fmla="*/ 25 w 105"/>
                <a:gd name="T21" fmla="*/ 43 h 175"/>
                <a:gd name="T22" fmla="*/ 30 w 105"/>
                <a:gd name="T23" fmla="*/ 45 h 175"/>
                <a:gd name="T24" fmla="*/ 35 w 105"/>
                <a:gd name="T25" fmla="*/ 48 h 175"/>
                <a:gd name="T26" fmla="*/ 35 w 105"/>
                <a:gd name="T27" fmla="*/ 54 h 175"/>
                <a:gd name="T28" fmla="*/ 35 w 105"/>
                <a:gd name="T29" fmla="*/ 59 h 175"/>
                <a:gd name="T30" fmla="*/ 35 w 105"/>
                <a:gd name="T31" fmla="*/ 59 h 175"/>
                <a:gd name="T32" fmla="*/ 39 w 105"/>
                <a:gd name="T33" fmla="*/ 63 h 175"/>
                <a:gd name="T34" fmla="*/ 41 w 105"/>
                <a:gd name="T35" fmla="*/ 67 h 175"/>
                <a:gd name="T36" fmla="*/ 43 w 105"/>
                <a:gd name="T37" fmla="*/ 70 h 175"/>
                <a:gd name="T38" fmla="*/ 43 w 105"/>
                <a:gd name="T39" fmla="*/ 71 h 175"/>
                <a:gd name="T40" fmla="*/ 44 w 105"/>
                <a:gd name="T41" fmla="*/ 71 h 175"/>
                <a:gd name="T42" fmla="*/ 45 w 105"/>
                <a:gd name="T43" fmla="*/ 74 h 175"/>
                <a:gd name="T44" fmla="*/ 45 w 105"/>
                <a:gd name="T45" fmla="*/ 75 h 175"/>
                <a:gd name="T46" fmla="*/ 49 w 105"/>
                <a:gd name="T47" fmla="*/ 80 h 175"/>
                <a:gd name="T48" fmla="*/ 55 w 105"/>
                <a:gd name="T49" fmla="*/ 82 h 175"/>
                <a:gd name="T50" fmla="*/ 59 w 105"/>
                <a:gd name="T51" fmla="*/ 82 h 175"/>
                <a:gd name="T52" fmla="*/ 61 w 105"/>
                <a:gd name="T53" fmla="*/ 82 h 175"/>
                <a:gd name="T54" fmla="*/ 63 w 105"/>
                <a:gd name="T55" fmla="*/ 90 h 175"/>
                <a:gd name="T56" fmla="*/ 58 w 105"/>
                <a:gd name="T57" fmla="*/ 94 h 175"/>
                <a:gd name="T58" fmla="*/ 58 w 105"/>
                <a:gd name="T59" fmla="*/ 94 h 175"/>
                <a:gd name="T60" fmla="*/ 57 w 105"/>
                <a:gd name="T61" fmla="*/ 95 h 175"/>
                <a:gd name="T62" fmla="*/ 57 w 105"/>
                <a:gd name="T63" fmla="*/ 96 h 175"/>
                <a:gd name="T64" fmla="*/ 53 w 105"/>
                <a:gd name="T65" fmla="*/ 99 h 175"/>
                <a:gd name="T66" fmla="*/ 57 w 105"/>
                <a:gd name="T67" fmla="*/ 100 h 175"/>
                <a:gd name="T68" fmla="*/ 61 w 105"/>
                <a:gd name="T69" fmla="*/ 99 h 175"/>
                <a:gd name="T70" fmla="*/ 63 w 105"/>
                <a:gd name="T71" fmla="*/ 98 h 175"/>
                <a:gd name="T72" fmla="*/ 66 w 105"/>
                <a:gd name="T73" fmla="*/ 96 h 175"/>
                <a:gd name="T74" fmla="*/ 69 w 105"/>
                <a:gd name="T75" fmla="*/ 99 h 175"/>
                <a:gd name="T76" fmla="*/ 69 w 105"/>
                <a:gd name="T77" fmla="*/ 104 h 175"/>
                <a:gd name="T78" fmla="*/ 69 w 105"/>
                <a:gd name="T79" fmla="*/ 109 h 175"/>
                <a:gd name="T80" fmla="*/ 0 w 105"/>
                <a:gd name="T81" fmla="*/ 17 h 175"/>
                <a:gd name="T82" fmla="*/ 0 w 105"/>
                <a:gd name="T83" fmla="*/ 17 h 175"/>
                <a:gd name="T84" fmla="*/ 5 w 105"/>
                <a:gd name="T85" fmla="*/ 7 h 175"/>
                <a:gd name="T86" fmla="*/ 15 w 105"/>
                <a:gd name="T87" fmla="*/ 0 h 175"/>
                <a:gd name="T88" fmla="*/ 17 w 105"/>
                <a:gd name="T89" fmla="*/ 0 h 175"/>
                <a:gd name="T90" fmla="*/ 18 w 105"/>
                <a:gd name="T91" fmla="*/ 2 h 175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w 105"/>
                <a:gd name="T139" fmla="*/ 0 h 175"/>
                <a:gd name="T140" fmla="*/ 105 w 105"/>
                <a:gd name="T141" fmla="*/ 175 h 175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T138" t="T139" r="T140" b="T141"/>
              <a:pathLst>
                <a:path w="105" h="175">
                  <a:moveTo>
                    <a:pt x="27" y="7"/>
                  </a:moveTo>
                  <a:lnTo>
                    <a:pt x="24" y="16"/>
                  </a:lnTo>
                  <a:lnTo>
                    <a:pt x="20" y="22"/>
                  </a:lnTo>
                  <a:lnTo>
                    <a:pt x="20" y="26"/>
                  </a:lnTo>
                  <a:lnTo>
                    <a:pt x="20" y="29"/>
                  </a:lnTo>
                  <a:lnTo>
                    <a:pt x="20" y="31"/>
                  </a:lnTo>
                  <a:lnTo>
                    <a:pt x="22" y="34"/>
                  </a:lnTo>
                  <a:lnTo>
                    <a:pt x="22" y="36"/>
                  </a:lnTo>
                  <a:lnTo>
                    <a:pt x="24" y="36"/>
                  </a:lnTo>
                  <a:lnTo>
                    <a:pt x="24" y="38"/>
                  </a:lnTo>
                  <a:lnTo>
                    <a:pt x="25" y="46"/>
                  </a:lnTo>
                  <a:lnTo>
                    <a:pt x="27" y="49"/>
                  </a:lnTo>
                  <a:lnTo>
                    <a:pt x="29" y="55"/>
                  </a:lnTo>
                  <a:lnTo>
                    <a:pt x="30" y="56"/>
                  </a:lnTo>
                  <a:lnTo>
                    <a:pt x="34" y="60"/>
                  </a:lnTo>
                  <a:lnTo>
                    <a:pt x="36" y="61"/>
                  </a:lnTo>
                  <a:lnTo>
                    <a:pt x="37" y="61"/>
                  </a:lnTo>
                  <a:lnTo>
                    <a:pt x="39" y="63"/>
                  </a:lnTo>
                  <a:lnTo>
                    <a:pt x="44" y="66"/>
                  </a:lnTo>
                  <a:lnTo>
                    <a:pt x="47" y="70"/>
                  </a:lnTo>
                  <a:lnTo>
                    <a:pt x="49" y="73"/>
                  </a:lnTo>
                  <a:lnTo>
                    <a:pt x="49" y="78"/>
                  </a:lnTo>
                  <a:lnTo>
                    <a:pt x="49" y="82"/>
                  </a:lnTo>
                  <a:lnTo>
                    <a:pt x="49" y="85"/>
                  </a:lnTo>
                  <a:lnTo>
                    <a:pt x="49" y="88"/>
                  </a:lnTo>
                  <a:lnTo>
                    <a:pt x="51" y="92"/>
                  </a:lnTo>
                  <a:lnTo>
                    <a:pt x="54" y="93"/>
                  </a:lnTo>
                  <a:lnTo>
                    <a:pt x="56" y="97"/>
                  </a:lnTo>
                  <a:lnTo>
                    <a:pt x="59" y="99"/>
                  </a:lnTo>
                  <a:lnTo>
                    <a:pt x="61" y="102"/>
                  </a:lnTo>
                  <a:lnTo>
                    <a:pt x="63" y="104"/>
                  </a:lnTo>
                  <a:lnTo>
                    <a:pt x="63" y="105"/>
                  </a:lnTo>
                  <a:lnTo>
                    <a:pt x="64" y="105"/>
                  </a:lnTo>
                  <a:lnTo>
                    <a:pt x="64" y="109"/>
                  </a:lnTo>
                  <a:lnTo>
                    <a:pt x="66" y="110"/>
                  </a:lnTo>
                  <a:lnTo>
                    <a:pt x="66" y="112"/>
                  </a:lnTo>
                  <a:lnTo>
                    <a:pt x="71" y="115"/>
                  </a:lnTo>
                  <a:lnTo>
                    <a:pt x="74" y="119"/>
                  </a:lnTo>
                  <a:lnTo>
                    <a:pt x="80" y="121"/>
                  </a:lnTo>
                  <a:lnTo>
                    <a:pt x="83" y="122"/>
                  </a:lnTo>
                  <a:lnTo>
                    <a:pt x="86" y="122"/>
                  </a:lnTo>
                  <a:lnTo>
                    <a:pt x="88" y="122"/>
                  </a:lnTo>
                  <a:lnTo>
                    <a:pt x="90" y="122"/>
                  </a:lnTo>
                  <a:lnTo>
                    <a:pt x="93" y="126"/>
                  </a:lnTo>
                  <a:lnTo>
                    <a:pt x="93" y="136"/>
                  </a:lnTo>
                  <a:lnTo>
                    <a:pt x="86" y="136"/>
                  </a:lnTo>
                  <a:lnTo>
                    <a:pt x="86" y="141"/>
                  </a:lnTo>
                  <a:lnTo>
                    <a:pt x="86" y="143"/>
                  </a:lnTo>
                  <a:lnTo>
                    <a:pt x="85" y="143"/>
                  </a:lnTo>
                  <a:lnTo>
                    <a:pt x="85" y="144"/>
                  </a:lnTo>
                  <a:lnTo>
                    <a:pt x="83" y="146"/>
                  </a:lnTo>
                  <a:lnTo>
                    <a:pt x="81" y="148"/>
                  </a:lnTo>
                  <a:lnTo>
                    <a:pt x="83" y="149"/>
                  </a:lnTo>
                  <a:lnTo>
                    <a:pt x="85" y="149"/>
                  </a:lnTo>
                  <a:lnTo>
                    <a:pt x="88" y="149"/>
                  </a:lnTo>
                  <a:lnTo>
                    <a:pt x="90" y="148"/>
                  </a:lnTo>
                  <a:lnTo>
                    <a:pt x="91" y="148"/>
                  </a:lnTo>
                  <a:lnTo>
                    <a:pt x="93" y="146"/>
                  </a:lnTo>
                  <a:lnTo>
                    <a:pt x="98" y="144"/>
                  </a:lnTo>
                  <a:lnTo>
                    <a:pt x="100" y="144"/>
                  </a:lnTo>
                  <a:lnTo>
                    <a:pt x="102" y="148"/>
                  </a:lnTo>
                  <a:lnTo>
                    <a:pt x="102" y="149"/>
                  </a:lnTo>
                  <a:lnTo>
                    <a:pt x="102" y="154"/>
                  </a:lnTo>
                  <a:lnTo>
                    <a:pt x="105" y="158"/>
                  </a:lnTo>
                  <a:lnTo>
                    <a:pt x="103" y="163"/>
                  </a:lnTo>
                  <a:lnTo>
                    <a:pt x="41" y="175"/>
                  </a:lnTo>
                  <a:lnTo>
                    <a:pt x="0" y="21"/>
                  </a:lnTo>
                  <a:lnTo>
                    <a:pt x="0" y="22"/>
                  </a:lnTo>
                  <a:lnTo>
                    <a:pt x="2" y="12"/>
                  </a:lnTo>
                  <a:lnTo>
                    <a:pt x="5" y="7"/>
                  </a:lnTo>
                  <a:lnTo>
                    <a:pt x="10" y="4"/>
                  </a:lnTo>
                  <a:lnTo>
                    <a:pt x="15" y="0"/>
                  </a:lnTo>
                  <a:lnTo>
                    <a:pt x="22" y="0"/>
                  </a:lnTo>
                  <a:lnTo>
                    <a:pt x="27" y="0"/>
                  </a:lnTo>
                  <a:lnTo>
                    <a:pt x="30" y="0"/>
                  </a:lnTo>
                  <a:lnTo>
                    <a:pt x="32" y="2"/>
                  </a:lnTo>
                  <a:lnTo>
                    <a:pt x="27" y="7"/>
                  </a:lnTo>
                </a:path>
              </a:pathLst>
            </a:custGeom>
            <a:solidFill>
              <a:srgbClr val="DDDDDD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228" name="Group 131"/>
            <p:cNvGrpSpPr>
              <a:grpSpLocks/>
            </p:cNvGrpSpPr>
            <p:nvPr/>
          </p:nvGrpSpPr>
          <p:grpSpPr bwMode="auto">
            <a:xfrm>
              <a:off x="3980" y="2710"/>
              <a:ext cx="478" cy="363"/>
              <a:chOff x="3916" y="2758"/>
              <a:chExt cx="478" cy="363"/>
            </a:xfrm>
          </p:grpSpPr>
          <p:sp>
            <p:nvSpPr>
              <p:cNvPr id="281" name="Freeform 132"/>
              <p:cNvSpPr>
                <a:spLocks/>
              </p:cNvSpPr>
              <p:nvPr/>
            </p:nvSpPr>
            <p:spPr bwMode="auto">
              <a:xfrm>
                <a:off x="4222" y="3072"/>
                <a:ext cx="15" cy="16"/>
              </a:xfrm>
              <a:custGeom>
                <a:avLst/>
                <a:gdLst>
                  <a:gd name="T0" fmla="*/ 1 w 15"/>
                  <a:gd name="T1" fmla="*/ 5 h 17"/>
                  <a:gd name="T2" fmla="*/ 5 w 15"/>
                  <a:gd name="T3" fmla="*/ 2 h 17"/>
                  <a:gd name="T4" fmla="*/ 6 w 15"/>
                  <a:gd name="T5" fmla="*/ 0 h 17"/>
                  <a:gd name="T6" fmla="*/ 10 w 15"/>
                  <a:gd name="T7" fmla="*/ 0 h 17"/>
                  <a:gd name="T8" fmla="*/ 12 w 15"/>
                  <a:gd name="T9" fmla="*/ 0 h 17"/>
                  <a:gd name="T10" fmla="*/ 13 w 15"/>
                  <a:gd name="T11" fmla="*/ 2 h 17"/>
                  <a:gd name="T12" fmla="*/ 13 w 15"/>
                  <a:gd name="T13" fmla="*/ 2 h 17"/>
                  <a:gd name="T14" fmla="*/ 15 w 15"/>
                  <a:gd name="T15" fmla="*/ 3 h 17"/>
                  <a:gd name="T16" fmla="*/ 15 w 15"/>
                  <a:gd name="T17" fmla="*/ 5 h 17"/>
                  <a:gd name="T18" fmla="*/ 15 w 15"/>
                  <a:gd name="T19" fmla="*/ 7 h 17"/>
                  <a:gd name="T20" fmla="*/ 13 w 15"/>
                  <a:gd name="T21" fmla="*/ 8 h 17"/>
                  <a:gd name="T22" fmla="*/ 13 w 15"/>
                  <a:gd name="T23" fmla="*/ 8 h 17"/>
                  <a:gd name="T24" fmla="*/ 12 w 15"/>
                  <a:gd name="T25" fmla="*/ 8 h 17"/>
                  <a:gd name="T26" fmla="*/ 10 w 15"/>
                  <a:gd name="T27" fmla="*/ 8 h 17"/>
                  <a:gd name="T28" fmla="*/ 6 w 15"/>
                  <a:gd name="T29" fmla="*/ 8 h 17"/>
                  <a:gd name="T30" fmla="*/ 3 w 15"/>
                  <a:gd name="T31" fmla="*/ 8 h 17"/>
                  <a:gd name="T32" fmla="*/ 1 w 15"/>
                  <a:gd name="T33" fmla="*/ 8 h 17"/>
                  <a:gd name="T34" fmla="*/ 1 w 15"/>
                  <a:gd name="T35" fmla="*/ 8 h 17"/>
                  <a:gd name="T36" fmla="*/ 0 w 15"/>
                  <a:gd name="T37" fmla="*/ 8 h 17"/>
                  <a:gd name="T38" fmla="*/ 0 w 15"/>
                  <a:gd name="T39" fmla="*/ 8 h 17"/>
                  <a:gd name="T40" fmla="*/ 0 w 15"/>
                  <a:gd name="T41" fmla="*/ 8 h 17"/>
                  <a:gd name="T42" fmla="*/ 0 w 15"/>
                  <a:gd name="T43" fmla="*/ 8 h 17"/>
                  <a:gd name="T44" fmla="*/ 0 w 15"/>
                  <a:gd name="T45" fmla="*/ 8 h 17"/>
                  <a:gd name="T46" fmla="*/ 1 w 15"/>
                  <a:gd name="T47" fmla="*/ 7 h 17"/>
                  <a:gd name="T48" fmla="*/ 1 w 15"/>
                  <a:gd name="T49" fmla="*/ 5 h 1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15"/>
                  <a:gd name="T76" fmla="*/ 0 h 17"/>
                  <a:gd name="T77" fmla="*/ 15 w 15"/>
                  <a:gd name="T78" fmla="*/ 17 h 17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15" h="17">
                    <a:moveTo>
                      <a:pt x="1" y="5"/>
                    </a:moveTo>
                    <a:lnTo>
                      <a:pt x="5" y="2"/>
                    </a:lnTo>
                    <a:lnTo>
                      <a:pt x="6" y="0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5" y="3"/>
                    </a:lnTo>
                    <a:lnTo>
                      <a:pt x="15" y="5"/>
                    </a:lnTo>
                    <a:lnTo>
                      <a:pt x="15" y="7"/>
                    </a:lnTo>
                    <a:lnTo>
                      <a:pt x="13" y="8"/>
                    </a:lnTo>
                    <a:lnTo>
                      <a:pt x="13" y="10"/>
                    </a:lnTo>
                    <a:lnTo>
                      <a:pt x="12" y="12"/>
                    </a:lnTo>
                    <a:lnTo>
                      <a:pt x="10" y="15"/>
                    </a:lnTo>
                    <a:lnTo>
                      <a:pt x="6" y="17"/>
                    </a:lnTo>
                    <a:lnTo>
                      <a:pt x="3" y="17"/>
                    </a:lnTo>
                    <a:lnTo>
                      <a:pt x="1" y="17"/>
                    </a:lnTo>
                    <a:lnTo>
                      <a:pt x="0" y="15"/>
                    </a:lnTo>
                    <a:lnTo>
                      <a:pt x="0" y="13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1" y="7"/>
                    </a:lnTo>
                    <a:lnTo>
                      <a:pt x="1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82" name="Freeform 133"/>
              <p:cNvSpPr>
                <a:spLocks/>
              </p:cNvSpPr>
              <p:nvPr/>
            </p:nvSpPr>
            <p:spPr bwMode="auto">
              <a:xfrm>
                <a:off x="4206" y="3072"/>
                <a:ext cx="11" cy="12"/>
              </a:xfrm>
              <a:custGeom>
                <a:avLst/>
                <a:gdLst>
                  <a:gd name="T0" fmla="*/ 0 w 11"/>
                  <a:gd name="T1" fmla="*/ 6 h 13"/>
                  <a:gd name="T2" fmla="*/ 0 w 11"/>
                  <a:gd name="T3" fmla="*/ 3 h 13"/>
                  <a:gd name="T4" fmla="*/ 2 w 11"/>
                  <a:gd name="T5" fmla="*/ 2 h 13"/>
                  <a:gd name="T6" fmla="*/ 4 w 11"/>
                  <a:gd name="T7" fmla="*/ 0 h 13"/>
                  <a:gd name="T8" fmla="*/ 6 w 11"/>
                  <a:gd name="T9" fmla="*/ 0 h 13"/>
                  <a:gd name="T10" fmla="*/ 7 w 11"/>
                  <a:gd name="T11" fmla="*/ 0 h 13"/>
                  <a:gd name="T12" fmla="*/ 9 w 11"/>
                  <a:gd name="T13" fmla="*/ 2 h 13"/>
                  <a:gd name="T14" fmla="*/ 11 w 11"/>
                  <a:gd name="T15" fmla="*/ 3 h 13"/>
                  <a:gd name="T16" fmla="*/ 11 w 11"/>
                  <a:gd name="T17" fmla="*/ 6 h 13"/>
                  <a:gd name="T18" fmla="*/ 11 w 11"/>
                  <a:gd name="T19" fmla="*/ 6 h 13"/>
                  <a:gd name="T20" fmla="*/ 9 w 11"/>
                  <a:gd name="T21" fmla="*/ 6 h 13"/>
                  <a:gd name="T22" fmla="*/ 7 w 11"/>
                  <a:gd name="T23" fmla="*/ 6 h 13"/>
                  <a:gd name="T24" fmla="*/ 6 w 11"/>
                  <a:gd name="T25" fmla="*/ 6 h 13"/>
                  <a:gd name="T26" fmla="*/ 4 w 11"/>
                  <a:gd name="T27" fmla="*/ 6 h 13"/>
                  <a:gd name="T28" fmla="*/ 2 w 11"/>
                  <a:gd name="T29" fmla="*/ 6 h 13"/>
                  <a:gd name="T30" fmla="*/ 0 w 11"/>
                  <a:gd name="T31" fmla="*/ 6 h 13"/>
                  <a:gd name="T32" fmla="*/ 0 w 11"/>
                  <a:gd name="T33" fmla="*/ 6 h 13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1"/>
                  <a:gd name="T52" fmla="*/ 0 h 13"/>
                  <a:gd name="T53" fmla="*/ 11 w 11"/>
                  <a:gd name="T54" fmla="*/ 13 h 13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1" h="13">
                    <a:moveTo>
                      <a:pt x="0" y="7"/>
                    </a:moveTo>
                    <a:lnTo>
                      <a:pt x="0" y="3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0"/>
                    </a:lnTo>
                    <a:lnTo>
                      <a:pt x="9" y="2"/>
                    </a:lnTo>
                    <a:lnTo>
                      <a:pt x="11" y="3"/>
                    </a:lnTo>
                    <a:lnTo>
                      <a:pt x="11" y="7"/>
                    </a:lnTo>
                    <a:lnTo>
                      <a:pt x="11" y="10"/>
                    </a:lnTo>
                    <a:lnTo>
                      <a:pt x="9" y="12"/>
                    </a:lnTo>
                    <a:lnTo>
                      <a:pt x="7" y="13"/>
                    </a:lnTo>
                    <a:lnTo>
                      <a:pt x="6" y="13"/>
                    </a:lnTo>
                    <a:lnTo>
                      <a:pt x="4" y="13"/>
                    </a:lnTo>
                    <a:lnTo>
                      <a:pt x="2" y="12"/>
                    </a:lnTo>
                    <a:lnTo>
                      <a:pt x="0" y="10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83" name="Freeform 134"/>
              <p:cNvSpPr>
                <a:spLocks/>
              </p:cNvSpPr>
              <p:nvPr/>
            </p:nvSpPr>
            <p:spPr bwMode="auto">
              <a:xfrm>
                <a:off x="4212" y="3098"/>
                <a:ext cx="13" cy="16"/>
              </a:xfrm>
              <a:custGeom>
                <a:avLst/>
                <a:gdLst>
                  <a:gd name="T0" fmla="*/ 1 w 13"/>
                  <a:gd name="T1" fmla="*/ 5 h 17"/>
                  <a:gd name="T2" fmla="*/ 3 w 13"/>
                  <a:gd name="T3" fmla="*/ 2 h 17"/>
                  <a:gd name="T4" fmla="*/ 6 w 13"/>
                  <a:gd name="T5" fmla="*/ 0 h 17"/>
                  <a:gd name="T6" fmla="*/ 8 w 13"/>
                  <a:gd name="T7" fmla="*/ 0 h 17"/>
                  <a:gd name="T8" fmla="*/ 11 w 13"/>
                  <a:gd name="T9" fmla="*/ 0 h 17"/>
                  <a:gd name="T10" fmla="*/ 13 w 13"/>
                  <a:gd name="T11" fmla="*/ 0 h 17"/>
                  <a:gd name="T12" fmla="*/ 13 w 13"/>
                  <a:gd name="T13" fmla="*/ 2 h 17"/>
                  <a:gd name="T14" fmla="*/ 13 w 13"/>
                  <a:gd name="T15" fmla="*/ 3 h 17"/>
                  <a:gd name="T16" fmla="*/ 13 w 13"/>
                  <a:gd name="T17" fmla="*/ 5 h 17"/>
                  <a:gd name="T18" fmla="*/ 13 w 13"/>
                  <a:gd name="T19" fmla="*/ 5 h 17"/>
                  <a:gd name="T20" fmla="*/ 13 w 13"/>
                  <a:gd name="T21" fmla="*/ 8 h 17"/>
                  <a:gd name="T22" fmla="*/ 13 w 13"/>
                  <a:gd name="T23" fmla="*/ 8 h 17"/>
                  <a:gd name="T24" fmla="*/ 11 w 13"/>
                  <a:gd name="T25" fmla="*/ 8 h 17"/>
                  <a:gd name="T26" fmla="*/ 10 w 13"/>
                  <a:gd name="T27" fmla="*/ 8 h 17"/>
                  <a:gd name="T28" fmla="*/ 6 w 13"/>
                  <a:gd name="T29" fmla="*/ 8 h 17"/>
                  <a:gd name="T30" fmla="*/ 5 w 13"/>
                  <a:gd name="T31" fmla="*/ 8 h 17"/>
                  <a:gd name="T32" fmla="*/ 1 w 13"/>
                  <a:gd name="T33" fmla="*/ 8 h 17"/>
                  <a:gd name="T34" fmla="*/ 1 w 13"/>
                  <a:gd name="T35" fmla="*/ 8 h 17"/>
                  <a:gd name="T36" fmla="*/ 0 w 13"/>
                  <a:gd name="T37" fmla="*/ 8 h 17"/>
                  <a:gd name="T38" fmla="*/ 0 w 13"/>
                  <a:gd name="T39" fmla="*/ 8 h 17"/>
                  <a:gd name="T40" fmla="*/ 0 w 13"/>
                  <a:gd name="T41" fmla="*/ 8 h 17"/>
                  <a:gd name="T42" fmla="*/ 0 w 13"/>
                  <a:gd name="T43" fmla="*/ 8 h 17"/>
                  <a:gd name="T44" fmla="*/ 0 w 13"/>
                  <a:gd name="T45" fmla="*/ 8 h 17"/>
                  <a:gd name="T46" fmla="*/ 0 w 13"/>
                  <a:gd name="T47" fmla="*/ 7 h 17"/>
                  <a:gd name="T48" fmla="*/ 1 w 13"/>
                  <a:gd name="T49" fmla="*/ 5 h 1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13"/>
                  <a:gd name="T76" fmla="*/ 0 h 17"/>
                  <a:gd name="T77" fmla="*/ 13 w 13"/>
                  <a:gd name="T78" fmla="*/ 17 h 17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13" h="17">
                    <a:moveTo>
                      <a:pt x="1" y="5"/>
                    </a:moveTo>
                    <a:lnTo>
                      <a:pt x="3" y="2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1" y="0"/>
                    </a:lnTo>
                    <a:lnTo>
                      <a:pt x="13" y="0"/>
                    </a:lnTo>
                    <a:lnTo>
                      <a:pt x="13" y="2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3" y="8"/>
                    </a:lnTo>
                    <a:lnTo>
                      <a:pt x="11" y="10"/>
                    </a:lnTo>
                    <a:lnTo>
                      <a:pt x="10" y="14"/>
                    </a:lnTo>
                    <a:lnTo>
                      <a:pt x="6" y="15"/>
                    </a:lnTo>
                    <a:lnTo>
                      <a:pt x="5" y="17"/>
                    </a:lnTo>
                    <a:lnTo>
                      <a:pt x="1" y="17"/>
                    </a:lnTo>
                    <a:lnTo>
                      <a:pt x="1" y="15"/>
                    </a:lnTo>
                    <a:lnTo>
                      <a:pt x="0" y="14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1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84" name="Freeform 135"/>
              <p:cNvSpPr>
                <a:spLocks/>
              </p:cNvSpPr>
              <p:nvPr/>
            </p:nvSpPr>
            <p:spPr bwMode="auto">
              <a:xfrm>
                <a:off x="3916" y="2758"/>
                <a:ext cx="478" cy="363"/>
              </a:xfrm>
              <a:custGeom>
                <a:avLst/>
                <a:gdLst>
                  <a:gd name="T0" fmla="*/ 178 w 492"/>
                  <a:gd name="T1" fmla="*/ 243 h 374"/>
                  <a:gd name="T2" fmla="*/ 178 w 492"/>
                  <a:gd name="T3" fmla="*/ 240 h 374"/>
                  <a:gd name="T4" fmla="*/ 178 w 492"/>
                  <a:gd name="T5" fmla="*/ 229 h 374"/>
                  <a:gd name="T6" fmla="*/ 162 w 492"/>
                  <a:gd name="T7" fmla="*/ 208 h 374"/>
                  <a:gd name="T8" fmla="*/ 154 w 492"/>
                  <a:gd name="T9" fmla="*/ 202 h 374"/>
                  <a:gd name="T10" fmla="*/ 142 w 492"/>
                  <a:gd name="T11" fmla="*/ 177 h 374"/>
                  <a:gd name="T12" fmla="*/ 130 w 492"/>
                  <a:gd name="T13" fmla="*/ 173 h 374"/>
                  <a:gd name="T14" fmla="*/ 122 w 492"/>
                  <a:gd name="T15" fmla="*/ 168 h 374"/>
                  <a:gd name="T16" fmla="*/ 112 w 492"/>
                  <a:gd name="T17" fmla="*/ 156 h 374"/>
                  <a:gd name="T18" fmla="*/ 106 w 492"/>
                  <a:gd name="T19" fmla="*/ 144 h 374"/>
                  <a:gd name="T20" fmla="*/ 95 w 492"/>
                  <a:gd name="T21" fmla="*/ 139 h 374"/>
                  <a:gd name="T22" fmla="*/ 91 w 492"/>
                  <a:gd name="T23" fmla="*/ 137 h 374"/>
                  <a:gd name="T24" fmla="*/ 86 w 492"/>
                  <a:gd name="T25" fmla="*/ 132 h 374"/>
                  <a:gd name="T26" fmla="*/ 79 w 492"/>
                  <a:gd name="T27" fmla="*/ 120 h 374"/>
                  <a:gd name="T28" fmla="*/ 73 w 492"/>
                  <a:gd name="T29" fmla="*/ 120 h 374"/>
                  <a:gd name="T30" fmla="*/ 63 w 492"/>
                  <a:gd name="T31" fmla="*/ 114 h 374"/>
                  <a:gd name="T32" fmla="*/ 55 w 492"/>
                  <a:gd name="T33" fmla="*/ 104 h 374"/>
                  <a:gd name="T34" fmla="*/ 47 w 492"/>
                  <a:gd name="T35" fmla="*/ 96 h 374"/>
                  <a:gd name="T36" fmla="*/ 40 w 492"/>
                  <a:gd name="T37" fmla="*/ 79 h 374"/>
                  <a:gd name="T38" fmla="*/ 38 w 492"/>
                  <a:gd name="T39" fmla="*/ 74 h 374"/>
                  <a:gd name="T40" fmla="*/ 32 w 492"/>
                  <a:gd name="T41" fmla="*/ 73 h 374"/>
                  <a:gd name="T42" fmla="*/ 17 w 492"/>
                  <a:gd name="T43" fmla="*/ 70 h 374"/>
                  <a:gd name="T44" fmla="*/ 17 w 492"/>
                  <a:gd name="T45" fmla="*/ 67 h 374"/>
                  <a:gd name="T46" fmla="*/ 0 w 492"/>
                  <a:gd name="T47" fmla="*/ 56 h 374"/>
                  <a:gd name="T48" fmla="*/ 17 w 492"/>
                  <a:gd name="T49" fmla="*/ 37 h 374"/>
                  <a:gd name="T50" fmla="*/ 17 w 492"/>
                  <a:gd name="T51" fmla="*/ 37 h 374"/>
                  <a:gd name="T52" fmla="*/ 17 w 492"/>
                  <a:gd name="T53" fmla="*/ 28 h 374"/>
                  <a:gd name="T54" fmla="*/ 38 w 492"/>
                  <a:gd name="T55" fmla="*/ 17 h 374"/>
                  <a:gd name="T56" fmla="*/ 57 w 492"/>
                  <a:gd name="T57" fmla="*/ 15 h 374"/>
                  <a:gd name="T58" fmla="*/ 138 w 492"/>
                  <a:gd name="T59" fmla="*/ 1 h 374"/>
                  <a:gd name="T60" fmla="*/ 144 w 492"/>
                  <a:gd name="T61" fmla="*/ 0 h 374"/>
                  <a:gd name="T62" fmla="*/ 162 w 492"/>
                  <a:gd name="T63" fmla="*/ 12 h 374"/>
                  <a:gd name="T64" fmla="*/ 329 w 492"/>
                  <a:gd name="T65" fmla="*/ 77 h 374"/>
                  <a:gd name="T66" fmla="*/ 326 w 492"/>
                  <a:gd name="T67" fmla="*/ 79 h 374"/>
                  <a:gd name="T68" fmla="*/ 317 w 492"/>
                  <a:gd name="T69" fmla="*/ 85 h 374"/>
                  <a:gd name="T70" fmla="*/ 306 w 492"/>
                  <a:gd name="T71" fmla="*/ 100 h 374"/>
                  <a:gd name="T72" fmla="*/ 295 w 492"/>
                  <a:gd name="T73" fmla="*/ 120 h 374"/>
                  <a:gd name="T74" fmla="*/ 292 w 492"/>
                  <a:gd name="T75" fmla="*/ 125 h 374"/>
                  <a:gd name="T76" fmla="*/ 289 w 492"/>
                  <a:gd name="T77" fmla="*/ 123 h 374"/>
                  <a:gd name="T78" fmla="*/ 288 w 492"/>
                  <a:gd name="T79" fmla="*/ 131 h 374"/>
                  <a:gd name="T80" fmla="*/ 293 w 492"/>
                  <a:gd name="T81" fmla="*/ 134 h 374"/>
                  <a:gd name="T82" fmla="*/ 295 w 492"/>
                  <a:gd name="T83" fmla="*/ 139 h 374"/>
                  <a:gd name="T84" fmla="*/ 288 w 492"/>
                  <a:gd name="T85" fmla="*/ 148 h 374"/>
                  <a:gd name="T86" fmla="*/ 282 w 492"/>
                  <a:gd name="T87" fmla="*/ 149 h 374"/>
                  <a:gd name="T88" fmla="*/ 269 w 492"/>
                  <a:gd name="T89" fmla="*/ 164 h 374"/>
                  <a:gd name="T90" fmla="*/ 265 w 492"/>
                  <a:gd name="T91" fmla="*/ 172 h 374"/>
                  <a:gd name="T92" fmla="*/ 259 w 492"/>
                  <a:gd name="T93" fmla="*/ 177 h 374"/>
                  <a:gd name="T94" fmla="*/ 251 w 492"/>
                  <a:gd name="T95" fmla="*/ 182 h 374"/>
                  <a:gd name="T96" fmla="*/ 233 w 492"/>
                  <a:gd name="T97" fmla="*/ 196 h 374"/>
                  <a:gd name="T98" fmla="*/ 214 w 492"/>
                  <a:gd name="T99" fmla="*/ 207 h 374"/>
                  <a:gd name="T100" fmla="*/ 203 w 492"/>
                  <a:gd name="T101" fmla="*/ 229 h 374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w 492"/>
                  <a:gd name="T154" fmla="*/ 0 h 374"/>
                  <a:gd name="T155" fmla="*/ 492 w 492"/>
                  <a:gd name="T156" fmla="*/ 374 h 374"/>
                </a:gdLst>
                <a:ahLst/>
                <a:cxnLst>
                  <a:cxn ang="T102">
                    <a:pos x="T0" y="T1"/>
                  </a:cxn>
                  <a:cxn ang="T103">
                    <a:pos x="T2" y="T3"/>
                  </a:cxn>
                  <a:cxn ang="T104">
                    <a:pos x="T4" y="T5"/>
                  </a:cxn>
                  <a:cxn ang="T105">
                    <a:pos x="T6" y="T7"/>
                  </a:cxn>
                  <a:cxn ang="T106">
                    <a:pos x="T8" y="T9"/>
                  </a:cxn>
                  <a:cxn ang="T107">
                    <a:pos x="T10" y="T11"/>
                  </a:cxn>
                  <a:cxn ang="T108">
                    <a:pos x="T12" y="T13"/>
                  </a:cxn>
                  <a:cxn ang="T109">
                    <a:pos x="T14" y="T15"/>
                  </a:cxn>
                  <a:cxn ang="T110">
                    <a:pos x="T16" y="T17"/>
                  </a:cxn>
                  <a:cxn ang="T111">
                    <a:pos x="T18" y="T19"/>
                  </a:cxn>
                  <a:cxn ang="T112">
                    <a:pos x="T20" y="T21"/>
                  </a:cxn>
                  <a:cxn ang="T113">
                    <a:pos x="T22" y="T23"/>
                  </a:cxn>
                  <a:cxn ang="T114">
                    <a:pos x="T24" y="T25"/>
                  </a:cxn>
                  <a:cxn ang="T115">
                    <a:pos x="T26" y="T27"/>
                  </a:cxn>
                  <a:cxn ang="T116">
                    <a:pos x="T28" y="T29"/>
                  </a:cxn>
                  <a:cxn ang="T117">
                    <a:pos x="T30" y="T31"/>
                  </a:cxn>
                  <a:cxn ang="T118">
                    <a:pos x="T32" y="T33"/>
                  </a:cxn>
                  <a:cxn ang="T119">
                    <a:pos x="T34" y="T35"/>
                  </a:cxn>
                  <a:cxn ang="T120">
                    <a:pos x="T36" y="T37"/>
                  </a:cxn>
                  <a:cxn ang="T121">
                    <a:pos x="T38" y="T39"/>
                  </a:cxn>
                  <a:cxn ang="T122">
                    <a:pos x="T40" y="T41"/>
                  </a:cxn>
                  <a:cxn ang="T123">
                    <a:pos x="T42" y="T43"/>
                  </a:cxn>
                  <a:cxn ang="T124">
                    <a:pos x="T44" y="T45"/>
                  </a:cxn>
                  <a:cxn ang="T125">
                    <a:pos x="T46" y="T47"/>
                  </a:cxn>
                  <a:cxn ang="T126">
                    <a:pos x="T48" y="T49"/>
                  </a:cxn>
                  <a:cxn ang="T127">
                    <a:pos x="T50" y="T51"/>
                  </a:cxn>
                  <a:cxn ang="T128">
                    <a:pos x="T52" y="T53"/>
                  </a:cxn>
                  <a:cxn ang="T129">
                    <a:pos x="T54" y="T55"/>
                  </a:cxn>
                  <a:cxn ang="T130">
                    <a:pos x="T56" y="T57"/>
                  </a:cxn>
                  <a:cxn ang="T131">
                    <a:pos x="T58" y="T59"/>
                  </a:cxn>
                  <a:cxn ang="T132">
                    <a:pos x="T60" y="T61"/>
                  </a:cxn>
                  <a:cxn ang="T133">
                    <a:pos x="T62" y="T63"/>
                  </a:cxn>
                  <a:cxn ang="T134">
                    <a:pos x="T64" y="T65"/>
                  </a:cxn>
                  <a:cxn ang="T135">
                    <a:pos x="T66" y="T67"/>
                  </a:cxn>
                  <a:cxn ang="T136">
                    <a:pos x="T68" y="T69"/>
                  </a:cxn>
                  <a:cxn ang="T137">
                    <a:pos x="T70" y="T71"/>
                  </a:cxn>
                  <a:cxn ang="T138">
                    <a:pos x="T72" y="T73"/>
                  </a:cxn>
                  <a:cxn ang="T139">
                    <a:pos x="T74" y="T75"/>
                  </a:cxn>
                  <a:cxn ang="T140">
                    <a:pos x="T76" y="T77"/>
                  </a:cxn>
                  <a:cxn ang="T141">
                    <a:pos x="T78" y="T79"/>
                  </a:cxn>
                  <a:cxn ang="T142">
                    <a:pos x="T80" y="T81"/>
                  </a:cxn>
                  <a:cxn ang="T143">
                    <a:pos x="T82" y="T83"/>
                  </a:cxn>
                  <a:cxn ang="T144">
                    <a:pos x="T84" y="T85"/>
                  </a:cxn>
                  <a:cxn ang="T145">
                    <a:pos x="T86" y="T87"/>
                  </a:cxn>
                  <a:cxn ang="T146">
                    <a:pos x="T88" y="T89"/>
                  </a:cxn>
                  <a:cxn ang="T147">
                    <a:pos x="T90" y="T91"/>
                  </a:cxn>
                  <a:cxn ang="T148">
                    <a:pos x="T92" y="T93"/>
                  </a:cxn>
                  <a:cxn ang="T149">
                    <a:pos x="T94" y="T95"/>
                  </a:cxn>
                  <a:cxn ang="T150">
                    <a:pos x="T96" y="T97"/>
                  </a:cxn>
                  <a:cxn ang="T151">
                    <a:pos x="T98" y="T99"/>
                  </a:cxn>
                  <a:cxn ang="T152">
                    <a:pos x="T100" y="T101"/>
                  </a:cxn>
                </a:cxnLst>
                <a:rect l="T153" t="T154" r="T155" b="T156"/>
                <a:pathLst>
                  <a:path w="492" h="374">
                    <a:moveTo>
                      <a:pt x="269" y="374"/>
                    </a:moveTo>
                    <a:lnTo>
                      <a:pt x="269" y="374"/>
                    </a:lnTo>
                    <a:lnTo>
                      <a:pt x="269" y="372"/>
                    </a:lnTo>
                    <a:lnTo>
                      <a:pt x="267" y="370"/>
                    </a:lnTo>
                    <a:lnTo>
                      <a:pt x="267" y="369"/>
                    </a:lnTo>
                    <a:lnTo>
                      <a:pt x="267" y="367"/>
                    </a:lnTo>
                    <a:lnTo>
                      <a:pt x="267" y="365"/>
                    </a:lnTo>
                    <a:lnTo>
                      <a:pt x="267" y="364"/>
                    </a:lnTo>
                    <a:lnTo>
                      <a:pt x="267" y="362"/>
                    </a:lnTo>
                    <a:lnTo>
                      <a:pt x="266" y="348"/>
                    </a:lnTo>
                    <a:lnTo>
                      <a:pt x="261" y="338"/>
                    </a:lnTo>
                    <a:lnTo>
                      <a:pt x="255" y="330"/>
                    </a:lnTo>
                    <a:lnTo>
                      <a:pt x="249" y="321"/>
                    </a:lnTo>
                    <a:lnTo>
                      <a:pt x="242" y="316"/>
                    </a:lnTo>
                    <a:lnTo>
                      <a:pt x="235" y="313"/>
                    </a:lnTo>
                    <a:lnTo>
                      <a:pt x="232" y="309"/>
                    </a:lnTo>
                    <a:lnTo>
                      <a:pt x="230" y="308"/>
                    </a:lnTo>
                    <a:lnTo>
                      <a:pt x="228" y="292"/>
                    </a:lnTo>
                    <a:lnTo>
                      <a:pt x="225" y="282"/>
                    </a:lnTo>
                    <a:lnTo>
                      <a:pt x="218" y="274"/>
                    </a:lnTo>
                    <a:lnTo>
                      <a:pt x="211" y="269"/>
                    </a:lnTo>
                    <a:lnTo>
                      <a:pt x="205" y="265"/>
                    </a:lnTo>
                    <a:lnTo>
                      <a:pt x="200" y="264"/>
                    </a:lnTo>
                    <a:lnTo>
                      <a:pt x="195" y="262"/>
                    </a:lnTo>
                    <a:lnTo>
                      <a:pt x="193" y="262"/>
                    </a:lnTo>
                    <a:lnTo>
                      <a:pt x="193" y="260"/>
                    </a:lnTo>
                    <a:lnTo>
                      <a:pt x="189" y="259"/>
                    </a:lnTo>
                    <a:lnTo>
                      <a:pt x="184" y="254"/>
                    </a:lnTo>
                    <a:lnTo>
                      <a:pt x="179" y="250"/>
                    </a:lnTo>
                    <a:lnTo>
                      <a:pt x="174" y="245"/>
                    </a:lnTo>
                    <a:lnTo>
                      <a:pt x="171" y="240"/>
                    </a:lnTo>
                    <a:lnTo>
                      <a:pt x="167" y="237"/>
                    </a:lnTo>
                    <a:lnTo>
                      <a:pt x="166" y="233"/>
                    </a:lnTo>
                    <a:lnTo>
                      <a:pt x="162" y="225"/>
                    </a:lnTo>
                    <a:lnTo>
                      <a:pt x="157" y="218"/>
                    </a:lnTo>
                    <a:lnTo>
                      <a:pt x="154" y="213"/>
                    </a:lnTo>
                    <a:lnTo>
                      <a:pt x="149" y="211"/>
                    </a:lnTo>
                    <a:lnTo>
                      <a:pt x="145" y="210"/>
                    </a:lnTo>
                    <a:lnTo>
                      <a:pt x="142" y="210"/>
                    </a:lnTo>
                    <a:lnTo>
                      <a:pt x="139" y="210"/>
                    </a:lnTo>
                    <a:lnTo>
                      <a:pt x="137" y="208"/>
                    </a:lnTo>
                    <a:lnTo>
                      <a:pt x="135" y="204"/>
                    </a:lnTo>
                    <a:lnTo>
                      <a:pt x="132" y="203"/>
                    </a:lnTo>
                    <a:lnTo>
                      <a:pt x="130" y="199"/>
                    </a:lnTo>
                    <a:lnTo>
                      <a:pt x="127" y="193"/>
                    </a:lnTo>
                    <a:lnTo>
                      <a:pt x="123" y="188"/>
                    </a:lnTo>
                    <a:lnTo>
                      <a:pt x="120" y="184"/>
                    </a:lnTo>
                    <a:lnTo>
                      <a:pt x="117" y="182"/>
                    </a:lnTo>
                    <a:lnTo>
                      <a:pt x="113" y="181"/>
                    </a:lnTo>
                    <a:lnTo>
                      <a:pt x="112" y="182"/>
                    </a:lnTo>
                    <a:lnTo>
                      <a:pt x="108" y="182"/>
                    </a:lnTo>
                    <a:lnTo>
                      <a:pt x="101" y="181"/>
                    </a:lnTo>
                    <a:lnTo>
                      <a:pt x="96" y="179"/>
                    </a:lnTo>
                    <a:lnTo>
                      <a:pt x="93" y="174"/>
                    </a:lnTo>
                    <a:lnTo>
                      <a:pt x="90" y="169"/>
                    </a:lnTo>
                    <a:lnTo>
                      <a:pt x="86" y="164"/>
                    </a:lnTo>
                    <a:lnTo>
                      <a:pt x="85" y="160"/>
                    </a:lnTo>
                    <a:lnTo>
                      <a:pt x="83" y="157"/>
                    </a:lnTo>
                    <a:lnTo>
                      <a:pt x="83" y="155"/>
                    </a:lnTo>
                    <a:lnTo>
                      <a:pt x="78" y="152"/>
                    </a:lnTo>
                    <a:lnTo>
                      <a:pt x="71" y="145"/>
                    </a:lnTo>
                    <a:lnTo>
                      <a:pt x="66" y="138"/>
                    </a:lnTo>
                    <a:lnTo>
                      <a:pt x="61" y="132"/>
                    </a:lnTo>
                    <a:lnTo>
                      <a:pt x="57" y="125"/>
                    </a:lnTo>
                    <a:lnTo>
                      <a:pt x="56" y="118"/>
                    </a:lnTo>
                    <a:lnTo>
                      <a:pt x="52" y="115"/>
                    </a:lnTo>
                    <a:lnTo>
                      <a:pt x="52" y="113"/>
                    </a:lnTo>
                    <a:lnTo>
                      <a:pt x="52" y="111"/>
                    </a:lnTo>
                    <a:lnTo>
                      <a:pt x="49" y="111"/>
                    </a:lnTo>
                    <a:lnTo>
                      <a:pt x="47" y="111"/>
                    </a:lnTo>
                    <a:lnTo>
                      <a:pt x="46" y="110"/>
                    </a:lnTo>
                    <a:lnTo>
                      <a:pt x="39" y="110"/>
                    </a:lnTo>
                    <a:lnTo>
                      <a:pt x="32" y="108"/>
                    </a:lnTo>
                    <a:lnTo>
                      <a:pt x="27" y="106"/>
                    </a:lnTo>
                    <a:lnTo>
                      <a:pt x="24" y="105"/>
                    </a:lnTo>
                    <a:lnTo>
                      <a:pt x="20" y="103"/>
                    </a:lnTo>
                    <a:lnTo>
                      <a:pt x="19" y="101"/>
                    </a:lnTo>
                    <a:lnTo>
                      <a:pt x="17" y="100"/>
                    </a:lnTo>
                    <a:lnTo>
                      <a:pt x="5" y="98"/>
                    </a:lnTo>
                    <a:lnTo>
                      <a:pt x="0" y="93"/>
                    </a:lnTo>
                    <a:lnTo>
                      <a:pt x="0" y="84"/>
                    </a:lnTo>
                    <a:lnTo>
                      <a:pt x="2" y="74"/>
                    </a:lnTo>
                    <a:lnTo>
                      <a:pt x="7" y="66"/>
                    </a:lnTo>
                    <a:lnTo>
                      <a:pt x="13" y="57"/>
                    </a:lnTo>
                    <a:lnTo>
                      <a:pt x="17" y="52"/>
                    </a:lnTo>
                    <a:lnTo>
                      <a:pt x="19" y="50"/>
                    </a:lnTo>
                    <a:lnTo>
                      <a:pt x="20" y="52"/>
                    </a:lnTo>
                    <a:lnTo>
                      <a:pt x="22" y="50"/>
                    </a:lnTo>
                    <a:lnTo>
                      <a:pt x="24" y="49"/>
                    </a:lnTo>
                    <a:lnTo>
                      <a:pt x="27" y="45"/>
                    </a:lnTo>
                    <a:lnTo>
                      <a:pt x="30" y="42"/>
                    </a:lnTo>
                    <a:lnTo>
                      <a:pt x="35" y="39"/>
                    </a:lnTo>
                    <a:lnTo>
                      <a:pt x="41" y="35"/>
                    </a:lnTo>
                    <a:lnTo>
                      <a:pt x="47" y="32"/>
                    </a:lnTo>
                    <a:lnTo>
                      <a:pt x="52" y="28"/>
                    </a:lnTo>
                    <a:lnTo>
                      <a:pt x="61" y="23"/>
                    </a:lnTo>
                    <a:lnTo>
                      <a:pt x="68" y="20"/>
                    </a:lnTo>
                    <a:lnTo>
                      <a:pt x="76" y="17"/>
                    </a:lnTo>
                    <a:lnTo>
                      <a:pt x="85" y="15"/>
                    </a:lnTo>
                    <a:lnTo>
                      <a:pt x="95" y="13"/>
                    </a:lnTo>
                    <a:lnTo>
                      <a:pt x="105" y="10"/>
                    </a:lnTo>
                    <a:lnTo>
                      <a:pt x="113" y="10"/>
                    </a:lnTo>
                    <a:lnTo>
                      <a:pt x="206" y="1"/>
                    </a:lnTo>
                    <a:lnTo>
                      <a:pt x="208" y="1"/>
                    </a:lnTo>
                    <a:lnTo>
                      <a:pt x="210" y="0"/>
                    </a:lnTo>
                    <a:lnTo>
                      <a:pt x="215" y="0"/>
                    </a:lnTo>
                    <a:lnTo>
                      <a:pt x="222" y="0"/>
                    </a:lnTo>
                    <a:lnTo>
                      <a:pt x="228" y="1"/>
                    </a:lnTo>
                    <a:lnTo>
                      <a:pt x="235" y="5"/>
                    </a:lnTo>
                    <a:lnTo>
                      <a:pt x="242" y="12"/>
                    </a:lnTo>
                    <a:lnTo>
                      <a:pt x="250" y="23"/>
                    </a:lnTo>
                    <a:lnTo>
                      <a:pt x="254" y="37"/>
                    </a:lnTo>
                    <a:lnTo>
                      <a:pt x="362" y="20"/>
                    </a:lnTo>
                    <a:lnTo>
                      <a:pt x="492" y="115"/>
                    </a:lnTo>
                    <a:lnTo>
                      <a:pt x="491" y="115"/>
                    </a:lnTo>
                    <a:lnTo>
                      <a:pt x="489" y="118"/>
                    </a:lnTo>
                    <a:lnTo>
                      <a:pt x="486" y="120"/>
                    </a:lnTo>
                    <a:lnTo>
                      <a:pt x="484" y="122"/>
                    </a:lnTo>
                    <a:lnTo>
                      <a:pt x="481" y="125"/>
                    </a:lnTo>
                    <a:lnTo>
                      <a:pt x="475" y="130"/>
                    </a:lnTo>
                    <a:lnTo>
                      <a:pt x="472" y="133"/>
                    </a:lnTo>
                    <a:lnTo>
                      <a:pt x="467" y="140"/>
                    </a:lnTo>
                    <a:lnTo>
                      <a:pt x="464" y="145"/>
                    </a:lnTo>
                    <a:lnTo>
                      <a:pt x="459" y="150"/>
                    </a:lnTo>
                    <a:lnTo>
                      <a:pt x="455" y="159"/>
                    </a:lnTo>
                    <a:lnTo>
                      <a:pt x="450" y="166"/>
                    </a:lnTo>
                    <a:lnTo>
                      <a:pt x="447" y="174"/>
                    </a:lnTo>
                    <a:lnTo>
                      <a:pt x="443" y="182"/>
                    </a:lnTo>
                    <a:lnTo>
                      <a:pt x="440" y="191"/>
                    </a:lnTo>
                    <a:lnTo>
                      <a:pt x="437" y="189"/>
                    </a:lnTo>
                    <a:lnTo>
                      <a:pt x="435" y="188"/>
                    </a:lnTo>
                    <a:lnTo>
                      <a:pt x="435" y="186"/>
                    </a:lnTo>
                    <a:lnTo>
                      <a:pt x="433" y="186"/>
                    </a:lnTo>
                    <a:lnTo>
                      <a:pt x="433" y="188"/>
                    </a:lnTo>
                    <a:lnTo>
                      <a:pt x="431" y="191"/>
                    </a:lnTo>
                    <a:lnTo>
                      <a:pt x="431" y="194"/>
                    </a:lnTo>
                    <a:lnTo>
                      <a:pt x="431" y="198"/>
                    </a:lnTo>
                    <a:lnTo>
                      <a:pt x="433" y="199"/>
                    </a:lnTo>
                    <a:lnTo>
                      <a:pt x="435" y="201"/>
                    </a:lnTo>
                    <a:lnTo>
                      <a:pt x="440" y="203"/>
                    </a:lnTo>
                    <a:lnTo>
                      <a:pt x="442" y="203"/>
                    </a:lnTo>
                    <a:lnTo>
                      <a:pt x="442" y="204"/>
                    </a:lnTo>
                    <a:lnTo>
                      <a:pt x="443" y="206"/>
                    </a:lnTo>
                    <a:lnTo>
                      <a:pt x="443" y="210"/>
                    </a:lnTo>
                    <a:lnTo>
                      <a:pt x="443" y="213"/>
                    </a:lnTo>
                    <a:lnTo>
                      <a:pt x="440" y="216"/>
                    </a:lnTo>
                    <a:lnTo>
                      <a:pt x="437" y="221"/>
                    </a:lnTo>
                    <a:lnTo>
                      <a:pt x="431" y="225"/>
                    </a:lnTo>
                    <a:lnTo>
                      <a:pt x="430" y="225"/>
                    </a:lnTo>
                    <a:lnTo>
                      <a:pt x="428" y="225"/>
                    </a:lnTo>
                    <a:lnTo>
                      <a:pt x="423" y="228"/>
                    </a:lnTo>
                    <a:lnTo>
                      <a:pt x="418" y="230"/>
                    </a:lnTo>
                    <a:lnTo>
                      <a:pt x="413" y="235"/>
                    </a:lnTo>
                    <a:lnTo>
                      <a:pt x="408" y="240"/>
                    </a:lnTo>
                    <a:lnTo>
                      <a:pt x="403" y="248"/>
                    </a:lnTo>
                    <a:lnTo>
                      <a:pt x="398" y="259"/>
                    </a:lnTo>
                    <a:lnTo>
                      <a:pt x="396" y="260"/>
                    </a:lnTo>
                    <a:lnTo>
                      <a:pt x="394" y="262"/>
                    </a:lnTo>
                    <a:lnTo>
                      <a:pt x="393" y="265"/>
                    </a:lnTo>
                    <a:lnTo>
                      <a:pt x="391" y="267"/>
                    </a:lnTo>
                    <a:lnTo>
                      <a:pt x="389" y="269"/>
                    </a:lnTo>
                    <a:lnTo>
                      <a:pt x="387" y="270"/>
                    </a:lnTo>
                    <a:lnTo>
                      <a:pt x="376" y="272"/>
                    </a:lnTo>
                    <a:lnTo>
                      <a:pt x="376" y="277"/>
                    </a:lnTo>
                    <a:lnTo>
                      <a:pt x="384" y="279"/>
                    </a:lnTo>
                    <a:lnTo>
                      <a:pt x="359" y="299"/>
                    </a:lnTo>
                    <a:lnTo>
                      <a:pt x="354" y="291"/>
                    </a:lnTo>
                    <a:lnTo>
                      <a:pt x="349" y="299"/>
                    </a:lnTo>
                    <a:lnTo>
                      <a:pt x="354" y="304"/>
                    </a:lnTo>
                    <a:lnTo>
                      <a:pt x="343" y="316"/>
                    </a:lnTo>
                    <a:lnTo>
                      <a:pt x="335" y="314"/>
                    </a:lnTo>
                    <a:lnTo>
                      <a:pt x="320" y="314"/>
                    </a:lnTo>
                    <a:lnTo>
                      <a:pt x="305" y="316"/>
                    </a:lnTo>
                    <a:lnTo>
                      <a:pt x="296" y="320"/>
                    </a:lnTo>
                    <a:lnTo>
                      <a:pt x="291" y="336"/>
                    </a:lnTo>
                    <a:lnTo>
                      <a:pt x="303" y="348"/>
                    </a:lnTo>
                    <a:lnTo>
                      <a:pt x="289" y="374"/>
                    </a:lnTo>
                    <a:lnTo>
                      <a:pt x="281" y="372"/>
                    </a:lnTo>
                    <a:lnTo>
                      <a:pt x="269" y="374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85" name="Freeform 136"/>
              <p:cNvSpPr>
                <a:spLocks/>
              </p:cNvSpPr>
              <p:nvPr/>
            </p:nvSpPr>
            <p:spPr bwMode="auto">
              <a:xfrm>
                <a:off x="4222" y="3072"/>
                <a:ext cx="15" cy="16"/>
              </a:xfrm>
              <a:custGeom>
                <a:avLst/>
                <a:gdLst>
                  <a:gd name="T0" fmla="*/ 1 w 15"/>
                  <a:gd name="T1" fmla="*/ 5 h 17"/>
                  <a:gd name="T2" fmla="*/ 1 w 15"/>
                  <a:gd name="T3" fmla="*/ 5 h 17"/>
                  <a:gd name="T4" fmla="*/ 5 w 15"/>
                  <a:gd name="T5" fmla="*/ 2 h 17"/>
                  <a:gd name="T6" fmla="*/ 6 w 15"/>
                  <a:gd name="T7" fmla="*/ 0 h 17"/>
                  <a:gd name="T8" fmla="*/ 10 w 15"/>
                  <a:gd name="T9" fmla="*/ 0 h 17"/>
                  <a:gd name="T10" fmla="*/ 12 w 15"/>
                  <a:gd name="T11" fmla="*/ 0 h 17"/>
                  <a:gd name="T12" fmla="*/ 12 w 15"/>
                  <a:gd name="T13" fmla="*/ 0 h 17"/>
                  <a:gd name="T14" fmla="*/ 13 w 15"/>
                  <a:gd name="T15" fmla="*/ 2 h 17"/>
                  <a:gd name="T16" fmla="*/ 13 w 15"/>
                  <a:gd name="T17" fmla="*/ 2 h 17"/>
                  <a:gd name="T18" fmla="*/ 15 w 15"/>
                  <a:gd name="T19" fmla="*/ 3 h 17"/>
                  <a:gd name="T20" fmla="*/ 15 w 15"/>
                  <a:gd name="T21" fmla="*/ 5 h 17"/>
                  <a:gd name="T22" fmla="*/ 15 w 15"/>
                  <a:gd name="T23" fmla="*/ 7 h 17"/>
                  <a:gd name="T24" fmla="*/ 13 w 15"/>
                  <a:gd name="T25" fmla="*/ 8 h 17"/>
                  <a:gd name="T26" fmla="*/ 13 w 15"/>
                  <a:gd name="T27" fmla="*/ 8 h 17"/>
                  <a:gd name="T28" fmla="*/ 12 w 15"/>
                  <a:gd name="T29" fmla="*/ 8 h 17"/>
                  <a:gd name="T30" fmla="*/ 12 w 15"/>
                  <a:gd name="T31" fmla="*/ 8 h 17"/>
                  <a:gd name="T32" fmla="*/ 10 w 15"/>
                  <a:gd name="T33" fmla="*/ 8 h 17"/>
                  <a:gd name="T34" fmla="*/ 6 w 15"/>
                  <a:gd name="T35" fmla="*/ 8 h 17"/>
                  <a:gd name="T36" fmla="*/ 3 w 15"/>
                  <a:gd name="T37" fmla="*/ 8 h 17"/>
                  <a:gd name="T38" fmla="*/ 1 w 15"/>
                  <a:gd name="T39" fmla="*/ 8 h 17"/>
                  <a:gd name="T40" fmla="*/ 1 w 15"/>
                  <a:gd name="T41" fmla="*/ 8 h 17"/>
                  <a:gd name="T42" fmla="*/ 1 w 15"/>
                  <a:gd name="T43" fmla="*/ 8 h 17"/>
                  <a:gd name="T44" fmla="*/ 0 w 15"/>
                  <a:gd name="T45" fmla="*/ 8 h 17"/>
                  <a:gd name="T46" fmla="*/ 0 w 15"/>
                  <a:gd name="T47" fmla="*/ 8 h 17"/>
                  <a:gd name="T48" fmla="*/ 0 w 15"/>
                  <a:gd name="T49" fmla="*/ 8 h 17"/>
                  <a:gd name="T50" fmla="*/ 0 w 15"/>
                  <a:gd name="T51" fmla="*/ 8 h 17"/>
                  <a:gd name="T52" fmla="*/ 0 w 15"/>
                  <a:gd name="T53" fmla="*/ 8 h 17"/>
                  <a:gd name="T54" fmla="*/ 1 w 15"/>
                  <a:gd name="T55" fmla="*/ 7 h 17"/>
                  <a:gd name="T56" fmla="*/ 1 w 15"/>
                  <a:gd name="T57" fmla="*/ 5 h 17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w 15"/>
                  <a:gd name="T88" fmla="*/ 0 h 17"/>
                  <a:gd name="T89" fmla="*/ 15 w 15"/>
                  <a:gd name="T90" fmla="*/ 17 h 17"/>
                </a:gdLst>
                <a:ahLst/>
                <a:cxnLst>
                  <a:cxn ang="T58">
                    <a:pos x="T0" y="T1"/>
                  </a:cxn>
                  <a:cxn ang="T59">
                    <a:pos x="T2" y="T3"/>
                  </a:cxn>
                  <a:cxn ang="T60">
                    <a:pos x="T4" y="T5"/>
                  </a:cxn>
                  <a:cxn ang="T61">
                    <a:pos x="T6" y="T7"/>
                  </a:cxn>
                  <a:cxn ang="T62">
                    <a:pos x="T8" y="T9"/>
                  </a:cxn>
                  <a:cxn ang="T63">
                    <a:pos x="T10" y="T11"/>
                  </a:cxn>
                  <a:cxn ang="T64">
                    <a:pos x="T12" y="T13"/>
                  </a:cxn>
                  <a:cxn ang="T65">
                    <a:pos x="T14" y="T15"/>
                  </a:cxn>
                  <a:cxn ang="T66">
                    <a:pos x="T16" y="T17"/>
                  </a:cxn>
                  <a:cxn ang="T67">
                    <a:pos x="T18" y="T19"/>
                  </a:cxn>
                  <a:cxn ang="T68">
                    <a:pos x="T20" y="T21"/>
                  </a:cxn>
                  <a:cxn ang="T69">
                    <a:pos x="T22" y="T23"/>
                  </a:cxn>
                  <a:cxn ang="T70">
                    <a:pos x="T24" y="T25"/>
                  </a:cxn>
                  <a:cxn ang="T71">
                    <a:pos x="T26" y="T27"/>
                  </a:cxn>
                  <a:cxn ang="T72">
                    <a:pos x="T28" y="T29"/>
                  </a:cxn>
                  <a:cxn ang="T73">
                    <a:pos x="T30" y="T31"/>
                  </a:cxn>
                  <a:cxn ang="T74">
                    <a:pos x="T32" y="T33"/>
                  </a:cxn>
                  <a:cxn ang="T75">
                    <a:pos x="T34" y="T35"/>
                  </a:cxn>
                  <a:cxn ang="T76">
                    <a:pos x="T36" y="T37"/>
                  </a:cxn>
                  <a:cxn ang="T77">
                    <a:pos x="T38" y="T39"/>
                  </a:cxn>
                  <a:cxn ang="T78">
                    <a:pos x="T40" y="T41"/>
                  </a:cxn>
                  <a:cxn ang="T79">
                    <a:pos x="T42" y="T43"/>
                  </a:cxn>
                  <a:cxn ang="T80">
                    <a:pos x="T44" y="T45"/>
                  </a:cxn>
                  <a:cxn ang="T81">
                    <a:pos x="T46" y="T47"/>
                  </a:cxn>
                  <a:cxn ang="T82">
                    <a:pos x="T48" y="T49"/>
                  </a:cxn>
                  <a:cxn ang="T83">
                    <a:pos x="T50" y="T51"/>
                  </a:cxn>
                  <a:cxn ang="T84">
                    <a:pos x="T52" y="T53"/>
                  </a:cxn>
                  <a:cxn ang="T85">
                    <a:pos x="T54" y="T55"/>
                  </a:cxn>
                  <a:cxn ang="T86">
                    <a:pos x="T56" y="T57"/>
                  </a:cxn>
                </a:cxnLst>
                <a:rect l="T87" t="T88" r="T89" b="T90"/>
                <a:pathLst>
                  <a:path w="15" h="17">
                    <a:moveTo>
                      <a:pt x="1" y="5"/>
                    </a:moveTo>
                    <a:lnTo>
                      <a:pt x="1" y="5"/>
                    </a:lnTo>
                    <a:lnTo>
                      <a:pt x="5" y="2"/>
                    </a:lnTo>
                    <a:lnTo>
                      <a:pt x="6" y="0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5" y="3"/>
                    </a:lnTo>
                    <a:lnTo>
                      <a:pt x="15" y="5"/>
                    </a:lnTo>
                    <a:lnTo>
                      <a:pt x="15" y="7"/>
                    </a:lnTo>
                    <a:lnTo>
                      <a:pt x="13" y="8"/>
                    </a:lnTo>
                    <a:lnTo>
                      <a:pt x="13" y="10"/>
                    </a:lnTo>
                    <a:lnTo>
                      <a:pt x="12" y="12"/>
                    </a:lnTo>
                    <a:lnTo>
                      <a:pt x="10" y="15"/>
                    </a:lnTo>
                    <a:lnTo>
                      <a:pt x="6" y="17"/>
                    </a:lnTo>
                    <a:lnTo>
                      <a:pt x="3" y="17"/>
                    </a:lnTo>
                    <a:lnTo>
                      <a:pt x="1" y="17"/>
                    </a:lnTo>
                    <a:lnTo>
                      <a:pt x="0" y="15"/>
                    </a:lnTo>
                    <a:lnTo>
                      <a:pt x="0" y="13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1" y="7"/>
                    </a:lnTo>
                    <a:lnTo>
                      <a:pt x="1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86" name="Freeform 137"/>
              <p:cNvSpPr>
                <a:spLocks/>
              </p:cNvSpPr>
              <p:nvPr/>
            </p:nvSpPr>
            <p:spPr bwMode="auto">
              <a:xfrm>
                <a:off x="4206" y="3072"/>
                <a:ext cx="11" cy="12"/>
              </a:xfrm>
              <a:custGeom>
                <a:avLst/>
                <a:gdLst>
                  <a:gd name="T0" fmla="*/ 0 w 11"/>
                  <a:gd name="T1" fmla="*/ 6 h 13"/>
                  <a:gd name="T2" fmla="*/ 0 w 11"/>
                  <a:gd name="T3" fmla="*/ 6 h 13"/>
                  <a:gd name="T4" fmla="*/ 0 w 11"/>
                  <a:gd name="T5" fmla="*/ 3 h 13"/>
                  <a:gd name="T6" fmla="*/ 2 w 11"/>
                  <a:gd name="T7" fmla="*/ 2 h 13"/>
                  <a:gd name="T8" fmla="*/ 4 w 11"/>
                  <a:gd name="T9" fmla="*/ 0 h 13"/>
                  <a:gd name="T10" fmla="*/ 6 w 11"/>
                  <a:gd name="T11" fmla="*/ 0 h 13"/>
                  <a:gd name="T12" fmla="*/ 6 w 11"/>
                  <a:gd name="T13" fmla="*/ 0 h 13"/>
                  <a:gd name="T14" fmla="*/ 7 w 11"/>
                  <a:gd name="T15" fmla="*/ 0 h 13"/>
                  <a:gd name="T16" fmla="*/ 9 w 11"/>
                  <a:gd name="T17" fmla="*/ 2 h 13"/>
                  <a:gd name="T18" fmla="*/ 11 w 11"/>
                  <a:gd name="T19" fmla="*/ 3 h 13"/>
                  <a:gd name="T20" fmla="*/ 11 w 11"/>
                  <a:gd name="T21" fmla="*/ 6 h 13"/>
                  <a:gd name="T22" fmla="*/ 11 w 11"/>
                  <a:gd name="T23" fmla="*/ 6 h 13"/>
                  <a:gd name="T24" fmla="*/ 11 w 11"/>
                  <a:gd name="T25" fmla="*/ 6 h 13"/>
                  <a:gd name="T26" fmla="*/ 9 w 11"/>
                  <a:gd name="T27" fmla="*/ 6 h 13"/>
                  <a:gd name="T28" fmla="*/ 7 w 11"/>
                  <a:gd name="T29" fmla="*/ 6 h 13"/>
                  <a:gd name="T30" fmla="*/ 6 w 11"/>
                  <a:gd name="T31" fmla="*/ 6 h 13"/>
                  <a:gd name="T32" fmla="*/ 6 w 11"/>
                  <a:gd name="T33" fmla="*/ 6 h 13"/>
                  <a:gd name="T34" fmla="*/ 4 w 11"/>
                  <a:gd name="T35" fmla="*/ 6 h 13"/>
                  <a:gd name="T36" fmla="*/ 2 w 11"/>
                  <a:gd name="T37" fmla="*/ 6 h 13"/>
                  <a:gd name="T38" fmla="*/ 0 w 11"/>
                  <a:gd name="T39" fmla="*/ 6 h 13"/>
                  <a:gd name="T40" fmla="*/ 0 w 11"/>
                  <a:gd name="T41" fmla="*/ 6 h 13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1"/>
                  <a:gd name="T64" fmla="*/ 0 h 13"/>
                  <a:gd name="T65" fmla="*/ 11 w 11"/>
                  <a:gd name="T66" fmla="*/ 13 h 13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1" h="13">
                    <a:moveTo>
                      <a:pt x="0" y="7"/>
                    </a:moveTo>
                    <a:lnTo>
                      <a:pt x="0" y="7"/>
                    </a:lnTo>
                    <a:lnTo>
                      <a:pt x="0" y="3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0"/>
                    </a:lnTo>
                    <a:lnTo>
                      <a:pt x="9" y="2"/>
                    </a:lnTo>
                    <a:lnTo>
                      <a:pt x="11" y="3"/>
                    </a:lnTo>
                    <a:lnTo>
                      <a:pt x="11" y="7"/>
                    </a:lnTo>
                    <a:lnTo>
                      <a:pt x="11" y="10"/>
                    </a:lnTo>
                    <a:lnTo>
                      <a:pt x="9" y="12"/>
                    </a:lnTo>
                    <a:lnTo>
                      <a:pt x="7" y="13"/>
                    </a:lnTo>
                    <a:lnTo>
                      <a:pt x="6" y="13"/>
                    </a:lnTo>
                    <a:lnTo>
                      <a:pt x="4" y="13"/>
                    </a:lnTo>
                    <a:lnTo>
                      <a:pt x="2" y="12"/>
                    </a:lnTo>
                    <a:lnTo>
                      <a:pt x="0" y="10"/>
                    </a:lnTo>
                    <a:lnTo>
                      <a:pt x="0" y="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87" name="Freeform 138"/>
              <p:cNvSpPr>
                <a:spLocks/>
              </p:cNvSpPr>
              <p:nvPr/>
            </p:nvSpPr>
            <p:spPr bwMode="auto">
              <a:xfrm>
                <a:off x="4212" y="3098"/>
                <a:ext cx="13" cy="16"/>
              </a:xfrm>
              <a:custGeom>
                <a:avLst/>
                <a:gdLst>
                  <a:gd name="T0" fmla="*/ 1 w 13"/>
                  <a:gd name="T1" fmla="*/ 5 h 17"/>
                  <a:gd name="T2" fmla="*/ 1 w 13"/>
                  <a:gd name="T3" fmla="*/ 5 h 17"/>
                  <a:gd name="T4" fmla="*/ 3 w 13"/>
                  <a:gd name="T5" fmla="*/ 2 h 17"/>
                  <a:gd name="T6" fmla="*/ 6 w 13"/>
                  <a:gd name="T7" fmla="*/ 0 h 17"/>
                  <a:gd name="T8" fmla="*/ 8 w 13"/>
                  <a:gd name="T9" fmla="*/ 0 h 17"/>
                  <a:gd name="T10" fmla="*/ 11 w 13"/>
                  <a:gd name="T11" fmla="*/ 0 h 17"/>
                  <a:gd name="T12" fmla="*/ 11 w 13"/>
                  <a:gd name="T13" fmla="*/ 0 h 17"/>
                  <a:gd name="T14" fmla="*/ 13 w 13"/>
                  <a:gd name="T15" fmla="*/ 0 h 17"/>
                  <a:gd name="T16" fmla="*/ 13 w 13"/>
                  <a:gd name="T17" fmla="*/ 2 h 17"/>
                  <a:gd name="T18" fmla="*/ 13 w 13"/>
                  <a:gd name="T19" fmla="*/ 3 h 17"/>
                  <a:gd name="T20" fmla="*/ 13 w 13"/>
                  <a:gd name="T21" fmla="*/ 5 h 17"/>
                  <a:gd name="T22" fmla="*/ 13 w 13"/>
                  <a:gd name="T23" fmla="*/ 5 h 17"/>
                  <a:gd name="T24" fmla="*/ 13 w 13"/>
                  <a:gd name="T25" fmla="*/ 8 h 17"/>
                  <a:gd name="T26" fmla="*/ 13 w 13"/>
                  <a:gd name="T27" fmla="*/ 8 h 17"/>
                  <a:gd name="T28" fmla="*/ 11 w 13"/>
                  <a:gd name="T29" fmla="*/ 8 h 17"/>
                  <a:gd name="T30" fmla="*/ 11 w 13"/>
                  <a:gd name="T31" fmla="*/ 8 h 17"/>
                  <a:gd name="T32" fmla="*/ 10 w 13"/>
                  <a:gd name="T33" fmla="*/ 8 h 17"/>
                  <a:gd name="T34" fmla="*/ 6 w 13"/>
                  <a:gd name="T35" fmla="*/ 8 h 17"/>
                  <a:gd name="T36" fmla="*/ 5 w 13"/>
                  <a:gd name="T37" fmla="*/ 8 h 17"/>
                  <a:gd name="T38" fmla="*/ 1 w 13"/>
                  <a:gd name="T39" fmla="*/ 8 h 17"/>
                  <a:gd name="T40" fmla="*/ 1 w 13"/>
                  <a:gd name="T41" fmla="*/ 8 h 17"/>
                  <a:gd name="T42" fmla="*/ 1 w 13"/>
                  <a:gd name="T43" fmla="*/ 8 h 17"/>
                  <a:gd name="T44" fmla="*/ 0 w 13"/>
                  <a:gd name="T45" fmla="*/ 8 h 17"/>
                  <a:gd name="T46" fmla="*/ 0 w 13"/>
                  <a:gd name="T47" fmla="*/ 8 h 17"/>
                  <a:gd name="T48" fmla="*/ 0 w 13"/>
                  <a:gd name="T49" fmla="*/ 8 h 17"/>
                  <a:gd name="T50" fmla="*/ 0 w 13"/>
                  <a:gd name="T51" fmla="*/ 8 h 17"/>
                  <a:gd name="T52" fmla="*/ 0 w 13"/>
                  <a:gd name="T53" fmla="*/ 8 h 17"/>
                  <a:gd name="T54" fmla="*/ 0 w 13"/>
                  <a:gd name="T55" fmla="*/ 7 h 17"/>
                  <a:gd name="T56" fmla="*/ 1 w 13"/>
                  <a:gd name="T57" fmla="*/ 5 h 17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w 13"/>
                  <a:gd name="T88" fmla="*/ 0 h 17"/>
                  <a:gd name="T89" fmla="*/ 13 w 13"/>
                  <a:gd name="T90" fmla="*/ 17 h 17"/>
                </a:gdLst>
                <a:ahLst/>
                <a:cxnLst>
                  <a:cxn ang="T58">
                    <a:pos x="T0" y="T1"/>
                  </a:cxn>
                  <a:cxn ang="T59">
                    <a:pos x="T2" y="T3"/>
                  </a:cxn>
                  <a:cxn ang="T60">
                    <a:pos x="T4" y="T5"/>
                  </a:cxn>
                  <a:cxn ang="T61">
                    <a:pos x="T6" y="T7"/>
                  </a:cxn>
                  <a:cxn ang="T62">
                    <a:pos x="T8" y="T9"/>
                  </a:cxn>
                  <a:cxn ang="T63">
                    <a:pos x="T10" y="T11"/>
                  </a:cxn>
                  <a:cxn ang="T64">
                    <a:pos x="T12" y="T13"/>
                  </a:cxn>
                  <a:cxn ang="T65">
                    <a:pos x="T14" y="T15"/>
                  </a:cxn>
                  <a:cxn ang="T66">
                    <a:pos x="T16" y="T17"/>
                  </a:cxn>
                  <a:cxn ang="T67">
                    <a:pos x="T18" y="T19"/>
                  </a:cxn>
                  <a:cxn ang="T68">
                    <a:pos x="T20" y="T21"/>
                  </a:cxn>
                  <a:cxn ang="T69">
                    <a:pos x="T22" y="T23"/>
                  </a:cxn>
                  <a:cxn ang="T70">
                    <a:pos x="T24" y="T25"/>
                  </a:cxn>
                  <a:cxn ang="T71">
                    <a:pos x="T26" y="T27"/>
                  </a:cxn>
                  <a:cxn ang="T72">
                    <a:pos x="T28" y="T29"/>
                  </a:cxn>
                  <a:cxn ang="T73">
                    <a:pos x="T30" y="T31"/>
                  </a:cxn>
                  <a:cxn ang="T74">
                    <a:pos x="T32" y="T33"/>
                  </a:cxn>
                  <a:cxn ang="T75">
                    <a:pos x="T34" y="T35"/>
                  </a:cxn>
                  <a:cxn ang="T76">
                    <a:pos x="T36" y="T37"/>
                  </a:cxn>
                  <a:cxn ang="T77">
                    <a:pos x="T38" y="T39"/>
                  </a:cxn>
                  <a:cxn ang="T78">
                    <a:pos x="T40" y="T41"/>
                  </a:cxn>
                  <a:cxn ang="T79">
                    <a:pos x="T42" y="T43"/>
                  </a:cxn>
                  <a:cxn ang="T80">
                    <a:pos x="T44" y="T45"/>
                  </a:cxn>
                  <a:cxn ang="T81">
                    <a:pos x="T46" y="T47"/>
                  </a:cxn>
                  <a:cxn ang="T82">
                    <a:pos x="T48" y="T49"/>
                  </a:cxn>
                  <a:cxn ang="T83">
                    <a:pos x="T50" y="T51"/>
                  </a:cxn>
                  <a:cxn ang="T84">
                    <a:pos x="T52" y="T53"/>
                  </a:cxn>
                  <a:cxn ang="T85">
                    <a:pos x="T54" y="T55"/>
                  </a:cxn>
                  <a:cxn ang="T86">
                    <a:pos x="T56" y="T57"/>
                  </a:cxn>
                </a:cxnLst>
                <a:rect l="T87" t="T88" r="T89" b="T90"/>
                <a:pathLst>
                  <a:path w="13" h="17">
                    <a:moveTo>
                      <a:pt x="1" y="5"/>
                    </a:moveTo>
                    <a:lnTo>
                      <a:pt x="1" y="5"/>
                    </a:lnTo>
                    <a:lnTo>
                      <a:pt x="3" y="2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1" y="0"/>
                    </a:lnTo>
                    <a:lnTo>
                      <a:pt x="13" y="0"/>
                    </a:lnTo>
                    <a:lnTo>
                      <a:pt x="13" y="2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3" y="8"/>
                    </a:lnTo>
                    <a:lnTo>
                      <a:pt x="11" y="10"/>
                    </a:lnTo>
                    <a:lnTo>
                      <a:pt x="10" y="14"/>
                    </a:lnTo>
                    <a:lnTo>
                      <a:pt x="6" y="15"/>
                    </a:lnTo>
                    <a:lnTo>
                      <a:pt x="5" y="17"/>
                    </a:lnTo>
                    <a:lnTo>
                      <a:pt x="1" y="17"/>
                    </a:lnTo>
                    <a:lnTo>
                      <a:pt x="1" y="15"/>
                    </a:lnTo>
                    <a:lnTo>
                      <a:pt x="0" y="14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1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229" name="Group 139"/>
            <p:cNvGrpSpPr>
              <a:grpSpLocks/>
            </p:cNvGrpSpPr>
            <p:nvPr/>
          </p:nvGrpSpPr>
          <p:grpSpPr bwMode="auto">
            <a:xfrm>
              <a:off x="1186" y="3709"/>
              <a:ext cx="274" cy="176"/>
              <a:chOff x="1338" y="3375"/>
              <a:chExt cx="282" cy="181"/>
            </a:xfrm>
          </p:grpSpPr>
          <p:sp>
            <p:nvSpPr>
              <p:cNvPr id="265" name="Freeform 140"/>
              <p:cNvSpPr>
                <a:spLocks/>
              </p:cNvSpPr>
              <p:nvPr/>
            </p:nvSpPr>
            <p:spPr bwMode="auto">
              <a:xfrm>
                <a:off x="1361" y="3375"/>
                <a:ext cx="26" cy="18"/>
              </a:xfrm>
              <a:custGeom>
                <a:avLst/>
                <a:gdLst>
                  <a:gd name="T0" fmla="*/ 0 w 26"/>
                  <a:gd name="T1" fmla="*/ 8 h 18"/>
                  <a:gd name="T2" fmla="*/ 0 w 26"/>
                  <a:gd name="T3" fmla="*/ 8 h 18"/>
                  <a:gd name="T4" fmla="*/ 2 w 26"/>
                  <a:gd name="T5" fmla="*/ 6 h 18"/>
                  <a:gd name="T6" fmla="*/ 2 w 26"/>
                  <a:gd name="T7" fmla="*/ 6 h 18"/>
                  <a:gd name="T8" fmla="*/ 5 w 26"/>
                  <a:gd name="T9" fmla="*/ 3 h 18"/>
                  <a:gd name="T10" fmla="*/ 9 w 26"/>
                  <a:gd name="T11" fmla="*/ 3 h 18"/>
                  <a:gd name="T12" fmla="*/ 12 w 26"/>
                  <a:gd name="T13" fmla="*/ 1 h 18"/>
                  <a:gd name="T14" fmla="*/ 17 w 26"/>
                  <a:gd name="T15" fmla="*/ 0 h 18"/>
                  <a:gd name="T16" fmla="*/ 22 w 26"/>
                  <a:gd name="T17" fmla="*/ 0 h 18"/>
                  <a:gd name="T18" fmla="*/ 24 w 26"/>
                  <a:gd name="T19" fmla="*/ 0 h 18"/>
                  <a:gd name="T20" fmla="*/ 24 w 26"/>
                  <a:gd name="T21" fmla="*/ 3 h 18"/>
                  <a:gd name="T22" fmla="*/ 24 w 26"/>
                  <a:gd name="T23" fmla="*/ 6 h 18"/>
                  <a:gd name="T24" fmla="*/ 26 w 26"/>
                  <a:gd name="T25" fmla="*/ 6 h 18"/>
                  <a:gd name="T26" fmla="*/ 21 w 26"/>
                  <a:gd name="T27" fmla="*/ 18 h 18"/>
                  <a:gd name="T28" fmla="*/ 4 w 26"/>
                  <a:gd name="T29" fmla="*/ 13 h 18"/>
                  <a:gd name="T30" fmla="*/ 0 w 26"/>
                  <a:gd name="T31" fmla="*/ 8 h 18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w 26"/>
                  <a:gd name="T49" fmla="*/ 0 h 18"/>
                  <a:gd name="T50" fmla="*/ 26 w 26"/>
                  <a:gd name="T51" fmla="*/ 18 h 18"/>
                </a:gdLst>
                <a:ahLst/>
                <a:cxnLst>
                  <a:cxn ang="T32">
                    <a:pos x="T0" y="T1"/>
                  </a:cxn>
                  <a:cxn ang="T33">
                    <a:pos x="T2" y="T3"/>
                  </a:cxn>
                  <a:cxn ang="T34">
                    <a:pos x="T4" y="T5"/>
                  </a:cxn>
                  <a:cxn ang="T35">
                    <a:pos x="T6" y="T7"/>
                  </a:cxn>
                  <a:cxn ang="T36">
                    <a:pos x="T8" y="T9"/>
                  </a:cxn>
                  <a:cxn ang="T37">
                    <a:pos x="T10" y="T11"/>
                  </a:cxn>
                  <a:cxn ang="T38">
                    <a:pos x="T12" y="T13"/>
                  </a:cxn>
                  <a:cxn ang="T39">
                    <a:pos x="T14" y="T15"/>
                  </a:cxn>
                  <a:cxn ang="T40">
                    <a:pos x="T16" y="T17"/>
                  </a:cxn>
                  <a:cxn ang="T41">
                    <a:pos x="T18" y="T19"/>
                  </a:cxn>
                  <a:cxn ang="T42">
                    <a:pos x="T20" y="T21"/>
                  </a:cxn>
                  <a:cxn ang="T43">
                    <a:pos x="T22" y="T23"/>
                  </a:cxn>
                  <a:cxn ang="T44">
                    <a:pos x="T24" y="T25"/>
                  </a:cxn>
                  <a:cxn ang="T45">
                    <a:pos x="T26" y="T27"/>
                  </a:cxn>
                  <a:cxn ang="T46">
                    <a:pos x="T28" y="T29"/>
                  </a:cxn>
                  <a:cxn ang="T47">
                    <a:pos x="T30" y="T31"/>
                  </a:cxn>
                </a:cxnLst>
                <a:rect l="T48" t="T49" r="T50" b="T51"/>
                <a:pathLst>
                  <a:path w="26" h="18">
                    <a:moveTo>
                      <a:pt x="0" y="8"/>
                    </a:moveTo>
                    <a:lnTo>
                      <a:pt x="0" y="8"/>
                    </a:lnTo>
                    <a:lnTo>
                      <a:pt x="2" y="6"/>
                    </a:lnTo>
                    <a:lnTo>
                      <a:pt x="5" y="3"/>
                    </a:lnTo>
                    <a:lnTo>
                      <a:pt x="9" y="3"/>
                    </a:lnTo>
                    <a:lnTo>
                      <a:pt x="12" y="1"/>
                    </a:lnTo>
                    <a:lnTo>
                      <a:pt x="17" y="0"/>
                    </a:lnTo>
                    <a:lnTo>
                      <a:pt x="22" y="0"/>
                    </a:lnTo>
                    <a:lnTo>
                      <a:pt x="24" y="0"/>
                    </a:lnTo>
                    <a:lnTo>
                      <a:pt x="24" y="3"/>
                    </a:lnTo>
                    <a:lnTo>
                      <a:pt x="24" y="6"/>
                    </a:lnTo>
                    <a:lnTo>
                      <a:pt x="26" y="6"/>
                    </a:lnTo>
                    <a:lnTo>
                      <a:pt x="21" y="18"/>
                    </a:lnTo>
                    <a:lnTo>
                      <a:pt x="4" y="13"/>
                    </a:lnTo>
                    <a:lnTo>
                      <a:pt x="0" y="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66" name="Freeform 141"/>
              <p:cNvSpPr>
                <a:spLocks/>
              </p:cNvSpPr>
              <p:nvPr/>
            </p:nvSpPr>
            <p:spPr bwMode="auto">
              <a:xfrm>
                <a:off x="1361" y="3375"/>
                <a:ext cx="26" cy="18"/>
              </a:xfrm>
              <a:custGeom>
                <a:avLst/>
                <a:gdLst>
                  <a:gd name="T0" fmla="*/ 0 w 26"/>
                  <a:gd name="T1" fmla="*/ 8 h 18"/>
                  <a:gd name="T2" fmla="*/ 0 w 26"/>
                  <a:gd name="T3" fmla="*/ 8 h 18"/>
                  <a:gd name="T4" fmla="*/ 0 w 26"/>
                  <a:gd name="T5" fmla="*/ 8 h 18"/>
                  <a:gd name="T6" fmla="*/ 2 w 26"/>
                  <a:gd name="T7" fmla="*/ 6 h 18"/>
                  <a:gd name="T8" fmla="*/ 2 w 26"/>
                  <a:gd name="T9" fmla="*/ 6 h 18"/>
                  <a:gd name="T10" fmla="*/ 5 w 26"/>
                  <a:gd name="T11" fmla="*/ 3 h 18"/>
                  <a:gd name="T12" fmla="*/ 9 w 26"/>
                  <a:gd name="T13" fmla="*/ 3 h 18"/>
                  <a:gd name="T14" fmla="*/ 12 w 26"/>
                  <a:gd name="T15" fmla="*/ 1 h 18"/>
                  <a:gd name="T16" fmla="*/ 17 w 26"/>
                  <a:gd name="T17" fmla="*/ 0 h 18"/>
                  <a:gd name="T18" fmla="*/ 22 w 26"/>
                  <a:gd name="T19" fmla="*/ 0 h 18"/>
                  <a:gd name="T20" fmla="*/ 22 w 26"/>
                  <a:gd name="T21" fmla="*/ 0 h 18"/>
                  <a:gd name="T22" fmla="*/ 24 w 26"/>
                  <a:gd name="T23" fmla="*/ 0 h 18"/>
                  <a:gd name="T24" fmla="*/ 24 w 26"/>
                  <a:gd name="T25" fmla="*/ 3 h 18"/>
                  <a:gd name="T26" fmla="*/ 24 w 26"/>
                  <a:gd name="T27" fmla="*/ 6 h 18"/>
                  <a:gd name="T28" fmla="*/ 26 w 26"/>
                  <a:gd name="T29" fmla="*/ 6 h 18"/>
                  <a:gd name="T30" fmla="*/ 21 w 26"/>
                  <a:gd name="T31" fmla="*/ 18 h 18"/>
                  <a:gd name="T32" fmla="*/ 4 w 26"/>
                  <a:gd name="T33" fmla="*/ 13 h 18"/>
                  <a:gd name="T34" fmla="*/ 0 w 26"/>
                  <a:gd name="T35" fmla="*/ 8 h 18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w 26"/>
                  <a:gd name="T55" fmla="*/ 0 h 18"/>
                  <a:gd name="T56" fmla="*/ 26 w 26"/>
                  <a:gd name="T57" fmla="*/ 18 h 18"/>
                </a:gdLst>
                <a:ahLst/>
                <a:cxnLst>
                  <a:cxn ang="T36">
                    <a:pos x="T0" y="T1"/>
                  </a:cxn>
                  <a:cxn ang="T37">
                    <a:pos x="T2" y="T3"/>
                  </a:cxn>
                  <a:cxn ang="T38">
                    <a:pos x="T4" y="T5"/>
                  </a:cxn>
                  <a:cxn ang="T39">
                    <a:pos x="T6" y="T7"/>
                  </a:cxn>
                  <a:cxn ang="T40">
                    <a:pos x="T8" y="T9"/>
                  </a:cxn>
                  <a:cxn ang="T41">
                    <a:pos x="T10" y="T11"/>
                  </a:cxn>
                  <a:cxn ang="T42">
                    <a:pos x="T12" y="T13"/>
                  </a:cxn>
                  <a:cxn ang="T43">
                    <a:pos x="T14" y="T15"/>
                  </a:cxn>
                  <a:cxn ang="T44">
                    <a:pos x="T16" y="T17"/>
                  </a:cxn>
                  <a:cxn ang="T45">
                    <a:pos x="T18" y="T19"/>
                  </a:cxn>
                  <a:cxn ang="T46">
                    <a:pos x="T20" y="T21"/>
                  </a:cxn>
                  <a:cxn ang="T47">
                    <a:pos x="T22" y="T23"/>
                  </a:cxn>
                  <a:cxn ang="T48">
                    <a:pos x="T24" y="T25"/>
                  </a:cxn>
                  <a:cxn ang="T49">
                    <a:pos x="T26" y="T27"/>
                  </a:cxn>
                  <a:cxn ang="T50">
                    <a:pos x="T28" y="T29"/>
                  </a:cxn>
                  <a:cxn ang="T51">
                    <a:pos x="T30" y="T31"/>
                  </a:cxn>
                  <a:cxn ang="T52">
                    <a:pos x="T32" y="T33"/>
                  </a:cxn>
                  <a:cxn ang="T53">
                    <a:pos x="T34" y="T35"/>
                  </a:cxn>
                </a:cxnLst>
                <a:rect l="T54" t="T55" r="T56" b="T57"/>
                <a:pathLst>
                  <a:path w="26" h="18">
                    <a:moveTo>
                      <a:pt x="0" y="8"/>
                    </a:moveTo>
                    <a:lnTo>
                      <a:pt x="0" y="8"/>
                    </a:lnTo>
                    <a:lnTo>
                      <a:pt x="2" y="6"/>
                    </a:lnTo>
                    <a:lnTo>
                      <a:pt x="5" y="3"/>
                    </a:lnTo>
                    <a:lnTo>
                      <a:pt x="9" y="3"/>
                    </a:lnTo>
                    <a:lnTo>
                      <a:pt x="12" y="1"/>
                    </a:lnTo>
                    <a:lnTo>
                      <a:pt x="17" y="0"/>
                    </a:lnTo>
                    <a:lnTo>
                      <a:pt x="22" y="0"/>
                    </a:lnTo>
                    <a:lnTo>
                      <a:pt x="24" y="0"/>
                    </a:lnTo>
                    <a:lnTo>
                      <a:pt x="24" y="3"/>
                    </a:lnTo>
                    <a:lnTo>
                      <a:pt x="24" y="6"/>
                    </a:lnTo>
                    <a:lnTo>
                      <a:pt x="26" y="6"/>
                    </a:lnTo>
                    <a:lnTo>
                      <a:pt x="21" y="18"/>
                    </a:lnTo>
                    <a:lnTo>
                      <a:pt x="4" y="13"/>
                    </a:lnTo>
                    <a:lnTo>
                      <a:pt x="0" y="8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67" name="Freeform 142"/>
              <p:cNvSpPr>
                <a:spLocks/>
              </p:cNvSpPr>
              <p:nvPr/>
            </p:nvSpPr>
            <p:spPr bwMode="auto">
              <a:xfrm>
                <a:off x="1441" y="3403"/>
                <a:ext cx="30" cy="24"/>
              </a:xfrm>
              <a:custGeom>
                <a:avLst/>
                <a:gdLst>
                  <a:gd name="T0" fmla="*/ 0 w 30"/>
                  <a:gd name="T1" fmla="*/ 5 h 24"/>
                  <a:gd name="T2" fmla="*/ 8 w 30"/>
                  <a:gd name="T3" fmla="*/ 5 h 24"/>
                  <a:gd name="T4" fmla="*/ 8 w 30"/>
                  <a:gd name="T5" fmla="*/ 5 h 24"/>
                  <a:gd name="T6" fmla="*/ 8 w 30"/>
                  <a:gd name="T7" fmla="*/ 4 h 24"/>
                  <a:gd name="T8" fmla="*/ 8 w 30"/>
                  <a:gd name="T9" fmla="*/ 2 h 24"/>
                  <a:gd name="T10" fmla="*/ 10 w 30"/>
                  <a:gd name="T11" fmla="*/ 0 h 24"/>
                  <a:gd name="T12" fmla="*/ 10 w 30"/>
                  <a:gd name="T13" fmla="*/ 0 h 24"/>
                  <a:gd name="T14" fmla="*/ 12 w 30"/>
                  <a:gd name="T15" fmla="*/ 0 h 24"/>
                  <a:gd name="T16" fmla="*/ 13 w 30"/>
                  <a:gd name="T17" fmla="*/ 2 h 24"/>
                  <a:gd name="T18" fmla="*/ 17 w 30"/>
                  <a:gd name="T19" fmla="*/ 5 h 24"/>
                  <a:gd name="T20" fmla="*/ 17 w 30"/>
                  <a:gd name="T21" fmla="*/ 7 h 24"/>
                  <a:gd name="T22" fmla="*/ 18 w 30"/>
                  <a:gd name="T23" fmla="*/ 9 h 24"/>
                  <a:gd name="T24" fmla="*/ 22 w 30"/>
                  <a:gd name="T25" fmla="*/ 12 h 24"/>
                  <a:gd name="T26" fmla="*/ 27 w 30"/>
                  <a:gd name="T27" fmla="*/ 16 h 24"/>
                  <a:gd name="T28" fmla="*/ 27 w 30"/>
                  <a:gd name="T29" fmla="*/ 17 h 24"/>
                  <a:gd name="T30" fmla="*/ 29 w 30"/>
                  <a:gd name="T31" fmla="*/ 19 h 24"/>
                  <a:gd name="T32" fmla="*/ 30 w 30"/>
                  <a:gd name="T33" fmla="*/ 21 h 24"/>
                  <a:gd name="T34" fmla="*/ 30 w 30"/>
                  <a:gd name="T35" fmla="*/ 22 h 24"/>
                  <a:gd name="T36" fmla="*/ 30 w 30"/>
                  <a:gd name="T37" fmla="*/ 24 h 24"/>
                  <a:gd name="T38" fmla="*/ 27 w 30"/>
                  <a:gd name="T39" fmla="*/ 24 h 24"/>
                  <a:gd name="T40" fmla="*/ 22 w 30"/>
                  <a:gd name="T41" fmla="*/ 24 h 24"/>
                  <a:gd name="T42" fmla="*/ 15 w 30"/>
                  <a:gd name="T43" fmla="*/ 21 h 24"/>
                  <a:gd name="T44" fmla="*/ 13 w 30"/>
                  <a:gd name="T45" fmla="*/ 21 h 24"/>
                  <a:gd name="T46" fmla="*/ 10 w 30"/>
                  <a:gd name="T47" fmla="*/ 21 h 24"/>
                  <a:gd name="T48" fmla="*/ 8 w 30"/>
                  <a:gd name="T49" fmla="*/ 22 h 24"/>
                  <a:gd name="T50" fmla="*/ 8 w 30"/>
                  <a:gd name="T51" fmla="*/ 22 h 24"/>
                  <a:gd name="T52" fmla="*/ 1 w 30"/>
                  <a:gd name="T53" fmla="*/ 14 h 24"/>
                  <a:gd name="T54" fmla="*/ 0 w 30"/>
                  <a:gd name="T55" fmla="*/ 5 h 24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w 30"/>
                  <a:gd name="T85" fmla="*/ 0 h 24"/>
                  <a:gd name="T86" fmla="*/ 30 w 30"/>
                  <a:gd name="T87" fmla="*/ 24 h 24"/>
                </a:gdLst>
                <a:ahLst/>
                <a:cxnLst>
                  <a:cxn ang="T56">
                    <a:pos x="T0" y="T1"/>
                  </a:cxn>
                  <a:cxn ang="T57">
                    <a:pos x="T2" y="T3"/>
                  </a:cxn>
                  <a:cxn ang="T58">
                    <a:pos x="T4" y="T5"/>
                  </a:cxn>
                  <a:cxn ang="T59">
                    <a:pos x="T6" y="T7"/>
                  </a:cxn>
                  <a:cxn ang="T60">
                    <a:pos x="T8" y="T9"/>
                  </a:cxn>
                  <a:cxn ang="T61">
                    <a:pos x="T10" y="T11"/>
                  </a:cxn>
                  <a:cxn ang="T62">
                    <a:pos x="T12" y="T13"/>
                  </a:cxn>
                  <a:cxn ang="T63">
                    <a:pos x="T14" y="T15"/>
                  </a:cxn>
                  <a:cxn ang="T64">
                    <a:pos x="T16" y="T17"/>
                  </a:cxn>
                  <a:cxn ang="T65">
                    <a:pos x="T18" y="T19"/>
                  </a:cxn>
                  <a:cxn ang="T66">
                    <a:pos x="T20" y="T21"/>
                  </a:cxn>
                  <a:cxn ang="T67">
                    <a:pos x="T22" y="T23"/>
                  </a:cxn>
                  <a:cxn ang="T68">
                    <a:pos x="T24" y="T25"/>
                  </a:cxn>
                  <a:cxn ang="T69">
                    <a:pos x="T26" y="T27"/>
                  </a:cxn>
                  <a:cxn ang="T70">
                    <a:pos x="T28" y="T29"/>
                  </a:cxn>
                  <a:cxn ang="T71">
                    <a:pos x="T30" y="T31"/>
                  </a:cxn>
                  <a:cxn ang="T72">
                    <a:pos x="T32" y="T33"/>
                  </a:cxn>
                  <a:cxn ang="T73">
                    <a:pos x="T34" y="T35"/>
                  </a:cxn>
                  <a:cxn ang="T74">
                    <a:pos x="T36" y="T37"/>
                  </a:cxn>
                  <a:cxn ang="T75">
                    <a:pos x="T38" y="T39"/>
                  </a:cxn>
                  <a:cxn ang="T76">
                    <a:pos x="T40" y="T41"/>
                  </a:cxn>
                  <a:cxn ang="T77">
                    <a:pos x="T42" y="T43"/>
                  </a:cxn>
                  <a:cxn ang="T78">
                    <a:pos x="T44" y="T45"/>
                  </a:cxn>
                  <a:cxn ang="T79">
                    <a:pos x="T46" y="T47"/>
                  </a:cxn>
                  <a:cxn ang="T80">
                    <a:pos x="T48" y="T49"/>
                  </a:cxn>
                  <a:cxn ang="T81">
                    <a:pos x="T50" y="T51"/>
                  </a:cxn>
                  <a:cxn ang="T82">
                    <a:pos x="T52" y="T53"/>
                  </a:cxn>
                  <a:cxn ang="T83">
                    <a:pos x="T54" y="T55"/>
                  </a:cxn>
                </a:cxnLst>
                <a:rect l="T84" t="T85" r="T86" b="T87"/>
                <a:pathLst>
                  <a:path w="30" h="24">
                    <a:moveTo>
                      <a:pt x="0" y="5"/>
                    </a:moveTo>
                    <a:lnTo>
                      <a:pt x="8" y="5"/>
                    </a:lnTo>
                    <a:lnTo>
                      <a:pt x="8" y="4"/>
                    </a:lnTo>
                    <a:lnTo>
                      <a:pt x="8" y="2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7" y="5"/>
                    </a:lnTo>
                    <a:lnTo>
                      <a:pt x="17" y="7"/>
                    </a:lnTo>
                    <a:lnTo>
                      <a:pt x="18" y="9"/>
                    </a:lnTo>
                    <a:lnTo>
                      <a:pt x="22" y="12"/>
                    </a:lnTo>
                    <a:lnTo>
                      <a:pt x="27" y="16"/>
                    </a:lnTo>
                    <a:lnTo>
                      <a:pt x="27" y="17"/>
                    </a:lnTo>
                    <a:lnTo>
                      <a:pt x="29" y="19"/>
                    </a:lnTo>
                    <a:lnTo>
                      <a:pt x="30" y="21"/>
                    </a:lnTo>
                    <a:lnTo>
                      <a:pt x="30" y="22"/>
                    </a:lnTo>
                    <a:lnTo>
                      <a:pt x="30" y="24"/>
                    </a:lnTo>
                    <a:lnTo>
                      <a:pt x="27" y="24"/>
                    </a:lnTo>
                    <a:lnTo>
                      <a:pt x="22" y="24"/>
                    </a:lnTo>
                    <a:lnTo>
                      <a:pt x="15" y="21"/>
                    </a:lnTo>
                    <a:lnTo>
                      <a:pt x="13" y="21"/>
                    </a:lnTo>
                    <a:lnTo>
                      <a:pt x="10" y="21"/>
                    </a:lnTo>
                    <a:lnTo>
                      <a:pt x="8" y="22"/>
                    </a:lnTo>
                    <a:lnTo>
                      <a:pt x="1" y="14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68" name="Freeform 143"/>
              <p:cNvSpPr>
                <a:spLocks/>
              </p:cNvSpPr>
              <p:nvPr/>
            </p:nvSpPr>
            <p:spPr bwMode="auto">
              <a:xfrm>
                <a:off x="1441" y="3403"/>
                <a:ext cx="30" cy="24"/>
              </a:xfrm>
              <a:custGeom>
                <a:avLst/>
                <a:gdLst>
                  <a:gd name="T0" fmla="*/ 0 w 30"/>
                  <a:gd name="T1" fmla="*/ 5 h 24"/>
                  <a:gd name="T2" fmla="*/ 8 w 30"/>
                  <a:gd name="T3" fmla="*/ 5 h 24"/>
                  <a:gd name="T4" fmla="*/ 8 w 30"/>
                  <a:gd name="T5" fmla="*/ 5 h 24"/>
                  <a:gd name="T6" fmla="*/ 8 w 30"/>
                  <a:gd name="T7" fmla="*/ 5 h 24"/>
                  <a:gd name="T8" fmla="*/ 8 w 30"/>
                  <a:gd name="T9" fmla="*/ 4 h 24"/>
                  <a:gd name="T10" fmla="*/ 8 w 30"/>
                  <a:gd name="T11" fmla="*/ 2 h 24"/>
                  <a:gd name="T12" fmla="*/ 10 w 30"/>
                  <a:gd name="T13" fmla="*/ 0 h 24"/>
                  <a:gd name="T14" fmla="*/ 10 w 30"/>
                  <a:gd name="T15" fmla="*/ 0 h 24"/>
                  <a:gd name="T16" fmla="*/ 12 w 30"/>
                  <a:gd name="T17" fmla="*/ 0 h 24"/>
                  <a:gd name="T18" fmla="*/ 13 w 30"/>
                  <a:gd name="T19" fmla="*/ 2 h 24"/>
                  <a:gd name="T20" fmla="*/ 17 w 30"/>
                  <a:gd name="T21" fmla="*/ 5 h 24"/>
                  <a:gd name="T22" fmla="*/ 17 w 30"/>
                  <a:gd name="T23" fmla="*/ 5 h 24"/>
                  <a:gd name="T24" fmla="*/ 17 w 30"/>
                  <a:gd name="T25" fmla="*/ 7 h 24"/>
                  <a:gd name="T26" fmla="*/ 18 w 30"/>
                  <a:gd name="T27" fmla="*/ 9 h 24"/>
                  <a:gd name="T28" fmla="*/ 22 w 30"/>
                  <a:gd name="T29" fmla="*/ 12 h 24"/>
                  <a:gd name="T30" fmla="*/ 27 w 30"/>
                  <a:gd name="T31" fmla="*/ 16 h 24"/>
                  <a:gd name="T32" fmla="*/ 27 w 30"/>
                  <a:gd name="T33" fmla="*/ 16 h 24"/>
                  <a:gd name="T34" fmla="*/ 27 w 30"/>
                  <a:gd name="T35" fmla="*/ 17 h 24"/>
                  <a:gd name="T36" fmla="*/ 29 w 30"/>
                  <a:gd name="T37" fmla="*/ 19 h 24"/>
                  <a:gd name="T38" fmla="*/ 30 w 30"/>
                  <a:gd name="T39" fmla="*/ 21 h 24"/>
                  <a:gd name="T40" fmla="*/ 30 w 30"/>
                  <a:gd name="T41" fmla="*/ 22 h 24"/>
                  <a:gd name="T42" fmla="*/ 30 w 30"/>
                  <a:gd name="T43" fmla="*/ 24 h 24"/>
                  <a:gd name="T44" fmla="*/ 27 w 30"/>
                  <a:gd name="T45" fmla="*/ 24 h 24"/>
                  <a:gd name="T46" fmla="*/ 22 w 30"/>
                  <a:gd name="T47" fmla="*/ 24 h 24"/>
                  <a:gd name="T48" fmla="*/ 15 w 30"/>
                  <a:gd name="T49" fmla="*/ 21 h 24"/>
                  <a:gd name="T50" fmla="*/ 15 w 30"/>
                  <a:gd name="T51" fmla="*/ 21 h 24"/>
                  <a:gd name="T52" fmla="*/ 13 w 30"/>
                  <a:gd name="T53" fmla="*/ 21 h 24"/>
                  <a:gd name="T54" fmla="*/ 10 w 30"/>
                  <a:gd name="T55" fmla="*/ 21 h 24"/>
                  <a:gd name="T56" fmla="*/ 8 w 30"/>
                  <a:gd name="T57" fmla="*/ 22 h 24"/>
                  <a:gd name="T58" fmla="*/ 8 w 30"/>
                  <a:gd name="T59" fmla="*/ 22 h 24"/>
                  <a:gd name="T60" fmla="*/ 1 w 30"/>
                  <a:gd name="T61" fmla="*/ 14 h 24"/>
                  <a:gd name="T62" fmla="*/ 0 w 30"/>
                  <a:gd name="T63" fmla="*/ 5 h 24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w 30"/>
                  <a:gd name="T97" fmla="*/ 0 h 24"/>
                  <a:gd name="T98" fmla="*/ 30 w 30"/>
                  <a:gd name="T99" fmla="*/ 24 h 24"/>
                </a:gdLst>
                <a:ahLst/>
                <a:cxnLst>
                  <a:cxn ang="T64">
                    <a:pos x="T0" y="T1"/>
                  </a:cxn>
                  <a:cxn ang="T65">
                    <a:pos x="T2" y="T3"/>
                  </a:cxn>
                  <a:cxn ang="T66">
                    <a:pos x="T4" y="T5"/>
                  </a:cxn>
                  <a:cxn ang="T67">
                    <a:pos x="T6" y="T7"/>
                  </a:cxn>
                  <a:cxn ang="T68">
                    <a:pos x="T8" y="T9"/>
                  </a:cxn>
                  <a:cxn ang="T69">
                    <a:pos x="T10" y="T11"/>
                  </a:cxn>
                  <a:cxn ang="T70">
                    <a:pos x="T12" y="T13"/>
                  </a:cxn>
                  <a:cxn ang="T71">
                    <a:pos x="T14" y="T15"/>
                  </a:cxn>
                  <a:cxn ang="T72">
                    <a:pos x="T16" y="T17"/>
                  </a:cxn>
                  <a:cxn ang="T73">
                    <a:pos x="T18" y="T19"/>
                  </a:cxn>
                  <a:cxn ang="T74">
                    <a:pos x="T20" y="T21"/>
                  </a:cxn>
                  <a:cxn ang="T75">
                    <a:pos x="T22" y="T23"/>
                  </a:cxn>
                  <a:cxn ang="T76">
                    <a:pos x="T24" y="T25"/>
                  </a:cxn>
                  <a:cxn ang="T77">
                    <a:pos x="T26" y="T27"/>
                  </a:cxn>
                  <a:cxn ang="T78">
                    <a:pos x="T28" y="T29"/>
                  </a:cxn>
                  <a:cxn ang="T79">
                    <a:pos x="T30" y="T31"/>
                  </a:cxn>
                  <a:cxn ang="T80">
                    <a:pos x="T32" y="T33"/>
                  </a:cxn>
                  <a:cxn ang="T81">
                    <a:pos x="T34" y="T35"/>
                  </a:cxn>
                  <a:cxn ang="T82">
                    <a:pos x="T36" y="T37"/>
                  </a:cxn>
                  <a:cxn ang="T83">
                    <a:pos x="T38" y="T39"/>
                  </a:cxn>
                  <a:cxn ang="T84">
                    <a:pos x="T40" y="T41"/>
                  </a:cxn>
                  <a:cxn ang="T85">
                    <a:pos x="T42" y="T43"/>
                  </a:cxn>
                  <a:cxn ang="T86">
                    <a:pos x="T44" y="T45"/>
                  </a:cxn>
                  <a:cxn ang="T87">
                    <a:pos x="T46" y="T47"/>
                  </a:cxn>
                  <a:cxn ang="T88">
                    <a:pos x="T48" y="T49"/>
                  </a:cxn>
                  <a:cxn ang="T89">
                    <a:pos x="T50" y="T51"/>
                  </a:cxn>
                  <a:cxn ang="T90">
                    <a:pos x="T52" y="T53"/>
                  </a:cxn>
                  <a:cxn ang="T91">
                    <a:pos x="T54" y="T55"/>
                  </a:cxn>
                  <a:cxn ang="T92">
                    <a:pos x="T56" y="T57"/>
                  </a:cxn>
                  <a:cxn ang="T93">
                    <a:pos x="T58" y="T59"/>
                  </a:cxn>
                  <a:cxn ang="T94">
                    <a:pos x="T60" y="T61"/>
                  </a:cxn>
                  <a:cxn ang="T95">
                    <a:pos x="T62" y="T63"/>
                  </a:cxn>
                </a:cxnLst>
                <a:rect l="T96" t="T97" r="T98" b="T99"/>
                <a:pathLst>
                  <a:path w="30" h="24">
                    <a:moveTo>
                      <a:pt x="0" y="5"/>
                    </a:moveTo>
                    <a:lnTo>
                      <a:pt x="8" y="5"/>
                    </a:lnTo>
                    <a:lnTo>
                      <a:pt x="8" y="4"/>
                    </a:lnTo>
                    <a:lnTo>
                      <a:pt x="8" y="2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7" y="5"/>
                    </a:lnTo>
                    <a:lnTo>
                      <a:pt x="17" y="7"/>
                    </a:lnTo>
                    <a:lnTo>
                      <a:pt x="18" y="9"/>
                    </a:lnTo>
                    <a:lnTo>
                      <a:pt x="22" y="12"/>
                    </a:lnTo>
                    <a:lnTo>
                      <a:pt x="27" y="16"/>
                    </a:lnTo>
                    <a:lnTo>
                      <a:pt x="27" y="17"/>
                    </a:lnTo>
                    <a:lnTo>
                      <a:pt x="29" y="19"/>
                    </a:lnTo>
                    <a:lnTo>
                      <a:pt x="30" y="21"/>
                    </a:lnTo>
                    <a:lnTo>
                      <a:pt x="30" y="22"/>
                    </a:lnTo>
                    <a:lnTo>
                      <a:pt x="30" y="24"/>
                    </a:lnTo>
                    <a:lnTo>
                      <a:pt x="27" y="24"/>
                    </a:lnTo>
                    <a:lnTo>
                      <a:pt x="22" y="24"/>
                    </a:lnTo>
                    <a:lnTo>
                      <a:pt x="15" y="21"/>
                    </a:lnTo>
                    <a:lnTo>
                      <a:pt x="13" y="21"/>
                    </a:lnTo>
                    <a:lnTo>
                      <a:pt x="10" y="21"/>
                    </a:lnTo>
                    <a:lnTo>
                      <a:pt x="8" y="22"/>
                    </a:lnTo>
                    <a:lnTo>
                      <a:pt x="1" y="14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69" name="Freeform 144"/>
              <p:cNvSpPr>
                <a:spLocks/>
              </p:cNvSpPr>
              <p:nvPr/>
            </p:nvSpPr>
            <p:spPr bwMode="auto">
              <a:xfrm>
                <a:off x="1492" y="3427"/>
                <a:ext cx="27" cy="12"/>
              </a:xfrm>
              <a:custGeom>
                <a:avLst/>
                <a:gdLst>
                  <a:gd name="T0" fmla="*/ 1 w 27"/>
                  <a:gd name="T1" fmla="*/ 0 h 12"/>
                  <a:gd name="T2" fmla="*/ 0 w 27"/>
                  <a:gd name="T3" fmla="*/ 9 h 12"/>
                  <a:gd name="T4" fmla="*/ 18 w 27"/>
                  <a:gd name="T5" fmla="*/ 12 h 12"/>
                  <a:gd name="T6" fmla="*/ 18 w 27"/>
                  <a:gd name="T7" fmla="*/ 12 h 12"/>
                  <a:gd name="T8" fmla="*/ 20 w 27"/>
                  <a:gd name="T9" fmla="*/ 10 h 12"/>
                  <a:gd name="T10" fmla="*/ 23 w 27"/>
                  <a:gd name="T11" fmla="*/ 9 h 12"/>
                  <a:gd name="T12" fmla="*/ 27 w 27"/>
                  <a:gd name="T13" fmla="*/ 7 h 12"/>
                  <a:gd name="T14" fmla="*/ 27 w 27"/>
                  <a:gd name="T15" fmla="*/ 5 h 12"/>
                  <a:gd name="T16" fmla="*/ 27 w 27"/>
                  <a:gd name="T17" fmla="*/ 3 h 12"/>
                  <a:gd name="T18" fmla="*/ 23 w 27"/>
                  <a:gd name="T19" fmla="*/ 3 h 12"/>
                  <a:gd name="T20" fmla="*/ 18 w 27"/>
                  <a:gd name="T21" fmla="*/ 3 h 12"/>
                  <a:gd name="T22" fmla="*/ 16 w 27"/>
                  <a:gd name="T23" fmla="*/ 3 h 12"/>
                  <a:gd name="T24" fmla="*/ 13 w 27"/>
                  <a:gd name="T25" fmla="*/ 2 h 12"/>
                  <a:gd name="T26" fmla="*/ 11 w 27"/>
                  <a:gd name="T27" fmla="*/ 2 h 12"/>
                  <a:gd name="T28" fmla="*/ 8 w 27"/>
                  <a:gd name="T29" fmla="*/ 2 h 12"/>
                  <a:gd name="T30" fmla="*/ 6 w 27"/>
                  <a:gd name="T31" fmla="*/ 2 h 12"/>
                  <a:gd name="T32" fmla="*/ 3 w 27"/>
                  <a:gd name="T33" fmla="*/ 0 h 12"/>
                  <a:gd name="T34" fmla="*/ 3 w 27"/>
                  <a:gd name="T35" fmla="*/ 0 h 12"/>
                  <a:gd name="T36" fmla="*/ 1 w 27"/>
                  <a:gd name="T37" fmla="*/ 0 h 12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w 27"/>
                  <a:gd name="T58" fmla="*/ 0 h 12"/>
                  <a:gd name="T59" fmla="*/ 27 w 27"/>
                  <a:gd name="T60" fmla="*/ 12 h 12"/>
                </a:gdLst>
                <a:ahLst/>
                <a:cxnLst>
                  <a:cxn ang="T38">
                    <a:pos x="T0" y="T1"/>
                  </a:cxn>
                  <a:cxn ang="T39">
                    <a:pos x="T2" y="T3"/>
                  </a:cxn>
                  <a:cxn ang="T40">
                    <a:pos x="T4" y="T5"/>
                  </a:cxn>
                  <a:cxn ang="T41">
                    <a:pos x="T6" y="T7"/>
                  </a:cxn>
                  <a:cxn ang="T42">
                    <a:pos x="T8" y="T9"/>
                  </a:cxn>
                  <a:cxn ang="T43">
                    <a:pos x="T10" y="T11"/>
                  </a:cxn>
                  <a:cxn ang="T44">
                    <a:pos x="T12" y="T13"/>
                  </a:cxn>
                  <a:cxn ang="T45">
                    <a:pos x="T14" y="T15"/>
                  </a:cxn>
                  <a:cxn ang="T46">
                    <a:pos x="T16" y="T17"/>
                  </a:cxn>
                  <a:cxn ang="T47">
                    <a:pos x="T18" y="T19"/>
                  </a:cxn>
                  <a:cxn ang="T48">
                    <a:pos x="T20" y="T21"/>
                  </a:cxn>
                  <a:cxn ang="T49">
                    <a:pos x="T22" y="T23"/>
                  </a:cxn>
                  <a:cxn ang="T50">
                    <a:pos x="T24" y="T25"/>
                  </a:cxn>
                  <a:cxn ang="T51">
                    <a:pos x="T26" y="T27"/>
                  </a:cxn>
                  <a:cxn ang="T52">
                    <a:pos x="T28" y="T29"/>
                  </a:cxn>
                  <a:cxn ang="T53">
                    <a:pos x="T30" y="T31"/>
                  </a:cxn>
                  <a:cxn ang="T54">
                    <a:pos x="T32" y="T33"/>
                  </a:cxn>
                  <a:cxn ang="T55">
                    <a:pos x="T34" y="T35"/>
                  </a:cxn>
                  <a:cxn ang="T56">
                    <a:pos x="T36" y="T37"/>
                  </a:cxn>
                </a:cxnLst>
                <a:rect l="T57" t="T58" r="T59" b="T60"/>
                <a:pathLst>
                  <a:path w="27" h="12">
                    <a:moveTo>
                      <a:pt x="1" y="0"/>
                    </a:moveTo>
                    <a:lnTo>
                      <a:pt x="0" y="9"/>
                    </a:lnTo>
                    <a:lnTo>
                      <a:pt x="18" y="12"/>
                    </a:lnTo>
                    <a:lnTo>
                      <a:pt x="20" y="10"/>
                    </a:lnTo>
                    <a:lnTo>
                      <a:pt x="23" y="9"/>
                    </a:lnTo>
                    <a:lnTo>
                      <a:pt x="27" y="7"/>
                    </a:lnTo>
                    <a:lnTo>
                      <a:pt x="27" y="5"/>
                    </a:lnTo>
                    <a:lnTo>
                      <a:pt x="27" y="3"/>
                    </a:lnTo>
                    <a:lnTo>
                      <a:pt x="23" y="3"/>
                    </a:lnTo>
                    <a:lnTo>
                      <a:pt x="18" y="3"/>
                    </a:lnTo>
                    <a:lnTo>
                      <a:pt x="16" y="3"/>
                    </a:lnTo>
                    <a:lnTo>
                      <a:pt x="13" y="2"/>
                    </a:lnTo>
                    <a:lnTo>
                      <a:pt x="11" y="2"/>
                    </a:lnTo>
                    <a:lnTo>
                      <a:pt x="8" y="2"/>
                    </a:lnTo>
                    <a:lnTo>
                      <a:pt x="6" y="2"/>
                    </a:lnTo>
                    <a:lnTo>
                      <a:pt x="3" y="0"/>
                    </a:lnTo>
                    <a:lnTo>
                      <a:pt x="1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70" name="Freeform 145"/>
              <p:cNvSpPr>
                <a:spLocks/>
              </p:cNvSpPr>
              <p:nvPr/>
            </p:nvSpPr>
            <p:spPr bwMode="auto">
              <a:xfrm>
                <a:off x="1492" y="3427"/>
                <a:ext cx="27" cy="12"/>
              </a:xfrm>
              <a:custGeom>
                <a:avLst/>
                <a:gdLst>
                  <a:gd name="T0" fmla="*/ 1 w 27"/>
                  <a:gd name="T1" fmla="*/ 0 h 12"/>
                  <a:gd name="T2" fmla="*/ 0 w 27"/>
                  <a:gd name="T3" fmla="*/ 9 h 12"/>
                  <a:gd name="T4" fmla="*/ 18 w 27"/>
                  <a:gd name="T5" fmla="*/ 12 h 12"/>
                  <a:gd name="T6" fmla="*/ 18 w 27"/>
                  <a:gd name="T7" fmla="*/ 12 h 12"/>
                  <a:gd name="T8" fmla="*/ 18 w 27"/>
                  <a:gd name="T9" fmla="*/ 12 h 12"/>
                  <a:gd name="T10" fmla="*/ 20 w 27"/>
                  <a:gd name="T11" fmla="*/ 10 h 12"/>
                  <a:gd name="T12" fmla="*/ 23 w 27"/>
                  <a:gd name="T13" fmla="*/ 9 h 12"/>
                  <a:gd name="T14" fmla="*/ 27 w 27"/>
                  <a:gd name="T15" fmla="*/ 7 h 12"/>
                  <a:gd name="T16" fmla="*/ 27 w 27"/>
                  <a:gd name="T17" fmla="*/ 5 h 12"/>
                  <a:gd name="T18" fmla="*/ 27 w 27"/>
                  <a:gd name="T19" fmla="*/ 3 h 12"/>
                  <a:gd name="T20" fmla="*/ 23 w 27"/>
                  <a:gd name="T21" fmla="*/ 3 h 12"/>
                  <a:gd name="T22" fmla="*/ 18 w 27"/>
                  <a:gd name="T23" fmla="*/ 3 h 12"/>
                  <a:gd name="T24" fmla="*/ 18 w 27"/>
                  <a:gd name="T25" fmla="*/ 3 h 12"/>
                  <a:gd name="T26" fmla="*/ 16 w 27"/>
                  <a:gd name="T27" fmla="*/ 3 h 12"/>
                  <a:gd name="T28" fmla="*/ 13 w 27"/>
                  <a:gd name="T29" fmla="*/ 2 h 12"/>
                  <a:gd name="T30" fmla="*/ 11 w 27"/>
                  <a:gd name="T31" fmla="*/ 2 h 12"/>
                  <a:gd name="T32" fmla="*/ 8 w 27"/>
                  <a:gd name="T33" fmla="*/ 2 h 12"/>
                  <a:gd name="T34" fmla="*/ 6 w 27"/>
                  <a:gd name="T35" fmla="*/ 2 h 12"/>
                  <a:gd name="T36" fmla="*/ 3 w 27"/>
                  <a:gd name="T37" fmla="*/ 0 h 12"/>
                  <a:gd name="T38" fmla="*/ 3 w 27"/>
                  <a:gd name="T39" fmla="*/ 0 h 12"/>
                  <a:gd name="T40" fmla="*/ 1 w 27"/>
                  <a:gd name="T41" fmla="*/ 0 h 12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27"/>
                  <a:gd name="T64" fmla="*/ 0 h 12"/>
                  <a:gd name="T65" fmla="*/ 27 w 27"/>
                  <a:gd name="T66" fmla="*/ 12 h 12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27" h="12">
                    <a:moveTo>
                      <a:pt x="1" y="0"/>
                    </a:moveTo>
                    <a:lnTo>
                      <a:pt x="0" y="9"/>
                    </a:lnTo>
                    <a:lnTo>
                      <a:pt x="18" y="12"/>
                    </a:lnTo>
                    <a:lnTo>
                      <a:pt x="20" y="10"/>
                    </a:lnTo>
                    <a:lnTo>
                      <a:pt x="23" y="9"/>
                    </a:lnTo>
                    <a:lnTo>
                      <a:pt x="27" y="7"/>
                    </a:lnTo>
                    <a:lnTo>
                      <a:pt x="27" y="5"/>
                    </a:lnTo>
                    <a:lnTo>
                      <a:pt x="27" y="3"/>
                    </a:lnTo>
                    <a:lnTo>
                      <a:pt x="23" y="3"/>
                    </a:lnTo>
                    <a:lnTo>
                      <a:pt x="18" y="3"/>
                    </a:lnTo>
                    <a:lnTo>
                      <a:pt x="16" y="3"/>
                    </a:lnTo>
                    <a:lnTo>
                      <a:pt x="13" y="2"/>
                    </a:lnTo>
                    <a:lnTo>
                      <a:pt x="11" y="2"/>
                    </a:lnTo>
                    <a:lnTo>
                      <a:pt x="8" y="2"/>
                    </a:lnTo>
                    <a:lnTo>
                      <a:pt x="6" y="2"/>
                    </a:lnTo>
                    <a:lnTo>
                      <a:pt x="3" y="0"/>
                    </a:lnTo>
                    <a:lnTo>
                      <a:pt x="1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71" name="Freeform 146"/>
              <p:cNvSpPr>
                <a:spLocks/>
              </p:cNvSpPr>
              <p:nvPr/>
            </p:nvSpPr>
            <p:spPr bwMode="auto">
              <a:xfrm>
                <a:off x="1524" y="3441"/>
                <a:ext cx="35" cy="25"/>
              </a:xfrm>
              <a:custGeom>
                <a:avLst/>
                <a:gdLst>
                  <a:gd name="T0" fmla="*/ 1 w 35"/>
                  <a:gd name="T1" fmla="*/ 8 h 25"/>
                  <a:gd name="T2" fmla="*/ 1 w 35"/>
                  <a:gd name="T3" fmla="*/ 8 h 25"/>
                  <a:gd name="T4" fmla="*/ 0 w 35"/>
                  <a:gd name="T5" fmla="*/ 6 h 25"/>
                  <a:gd name="T6" fmla="*/ 0 w 35"/>
                  <a:gd name="T7" fmla="*/ 5 h 25"/>
                  <a:gd name="T8" fmla="*/ 0 w 35"/>
                  <a:gd name="T9" fmla="*/ 3 h 25"/>
                  <a:gd name="T10" fmla="*/ 0 w 35"/>
                  <a:gd name="T11" fmla="*/ 1 h 25"/>
                  <a:gd name="T12" fmla="*/ 1 w 35"/>
                  <a:gd name="T13" fmla="*/ 0 h 25"/>
                  <a:gd name="T14" fmla="*/ 5 w 35"/>
                  <a:gd name="T15" fmla="*/ 1 h 25"/>
                  <a:gd name="T16" fmla="*/ 8 w 35"/>
                  <a:gd name="T17" fmla="*/ 3 h 25"/>
                  <a:gd name="T18" fmla="*/ 10 w 35"/>
                  <a:gd name="T19" fmla="*/ 3 h 25"/>
                  <a:gd name="T20" fmla="*/ 13 w 35"/>
                  <a:gd name="T21" fmla="*/ 3 h 25"/>
                  <a:gd name="T22" fmla="*/ 13 w 35"/>
                  <a:gd name="T23" fmla="*/ 5 h 25"/>
                  <a:gd name="T24" fmla="*/ 15 w 35"/>
                  <a:gd name="T25" fmla="*/ 5 h 25"/>
                  <a:gd name="T26" fmla="*/ 22 w 35"/>
                  <a:gd name="T27" fmla="*/ 5 h 25"/>
                  <a:gd name="T28" fmla="*/ 30 w 35"/>
                  <a:gd name="T29" fmla="*/ 10 h 25"/>
                  <a:gd name="T30" fmla="*/ 30 w 35"/>
                  <a:gd name="T31" fmla="*/ 10 h 25"/>
                  <a:gd name="T32" fmla="*/ 32 w 35"/>
                  <a:gd name="T33" fmla="*/ 11 h 25"/>
                  <a:gd name="T34" fmla="*/ 34 w 35"/>
                  <a:gd name="T35" fmla="*/ 13 h 25"/>
                  <a:gd name="T36" fmla="*/ 35 w 35"/>
                  <a:gd name="T37" fmla="*/ 15 h 25"/>
                  <a:gd name="T38" fmla="*/ 35 w 35"/>
                  <a:gd name="T39" fmla="*/ 17 h 25"/>
                  <a:gd name="T40" fmla="*/ 34 w 35"/>
                  <a:gd name="T41" fmla="*/ 20 h 25"/>
                  <a:gd name="T42" fmla="*/ 30 w 35"/>
                  <a:gd name="T43" fmla="*/ 20 h 25"/>
                  <a:gd name="T44" fmla="*/ 25 w 35"/>
                  <a:gd name="T45" fmla="*/ 22 h 25"/>
                  <a:gd name="T46" fmla="*/ 23 w 35"/>
                  <a:gd name="T47" fmla="*/ 22 h 25"/>
                  <a:gd name="T48" fmla="*/ 23 w 35"/>
                  <a:gd name="T49" fmla="*/ 23 h 25"/>
                  <a:gd name="T50" fmla="*/ 22 w 35"/>
                  <a:gd name="T51" fmla="*/ 23 h 25"/>
                  <a:gd name="T52" fmla="*/ 20 w 35"/>
                  <a:gd name="T53" fmla="*/ 25 h 25"/>
                  <a:gd name="T54" fmla="*/ 18 w 35"/>
                  <a:gd name="T55" fmla="*/ 25 h 25"/>
                  <a:gd name="T56" fmla="*/ 15 w 35"/>
                  <a:gd name="T57" fmla="*/ 23 h 25"/>
                  <a:gd name="T58" fmla="*/ 13 w 35"/>
                  <a:gd name="T59" fmla="*/ 20 h 25"/>
                  <a:gd name="T60" fmla="*/ 12 w 35"/>
                  <a:gd name="T61" fmla="*/ 17 h 25"/>
                  <a:gd name="T62" fmla="*/ 10 w 35"/>
                  <a:gd name="T63" fmla="*/ 15 h 25"/>
                  <a:gd name="T64" fmla="*/ 6 w 35"/>
                  <a:gd name="T65" fmla="*/ 11 h 25"/>
                  <a:gd name="T66" fmla="*/ 3 w 35"/>
                  <a:gd name="T67" fmla="*/ 10 h 25"/>
                  <a:gd name="T68" fmla="*/ 1 w 35"/>
                  <a:gd name="T69" fmla="*/ 8 h 25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w 35"/>
                  <a:gd name="T106" fmla="*/ 0 h 25"/>
                  <a:gd name="T107" fmla="*/ 35 w 35"/>
                  <a:gd name="T108" fmla="*/ 25 h 25"/>
                </a:gdLst>
                <a:ahLst/>
                <a:cxnLst>
                  <a:cxn ang="T70">
                    <a:pos x="T0" y="T1"/>
                  </a:cxn>
                  <a:cxn ang="T71">
                    <a:pos x="T2" y="T3"/>
                  </a:cxn>
                  <a:cxn ang="T72">
                    <a:pos x="T4" y="T5"/>
                  </a:cxn>
                  <a:cxn ang="T73">
                    <a:pos x="T6" y="T7"/>
                  </a:cxn>
                  <a:cxn ang="T74">
                    <a:pos x="T8" y="T9"/>
                  </a:cxn>
                  <a:cxn ang="T75">
                    <a:pos x="T10" y="T11"/>
                  </a:cxn>
                  <a:cxn ang="T76">
                    <a:pos x="T12" y="T13"/>
                  </a:cxn>
                  <a:cxn ang="T77">
                    <a:pos x="T14" y="T15"/>
                  </a:cxn>
                  <a:cxn ang="T78">
                    <a:pos x="T16" y="T17"/>
                  </a:cxn>
                  <a:cxn ang="T79">
                    <a:pos x="T18" y="T19"/>
                  </a:cxn>
                  <a:cxn ang="T80">
                    <a:pos x="T20" y="T21"/>
                  </a:cxn>
                  <a:cxn ang="T81">
                    <a:pos x="T22" y="T23"/>
                  </a:cxn>
                  <a:cxn ang="T82">
                    <a:pos x="T24" y="T25"/>
                  </a:cxn>
                  <a:cxn ang="T83">
                    <a:pos x="T26" y="T27"/>
                  </a:cxn>
                  <a:cxn ang="T84">
                    <a:pos x="T28" y="T29"/>
                  </a:cxn>
                  <a:cxn ang="T85">
                    <a:pos x="T30" y="T31"/>
                  </a:cxn>
                  <a:cxn ang="T86">
                    <a:pos x="T32" y="T33"/>
                  </a:cxn>
                  <a:cxn ang="T87">
                    <a:pos x="T34" y="T35"/>
                  </a:cxn>
                  <a:cxn ang="T88">
                    <a:pos x="T36" y="T37"/>
                  </a:cxn>
                  <a:cxn ang="T89">
                    <a:pos x="T38" y="T39"/>
                  </a:cxn>
                  <a:cxn ang="T90">
                    <a:pos x="T40" y="T41"/>
                  </a:cxn>
                  <a:cxn ang="T91">
                    <a:pos x="T42" y="T43"/>
                  </a:cxn>
                  <a:cxn ang="T92">
                    <a:pos x="T44" y="T45"/>
                  </a:cxn>
                  <a:cxn ang="T93">
                    <a:pos x="T46" y="T47"/>
                  </a:cxn>
                  <a:cxn ang="T94">
                    <a:pos x="T48" y="T49"/>
                  </a:cxn>
                  <a:cxn ang="T95">
                    <a:pos x="T50" y="T51"/>
                  </a:cxn>
                  <a:cxn ang="T96">
                    <a:pos x="T52" y="T53"/>
                  </a:cxn>
                  <a:cxn ang="T97">
                    <a:pos x="T54" y="T55"/>
                  </a:cxn>
                  <a:cxn ang="T98">
                    <a:pos x="T56" y="T57"/>
                  </a:cxn>
                  <a:cxn ang="T99">
                    <a:pos x="T58" y="T59"/>
                  </a:cxn>
                  <a:cxn ang="T100">
                    <a:pos x="T60" y="T61"/>
                  </a:cxn>
                  <a:cxn ang="T101">
                    <a:pos x="T62" y="T63"/>
                  </a:cxn>
                  <a:cxn ang="T102">
                    <a:pos x="T64" y="T65"/>
                  </a:cxn>
                  <a:cxn ang="T103">
                    <a:pos x="T66" y="T67"/>
                  </a:cxn>
                  <a:cxn ang="T104">
                    <a:pos x="T68" y="T69"/>
                  </a:cxn>
                </a:cxnLst>
                <a:rect l="T105" t="T106" r="T107" b="T108"/>
                <a:pathLst>
                  <a:path w="35" h="25">
                    <a:moveTo>
                      <a:pt x="1" y="8"/>
                    </a:moveTo>
                    <a:lnTo>
                      <a:pt x="1" y="8"/>
                    </a:lnTo>
                    <a:lnTo>
                      <a:pt x="0" y="6"/>
                    </a:lnTo>
                    <a:lnTo>
                      <a:pt x="0" y="5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5" y="1"/>
                    </a:lnTo>
                    <a:lnTo>
                      <a:pt x="8" y="3"/>
                    </a:lnTo>
                    <a:lnTo>
                      <a:pt x="10" y="3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5" y="5"/>
                    </a:lnTo>
                    <a:lnTo>
                      <a:pt x="22" y="5"/>
                    </a:lnTo>
                    <a:lnTo>
                      <a:pt x="30" y="10"/>
                    </a:lnTo>
                    <a:lnTo>
                      <a:pt x="32" y="11"/>
                    </a:lnTo>
                    <a:lnTo>
                      <a:pt x="34" y="13"/>
                    </a:lnTo>
                    <a:lnTo>
                      <a:pt x="35" y="15"/>
                    </a:lnTo>
                    <a:lnTo>
                      <a:pt x="35" y="17"/>
                    </a:lnTo>
                    <a:lnTo>
                      <a:pt x="34" y="20"/>
                    </a:lnTo>
                    <a:lnTo>
                      <a:pt x="30" y="20"/>
                    </a:lnTo>
                    <a:lnTo>
                      <a:pt x="25" y="22"/>
                    </a:lnTo>
                    <a:lnTo>
                      <a:pt x="23" y="22"/>
                    </a:lnTo>
                    <a:lnTo>
                      <a:pt x="23" y="23"/>
                    </a:lnTo>
                    <a:lnTo>
                      <a:pt x="22" y="23"/>
                    </a:lnTo>
                    <a:lnTo>
                      <a:pt x="20" y="25"/>
                    </a:lnTo>
                    <a:lnTo>
                      <a:pt x="18" y="25"/>
                    </a:lnTo>
                    <a:lnTo>
                      <a:pt x="15" y="23"/>
                    </a:lnTo>
                    <a:lnTo>
                      <a:pt x="13" y="20"/>
                    </a:lnTo>
                    <a:lnTo>
                      <a:pt x="12" y="17"/>
                    </a:lnTo>
                    <a:lnTo>
                      <a:pt x="10" y="15"/>
                    </a:lnTo>
                    <a:lnTo>
                      <a:pt x="6" y="11"/>
                    </a:lnTo>
                    <a:lnTo>
                      <a:pt x="3" y="10"/>
                    </a:lnTo>
                    <a:lnTo>
                      <a:pt x="1" y="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72" name="Freeform 147"/>
              <p:cNvSpPr>
                <a:spLocks/>
              </p:cNvSpPr>
              <p:nvPr/>
            </p:nvSpPr>
            <p:spPr bwMode="auto">
              <a:xfrm>
                <a:off x="1524" y="3441"/>
                <a:ext cx="35" cy="25"/>
              </a:xfrm>
              <a:custGeom>
                <a:avLst/>
                <a:gdLst>
                  <a:gd name="T0" fmla="*/ 1 w 35"/>
                  <a:gd name="T1" fmla="*/ 8 h 25"/>
                  <a:gd name="T2" fmla="*/ 1 w 35"/>
                  <a:gd name="T3" fmla="*/ 8 h 25"/>
                  <a:gd name="T4" fmla="*/ 1 w 35"/>
                  <a:gd name="T5" fmla="*/ 8 h 25"/>
                  <a:gd name="T6" fmla="*/ 0 w 35"/>
                  <a:gd name="T7" fmla="*/ 6 h 25"/>
                  <a:gd name="T8" fmla="*/ 0 w 35"/>
                  <a:gd name="T9" fmla="*/ 5 h 25"/>
                  <a:gd name="T10" fmla="*/ 0 w 35"/>
                  <a:gd name="T11" fmla="*/ 3 h 25"/>
                  <a:gd name="T12" fmla="*/ 0 w 35"/>
                  <a:gd name="T13" fmla="*/ 1 h 25"/>
                  <a:gd name="T14" fmla="*/ 1 w 35"/>
                  <a:gd name="T15" fmla="*/ 0 h 25"/>
                  <a:gd name="T16" fmla="*/ 5 w 35"/>
                  <a:gd name="T17" fmla="*/ 1 h 25"/>
                  <a:gd name="T18" fmla="*/ 8 w 35"/>
                  <a:gd name="T19" fmla="*/ 3 h 25"/>
                  <a:gd name="T20" fmla="*/ 8 w 35"/>
                  <a:gd name="T21" fmla="*/ 3 h 25"/>
                  <a:gd name="T22" fmla="*/ 10 w 35"/>
                  <a:gd name="T23" fmla="*/ 3 h 25"/>
                  <a:gd name="T24" fmla="*/ 13 w 35"/>
                  <a:gd name="T25" fmla="*/ 3 h 25"/>
                  <a:gd name="T26" fmla="*/ 13 w 35"/>
                  <a:gd name="T27" fmla="*/ 5 h 25"/>
                  <a:gd name="T28" fmla="*/ 15 w 35"/>
                  <a:gd name="T29" fmla="*/ 5 h 25"/>
                  <a:gd name="T30" fmla="*/ 22 w 35"/>
                  <a:gd name="T31" fmla="*/ 5 h 25"/>
                  <a:gd name="T32" fmla="*/ 30 w 35"/>
                  <a:gd name="T33" fmla="*/ 10 h 25"/>
                  <a:gd name="T34" fmla="*/ 30 w 35"/>
                  <a:gd name="T35" fmla="*/ 10 h 25"/>
                  <a:gd name="T36" fmla="*/ 30 w 35"/>
                  <a:gd name="T37" fmla="*/ 10 h 25"/>
                  <a:gd name="T38" fmla="*/ 32 w 35"/>
                  <a:gd name="T39" fmla="*/ 11 h 25"/>
                  <a:gd name="T40" fmla="*/ 34 w 35"/>
                  <a:gd name="T41" fmla="*/ 13 h 25"/>
                  <a:gd name="T42" fmla="*/ 35 w 35"/>
                  <a:gd name="T43" fmla="*/ 15 h 25"/>
                  <a:gd name="T44" fmla="*/ 35 w 35"/>
                  <a:gd name="T45" fmla="*/ 17 h 25"/>
                  <a:gd name="T46" fmla="*/ 34 w 35"/>
                  <a:gd name="T47" fmla="*/ 20 h 25"/>
                  <a:gd name="T48" fmla="*/ 30 w 35"/>
                  <a:gd name="T49" fmla="*/ 20 h 25"/>
                  <a:gd name="T50" fmla="*/ 25 w 35"/>
                  <a:gd name="T51" fmla="*/ 22 h 25"/>
                  <a:gd name="T52" fmla="*/ 25 w 35"/>
                  <a:gd name="T53" fmla="*/ 22 h 25"/>
                  <a:gd name="T54" fmla="*/ 23 w 35"/>
                  <a:gd name="T55" fmla="*/ 22 h 25"/>
                  <a:gd name="T56" fmla="*/ 23 w 35"/>
                  <a:gd name="T57" fmla="*/ 23 h 25"/>
                  <a:gd name="T58" fmla="*/ 22 w 35"/>
                  <a:gd name="T59" fmla="*/ 23 h 25"/>
                  <a:gd name="T60" fmla="*/ 20 w 35"/>
                  <a:gd name="T61" fmla="*/ 25 h 25"/>
                  <a:gd name="T62" fmla="*/ 18 w 35"/>
                  <a:gd name="T63" fmla="*/ 25 h 25"/>
                  <a:gd name="T64" fmla="*/ 15 w 35"/>
                  <a:gd name="T65" fmla="*/ 23 h 25"/>
                  <a:gd name="T66" fmla="*/ 13 w 35"/>
                  <a:gd name="T67" fmla="*/ 20 h 25"/>
                  <a:gd name="T68" fmla="*/ 12 w 35"/>
                  <a:gd name="T69" fmla="*/ 17 h 25"/>
                  <a:gd name="T70" fmla="*/ 12 w 35"/>
                  <a:gd name="T71" fmla="*/ 17 h 25"/>
                  <a:gd name="T72" fmla="*/ 10 w 35"/>
                  <a:gd name="T73" fmla="*/ 15 h 25"/>
                  <a:gd name="T74" fmla="*/ 6 w 35"/>
                  <a:gd name="T75" fmla="*/ 11 h 25"/>
                  <a:gd name="T76" fmla="*/ 3 w 35"/>
                  <a:gd name="T77" fmla="*/ 10 h 25"/>
                  <a:gd name="T78" fmla="*/ 1 w 35"/>
                  <a:gd name="T79" fmla="*/ 8 h 25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w 35"/>
                  <a:gd name="T121" fmla="*/ 0 h 25"/>
                  <a:gd name="T122" fmla="*/ 35 w 35"/>
                  <a:gd name="T123" fmla="*/ 25 h 25"/>
                </a:gdLst>
                <a:ahLst/>
                <a:cxnLst>
                  <a:cxn ang="T80">
                    <a:pos x="T0" y="T1"/>
                  </a:cxn>
                  <a:cxn ang="T81">
                    <a:pos x="T2" y="T3"/>
                  </a:cxn>
                  <a:cxn ang="T82">
                    <a:pos x="T4" y="T5"/>
                  </a:cxn>
                  <a:cxn ang="T83">
                    <a:pos x="T6" y="T7"/>
                  </a:cxn>
                  <a:cxn ang="T84">
                    <a:pos x="T8" y="T9"/>
                  </a:cxn>
                  <a:cxn ang="T85">
                    <a:pos x="T10" y="T11"/>
                  </a:cxn>
                  <a:cxn ang="T86">
                    <a:pos x="T12" y="T13"/>
                  </a:cxn>
                  <a:cxn ang="T87">
                    <a:pos x="T14" y="T15"/>
                  </a:cxn>
                  <a:cxn ang="T88">
                    <a:pos x="T16" y="T17"/>
                  </a:cxn>
                  <a:cxn ang="T89">
                    <a:pos x="T18" y="T19"/>
                  </a:cxn>
                  <a:cxn ang="T90">
                    <a:pos x="T20" y="T21"/>
                  </a:cxn>
                  <a:cxn ang="T91">
                    <a:pos x="T22" y="T23"/>
                  </a:cxn>
                  <a:cxn ang="T92">
                    <a:pos x="T24" y="T25"/>
                  </a:cxn>
                  <a:cxn ang="T93">
                    <a:pos x="T26" y="T27"/>
                  </a:cxn>
                  <a:cxn ang="T94">
                    <a:pos x="T28" y="T29"/>
                  </a:cxn>
                  <a:cxn ang="T95">
                    <a:pos x="T30" y="T31"/>
                  </a:cxn>
                  <a:cxn ang="T96">
                    <a:pos x="T32" y="T33"/>
                  </a:cxn>
                  <a:cxn ang="T97">
                    <a:pos x="T34" y="T35"/>
                  </a:cxn>
                  <a:cxn ang="T98">
                    <a:pos x="T36" y="T37"/>
                  </a:cxn>
                  <a:cxn ang="T99">
                    <a:pos x="T38" y="T39"/>
                  </a:cxn>
                  <a:cxn ang="T100">
                    <a:pos x="T40" y="T41"/>
                  </a:cxn>
                  <a:cxn ang="T101">
                    <a:pos x="T42" y="T43"/>
                  </a:cxn>
                  <a:cxn ang="T102">
                    <a:pos x="T44" y="T45"/>
                  </a:cxn>
                  <a:cxn ang="T103">
                    <a:pos x="T46" y="T47"/>
                  </a:cxn>
                  <a:cxn ang="T104">
                    <a:pos x="T48" y="T49"/>
                  </a:cxn>
                  <a:cxn ang="T105">
                    <a:pos x="T50" y="T51"/>
                  </a:cxn>
                  <a:cxn ang="T106">
                    <a:pos x="T52" y="T53"/>
                  </a:cxn>
                  <a:cxn ang="T107">
                    <a:pos x="T54" y="T55"/>
                  </a:cxn>
                  <a:cxn ang="T108">
                    <a:pos x="T56" y="T57"/>
                  </a:cxn>
                  <a:cxn ang="T109">
                    <a:pos x="T58" y="T59"/>
                  </a:cxn>
                  <a:cxn ang="T110">
                    <a:pos x="T60" y="T61"/>
                  </a:cxn>
                  <a:cxn ang="T111">
                    <a:pos x="T62" y="T63"/>
                  </a:cxn>
                  <a:cxn ang="T112">
                    <a:pos x="T64" y="T65"/>
                  </a:cxn>
                  <a:cxn ang="T113">
                    <a:pos x="T66" y="T67"/>
                  </a:cxn>
                  <a:cxn ang="T114">
                    <a:pos x="T68" y="T69"/>
                  </a:cxn>
                  <a:cxn ang="T115">
                    <a:pos x="T70" y="T71"/>
                  </a:cxn>
                  <a:cxn ang="T116">
                    <a:pos x="T72" y="T73"/>
                  </a:cxn>
                  <a:cxn ang="T117">
                    <a:pos x="T74" y="T75"/>
                  </a:cxn>
                  <a:cxn ang="T118">
                    <a:pos x="T76" y="T77"/>
                  </a:cxn>
                  <a:cxn ang="T119">
                    <a:pos x="T78" y="T79"/>
                  </a:cxn>
                </a:cxnLst>
                <a:rect l="T120" t="T121" r="T122" b="T123"/>
                <a:pathLst>
                  <a:path w="35" h="25">
                    <a:moveTo>
                      <a:pt x="1" y="8"/>
                    </a:moveTo>
                    <a:lnTo>
                      <a:pt x="1" y="8"/>
                    </a:lnTo>
                    <a:lnTo>
                      <a:pt x="0" y="6"/>
                    </a:lnTo>
                    <a:lnTo>
                      <a:pt x="0" y="5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5" y="1"/>
                    </a:lnTo>
                    <a:lnTo>
                      <a:pt x="8" y="3"/>
                    </a:lnTo>
                    <a:lnTo>
                      <a:pt x="10" y="3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5" y="5"/>
                    </a:lnTo>
                    <a:lnTo>
                      <a:pt x="22" y="5"/>
                    </a:lnTo>
                    <a:lnTo>
                      <a:pt x="30" y="10"/>
                    </a:lnTo>
                    <a:lnTo>
                      <a:pt x="32" y="11"/>
                    </a:lnTo>
                    <a:lnTo>
                      <a:pt x="34" y="13"/>
                    </a:lnTo>
                    <a:lnTo>
                      <a:pt x="35" y="15"/>
                    </a:lnTo>
                    <a:lnTo>
                      <a:pt x="35" y="17"/>
                    </a:lnTo>
                    <a:lnTo>
                      <a:pt x="34" y="20"/>
                    </a:lnTo>
                    <a:lnTo>
                      <a:pt x="30" y="20"/>
                    </a:lnTo>
                    <a:lnTo>
                      <a:pt x="25" y="22"/>
                    </a:lnTo>
                    <a:lnTo>
                      <a:pt x="23" y="22"/>
                    </a:lnTo>
                    <a:lnTo>
                      <a:pt x="23" y="23"/>
                    </a:lnTo>
                    <a:lnTo>
                      <a:pt x="22" y="23"/>
                    </a:lnTo>
                    <a:lnTo>
                      <a:pt x="20" y="25"/>
                    </a:lnTo>
                    <a:lnTo>
                      <a:pt x="18" y="25"/>
                    </a:lnTo>
                    <a:lnTo>
                      <a:pt x="15" y="23"/>
                    </a:lnTo>
                    <a:lnTo>
                      <a:pt x="13" y="20"/>
                    </a:lnTo>
                    <a:lnTo>
                      <a:pt x="12" y="17"/>
                    </a:lnTo>
                    <a:lnTo>
                      <a:pt x="10" y="15"/>
                    </a:lnTo>
                    <a:lnTo>
                      <a:pt x="6" y="11"/>
                    </a:lnTo>
                    <a:lnTo>
                      <a:pt x="3" y="10"/>
                    </a:lnTo>
                    <a:lnTo>
                      <a:pt x="1" y="8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73" name="Freeform 148"/>
              <p:cNvSpPr>
                <a:spLocks/>
              </p:cNvSpPr>
              <p:nvPr/>
            </p:nvSpPr>
            <p:spPr bwMode="auto">
              <a:xfrm>
                <a:off x="1554" y="3480"/>
                <a:ext cx="66" cy="76"/>
              </a:xfrm>
              <a:custGeom>
                <a:avLst/>
                <a:gdLst>
                  <a:gd name="T0" fmla="*/ 10 w 66"/>
                  <a:gd name="T1" fmla="*/ 5 h 76"/>
                  <a:gd name="T2" fmla="*/ 14 w 66"/>
                  <a:gd name="T3" fmla="*/ 0 h 76"/>
                  <a:gd name="T4" fmla="*/ 22 w 66"/>
                  <a:gd name="T5" fmla="*/ 6 h 76"/>
                  <a:gd name="T6" fmla="*/ 46 w 66"/>
                  <a:gd name="T7" fmla="*/ 18 h 76"/>
                  <a:gd name="T8" fmla="*/ 54 w 66"/>
                  <a:gd name="T9" fmla="*/ 22 h 76"/>
                  <a:gd name="T10" fmla="*/ 54 w 66"/>
                  <a:gd name="T11" fmla="*/ 28 h 76"/>
                  <a:gd name="T12" fmla="*/ 61 w 66"/>
                  <a:gd name="T13" fmla="*/ 38 h 76"/>
                  <a:gd name="T14" fmla="*/ 61 w 66"/>
                  <a:gd name="T15" fmla="*/ 38 h 76"/>
                  <a:gd name="T16" fmla="*/ 63 w 66"/>
                  <a:gd name="T17" fmla="*/ 38 h 76"/>
                  <a:gd name="T18" fmla="*/ 64 w 66"/>
                  <a:gd name="T19" fmla="*/ 40 h 76"/>
                  <a:gd name="T20" fmla="*/ 66 w 66"/>
                  <a:gd name="T21" fmla="*/ 42 h 76"/>
                  <a:gd name="T22" fmla="*/ 66 w 66"/>
                  <a:gd name="T23" fmla="*/ 44 h 76"/>
                  <a:gd name="T24" fmla="*/ 66 w 66"/>
                  <a:gd name="T25" fmla="*/ 45 h 76"/>
                  <a:gd name="T26" fmla="*/ 63 w 66"/>
                  <a:gd name="T27" fmla="*/ 49 h 76"/>
                  <a:gd name="T28" fmla="*/ 58 w 66"/>
                  <a:gd name="T29" fmla="*/ 52 h 76"/>
                  <a:gd name="T30" fmla="*/ 56 w 66"/>
                  <a:gd name="T31" fmla="*/ 52 h 76"/>
                  <a:gd name="T32" fmla="*/ 54 w 66"/>
                  <a:gd name="T33" fmla="*/ 52 h 76"/>
                  <a:gd name="T34" fmla="*/ 49 w 66"/>
                  <a:gd name="T35" fmla="*/ 54 h 76"/>
                  <a:gd name="T36" fmla="*/ 44 w 66"/>
                  <a:gd name="T37" fmla="*/ 55 h 76"/>
                  <a:gd name="T38" fmla="*/ 37 w 66"/>
                  <a:gd name="T39" fmla="*/ 59 h 76"/>
                  <a:gd name="T40" fmla="*/ 32 w 66"/>
                  <a:gd name="T41" fmla="*/ 62 h 76"/>
                  <a:gd name="T42" fmla="*/ 27 w 66"/>
                  <a:gd name="T43" fmla="*/ 67 h 76"/>
                  <a:gd name="T44" fmla="*/ 24 w 66"/>
                  <a:gd name="T45" fmla="*/ 76 h 76"/>
                  <a:gd name="T46" fmla="*/ 22 w 66"/>
                  <a:gd name="T47" fmla="*/ 76 h 76"/>
                  <a:gd name="T48" fmla="*/ 22 w 66"/>
                  <a:gd name="T49" fmla="*/ 74 h 76"/>
                  <a:gd name="T50" fmla="*/ 19 w 66"/>
                  <a:gd name="T51" fmla="*/ 74 h 76"/>
                  <a:gd name="T52" fmla="*/ 15 w 66"/>
                  <a:gd name="T53" fmla="*/ 71 h 76"/>
                  <a:gd name="T54" fmla="*/ 14 w 66"/>
                  <a:gd name="T55" fmla="*/ 69 h 76"/>
                  <a:gd name="T56" fmla="*/ 10 w 66"/>
                  <a:gd name="T57" fmla="*/ 66 h 76"/>
                  <a:gd name="T58" fmla="*/ 10 w 66"/>
                  <a:gd name="T59" fmla="*/ 60 h 76"/>
                  <a:gd name="T60" fmla="*/ 9 w 66"/>
                  <a:gd name="T61" fmla="*/ 54 h 76"/>
                  <a:gd name="T62" fmla="*/ 9 w 66"/>
                  <a:gd name="T63" fmla="*/ 54 h 76"/>
                  <a:gd name="T64" fmla="*/ 9 w 66"/>
                  <a:gd name="T65" fmla="*/ 52 h 76"/>
                  <a:gd name="T66" fmla="*/ 10 w 66"/>
                  <a:gd name="T67" fmla="*/ 50 h 76"/>
                  <a:gd name="T68" fmla="*/ 10 w 66"/>
                  <a:gd name="T69" fmla="*/ 49 h 76"/>
                  <a:gd name="T70" fmla="*/ 9 w 66"/>
                  <a:gd name="T71" fmla="*/ 47 h 76"/>
                  <a:gd name="T72" fmla="*/ 9 w 66"/>
                  <a:gd name="T73" fmla="*/ 44 h 76"/>
                  <a:gd name="T74" fmla="*/ 7 w 66"/>
                  <a:gd name="T75" fmla="*/ 40 h 76"/>
                  <a:gd name="T76" fmla="*/ 4 w 66"/>
                  <a:gd name="T77" fmla="*/ 37 h 76"/>
                  <a:gd name="T78" fmla="*/ 4 w 66"/>
                  <a:gd name="T79" fmla="*/ 35 h 76"/>
                  <a:gd name="T80" fmla="*/ 2 w 66"/>
                  <a:gd name="T81" fmla="*/ 33 h 76"/>
                  <a:gd name="T82" fmla="*/ 2 w 66"/>
                  <a:gd name="T83" fmla="*/ 32 h 76"/>
                  <a:gd name="T84" fmla="*/ 0 w 66"/>
                  <a:gd name="T85" fmla="*/ 30 h 76"/>
                  <a:gd name="T86" fmla="*/ 0 w 66"/>
                  <a:gd name="T87" fmla="*/ 28 h 76"/>
                  <a:gd name="T88" fmla="*/ 2 w 66"/>
                  <a:gd name="T89" fmla="*/ 25 h 76"/>
                  <a:gd name="T90" fmla="*/ 4 w 66"/>
                  <a:gd name="T91" fmla="*/ 25 h 76"/>
                  <a:gd name="T92" fmla="*/ 7 w 66"/>
                  <a:gd name="T93" fmla="*/ 23 h 76"/>
                  <a:gd name="T94" fmla="*/ 9 w 66"/>
                  <a:gd name="T95" fmla="*/ 25 h 76"/>
                  <a:gd name="T96" fmla="*/ 9 w 66"/>
                  <a:gd name="T97" fmla="*/ 25 h 76"/>
                  <a:gd name="T98" fmla="*/ 10 w 66"/>
                  <a:gd name="T99" fmla="*/ 25 h 76"/>
                  <a:gd name="T100" fmla="*/ 10 w 66"/>
                  <a:gd name="T101" fmla="*/ 25 h 76"/>
                  <a:gd name="T102" fmla="*/ 10 w 66"/>
                  <a:gd name="T103" fmla="*/ 23 h 76"/>
                  <a:gd name="T104" fmla="*/ 12 w 66"/>
                  <a:gd name="T105" fmla="*/ 22 h 76"/>
                  <a:gd name="T106" fmla="*/ 12 w 66"/>
                  <a:gd name="T107" fmla="*/ 16 h 76"/>
                  <a:gd name="T108" fmla="*/ 12 w 66"/>
                  <a:gd name="T109" fmla="*/ 10 h 76"/>
                  <a:gd name="T110" fmla="*/ 12 w 66"/>
                  <a:gd name="T111" fmla="*/ 8 h 76"/>
                  <a:gd name="T112" fmla="*/ 10 w 66"/>
                  <a:gd name="T113" fmla="*/ 6 h 76"/>
                  <a:gd name="T114" fmla="*/ 10 w 66"/>
                  <a:gd name="T115" fmla="*/ 6 h 76"/>
                  <a:gd name="T116" fmla="*/ 10 w 66"/>
                  <a:gd name="T117" fmla="*/ 5 h 7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66"/>
                  <a:gd name="T178" fmla="*/ 0 h 76"/>
                  <a:gd name="T179" fmla="*/ 66 w 66"/>
                  <a:gd name="T180" fmla="*/ 76 h 76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66" h="76">
                    <a:moveTo>
                      <a:pt x="10" y="5"/>
                    </a:moveTo>
                    <a:lnTo>
                      <a:pt x="14" y="0"/>
                    </a:lnTo>
                    <a:lnTo>
                      <a:pt x="22" y="6"/>
                    </a:lnTo>
                    <a:lnTo>
                      <a:pt x="46" y="18"/>
                    </a:lnTo>
                    <a:lnTo>
                      <a:pt x="54" y="22"/>
                    </a:lnTo>
                    <a:lnTo>
                      <a:pt x="54" y="28"/>
                    </a:lnTo>
                    <a:lnTo>
                      <a:pt x="61" y="38"/>
                    </a:lnTo>
                    <a:lnTo>
                      <a:pt x="63" y="38"/>
                    </a:lnTo>
                    <a:lnTo>
                      <a:pt x="64" y="40"/>
                    </a:lnTo>
                    <a:lnTo>
                      <a:pt x="66" y="42"/>
                    </a:lnTo>
                    <a:lnTo>
                      <a:pt x="66" y="44"/>
                    </a:lnTo>
                    <a:lnTo>
                      <a:pt x="66" y="45"/>
                    </a:lnTo>
                    <a:lnTo>
                      <a:pt x="63" y="49"/>
                    </a:lnTo>
                    <a:lnTo>
                      <a:pt x="58" y="52"/>
                    </a:lnTo>
                    <a:lnTo>
                      <a:pt x="56" y="52"/>
                    </a:lnTo>
                    <a:lnTo>
                      <a:pt x="54" y="52"/>
                    </a:lnTo>
                    <a:lnTo>
                      <a:pt x="49" y="54"/>
                    </a:lnTo>
                    <a:lnTo>
                      <a:pt x="44" y="55"/>
                    </a:lnTo>
                    <a:lnTo>
                      <a:pt x="37" y="59"/>
                    </a:lnTo>
                    <a:lnTo>
                      <a:pt x="32" y="62"/>
                    </a:lnTo>
                    <a:lnTo>
                      <a:pt x="27" y="67"/>
                    </a:lnTo>
                    <a:lnTo>
                      <a:pt x="24" y="76"/>
                    </a:lnTo>
                    <a:lnTo>
                      <a:pt x="22" y="76"/>
                    </a:lnTo>
                    <a:lnTo>
                      <a:pt x="22" y="74"/>
                    </a:lnTo>
                    <a:lnTo>
                      <a:pt x="19" y="74"/>
                    </a:lnTo>
                    <a:lnTo>
                      <a:pt x="15" y="71"/>
                    </a:lnTo>
                    <a:lnTo>
                      <a:pt x="14" y="69"/>
                    </a:lnTo>
                    <a:lnTo>
                      <a:pt x="10" y="66"/>
                    </a:lnTo>
                    <a:lnTo>
                      <a:pt x="10" y="60"/>
                    </a:lnTo>
                    <a:lnTo>
                      <a:pt x="9" y="54"/>
                    </a:lnTo>
                    <a:lnTo>
                      <a:pt x="9" y="52"/>
                    </a:lnTo>
                    <a:lnTo>
                      <a:pt x="10" y="50"/>
                    </a:lnTo>
                    <a:lnTo>
                      <a:pt x="10" y="49"/>
                    </a:lnTo>
                    <a:lnTo>
                      <a:pt x="9" y="47"/>
                    </a:lnTo>
                    <a:lnTo>
                      <a:pt x="9" y="44"/>
                    </a:lnTo>
                    <a:lnTo>
                      <a:pt x="7" y="40"/>
                    </a:lnTo>
                    <a:lnTo>
                      <a:pt x="4" y="37"/>
                    </a:lnTo>
                    <a:lnTo>
                      <a:pt x="4" y="35"/>
                    </a:lnTo>
                    <a:lnTo>
                      <a:pt x="2" y="33"/>
                    </a:lnTo>
                    <a:lnTo>
                      <a:pt x="2" y="32"/>
                    </a:lnTo>
                    <a:lnTo>
                      <a:pt x="0" y="30"/>
                    </a:lnTo>
                    <a:lnTo>
                      <a:pt x="0" y="28"/>
                    </a:lnTo>
                    <a:lnTo>
                      <a:pt x="2" y="25"/>
                    </a:lnTo>
                    <a:lnTo>
                      <a:pt x="4" y="25"/>
                    </a:lnTo>
                    <a:lnTo>
                      <a:pt x="7" y="23"/>
                    </a:lnTo>
                    <a:lnTo>
                      <a:pt x="9" y="25"/>
                    </a:lnTo>
                    <a:lnTo>
                      <a:pt x="10" y="25"/>
                    </a:lnTo>
                    <a:lnTo>
                      <a:pt x="10" y="23"/>
                    </a:lnTo>
                    <a:lnTo>
                      <a:pt x="12" y="22"/>
                    </a:lnTo>
                    <a:lnTo>
                      <a:pt x="12" y="16"/>
                    </a:lnTo>
                    <a:lnTo>
                      <a:pt x="12" y="10"/>
                    </a:lnTo>
                    <a:lnTo>
                      <a:pt x="12" y="8"/>
                    </a:lnTo>
                    <a:lnTo>
                      <a:pt x="10" y="6"/>
                    </a:lnTo>
                    <a:lnTo>
                      <a:pt x="10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74" name="Freeform 149"/>
              <p:cNvSpPr>
                <a:spLocks/>
              </p:cNvSpPr>
              <p:nvPr/>
            </p:nvSpPr>
            <p:spPr bwMode="auto">
              <a:xfrm>
                <a:off x="1554" y="3480"/>
                <a:ext cx="66" cy="76"/>
              </a:xfrm>
              <a:custGeom>
                <a:avLst/>
                <a:gdLst>
                  <a:gd name="T0" fmla="*/ 14 w 66"/>
                  <a:gd name="T1" fmla="*/ 0 h 76"/>
                  <a:gd name="T2" fmla="*/ 46 w 66"/>
                  <a:gd name="T3" fmla="*/ 18 h 76"/>
                  <a:gd name="T4" fmla="*/ 54 w 66"/>
                  <a:gd name="T5" fmla="*/ 28 h 76"/>
                  <a:gd name="T6" fmla="*/ 61 w 66"/>
                  <a:gd name="T7" fmla="*/ 38 h 76"/>
                  <a:gd name="T8" fmla="*/ 63 w 66"/>
                  <a:gd name="T9" fmla="*/ 38 h 76"/>
                  <a:gd name="T10" fmla="*/ 66 w 66"/>
                  <a:gd name="T11" fmla="*/ 42 h 76"/>
                  <a:gd name="T12" fmla="*/ 66 w 66"/>
                  <a:gd name="T13" fmla="*/ 45 h 76"/>
                  <a:gd name="T14" fmla="*/ 58 w 66"/>
                  <a:gd name="T15" fmla="*/ 52 h 76"/>
                  <a:gd name="T16" fmla="*/ 56 w 66"/>
                  <a:gd name="T17" fmla="*/ 52 h 76"/>
                  <a:gd name="T18" fmla="*/ 49 w 66"/>
                  <a:gd name="T19" fmla="*/ 54 h 76"/>
                  <a:gd name="T20" fmla="*/ 37 w 66"/>
                  <a:gd name="T21" fmla="*/ 59 h 76"/>
                  <a:gd name="T22" fmla="*/ 27 w 66"/>
                  <a:gd name="T23" fmla="*/ 67 h 76"/>
                  <a:gd name="T24" fmla="*/ 24 w 66"/>
                  <a:gd name="T25" fmla="*/ 76 h 76"/>
                  <a:gd name="T26" fmla="*/ 22 w 66"/>
                  <a:gd name="T27" fmla="*/ 74 h 76"/>
                  <a:gd name="T28" fmla="*/ 15 w 66"/>
                  <a:gd name="T29" fmla="*/ 71 h 76"/>
                  <a:gd name="T30" fmla="*/ 10 w 66"/>
                  <a:gd name="T31" fmla="*/ 66 h 76"/>
                  <a:gd name="T32" fmla="*/ 9 w 66"/>
                  <a:gd name="T33" fmla="*/ 54 h 76"/>
                  <a:gd name="T34" fmla="*/ 9 w 66"/>
                  <a:gd name="T35" fmla="*/ 54 h 76"/>
                  <a:gd name="T36" fmla="*/ 10 w 66"/>
                  <a:gd name="T37" fmla="*/ 50 h 76"/>
                  <a:gd name="T38" fmla="*/ 9 w 66"/>
                  <a:gd name="T39" fmla="*/ 47 h 76"/>
                  <a:gd name="T40" fmla="*/ 7 w 66"/>
                  <a:gd name="T41" fmla="*/ 40 h 76"/>
                  <a:gd name="T42" fmla="*/ 4 w 66"/>
                  <a:gd name="T43" fmla="*/ 37 h 76"/>
                  <a:gd name="T44" fmla="*/ 2 w 66"/>
                  <a:gd name="T45" fmla="*/ 33 h 76"/>
                  <a:gd name="T46" fmla="*/ 0 w 66"/>
                  <a:gd name="T47" fmla="*/ 30 h 76"/>
                  <a:gd name="T48" fmla="*/ 2 w 66"/>
                  <a:gd name="T49" fmla="*/ 25 h 76"/>
                  <a:gd name="T50" fmla="*/ 7 w 66"/>
                  <a:gd name="T51" fmla="*/ 23 h 76"/>
                  <a:gd name="T52" fmla="*/ 9 w 66"/>
                  <a:gd name="T53" fmla="*/ 25 h 76"/>
                  <a:gd name="T54" fmla="*/ 10 w 66"/>
                  <a:gd name="T55" fmla="*/ 25 h 76"/>
                  <a:gd name="T56" fmla="*/ 10 w 66"/>
                  <a:gd name="T57" fmla="*/ 23 h 76"/>
                  <a:gd name="T58" fmla="*/ 12 w 66"/>
                  <a:gd name="T59" fmla="*/ 16 h 76"/>
                  <a:gd name="T60" fmla="*/ 12 w 66"/>
                  <a:gd name="T61" fmla="*/ 10 h 76"/>
                  <a:gd name="T62" fmla="*/ 10 w 66"/>
                  <a:gd name="T63" fmla="*/ 6 h 76"/>
                  <a:gd name="T64" fmla="*/ 10 w 66"/>
                  <a:gd name="T65" fmla="*/ 5 h 7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w 66"/>
                  <a:gd name="T100" fmla="*/ 0 h 76"/>
                  <a:gd name="T101" fmla="*/ 66 w 66"/>
                  <a:gd name="T102" fmla="*/ 76 h 76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T99" t="T100" r="T101" b="T102"/>
                <a:pathLst>
                  <a:path w="66" h="76">
                    <a:moveTo>
                      <a:pt x="10" y="5"/>
                    </a:moveTo>
                    <a:lnTo>
                      <a:pt x="14" y="0"/>
                    </a:lnTo>
                    <a:lnTo>
                      <a:pt x="22" y="6"/>
                    </a:lnTo>
                    <a:lnTo>
                      <a:pt x="46" y="18"/>
                    </a:lnTo>
                    <a:lnTo>
                      <a:pt x="54" y="22"/>
                    </a:lnTo>
                    <a:lnTo>
                      <a:pt x="54" y="28"/>
                    </a:lnTo>
                    <a:lnTo>
                      <a:pt x="61" y="38"/>
                    </a:lnTo>
                    <a:lnTo>
                      <a:pt x="63" y="38"/>
                    </a:lnTo>
                    <a:lnTo>
                      <a:pt x="64" y="40"/>
                    </a:lnTo>
                    <a:lnTo>
                      <a:pt x="66" y="42"/>
                    </a:lnTo>
                    <a:lnTo>
                      <a:pt x="66" y="44"/>
                    </a:lnTo>
                    <a:lnTo>
                      <a:pt x="66" y="45"/>
                    </a:lnTo>
                    <a:lnTo>
                      <a:pt x="63" y="49"/>
                    </a:lnTo>
                    <a:lnTo>
                      <a:pt x="58" y="52"/>
                    </a:lnTo>
                    <a:lnTo>
                      <a:pt x="56" y="52"/>
                    </a:lnTo>
                    <a:lnTo>
                      <a:pt x="54" y="52"/>
                    </a:lnTo>
                    <a:lnTo>
                      <a:pt x="49" y="54"/>
                    </a:lnTo>
                    <a:lnTo>
                      <a:pt x="44" y="55"/>
                    </a:lnTo>
                    <a:lnTo>
                      <a:pt x="37" y="59"/>
                    </a:lnTo>
                    <a:lnTo>
                      <a:pt x="32" y="62"/>
                    </a:lnTo>
                    <a:lnTo>
                      <a:pt x="27" y="67"/>
                    </a:lnTo>
                    <a:lnTo>
                      <a:pt x="24" y="76"/>
                    </a:lnTo>
                    <a:lnTo>
                      <a:pt x="22" y="76"/>
                    </a:lnTo>
                    <a:lnTo>
                      <a:pt x="22" y="74"/>
                    </a:lnTo>
                    <a:lnTo>
                      <a:pt x="19" y="74"/>
                    </a:lnTo>
                    <a:lnTo>
                      <a:pt x="15" y="71"/>
                    </a:lnTo>
                    <a:lnTo>
                      <a:pt x="14" y="69"/>
                    </a:lnTo>
                    <a:lnTo>
                      <a:pt x="10" y="66"/>
                    </a:lnTo>
                    <a:lnTo>
                      <a:pt x="10" y="60"/>
                    </a:lnTo>
                    <a:lnTo>
                      <a:pt x="9" y="54"/>
                    </a:lnTo>
                    <a:lnTo>
                      <a:pt x="9" y="52"/>
                    </a:lnTo>
                    <a:lnTo>
                      <a:pt x="10" y="50"/>
                    </a:lnTo>
                    <a:lnTo>
                      <a:pt x="10" y="49"/>
                    </a:lnTo>
                    <a:lnTo>
                      <a:pt x="9" y="47"/>
                    </a:lnTo>
                    <a:lnTo>
                      <a:pt x="9" y="44"/>
                    </a:lnTo>
                    <a:lnTo>
                      <a:pt x="7" y="40"/>
                    </a:lnTo>
                    <a:lnTo>
                      <a:pt x="4" y="37"/>
                    </a:lnTo>
                    <a:lnTo>
                      <a:pt x="4" y="35"/>
                    </a:lnTo>
                    <a:lnTo>
                      <a:pt x="2" y="33"/>
                    </a:lnTo>
                    <a:lnTo>
                      <a:pt x="2" y="32"/>
                    </a:lnTo>
                    <a:lnTo>
                      <a:pt x="0" y="30"/>
                    </a:lnTo>
                    <a:lnTo>
                      <a:pt x="0" y="28"/>
                    </a:lnTo>
                    <a:lnTo>
                      <a:pt x="2" y="25"/>
                    </a:lnTo>
                    <a:lnTo>
                      <a:pt x="4" y="25"/>
                    </a:lnTo>
                    <a:lnTo>
                      <a:pt x="7" y="23"/>
                    </a:lnTo>
                    <a:lnTo>
                      <a:pt x="9" y="25"/>
                    </a:lnTo>
                    <a:lnTo>
                      <a:pt x="10" y="25"/>
                    </a:lnTo>
                    <a:lnTo>
                      <a:pt x="10" y="23"/>
                    </a:lnTo>
                    <a:lnTo>
                      <a:pt x="12" y="22"/>
                    </a:lnTo>
                    <a:lnTo>
                      <a:pt x="12" y="16"/>
                    </a:lnTo>
                    <a:lnTo>
                      <a:pt x="12" y="10"/>
                    </a:lnTo>
                    <a:lnTo>
                      <a:pt x="12" y="8"/>
                    </a:lnTo>
                    <a:lnTo>
                      <a:pt x="10" y="6"/>
                    </a:lnTo>
                    <a:lnTo>
                      <a:pt x="10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75" name="Freeform 150"/>
              <p:cNvSpPr>
                <a:spLocks/>
              </p:cNvSpPr>
              <p:nvPr/>
            </p:nvSpPr>
            <p:spPr bwMode="auto">
              <a:xfrm>
                <a:off x="1505" y="3446"/>
                <a:ext cx="10" cy="10"/>
              </a:xfrm>
              <a:custGeom>
                <a:avLst/>
                <a:gdLst>
                  <a:gd name="T0" fmla="*/ 0 w 10"/>
                  <a:gd name="T1" fmla="*/ 0 h 10"/>
                  <a:gd name="T2" fmla="*/ 7 w 10"/>
                  <a:gd name="T3" fmla="*/ 0 h 10"/>
                  <a:gd name="T4" fmla="*/ 10 w 10"/>
                  <a:gd name="T5" fmla="*/ 6 h 10"/>
                  <a:gd name="T6" fmla="*/ 5 w 10"/>
                  <a:gd name="T7" fmla="*/ 10 h 10"/>
                  <a:gd name="T8" fmla="*/ 2 w 10"/>
                  <a:gd name="T9" fmla="*/ 8 h 10"/>
                  <a:gd name="T10" fmla="*/ 0 w 10"/>
                  <a:gd name="T11" fmla="*/ 0 h 10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10"/>
                  <a:gd name="T19" fmla="*/ 0 h 10"/>
                  <a:gd name="T20" fmla="*/ 10 w 10"/>
                  <a:gd name="T21" fmla="*/ 10 h 10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10" h="10">
                    <a:moveTo>
                      <a:pt x="0" y="0"/>
                    </a:moveTo>
                    <a:lnTo>
                      <a:pt x="7" y="0"/>
                    </a:lnTo>
                    <a:lnTo>
                      <a:pt x="10" y="6"/>
                    </a:lnTo>
                    <a:lnTo>
                      <a:pt x="5" y="10"/>
                    </a:lnTo>
                    <a:lnTo>
                      <a:pt x="2" y="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76" name="Freeform 151"/>
              <p:cNvSpPr>
                <a:spLocks/>
              </p:cNvSpPr>
              <p:nvPr/>
            </p:nvSpPr>
            <p:spPr bwMode="auto">
              <a:xfrm>
                <a:off x="1505" y="3446"/>
                <a:ext cx="10" cy="10"/>
              </a:xfrm>
              <a:custGeom>
                <a:avLst/>
                <a:gdLst>
                  <a:gd name="T0" fmla="*/ 0 w 10"/>
                  <a:gd name="T1" fmla="*/ 0 h 10"/>
                  <a:gd name="T2" fmla="*/ 7 w 10"/>
                  <a:gd name="T3" fmla="*/ 0 h 10"/>
                  <a:gd name="T4" fmla="*/ 10 w 10"/>
                  <a:gd name="T5" fmla="*/ 6 h 10"/>
                  <a:gd name="T6" fmla="*/ 5 w 10"/>
                  <a:gd name="T7" fmla="*/ 10 h 10"/>
                  <a:gd name="T8" fmla="*/ 2 w 10"/>
                  <a:gd name="T9" fmla="*/ 8 h 10"/>
                  <a:gd name="T10" fmla="*/ 0 w 10"/>
                  <a:gd name="T11" fmla="*/ 0 h 10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10"/>
                  <a:gd name="T19" fmla="*/ 0 h 10"/>
                  <a:gd name="T20" fmla="*/ 10 w 10"/>
                  <a:gd name="T21" fmla="*/ 10 h 10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10" h="10">
                    <a:moveTo>
                      <a:pt x="0" y="0"/>
                    </a:moveTo>
                    <a:lnTo>
                      <a:pt x="7" y="0"/>
                    </a:lnTo>
                    <a:lnTo>
                      <a:pt x="10" y="6"/>
                    </a:lnTo>
                    <a:lnTo>
                      <a:pt x="5" y="10"/>
                    </a:lnTo>
                    <a:lnTo>
                      <a:pt x="2" y="8"/>
                    </a:lnTo>
                    <a:lnTo>
                      <a:pt x="0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77" name="Freeform 152"/>
              <p:cNvSpPr>
                <a:spLocks/>
              </p:cNvSpPr>
              <p:nvPr/>
            </p:nvSpPr>
            <p:spPr bwMode="auto">
              <a:xfrm>
                <a:off x="1524" y="3463"/>
                <a:ext cx="6" cy="8"/>
              </a:xfrm>
              <a:custGeom>
                <a:avLst/>
                <a:gdLst>
                  <a:gd name="T0" fmla="*/ 0 w 6"/>
                  <a:gd name="T1" fmla="*/ 5 h 8"/>
                  <a:gd name="T2" fmla="*/ 0 w 6"/>
                  <a:gd name="T3" fmla="*/ 3 h 8"/>
                  <a:gd name="T4" fmla="*/ 0 w 6"/>
                  <a:gd name="T5" fmla="*/ 1 h 8"/>
                  <a:gd name="T6" fmla="*/ 1 w 6"/>
                  <a:gd name="T7" fmla="*/ 1 h 8"/>
                  <a:gd name="T8" fmla="*/ 3 w 6"/>
                  <a:gd name="T9" fmla="*/ 0 h 8"/>
                  <a:gd name="T10" fmla="*/ 5 w 6"/>
                  <a:gd name="T11" fmla="*/ 1 h 8"/>
                  <a:gd name="T12" fmla="*/ 6 w 6"/>
                  <a:gd name="T13" fmla="*/ 1 h 8"/>
                  <a:gd name="T14" fmla="*/ 6 w 6"/>
                  <a:gd name="T15" fmla="*/ 3 h 8"/>
                  <a:gd name="T16" fmla="*/ 6 w 6"/>
                  <a:gd name="T17" fmla="*/ 5 h 8"/>
                  <a:gd name="T18" fmla="*/ 6 w 6"/>
                  <a:gd name="T19" fmla="*/ 6 h 8"/>
                  <a:gd name="T20" fmla="*/ 6 w 6"/>
                  <a:gd name="T21" fmla="*/ 8 h 8"/>
                  <a:gd name="T22" fmla="*/ 5 w 6"/>
                  <a:gd name="T23" fmla="*/ 8 h 8"/>
                  <a:gd name="T24" fmla="*/ 3 w 6"/>
                  <a:gd name="T25" fmla="*/ 8 h 8"/>
                  <a:gd name="T26" fmla="*/ 1 w 6"/>
                  <a:gd name="T27" fmla="*/ 8 h 8"/>
                  <a:gd name="T28" fmla="*/ 0 w 6"/>
                  <a:gd name="T29" fmla="*/ 8 h 8"/>
                  <a:gd name="T30" fmla="*/ 0 w 6"/>
                  <a:gd name="T31" fmla="*/ 6 h 8"/>
                  <a:gd name="T32" fmla="*/ 0 w 6"/>
                  <a:gd name="T33" fmla="*/ 5 h 8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6"/>
                  <a:gd name="T52" fmla="*/ 0 h 8"/>
                  <a:gd name="T53" fmla="*/ 6 w 6"/>
                  <a:gd name="T54" fmla="*/ 8 h 8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6" h="8">
                    <a:moveTo>
                      <a:pt x="0" y="5"/>
                    </a:moveTo>
                    <a:lnTo>
                      <a:pt x="0" y="3"/>
                    </a:lnTo>
                    <a:lnTo>
                      <a:pt x="0" y="1"/>
                    </a:lnTo>
                    <a:lnTo>
                      <a:pt x="1" y="1"/>
                    </a:lnTo>
                    <a:lnTo>
                      <a:pt x="3" y="0"/>
                    </a:lnTo>
                    <a:lnTo>
                      <a:pt x="5" y="1"/>
                    </a:lnTo>
                    <a:lnTo>
                      <a:pt x="6" y="1"/>
                    </a:lnTo>
                    <a:lnTo>
                      <a:pt x="6" y="3"/>
                    </a:lnTo>
                    <a:lnTo>
                      <a:pt x="6" y="5"/>
                    </a:lnTo>
                    <a:lnTo>
                      <a:pt x="6" y="6"/>
                    </a:lnTo>
                    <a:lnTo>
                      <a:pt x="6" y="8"/>
                    </a:lnTo>
                    <a:lnTo>
                      <a:pt x="5" y="8"/>
                    </a:lnTo>
                    <a:lnTo>
                      <a:pt x="3" y="8"/>
                    </a:lnTo>
                    <a:lnTo>
                      <a:pt x="1" y="8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78" name="Freeform 153"/>
              <p:cNvSpPr>
                <a:spLocks/>
              </p:cNvSpPr>
              <p:nvPr/>
            </p:nvSpPr>
            <p:spPr bwMode="auto">
              <a:xfrm>
                <a:off x="1524" y="3463"/>
                <a:ext cx="6" cy="8"/>
              </a:xfrm>
              <a:custGeom>
                <a:avLst/>
                <a:gdLst>
                  <a:gd name="T0" fmla="*/ 0 w 6"/>
                  <a:gd name="T1" fmla="*/ 5 h 8"/>
                  <a:gd name="T2" fmla="*/ 0 w 6"/>
                  <a:gd name="T3" fmla="*/ 5 h 8"/>
                  <a:gd name="T4" fmla="*/ 0 w 6"/>
                  <a:gd name="T5" fmla="*/ 3 h 8"/>
                  <a:gd name="T6" fmla="*/ 0 w 6"/>
                  <a:gd name="T7" fmla="*/ 1 h 8"/>
                  <a:gd name="T8" fmla="*/ 1 w 6"/>
                  <a:gd name="T9" fmla="*/ 1 h 8"/>
                  <a:gd name="T10" fmla="*/ 3 w 6"/>
                  <a:gd name="T11" fmla="*/ 0 h 8"/>
                  <a:gd name="T12" fmla="*/ 3 w 6"/>
                  <a:gd name="T13" fmla="*/ 0 h 8"/>
                  <a:gd name="T14" fmla="*/ 5 w 6"/>
                  <a:gd name="T15" fmla="*/ 1 h 8"/>
                  <a:gd name="T16" fmla="*/ 6 w 6"/>
                  <a:gd name="T17" fmla="*/ 1 h 8"/>
                  <a:gd name="T18" fmla="*/ 6 w 6"/>
                  <a:gd name="T19" fmla="*/ 3 h 8"/>
                  <a:gd name="T20" fmla="*/ 6 w 6"/>
                  <a:gd name="T21" fmla="*/ 5 h 8"/>
                  <a:gd name="T22" fmla="*/ 6 w 6"/>
                  <a:gd name="T23" fmla="*/ 5 h 8"/>
                  <a:gd name="T24" fmla="*/ 6 w 6"/>
                  <a:gd name="T25" fmla="*/ 6 h 8"/>
                  <a:gd name="T26" fmla="*/ 6 w 6"/>
                  <a:gd name="T27" fmla="*/ 8 h 8"/>
                  <a:gd name="T28" fmla="*/ 5 w 6"/>
                  <a:gd name="T29" fmla="*/ 8 h 8"/>
                  <a:gd name="T30" fmla="*/ 3 w 6"/>
                  <a:gd name="T31" fmla="*/ 8 h 8"/>
                  <a:gd name="T32" fmla="*/ 3 w 6"/>
                  <a:gd name="T33" fmla="*/ 8 h 8"/>
                  <a:gd name="T34" fmla="*/ 1 w 6"/>
                  <a:gd name="T35" fmla="*/ 8 h 8"/>
                  <a:gd name="T36" fmla="*/ 0 w 6"/>
                  <a:gd name="T37" fmla="*/ 8 h 8"/>
                  <a:gd name="T38" fmla="*/ 0 w 6"/>
                  <a:gd name="T39" fmla="*/ 6 h 8"/>
                  <a:gd name="T40" fmla="*/ 0 w 6"/>
                  <a:gd name="T41" fmla="*/ 5 h 8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6"/>
                  <a:gd name="T64" fmla="*/ 0 h 8"/>
                  <a:gd name="T65" fmla="*/ 6 w 6"/>
                  <a:gd name="T66" fmla="*/ 8 h 8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6" h="8">
                    <a:moveTo>
                      <a:pt x="0" y="5"/>
                    </a:moveTo>
                    <a:lnTo>
                      <a:pt x="0" y="5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1" y="1"/>
                    </a:lnTo>
                    <a:lnTo>
                      <a:pt x="3" y="0"/>
                    </a:lnTo>
                    <a:lnTo>
                      <a:pt x="5" y="1"/>
                    </a:lnTo>
                    <a:lnTo>
                      <a:pt x="6" y="1"/>
                    </a:lnTo>
                    <a:lnTo>
                      <a:pt x="6" y="3"/>
                    </a:lnTo>
                    <a:lnTo>
                      <a:pt x="6" y="5"/>
                    </a:lnTo>
                    <a:lnTo>
                      <a:pt x="6" y="6"/>
                    </a:lnTo>
                    <a:lnTo>
                      <a:pt x="6" y="8"/>
                    </a:lnTo>
                    <a:lnTo>
                      <a:pt x="5" y="8"/>
                    </a:lnTo>
                    <a:lnTo>
                      <a:pt x="3" y="8"/>
                    </a:lnTo>
                    <a:lnTo>
                      <a:pt x="1" y="8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79" name="Freeform 154"/>
              <p:cNvSpPr>
                <a:spLocks/>
              </p:cNvSpPr>
              <p:nvPr/>
            </p:nvSpPr>
            <p:spPr bwMode="auto">
              <a:xfrm>
                <a:off x="1338" y="3388"/>
                <a:ext cx="11" cy="9"/>
              </a:xfrm>
              <a:custGeom>
                <a:avLst/>
                <a:gdLst>
                  <a:gd name="T0" fmla="*/ 0 w 11"/>
                  <a:gd name="T1" fmla="*/ 4 h 9"/>
                  <a:gd name="T2" fmla="*/ 0 w 11"/>
                  <a:gd name="T3" fmla="*/ 2 h 9"/>
                  <a:gd name="T4" fmla="*/ 1 w 11"/>
                  <a:gd name="T5" fmla="*/ 2 h 9"/>
                  <a:gd name="T6" fmla="*/ 3 w 11"/>
                  <a:gd name="T7" fmla="*/ 0 h 9"/>
                  <a:gd name="T8" fmla="*/ 6 w 11"/>
                  <a:gd name="T9" fmla="*/ 0 h 9"/>
                  <a:gd name="T10" fmla="*/ 8 w 11"/>
                  <a:gd name="T11" fmla="*/ 0 h 9"/>
                  <a:gd name="T12" fmla="*/ 10 w 11"/>
                  <a:gd name="T13" fmla="*/ 2 h 9"/>
                  <a:gd name="T14" fmla="*/ 11 w 11"/>
                  <a:gd name="T15" fmla="*/ 2 h 9"/>
                  <a:gd name="T16" fmla="*/ 11 w 11"/>
                  <a:gd name="T17" fmla="*/ 4 h 9"/>
                  <a:gd name="T18" fmla="*/ 11 w 11"/>
                  <a:gd name="T19" fmla="*/ 5 h 9"/>
                  <a:gd name="T20" fmla="*/ 10 w 11"/>
                  <a:gd name="T21" fmla="*/ 7 h 9"/>
                  <a:gd name="T22" fmla="*/ 8 w 11"/>
                  <a:gd name="T23" fmla="*/ 9 h 9"/>
                  <a:gd name="T24" fmla="*/ 6 w 11"/>
                  <a:gd name="T25" fmla="*/ 9 h 9"/>
                  <a:gd name="T26" fmla="*/ 3 w 11"/>
                  <a:gd name="T27" fmla="*/ 9 h 9"/>
                  <a:gd name="T28" fmla="*/ 1 w 11"/>
                  <a:gd name="T29" fmla="*/ 7 h 9"/>
                  <a:gd name="T30" fmla="*/ 0 w 11"/>
                  <a:gd name="T31" fmla="*/ 5 h 9"/>
                  <a:gd name="T32" fmla="*/ 0 w 11"/>
                  <a:gd name="T33" fmla="*/ 4 h 9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1"/>
                  <a:gd name="T52" fmla="*/ 0 h 9"/>
                  <a:gd name="T53" fmla="*/ 11 w 11"/>
                  <a:gd name="T54" fmla="*/ 9 h 9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1" h="9">
                    <a:moveTo>
                      <a:pt x="0" y="4"/>
                    </a:moveTo>
                    <a:lnTo>
                      <a:pt x="0" y="2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0" y="2"/>
                    </a:lnTo>
                    <a:lnTo>
                      <a:pt x="11" y="2"/>
                    </a:lnTo>
                    <a:lnTo>
                      <a:pt x="11" y="4"/>
                    </a:lnTo>
                    <a:lnTo>
                      <a:pt x="11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3" y="9"/>
                    </a:lnTo>
                    <a:lnTo>
                      <a:pt x="1" y="7"/>
                    </a:lnTo>
                    <a:lnTo>
                      <a:pt x="0" y="5"/>
                    </a:lnTo>
                    <a:lnTo>
                      <a:pt x="0" y="4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80" name="Freeform 155"/>
              <p:cNvSpPr>
                <a:spLocks/>
              </p:cNvSpPr>
              <p:nvPr/>
            </p:nvSpPr>
            <p:spPr bwMode="auto">
              <a:xfrm>
                <a:off x="1338" y="3388"/>
                <a:ext cx="11" cy="9"/>
              </a:xfrm>
              <a:custGeom>
                <a:avLst/>
                <a:gdLst>
                  <a:gd name="T0" fmla="*/ 0 w 11"/>
                  <a:gd name="T1" fmla="*/ 4 h 9"/>
                  <a:gd name="T2" fmla="*/ 0 w 11"/>
                  <a:gd name="T3" fmla="*/ 4 h 9"/>
                  <a:gd name="T4" fmla="*/ 0 w 11"/>
                  <a:gd name="T5" fmla="*/ 2 h 9"/>
                  <a:gd name="T6" fmla="*/ 1 w 11"/>
                  <a:gd name="T7" fmla="*/ 2 h 9"/>
                  <a:gd name="T8" fmla="*/ 3 w 11"/>
                  <a:gd name="T9" fmla="*/ 0 h 9"/>
                  <a:gd name="T10" fmla="*/ 6 w 11"/>
                  <a:gd name="T11" fmla="*/ 0 h 9"/>
                  <a:gd name="T12" fmla="*/ 6 w 11"/>
                  <a:gd name="T13" fmla="*/ 0 h 9"/>
                  <a:gd name="T14" fmla="*/ 8 w 11"/>
                  <a:gd name="T15" fmla="*/ 0 h 9"/>
                  <a:gd name="T16" fmla="*/ 10 w 11"/>
                  <a:gd name="T17" fmla="*/ 2 h 9"/>
                  <a:gd name="T18" fmla="*/ 11 w 11"/>
                  <a:gd name="T19" fmla="*/ 2 h 9"/>
                  <a:gd name="T20" fmla="*/ 11 w 11"/>
                  <a:gd name="T21" fmla="*/ 4 h 9"/>
                  <a:gd name="T22" fmla="*/ 11 w 11"/>
                  <a:gd name="T23" fmla="*/ 4 h 9"/>
                  <a:gd name="T24" fmla="*/ 11 w 11"/>
                  <a:gd name="T25" fmla="*/ 5 h 9"/>
                  <a:gd name="T26" fmla="*/ 10 w 11"/>
                  <a:gd name="T27" fmla="*/ 7 h 9"/>
                  <a:gd name="T28" fmla="*/ 8 w 11"/>
                  <a:gd name="T29" fmla="*/ 9 h 9"/>
                  <a:gd name="T30" fmla="*/ 6 w 11"/>
                  <a:gd name="T31" fmla="*/ 9 h 9"/>
                  <a:gd name="T32" fmla="*/ 6 w 11"/>
                  <a:gd name="T33" fmla="*/ 9 h 9"/>
                  <a:gd name="T34" fmla="*/ 3 w 11"/>
                  <a:gd name="T35" fmla="*/ 9 h 9"/>
                  <a:gd name="T36" fmla="*/ 1 w 11"/>
                  <a:gd name="T37" fmla="*/ 7 h 9"/>
                  <a:gd name="T38" fmla="*/ 0 w 11"/>
                  <a:gd name="T39" fmla="*/ 5 h 9"/>
                  <a:gd name="T40" fmla="*/ 0 w 11"/>
                  <a:gd name="T41" fmla="*/ 4 h 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1"/>
                  <a:gd name="T64" fmla="*/ 0 h 9"/>
                  <a:gd name="T65" fmla="*/ 11 w 11"/>
                  <a:gd name="T66" fmla="*/ 9 h 9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1" h="9">
                    <a:moveTo>
                      <a:pt x="0" y="4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0" y="2"/>
                    </a:lnTo>
                    <a:lnTo>
                      <a:pt x="11" y="2"/>
                    </a:lnTo>
                    <a:lnTo>
                      <a:pt x="11" y="4"/>
                    </a:lnTo>
                    <a:lnTo>
                      <a:pt x="11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3" y="9"/>
                    </a:lnTo>
                    <a:lnTo>
                      <a:pt x="1" y="7"/>
                    </a:lnTo>
                    <a:lnTo>
                      <a:pt x="0" y="5"/>
                    </a:lnTo>
                    <a:lnTo>
                      <a:pt x="0" y="4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230" name="Freeform 156"/>
            <p:cNvSpPr>
              <a:spLocks/>
            </p:cNvSpPr>
            <p:nvPr/>
          </p:nvSpPr>
          <p:spPr bwMode="auto">
            <a:xfrm>
              <a:off x="1022" y="1847"/>
              <a:ext cx="537" cy="677"/>
            </a:xfrm>
            <a:custGeom>
              <a:avLst/>
              <a:gdLst>
                <a:gd name="T0" fmla="*/ 331 w 552"/>
                <a:gd name="T1" fmla="*/ 464 h 697"/>
                <a:gd name="T2" fmla="*/ 376 w 552"/>
                <a:gd name="T3" fmla="*/ 130 h 697"/>
                <a:gd name="T4" fmla="*/ 253 w 552"/>
                <a:gd name="T5" fmla="*/ 111 h 697"/>
                <a:gd name="T6" fmla="*/ 265 w 552"/>
                <a:gd name="T7" fmla="*/ 35 h 697"/>
                <a:gd name="T8" fmla="*/ 81 w 552"/>
                <a:gd name="T9" fmla="*/ 0 h 697"/>
                <a:gd name="T10" fmla="*/ 81 w 552"/>
                <a:gd name="T11" fmla="*/ 0 h 697"/>
                <a:gd name="T12" fmla="*/ 0 w 552"/>
                <a:gd name="T13" fmla="*/ 410 h 697"/>
                <a:gd name="T14" fmla="*/ 331 w 552"/>
                <a:gd name="T15" fmla="*/ 464 h 697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w 552"/>
                <a:gd name="T25" fmla="*/ 0 h 697"/>
                <a:gd name="T26" fmla="*/ 552 w 552"/>
                <a:gd name="T27" fmla="*/ 697 h 697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T24" t="T25" r="T26" b="T27"/>
              <a:pathLst>
                <a:path w="552" h="697">
                  <a:moveTo>
                    <a:pt x="486" y="697"/>
                  </a:moveTo>
                  <a:lnTo>
                    <a:pt x="552" y="195"/>
                  </a:lnTo>
                  <a:lnTo>
                    <a:pt x="372" y="166"/>
                  </a:lnTo>
                  <a:lnTo>
                    <a:pt x="389" y="49"/>
                  </a:lnTo>
                  <a:lnTo>
                    <a:pt x="118" y="0"/>
                  </a:lnTo>
                  <a:lnTo>
                    <a:pt x="0" y="616"/>
                  </a:lnTo>
                  <a:lnTo>
                    <a:pt x="486" y="697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31" name="Freeform 157"/>
            <p:cNvSpPr>
              <a:spLocks/>
            </p:cNvSpPr>
            <p:nvPr/>
          </p:nvSpPr>
          <p:spPr bwMode="auto">
            <a:xfrm>
              <a:off x="2159" y="2220"/>
              <a:ext cx="708" cy="381"/>
            </a:xfrm>
            <a:custGeom>
              <a:avLst/>
              <a:gdLst>
                <a:gd name="T0" fmla="*/ 18 w 728"/>
                <a:gd name="T1" fmla="*/ 0 h 393"/>
                <a:gd name="T2" fmla="*/ 35 w 728"/>
                <a:gd name="T3" fmla="*/ 4 h 393"/>
                <a:gd name="T4" fmla="*/ 53 w 728"/>
                <a:gd name="T5" fmla="*/ 5 h 393"/>
                <a:gd name="T6" fmla="*/ 81 w 728"/>
                <a:gd name="T7" fmla="*/ 9 h 393"/>
                <a:gd name="T8" fmla="*/ 112 w 728"/>
                <a:gd name="T9" fmla="*/ 11 h 393"/>
                <a:gd name="T10" fmla="*/ 144 w 728"/>
                <a:gd name="T11" fmla="*/ 12 h 393"/>
                <a:gd name="T12" fmla="*/ 180 w 728"/>
                <a:gd name="T13" fmla="*/ 12 h 393"/>
                <a:gd name="T14" fmla="*/ 216 w 728"/>
                <a:gd name="T15" fmla="*/ 14 h 393"/>
                <a:gd name="T16" fmla="*/ 253 w 728"/>
                <a:gd name="T17" fmla="*/ 14 h 393"/>
                <a:gd name="T18" fmla="*/ 290 w 728"/>
                <a:gd name="T19" fmla="*/ 16 h 393"/>
                <a:gd name="T20" fmla="*/ 324 w 728"/>
                <a:gd name="T21" fmla="*/ 16 h 393"/>
                <a:gd name="T22" fmla="*/ 355 w 728"/>
                <a:gd name="T23" fmla="*/ 16 h 393"/>
                <a:gd name="T24" fmla="*/ 383 w 728"/>
                <a:gd name="T25" fmla="*/ 16 h 393"/>
                <a:gd name="T26" fmla="*/ 407 w 728"/>
                <a:gd name="T27" fmla="*/ 16 h 393"/>
                <a:gd name="T28" fmla="*/ 426 w 728"/>
                <a:gd name="T29" fmla="*/ 16 h 393"/>
                <a:gd name="T30" fmla="*/ 437 w 728"/>
                <a:gd name="T31" fmla="*/ 16 h 393"/>
                <a:gd name="T32" fmla="*/ 442 w 728"/>
                <a:gd name="T33" fmla="*/ 16 h 393"/>
                <a:gd name="T34" fmla="*/ 448 w 728"/>
                <a:gd name="T35" fmla="*/ 16 h 393"/>
                <a:gd name="T36" fmla="*/ 464 w 728"/>
                <a:gd name="T37" fmla="*/ 17 h 393"/>
                <a:gd name="T38" fmla="*/ 465 w 728"/>
                <a:gd name="T39" fmla="*/ 19 h 393"/>
                <a:gd name="T40" fmla="*/ 469 w 728"/>
                <a:gd name="T41" fmla="*/ 22 h 393"/>
                <a:gd name="T42" fmla="*/ 472 w 728"/>
                <a:gd name="T43" fmla="*/ 27 h 393"/>
                <a:gd name="T44" fmla="*/ 469 w 728"/>
                <a:gd name="T45" fmla="*/ 36 h 393"/>
                <a:gd name="T46" fmla="*/ 459 w 728"/>
                <a:gd name="T47" fmla="*/ 50 h 393"/>
                <a:gd name="T48" fmla="*/ 471 w 728"/>
                <a:gd name="T49" fmla="*/ 62 h 393"/>
                <a:gd name="T50" fmla="*/ 480 w 728"/>
                <a:gd name="T51" fmla="*/ 78 h 393"/>
                <a:gd name="T52" fmla="*/ 494 w 728"/>
                <a:gd name="T53" fmla="*/ 254 h 393"/>
                <a:gd name="T54" fmla="*/ 488 w 728"/>
                <a:gd name="T55" fmla="*/ 254 h 393"/>
                <a:gd name="T56" fmla="*/ 477 w 728"/>
                <a:gd name="T57" fmla="*/ 254 h 393"/>
                <a:gd name="T58" fmla="*/ 455 w 728"/>
                <a:gd name="T59" fmla="*/ 254 h 393"/>
                <a:gd name="T60" fmla="*/ 430 w 728"/>
                <a:gd name="T61" fmla="*/ 254 h 393"/>
                <a:gd name="T62" fmla="*/ 398 w 728"/>
                <a:gd name="T63" fmla="*/ 254 h 393"/>
                <a:gd name="T64" fmla="*/ 362 w 728"/>
                <a:gd name="T65" fmla="*/ 254 h 393"/>
                <a:gd name="T66" fmla="*/ 324 w 728"/>
                <a:gd name="T67" fmla="*/ 253 h 393"/>
                <a:gd name="T68" fmla="*/ 284 w 728"/>
                <a:gd name="T69" fmla="*/ 253 h 393"/>
                <a:gd name="T70" fmla="*/ 241 w 728"/>
                <a:gd name="T71" fmla="*/ 252 h 393"/>
                <a:gd name="T72" fmla="*/ 200 w 728"/>
                <a:gd name="T73" fmla="*/ 252 h 393"/>
                <a:gd name="T74" fmla="*/ 159 w 728"/>
                <a:gd name="T75" fmla="*/ 252 h 393"/>
                <a:gd name="T76" fmla="*/ 118 w 728"/>
                <a:gd name="T77" fmla="*/ 251 h 393"/>
                <a:gd name="T78" fmla="*/ 82 w 728"/>
                <a:gd name="T79" fmla="*/ 250 h 393"/>
                <a:gd name="T80" fmla="*/ 49 w 728"/>
                <a:gd name="T81" fmla="*/ 248 h 393"/>
                <a:gd name="T82" fmla="*/ 18 w 728"/>
                <a:gd name="T83" fmla="*/ 246 h 393"/>
                <a:gd name="T84" fmla="*/ 0 w 728"/>
                <a:gd name="T85" fmla="*/ 245 h 393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728"/>
                <a:gd name="T130" fmla="*/ 0 h 393"/>
                <a:gd name="T131" fmla="*/ 728 w 728"/>
                <a:gd name="T132" fmla="*/ 393 h 393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728" h="393">
                  <a:moveTo>
                    <a:pt x="0" y="379"/>
                  </a:moveTo>
                  <a:lnTo>
                    <a:pt x="27" y="0"/>
                  </a:lnTo>
                  <a:lnTo>
                    <a:pt x="38" y="2"/>
                  </a:lnTo>
                  <a:lnTo>
                    <a:pt x="49" y="4"/>
                  </a:lnTo>
                  <a:lnTo>
                    <a:pt x="65" y="5"/>
                  </a:lnTo>
                  <a:lnTo>
                    <a:pt x="80" y="5"/>
                  </a:lnTo>
                  <a:lnTo>
                    <a:pt x="98" y="7"/>
                  </a:lnTo>
                  <a:lnTo>
                    <a:pt x="119" y="9"/>
                  </a:lnTo>
                  <a:lnTo>
                    <a:pt x="139" y="9"/>
                  </a:lnTo>
                  <a:lnTo>
                    <a:pt x="163" y="11"/>
                  </a:lnTo>
                  <a:lnTo>
                    <a:pt x="186" y="11"/>
                  </a:lnTo>
                  <a:lnTo>
                    <a:pt x="212" y="12"/>
                  </a:lnTo>
                  <a:lnTo>
                    <a:pt x="237" y="12"/>
                  </a:lnTo>
                  <a:lnTo>
                    <a:pt x="264" y="12"/>
                  </a:lnTo>
                  <a:lnTo>
                    <a:pt x="291" y="14"/>
                  </a:lnTo>
                  <a:lnTo>
                    <a:pt x="318" y="14"/>
                  </a:lnTo>
                  <a:lnTo>
                    <a:pt x="346" y="14"/>
                  </a:lnTo>
                  <a:lnTo>
                    <a:pt x="373" y="14"/>
                  </a:lnTo>
                  <a:lnTo>
                    <a:pt x="400" y="16"/>
                  </a:lnTo>
                  <a:lnTo>
                    <a:pt x="427" y="16"/>
                  </a:lnTo>
                  <a:lnTo>
                    <a:pt x="452" y="16"/>
                  </a:lnTo>
                  <a:lnTo>
                    <a:pt x="478" y="16"/>
                  </a:lnTo>
                  <a:lnTo>
                    <a:pt x="501" y="16"/>
                  </a:lnTo>
                  <a:lnTo>
                    <a:pt x="525" y="16"/>
                  </a:lnTo>
                  <a:lnTo>
                    <a:pt x="545" y="17"/>
                  </a:lnTo>
                  <a:lnTo>
                    <a:pt x="566" y="17"/>
                  </a:lnTo>
                  <a:lnTo>
                    <a:pt x="584" y="17"/>
                  </a:lnTo>
                  <a:lnTo>
                    <a:pt x="601" y="17"/>
                  </a:lnTo>
                  <a:lnTo>
                    <a:pt x="616" y="17"/>
                  </a:lnTo>
                  <a:lnTo>
                    <a:pt x="628" y="17"/>
                  </a:lnTo>
                  <a:lnTo>
                    <a:pt x="638" y="17"/>
                  </a:lnTo>
                  <a:lnTo>
                    <a:pt x="645" y="17"/>
                  </a:lnTo>
                  <a:lnTo>
                    <a:pt x="650" y="17"/>
                  </a:lnTo>
                  <a:lnTo>
                    <a:pt x="652" y="17"/>
                  </a:lnTo>
                  <a:lnTo>
                    <a:pt x="650" y="16"/>
                  </a:lnTo>
                  <a:lnTo>
                    <a:pt x="662" y="22"/>
                  </a:lnTo>
                  <a:lnTo>
                    <a:pt x="674" y="33"/>
                  </a:lnTo>
                  <a:lnTo>
                    <a:pt x="684" y="31"/>
                  </a:lnTo>
                  <a:lnTo>
                    <a:pt x="686" y="33"/>
                  </a:lnTo>
                  <a:lnTo>
                    <a:pt x="687" y="33"/>
                  </a:lnTo>
                  <a:lnTo>
                    <a:pt x="691" y="34"/>
                  </a:lnTo>
                  <a:lnTo>
                    <a:pt x="694" y="36"/>
                  </a:lnTo>
                  <a:lnTo>
                    <a:pt x="696" y="38"/>
                  </a:lnTo>
                  <a:lnTo>
                    <a:pt x="698" y="41"/>
                  </a:lnTo>
                  <a:lnTo>
                    <a:pt x="696" y="46"/>
                  </a:lnTo>
                  <a:lnTo>
                    <a:pt x="692" y="51"/>
                  </a:lnTo>
                  <a:lnTo>
                    <a:pt x="679" y="70"/>
                  </a:lnTo>
                  <a:lnTo>
                    <a:pt x="679" y="78"/>
                  </a:lnTo>
                  <a:lnTo>
                    <a:pt x="692" y="88"/>
                  </a:lnTo>
                  <a:lnTo>
                    <a:pt x="696" y="95"/>
                  </a:lnTo>
                  <a:lnTo>
                    <a:pt x="698" y="107"/>
                  </a:lnTo>
                  <a:lnTo>
                    <a:pt x="709" y="121"/>
                  </a:lnTo>
                  <a:lnTo>
                    <a:pt x="726" y="121"/>
                  </a:lnTo>
                  <a:lnTo>
                    <a:pt x="728" y="393"/>
                  </a:lnTo>
                  <a:lnTo>
                    <a:pt x="726" y="393"/>
                  </a:lnTo>
                  <a:lnTo>
                    <a:pt x="721" y="393"/>
                  </a:lnTo>
                  <a:lnTo>
                    <a:pt x="713" y="393"/>
                  </a:lnTo>
                  <a:lnTo>
                    <a:pt x="703" y="393"/>
                  </a:lnTo>
                  <a:lnTo>
                    <a:pt x="689" y="393"/>
                  </a:lnTo>
                  <a:lnTo>
                    <a:pt x="672" y="393"/>
                  </a:lnTo>
                  <a:lnTo>
                    <a:pt x="654" y="393"/>
                  </a:lnTo>
                  <a:lnTo>
                    <a:pt x="635" y="393"/>
                  </a:lnTo>
                  <a:lnTo>
                    <a:pt x="611" y="393"/>
                  </a:lnTo>
                  <a:lnTo>
                    <a:pt x="588" y="393"/>
                  </a:lnTo>
                  <a:lnTo>
                    <a:pt x="562" y="393"/>
                  </a:lnTo>
                  <a:lnTo>
                    <a:pt x="535" y="393"/>
                  </a:lnTo>
                  <a:lnTo>
                    <a:pt x="508" y="393"/>
                  </a:lnTo>
                  <a:lnTo>
                    <a:pt x="478" y="391"/>
                  </a:lnTo>
                  <a:lnTo>
                    <a:pt x="449" y="391"/>
                  </a:lnTo>
                  <a:lnTo>
                    <a:pt x="418" y="391"/>
                  </a:lnTo>
                  <a:lnTo>
                    <a:pt x="388" y="391"/>
                  </a:lnTo>
                  <a:lnTo>
                    <a:pt x="356" y="390"/>
                  </a:lnTo>
                  <a:lnTo>
                    <a:pt x="325" y="390"/>
                  </a:lnTo>
                  <a:lnTo>
                    <a:pt x="295" y="390"/>
                  </a:lnTo>
                  <a:lnTo>
                    <a:pt x="263" y="388"/>
                  </a:lnTo>
                  <a:lnTo>
                    <a:pt x="234" y="388"/>
                  </a:lnTo>
                  <a:lnTo>
                    <a:pt x="203" y="388"/>
                  </a:lnTo>
                  <a:lnTo>
                    <a:pt x="175" y="386"/>
                  </a:lnTo>
                  <a:lnTo>
                    <a:pt x="148" y="386"/>
                  </a:lnTo>
                  <a:lnTo>
                    <a:pt x="120" y="385"/>
                  </a:lnTo>
                  <a:lnTo>
                    <a:pt x="97" y="385"/>
                  </a:lnTo>
                  <a:lnTo>
                    <a:pt x="73" y="383"/>
                  </a:lnTo>
                  <a:lnTo>
                    <a:pt x="51" y="383"/>
                  </a:lnTo>
                  <a:lnTo>
                    <a:pt x="32" y="381"/>
                  </a:lnTo>
                  <a:lnTo>
                    <a:pt x="16" y="379"/>
                  </a:lnTo>
                  <a:lnTo>
                    <a:pt x="0" y="37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32" name="Freeform 158"/>
            <p:cNvSpPr>
              <a:spLocks/>
            </p:cNvSpPr>
            <p:nvPr/>
          </p:nvSpPr>
          <p:spPr bwMode="auto">
            <a:xfrm>
              <a:off x="2637" y="1100"/>
              <a:ext cx="623" cy="709"/>
            </a:xfrm>
            <a:custGeom>
              <a:avLst/>
              <a:gdLst>
                <a:gd name="T0" fmla="*/ 349 w 641"/>
                <a:gd name="T1" fmla="*/ 443 h 731"/>
                <a:gd name="T2" fmla="*/ 322 w 641"/>
                <a:gd name="T3" fmla="*/ 421 h 731"/>
                <a:gd name="T4" fmla="*/ 286 w 641"/>
                <a:gd name="T5" fmla="*/ 391 h 731"/>
                <a:gd name="T6" fmla="*/ 283 w 641"/>
                <a:gd name="T7" fmla="*/ 385 h 731"/>
                <a:gd name="T8" fmla="*/ 267 w 641"/>
                <a:gd name="T9" fmla="*/ 382 h 731"/>
                <a:gd name="T10" fmla="*/ 259 w 641"/>
                <a:gd name="T11" fmla="*/ 362 h 731"/>
                <a:gd name="T12" fmla="*/ 257 w 641"/>
                <a:gd name="T13" fmla="*/ 346 h 731"/>
                <a:gd name="T14" fmla="*/ 258 w 641"/>
                <a:gd name="T15" fmla="*/ 321 h 731"/>
                <a:gd name="T16" fmla="*/ 247 w 641"/>
                <a:gd name="T17" fmla="*/ 291 h 731"/>
                <a:gd name="T18" fmla="*/ 251 w 641"/>
                <a:gd name="T19" fmla="*/ 288 h 731"/>
                <a:gd name="T20" fmla="*/ 267 w 641"/>
                <a:gd name="T21" fmla="*/ 271 h 731"/>
                <a:gd name="T22" fmla="*/ 279 w 641"/>
                <a:gd name="T23" fmla="*/ 216 h 731"/>
                <a:gd name="T24" fmla="*/ 284 w 641"/>
                <a:gd name="T25" fmla="*/ 209 h 731"/>
                <a:gd name="T26" fmla="*/ 307 w 641"/>
                <a:gd name="T27" fmla="*/ 191 h 731"/>
                <a:gd name="T28" fmla="*/ 333 w 641"/>
                <a:gd name="T29" fmla="*/ 167 h 731"/>
                <a:gd name="T30" fmla="*/ 347 w 641"/>
                <a:gd name="T31" fmla="*/ 149 h 731"/>
                <a:gd name="T32" fmla="*/ 361 w 641"/>
                <a:gd name="T33" fmla="*/ 135 h 731"/>
                <a:gd name="T34" fmla="*/ 379 w 641"/>
                <a:gd name="T35" fmla="*/ 124 h 731"/>
                <a:gd name="T36" fmla="*/ 398 w 641"/>
                <a:gd name="T37" fmla="*/ 118 h 731"/>
                <a:gd name="T38" fmla="*/ 418 w 641"/>
                <a:gd name="T39" fmla="*/ 107 h 731"/>
                <a:gd name="T40" fmla="*/ 430 w 641"/>
                <a:gd name="T41" fmla="*/ 99 h 731"/>
                <a:gd name="T42" fmla="*/ 429 w 641"/>
                <a:gd name="T43" fmla="*/ 98 h 731"/>
                <a:gd name="T44" fmla="*/ 406 w 641"/>
                <a:gd name="T45" fmla="*/ 101 h 731"/>
                <a:gd name="T46" fmla="*/ 355 w 641"/>
                <a:gd name="T47" fmla="*/ 95 h 731"/>
                <a:gd name="T48" fmla="*/ 352 w 641"/>
                <a:gd name="T49" fmla="*/ 85 h 731"/>
                <a:gd name="T50" fmla="*/ 332 w 641"/>
                <a:gd name="T51" fmla="*/ 98 h 731"/>
                <a:gd name="T52" fmla="*/ 310 w 641"/>
                <a:gd name="T53" fmla="*/ 98 h 731"/>
                <a:gd name="T54" fmla="*/ 302 w 641"/>
                <a:gd name="T55" fmla="*/ 89 h 731"/>
                <a:gd name="T56" fmla="*/ 294 w 641"/>
                <a:gd name="T57" fmla="*/ 87 h 731"/>
                <a:gd name="T58" fmla="*/ 287 w 641"/>
                <a:gd name="T59" fmla="*/ 79 h 731"/>
                <a:gd name="T60" fmla="*/ 272 w 641"/>
                <a:gd name="T61" fmla="*/ 86 h 731"/>
                <a:gd name="T62" fmla="*/ 263 w 641"/>
                <a:gd name="T63" fmla="*/ 76 h 731"/>
                <a:gd name="T64" fmla="*/ 253 w 641"/>
                <a:gd name="T65" fmla="*/ 66 h 731"/>
                <a:gd name="T66" fmla="*/ 255 w 641"/>
                <a:gd name="T67" fmla="*/ 65 h 731"/>
                <a:gd name="T68" fmla="*/ 233 w 641"/>
                <a:gd name="T69" fmla="*/ 61 h 731"/>
                <a:gd name="T70" fmla="*/ 212 w 641"/>
                <a:gd name="T71" fmla="*/ 59 h 731"/>
                <a:gd name="T72" fmla="*/ 191 w 641"/>
                <a:gd name="T73" fmla="*/ 69 h 731"/>
                <a:gd name="T74" fmla="*/ 160 w 641"/>
                <a:gd name="T75" fmla="*/ 55 h 731"/>
                <a:gd name="T76" fmla="*/ 140 w 641"/>
                <a:gd name="T77" fmla="*/ 47 h 731"/>
                <a:gd name="T78" fmla="*/ 114 w 641"/>
                <a:gd name="T79" fmla="*/ 23 h 731"/>
                <a:gd name="T80" fmla="*/ 7 w 641"/>
                <a:gd name="T81" fmla="*/ 58 h 731"/>
                <a:gd name="T82" fmla="*/ 5 w 641"/>
                <a:gd name="T83" fmla="*/ 86 h 731"/>
                <a:gd name="T84" fmla="*/ 14 w 641"/>
                <a:gd name="T85" fmla="*/ 121 h 731"/>
                <a:gd name="T86" fmla="*/ 17 w 641"/>
                <a:gd name="T87" fmla="*/ 141 h 731"/>
                <a:gd name="T88" fmla="*/ 17 w 641"/>
                <a:gd name="T89" fmla="*/ 172 h 731"/>
                <a:gd name="T90" fmla="*/ 17 w 641"/>
                <a:gd name="T91" fmla="*/ 193 h 731"/>
                <a:gd name="T92" fmla="*/ 39 w 641"/>
                <a:gd name="T93" fmla="*/ 279 h 731"/>
                <a:gd name="T94" fmla="*/ 17 w 641"/>
                <a:gd name="T95" fmla="*/ 304 h 731"/>
                <a:gd name="T96" fmla="*/ 25 w 641"/>
                <a:gd name="T97" fmla="*/ 316 h 731"/>
                <a:gd name="T98" fmla="*/ 44 w 641"/>
                <a:gd name="T99" fmla="*/ 328 h 731"/>
                <a:gd name="T100" fmla="*/ 44 w 641"/>
                <a:gd name="T101" fmla="*/ 376 h 731"/>
                <a:gd name="T102" fmla="*/ 43 w 641"/>
                <a:gd name="T103" fmla="*/ 454 h 731"/>
                <a:gd name="T104" fmla="*/ 45 w 641"/>
                <a:gd name="T105" fmla="*/ 476 h 731"/>
                <a:gd name="T106" fmla="*/ 85 w 641"/>
                <a:gd name="T107" fmla="*/ 476 h 731"/>
                <a:gd name="T108" fmla="*/ 157 w 641"/>
                <a:gd name="T109" fmla="*/ 474 h 731"/>
                <a:gd name="T110" fmla="*/ 240 w 641"/>
                <a:gd name="T111" fmla="*/ 472 h 731"/>
                <a:gd name="T112" fmla="*/ 312 w 641"/>
                <a:gd name="T113" fmla="*/ 471 h 731"/>
                <a:gd name="T114" fmla="*/ 353 w 641"/>
                <a:gd name="T115" fmla="*/ 468 h 731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641"/>
                <a:gd name="T175" fmla="*/ 0 h 731"/>
                <a:gd name="T176" fmla="*/ 641 w 641"/>
                <a:gd name="T177" fmla="*/ 731 h 731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641" h="731">
                  <a:moveTo>
                    <a:pt x="526" y="718"/>
                  </a:moveTo>
                  <a:lnTo>
                    <a:pt x="528" y="716"/>
                  </a:lnTo>
                  <a:lnTo>
                    <a:pt x="528" y="709"/>
                  </a:lnTo>
                  <a:lnTo>
                    <a:pt x="525" y="701"/>
                  </a:lnTo>
                  <a:lnTo>
                    <a:pt x="523" y="691"/>
                  </a:lnTo>
                  <a:lnTo>
                    <a:pt x="520" y="682"/>
                  </a:lnTo>
                  <a:lnTo>
                    <a:pt x="518" y="674"/>
                  </a:lnTo>
                  <a:lnTo>
                    <a:pt x="515" y="667"/>
                  </a:lnTo>
                  <a:lnTo>
                    <a:pt x="513" y="665"/>
                  </a:lnTo>
                  <a:lnTo>
                    <a:pt x="499" y="660"/>
                  </a:lnTo>
                  <a:lnTo>
                    <a:pt x="487" y="653"/>
                  </a:lnTo>
                  <a:lnTo>
                    <a:pt x="479" y="645"/>
                  </a:lnTo>
                  <a:lnTo>
                    <a:pt x="471" y="637"/>
                  </a:lnTo>
                  <a:lnTo>
                    <a:pt x="465" y="628"/>
                  </a:lnTo>
                  <a:lnTo>
                    <a:pt x="460" y="620"/>
                  </a:lnTo>
                  <a:lnTo>
                    <a:pt x="457" y="616"/>
                  </a:lnTo>
                  <a:lnTo>
                    <a:pt x="457" y="613"/>
                  </a:lnTo>
                  <a:lnTo>
                    <a:pt x="427" y="601"/>
                  </a:lnTo>
                  <a:lnTo>
                    <a:pt x="425" y="593"/>
                  </a:lnTo>
                  <a:lnTo>
                    <a:pt x="423" y="593"/>
                  </a:lnTo>
                  <a:lnTo>
                    <a:pt x="423" y="591"/>
                  </a:lnTo>
                  <a:lnTo>
                    <a:pt x="421" y="591"/>
                  </a:lnTo>
                  <a:lnTo>
                    <a:pt x="418" y="591"/>
                  </a:lnTo>
                  <a:lnTo>
                    <a:pt x="416" y="591"/>
                  </a:lnTo>
                  <a:lnTo>
                    <a:pt x="413" y="593"/>
                  </a:lnTo>
                  <a:lnTo>
                    <a:pt x="410" y="591"/>
                  </a:lnTo>
                  <a:lnTo>
                    <a:pt x="405" y="589"/>
                  </a:lnTo>
                  <a:lnTo>
                    <a:pt x="398" y="587"/>
                  </a:lnTo>
                  <a:lnTo>
                    <a:pt x="393" y="582"/>
                  </a:lnTo>
                  <a:lnTo>
                    <a:pt x="388" y="577"/>
                  </a:lnTo>
                  <a:lnTo>
                    <a:pt x="384" y="574"/>
                  </a:lnTo>
                  <a:lnTo>
                    <a:pt x="383" y="569"/>
                  </a:lnTo>
                  <a:lnTo>
                    <a:pt x="383" y="564"/>
                  </a:lnTo>
                  <a:lnTo>
                    <a:pt x="386" y="555"/>
                  </a:lnTo>
                  <a:lnTo>
                    <a:pt x="388" y="550"/>
                  </a:lnTo>
                  <a:lnTo>
                    <a:pt x="388" y="545"/>
                  </a:lnTo>
                  <a:lnTo>
                    <a:pt x="388" y="542"/>
                  </a:lnTo>
                  <a:lnTo>
                    <a:pt x="386" y="538"/>
                  </a:lnTo>
                  <a:lnTo>
                    <a:pt x="384" y="535"/>
                  </a:lnTo>
                  <a:lnTo>
                    <a:pt x="383" y="532"/>
                  </a:lnTo>
                  <a:lnTo>
                    <a:pt x="379" y="528"/>
                  </a:lnTo>
                  <a:lnTo>
                    <a:pt x="379" y="523"/>
                  </a:lnTo>
                  <a:lnTo>
                    <a:pt x="379" y="515"/>
                  </a:lnTo>
                  <a:lnTo>
                    <a:pt x="379" y="508"/>
                  </a:lnTo>
                  <a:lnTo>
                    <a:pt x="383" y="499"/>
                  </a:lnTo>
                  <a:lnTo>
                    <a:pt x="384" y="493"/>
                  </a:lnTo>
                  <a:lnTo>
                    <a:pt x="388" y="486"/>
                  </a:lnTo>
                  <a:lnTo>
                    <a:pt x="388" y="481"/>
                  </a:lnTo>
                  <a:lnTo>
                    <a:pt x="389" y="481"/>
                  </a:lnTo>
                  <a:lnTo>
                    <a:pt x="381" y="467"/>
                  </a:lnTo>
                  <a:lnTo>
                    <a:pt x="367" y="467"/>
                  </a:lnTo>
                  <a:lnTo>
                    <a:pt x="367" y="447"/>
                  </a:lnTo>
                  <a:lnTo>
                    <a:pt x="369" y="447"/>
                  </a:lnTo>
                  <a:lnTo>
                    <a:pt x="371" y="445"/>
                  </a:lnTo>
                  <a:lnTo>
                    <a:pt x="372" y="445"/>
                  </a:lnTo>
                  <a:lnTo>
                    <a:pt x="374" y="442"/>
                  </a:lnTo>
                  <a:lnTo>
                    <a:pt x="374" y="440"/>
                  </a:lnTo>
                  <a:lnTo>
                    <a:pt x="376" y="437"/>
                  </a:lnTo>
                  <a:lnTo>
                    <a:pt x="377" y="432"/>
                  </a:lnTo>
                  <a:lnTo>
                    <a:pt x="384" y="427"/>
                  </a:lnTo>
                  <a:lnTo>
                    <a:pt x="389" y="422"/>
                  </a:lnTo>
                  <a:lnTo>
                    <a:pt x="398" y="415"/>
                  </a:lnTo>
                  <a:lnTo>
                    <a:pt x="405" y="410"/>
                  </a:lnTo>
                  <a:lnTo>
                    <a:pt x="411" y="406"/>
                  </a:lnTo>
                  <a:lnTo>
                    <a:pt x="415" y="403"/>
                  </a:lnTo>
                  <a:lnTo>
                    <a:pt x="418" y="403"/>
                  </a:lnTo>
                  <a:lnTo>
                    <a:pt x="416" y="332"/>
                  </a:lnTo>
                  <a:lnTo>
                    <a:pt x="415" y="332"/>
                  </a:lnTo>
                  <a:lnTo>
                    <a:pt x="415" y="330"/>
                  </a:lnTo>
                  <a:lnTo>
                    <a:pt x="416" y="329"/>
                  </a:lnTo>
                  <a:lnTo>
                    <a:pt x="418" y="325"/>
                  </a:lnTo>
                  <a:lnTo>
                    <a:pt x="423" y="322"/>
                  </a:lnTo>
                  <a:lnTo>
                    <a:pt x="430" y="317"/>
                  </a:lnTo>
                  <a:lnTo>
                    <a:pt x="435" y="313"/>
                  </a:lnTo>
                  <a:lnTo>
                    <a:pt x="440" y="308"/>
                  </a:lnTo>
                  <a:lnTo>
                    <a:pt x="445" y="303"/>
                  </a:lnTo>
                  <a:lnTo>
                    <a:pt x="450" y="298"/>
                  </a:lnTo>
                  <a:lnTo>
                    <a:pt x="457" y="293"/>
                  </a:lnTo>
                  <a:lnTo>
                    <a:pt x="464" y="286"/>
                  </a:lnTo>
                  <a:lnTo>
                    <a:pt x="471" y="279"/>
                  </a:lnTo>
                  <a:lnTo>
                    <a:pt x="477" y="274"/>
                  </a:lnTo>
                  <a:lnTo>
                    <a:pt x="484" y="268"/>
                  </a:lnTo>
                  <a:lnTo>
                    <a:pt x="491" y="261"/>
                  </a:lnTo>
                  <a:lnTo>
                    <a:pt x="496" y="256"/>
                  </a:lnTo>
                  <a:lnTo>
                    <a:pt x="503" y="249"/>
                  </a:lnTo>
                  <a:lnTo>
                    <a:pt x="506" y="244"/>
                  </a:lnTo>
                  <a:lnTo>
                    <a:pt x="511" y="239"/>
                  </a:lnTo>
                  <a:lnTo>
                    <a:pt x="515" y="235"/>
                  </a:lnTo>
                  <a:lnTo>
                    <a:pt x="516" y="232"/>
                  </a:lnTo>
                  <a:lnTo>
                    <a:pt x="518" y="229"/>
                  </a:lnTo>
                  <a:lnTo>
                    <a:pt x="520" y="224"/>
                  </a:lnTo>
                  <a:lnTo>
                    <a:pt x="523" y="220"/>
                  </a:lnTo>
                  <a:lnTo>
                    <a:pt x="525" y="217"/>
                  </a:lnTo>
                  <a:lnTo>
                    <a:pt x="528" y="213"/>
                  </a:lnTo>
                  <a:lnTo>
                    <a:pt x="533" y="210"/>
                  </a:lnTo>
                  <a:lnTo>
                    <a:pt x="537" y="207"/>
                  </a:lnTo>
                  <a:lnTo>
                    <a:pt x="542" y="203"/>
                  </a:lnTo>
                  <a:lnTo>
                    <a:pt x="547" y="200"/>
                  </a:lnTo>
                  <a:lnTo>
                    <a:pt x="550" y="198"/>
                  </a:lnTo>
                  <a:lnTo>
                    <a:pt x="555" y="195"/>
                  </a:lnTo>
                  <a:lnTo>
                    <a:pt x="560" y="193"/>
                  </a:lnTo>
                  <a:lnTo>
                    <a:pt x="565" y="190"/>
                  </a:lnTo>
                  <a:lnTo>
                    <a:pt x="570" y="188"/>
                  </a:lnTo>
                  <a:lnTo>
                    <a:pt x="574" y="188"/>
                  </a:lnTo>
                  <a:lnTo>
                    <a:pt x="579" y="186"/>
                  </a:lnTo>
                  <a:lnTo>
                    <a:pt x="582" y="185"/>
                  </a:lnTo>
                  <a:lnTo>
                    <a:pt x="587" y="183"/>
                  </a:lnTo>
                  <a:lnTo>
                    <a:pt x="592" y="181"/>
                  </a:lnTo>
                  <a:lnTo>
                    <a:pt x="597" y="180"/>
                  </a:lnTo>
                  <a:lnTo>
                    <a:pt x="603" y="176"/>
                  </a:lnTo>
                  <a:lnTo>
                    <a:pt x="608" y="173"/>
                  </a:lnTo>
                  <a:lnTo>
                    <a:pt x="613" y="169"/>
                  </a:lnTo>
                  <a:lnTo>
                    <a:pt x="618" y="166"/>
                  </a:lnTo>
                  <a:lnTo>
                    <a:pt x="623" y="164"/>
                  </a:lnTo>
                  <a:lnTo>
                    <a:pt x="628" y="161"/>
                  </a:lnTo>
                  <a:lnTo>
                    <a:pt x="631" y="158"/>
                  </a:lnTo>
                  <a:lnTo>
                    <a:pt x="635" y="156"/>
                  </a:lnTo>
                  <a:lnTo>
                    <a:pt x="638" y="154"/>
                  </a:lnTo>
                  <a:lnTo>
                    <a:pt x="640" y="153"/>
                  </a:lnTo>
                  <a:lnTo>
                    <a:pt x="641" y="151"/>
                  </a:lnTo>
                  <a:lnTo>
                    <a:pt x="641" y="149"/>
                  </a:lnTo>
                  <a:lnTo>
                    <a:pt x="640" y="149"/>
                  </a:lnTo>
                  <a:lnTo>
                    <a:pt x="638" y="149"/>
                  </a:lnTo>
                  <a:lnTo>
                    <a:pt x="633" y="149"/>
                  </a:lnTo>
                  <a:lnTo>
                    <a:pt x="625" y="153"/>
                  </a:lnTo>
                  <a:lnTo>
                    <a:pt x="618" y="153"/>
                  </a:lnTo>
                  <a:lnTo>
                    <a:pt x="611" y="153"/>
                  </a:lnTo>
                  <a:lnTo>
                    <a:pt x="606" y="153"/>
                  </a:lnTo>
                  <a:lnTo>
                    <a:pt x="603" y="149"/>
                  </a:lnTo>
                  <a:lnTo>
                    <a:pt x="599" y="147"/>
                  </a:lnTo>
                  <a:lnTo>
                    <a:pt x="597" y="146"/>
                  </a:lnTo>
                  <a:lnTo>
                    <a:pt x="596" y="144"/>
                  </a:lnTo>
                  <a:lnTo>
                    <a:pt x="530" y="144"/>
                  </a:lnTo>
                  <a:lnTo>
                    <a:pt x="530" y="131"/>
                  </a:lnTo>
                  <a:lnTo>
                    <a:pt x="528" y="131"/>
                  </a:lnTo>
                  <a:lnTo>
                    <a:pt x="526" y="131"/>
                  </a:lnTo>
                  <a:lnTo>
                    <a:pt x="525" y="131"/>
                  </a:lnTo>
                  <a:lnTo>
                    <a:pt x="523" y="131"/>
                  </a:lnTo>
                  <a:lnTo>
                    <a:pt x="521" y="131"/>
                  </a:lnTo>
                  <a:lnTo>
                    <a:pt x="520" y="131"/>
                  </a:lnTo>
                  <a:lnTo>
                    <a:pt x="518" y="131"/>
                  </a:lnTo>
                  <a:lnTo>
                    <a:pt x="509" y="139"/>
                  </a:lnTo>
                  <a:lnTo>
                    <a:pt x="501" y="146"/>
                  </a:lnTo>
                  <a:lnTo>
                    <a:pt x="494" y="149"/>
                  </a:lnTo>
                  <a:lnTo>
                    <a:pt x="487" y="153"/>
                  </a:lnTo>
                  <a:lnTo>
                    <a:pt x="481" y="154"/>
                  </a:lnTo>
                  <a:lnTo>
                    <a:pt x="476" y="154"/>
                  </a:lnTo>
                  <a:lnTo>
                    <a:pt x="471" y="153"/>
                  </a:lnTo>
                  <a:lnTo>
                    <a:pt x="465" y="153"/>
                  </a:lnTo>
                  <a:lnTo>
                    <a:pt x="462" y="149"/>
                  </a:lnTo>
                  <a:lnTo>
                    <a:pt x="459" y="147"/>
                  </a:lnTo>
                  <a:lnTo>
                    <a:pt x="455" y="144"/>
                  </a:lnTo>
                  <a:lnTo>
                    <a:pt x="454" y="142"/>
                  </a:lnTo>
                  <a:lnTo>
                    <a:pt x="452" y="141"/>
                  </a:lnTo>
                  <a:lnTo>
                    <a:pt x="450" y="139"/>
                  </a:lnTo>
                  <a:lnTo>
                    <a:pt x="450" y="137"/>
                  </a:lnTo>
                  <a:lnTo>
                    <a:pt x="450" y="136"/>
                  </a:lnTo>
                  <a:lnTo>
                    <a:pt x="449" y="136"/>
                  </a:lnTo>
                  <a:lnTo>
                    <a:pt x="447" y="136"/>
                  </a:lnTo>
                  <a:lnTo>
                    <a:pt x="443" y="136"/>
                  </a:lnTo>
                  <a:lnTo>
                    <a:pt x="440" y="136"/>
                  </a:lnTo>
                  <a:lnTo>
                    <a:pt x="437" y="134"/>
                  </a:lnTo>
                  <a:lnTo>
                    <a:pt x="435" y="132"/>
                  </a:lnTo>
                  <a:lnTo>
                    <a:pt x="433" y="131"/>
                  </a:lnTo>
                  <a:lnTo>
                    <a:pt x="432" y="127"/>
                  </a:lnTo>
                  <a:lnTo>
                    <a:pt x="432" y="125"/>
                  </a:lnTo>
                  <a:lnTo>
                    <a:pt x="430" y="124"/>
                  </a:lnTo>
                  <a:lnTo>
                    <a:pt x="428" y="120"/>
                  </a:lnTo>
                  <a:lnTo>
                    <a:pt x="427" y="117"/>
                  </a:lnTo>
                  <a:lnTo>
                    <a:pt x="423" y="117"/>
                  </a:lnTo>
                  <a:lnTo>
                    <a:pt x="420" y="117"/>
                  </a:lnTo>
                  <a:lnTo>
                    <a:pt x="415" y="119"/>
                  </a:lnTo>
                  <a:lnTo>
                    <a:pt x="411" y="122"/>
                  </a:lnTo>
                  <a:lnTo>
                    <a:pt x="405" y="132"/>
                  </a:lnTo>
                  <a:lnTo>
                    <a:pt x="399" y="136"/>
                  </a:lnTo>
                  <a:lnTo>
                    <a:pt x="396" y="134"/>
                  </a:lnTo>
                  <a:lnTo>
                    <a:pt x="396" y="131"/>
                  </a:lnTo>
                  <a:lnTo>
                    <a:pt x="394" y="125"/>
                  </a:lnTo>
                  <a:lnTo>
                    <a:pt x="393" y="120"/>
                  </a:lnTo>
                  <a:lnTo>
                    <a:pt x="393" y="115"/>
                  </a:lnTo>
                  <a:lnTo>
                    <a:pt x="389" y="112"/>
                  </a:lnTo>
                  <a:lnTo>
                    <a:pt x="381" y="109"/>
                  </a:lnTo>
                  <a:lnTo>
                    <a:pt x="377" y="105"/>
                  </a:lnTo>
                  <a:lnTo>
                    <a:pt x="376" y="103"/>
                  </a:lnTo>
                  <a:lnTo>
                    <a:pt x="376" y="102"/>
                  </a:lnTo>
                  <a:lnTo>
                    <a:pt x="376" y="100"/>
                  </a:lnTo>
                  <a:lnTo>
                    <a:pt x="377" y="100"/>
                  </a:lnTo>
                  <a:lnTo>
                    <a:pt x="379" y="98"/>
                  </a:lnTo>
                  <a:lnTo>
                    <a:pt x="377" y="98"/>
                  </a:lnTo>
                  <a:lnTo>
                    <a:pt x="374" y="97"/>
                  </a:lnTo>
                  <a:lnTo>
                    <a:pt x="371" y="97"/>
                  </a:lnTo>
                  <a:lnTo>
                    <a:pt x="364" y="97"/>
                  </a:lnTo>
                  <a:lnTo>
                    <a:pt x="355" y="95"/>
                  </a:lnTo>
                  <a:lnTo>
                    <a:pt x="347" y="93"/>
                  </a:lnTo>
                  <a:lnTo>
                    <a:pt x="339" y="92"/>
                  </a:lnTo>
                  <a:lnTo>
                    <a:pt x="332" y="90"/>
                  </a:lnTo>
                  <a:lnTo>
                    <a:pt x="327" y="88"/>
                  </a:lnTo>
                  <a:lnTo>
                    <a:pt x="322" y="88"/>
                  </a:lnTo>
                  <a:lnTo>
                    <a:pt x="318" y="88"/>
                  </a:lnTo>
                  <a:lnTo>
                    <a:pt x="315" y="90"/>
                  </a:lnTo>
                  <a:lnTo>
                    <a:pt x="311" y="92"/>
                  </a:lnTo>
                  <a:lnTo>
                    <a:pt x="306" y="98"/>
                  </a:lnTo>
                  <a:lnTo>
                    <a:pt x="301" y="102"/>
                  </a:lnTo>
                  <a:lnTo>
                    <a:pt x="296" y="105"/>
                  </a:lnTo>
                  <a:lnTo>
                    <a:pt x="289" y="105"/>
                  </a:lnTo>
                  <a:lnTo>
                    <a:pt x="286" y="105"/>
                  </a:lnTo>
                  <a:lnTo>
                    <a:pt x="283" y="105"/>
                  </a:lnTo>
                  <a:lnTo>
                    <a:pt x="279" y="105"/>
                  </a:lnTo>
                  <a:lnTo>
                    <a:pt x="278" y="105"/>
                  </a:lnTo>
                  <a:lnTo>
                    <a:pt x="276" y="92"/>
                  </a:lnTo>
                  <a:lnTo>
                    <a:pt x="242" y="92"/>
                  </a:lnTo>
                  <a:lnTo>
                    <a:pt x="240" y="83"/>
                  </a:lnTo>
                  <a:lnTo>
                    <a:pt x="229" y="85"/>
                  </a:lnTo>
                  <a:lnTo>
                    <a:pt x="222" y="85"/>
                  </a:lnTo>
                  <a:lnTo>
                    <a:pt x="215" y="83"/>
                  </a:lnTo>
                  <a:lnTo>
                    <a:pt x="212" y="80"/>
                  </a:lnTo>
                  <a:lnTo>
                    <a:pt x="208" y="76"/>
                  </a:lnTo>
                  <a:lnTo>
                    <a:pt x="207" y="73"/>
                  </a:lnTo>
                  <a:lnTo>
                    <a:pt x="205" y="71"/>
                  </a:lnTo>
                  <a:lnTo>
                    <a:pt x="205" y="70"/>
                  </a:lnTo>
                  <a:lnTo>
                    <a:pt x="205" y="26"/>
                  </a:lnTo>
                  <a:lnTo>
                    <a:pt x="181" y="2"/>
                  </a:lnTo>
                  <a:lnTo>
                    <a:pt x="168" y="0"/>
                  </a:lnTo>
                  <a:lnTo>
                    <a:pt x="169" y="37"/>
                  </a:lnTo>
                  <a:lnTo>
                    <a:pt x="159" y="46"/>
                  </a:lnTo>
                  <a:lnTo>
                    <a:pt x="0" y="48"/>
                  </a:lnTo>
                  <a:lnTo>
                    <a:pt x="7" y="85"/>
                  </a:lnTo>
                  <a:lnTo>
                    <a:pt x="7" y="87"/>
                  </a:lnTo>
                  <a:lnTo>
                    <a:pt x="7" y="88"/>
                  </a:lnTo>
                  <a:lnTo>
                    <a:pt x="7" y="93"/>
                  </a:lnTo>
                  <a:lnTo>
                    <a:pt x="5" y="100"/>
                  </a:lnTo>
                  <a:lnTo>
                    <a:pt x="5" y="107"/>
                  </a:lnTo>
                  <a:lnTo>
                    <a:pt x="5" y="114"/>
                  </a:lnTo>
                  <a:lnTo>
                    <a:pt x="5" y="124"/>
                  </a:lnTo>
                  <a:lnTo>
                    <a:pt x="5" y="132"/>
                  </a:lnTo>
                  <a:lnTo>
                    <a:pt x="5" y="142"/>
                  </a:lnTo>
                  <a:lnTo>
                    <a:pt x="7" y="153"/>
                  </a:lnTo>
                  <a:lnTo>
                    <a:pt x="7" y="161"/>
                  </a:lnTo>
                  <a:lnTo>
                    <a:pt x="9" y="169"/>
                  </a:lnTo>
                  <a:lnTo>
                    <a:pt x="10" y="178"/>
                  </a:lnTo>
                  <a:lnTo>
                    <a:pt x="14" y="186"/>
                  </a:lnTo>
                  <a:lnTo>
                    <a:pt x="17" y="193"/>
                  </a:lnTo>
                  <a:lnTo>
                    <a:pt x="22" y="198"/>
                  </a:lnTo>
                  <a:lnTo>
                    <a:pt x="22" y="200"/>
                  </a:lnTo>
                  <a:lnTo>
                    <a:pt x="22" y="203"/>
                  </a:lnTo>
                  <a:lnTo>
                    <a:pt x="24" y="208"/>
                  </a:lnTo>
                  <a:lnTo>
                    <a:pt x="25" y="217"/>
                  </a:lnTo>
                  <a:lnTo>
                    <a:pt x="27" y="225"/>
                  </a:lnTo>
                  <a:lnTo>
                    <a:pt x="29" y="235"/>
                  </a:lnTo>
                  <a:lnTo>
                    <a:pt x="29" y="246"/>
                  </a:lnTo>
                  <a:lnTo>
                    <a:pt x="31" y="256"/>
                  </a:lnTo>
                  <a:lnTo>
                    <a:pt x="31" y="259"/>
                  </a:lnTo>
                  <a:lnTo>
                    <a:pt x="31" y="264"/>
                  </a:lnTo>
                  <a:lnTo>
                    <a:pt x="31" y="271"/>
                  </a:lnTo>
                  <a:lnTo>
                    <a:pt x="31" y="278"/>
                  </a:lnTo>
                  <a:lnTo>
                    <a:pt x="31" y="285"/>
                  </a:lnTo>
                  <a:lnTo>
                    <a:pt x="31" y="290"/>
                  </a:lnTo>
                  <a:lnTo>
                    <a:pt x="31" y="295"/>
                  </a:lnTo>
                  <a:lnTo>
                    <a:pt x="31" y="296"/>
                  </a:lnTo>
                  <a:lnTo>
                    <a:pt x="39" y="310"/>
                  </a:lnTo>
                  <a:lnTo>
                    <a:pt x="36" y="332"/>
                  </a:lnTo>
                  <a:lnTo>
                    <a:pt x="39" y="362"/>
                  </a:lnTo>
                  <a:lnTo>
                    <a:pt x="49" y="376"/>
                  </a:lnTo>
                  <a:lnTo>
                    <a:pt x="54" y="389"/>
                  </a:lnTo>
                  <a:lnTo>
                    <a:pt x="53" y="427"/>
                  </a:lnTo>
                  <a:lnTo>
                    <a:pt x="53" y="437"/>
                  </a:lnTo>
                  <a:lnTo>
                    <a:pt x="37" y="455"/>
                  </a:lnTo>
                  <a:lnTo>
                    <a:pt x="36" y="457"/>
                  </a:lnTo>
                  <a:lnTo>
                    <a:pt x="34" y="459"/>
                  </a:lnTo>
                  <a:lnTo>
                    <a:pt x="32" y="462"/>
                  </a:lnTo>
                  <a:lnTo>
                    <a:pt x="31" y="466"/>
                  </a:lnTo>
                  <a:lnTo>
                    <a:pt x="29" y="469"/>
                  </a:lnTo>
                  <a:lnTo>
                    <a:pt x="29" y="474"/>
                  </a:lnTo>
                  <a:lnTo>
                    <a:pt x="31" y="477"/>
                  </a:lnTo>
                  <a:lnTo>
                    <a:pt x="34" y="481"/>
                  </a:lnTo>
                  <a:lnTo>
                    <a:pt x="36" y="481"/>
                  </a:lnTo>
                  <a:lnTo>
                    <a:pt x="39" y="484"/>
                  </a:lnTo>
                  <a:lnTo>
                    <a:pt x="44" y="488"/>
                  </a:lnTo>
                  <a:lnTo>
                    <a:pt x="49" y="491"/>
                  </a:lnTo>
                  <a:lnTo>
                    <a:pt x="54" y="496"/>
                  </a:lnTo>
                  <a:lnTo>
                    <a:pt x="59" y="499"/>
                  </a:lnTo>
                  <a:lnTo>
                    <a:pt x="61" y="501"/>
                  </a:lnTo>
                  <a:lnTo>
                    <a:pt x="63" y="503"/>
                  </a:lnTo>
                  <a:lnTo>
                    <a:pt x="63" y="505"/>
                  </a:lnTo>
                  <a:lnTo>
                    <a:pt x="63" y="511"/>
                  </a:lnTo>
                  <a:lnTo>
                    <a:pt x="63" y="523"/>
                  </a:lnTo>
                  <a:lnTo>
                    <a:pt x="63" y="538"/>
                  </a:lnTo>
                  <a:lnTo>
                    <a:pt x="63" y="555"/>
                  </a:lnTo>
                  <a:lnTo>
                    <a:pt x="63" y="576"/>
                  </a:lnTo>
                  <a:lnTo>
                    <a:pt x="63" y="596"/>
                  </a:lnTo>
                  <a:lnTo>
                    <a:pt x="63" y="618"/>
                  </a:lnTo>
                  <a:lnTo>
                    <a:pt x="63" y="638"/>
                  </a:lnTo>
                  <a:lnTo>
                    <a:pt x="61" y="660"/>
                  </a:lnTo>
                  <a:lnTo>
                    <a:pt x="61" y="679"/>
                  </a:lnTo>
                  <a:lnTo>
                    <a:pt x="61" y="696"/>
                  </a:lnTo>
                  <a:lnTo>
                    <a:pt x="61" y="711"/>
                  </a:lnTo>
                  <a:lnTo>
                    <a:pt x="61" y="721"/>
                  </a:lnTo>
                  <a:lnTo>
                    <a:pt x="63" y="728"/>
                  </a:lnTo>
                  <a:lnTo>
                    <a:pt x="63" y="731"/>
                  </a:lnTo>
                  <a:lnTo>
                    <a:pt x="63" y="730"/>
                  </a:lnTo>
                  <a:lnTo>
                    <a:pt x="66" y="730"/>
                  </a:lnTo>
                  <a:lnTo>
                    <a:pt x="73" y="730"/>
                  </a:lnTo>
                  <a:lnTo>
                    <a:pt x="80" y="730"/>
                  </a:lnTo>
                  <a:lnTo>
                    <a:pt x="90" y="730"/>
                  </a:lnTo>
                  <a:lnTo>
                    <a:pt x="100" y="730"/>
                  </a:lnTo>
                  <a:lnTo>
                    <a:pt x="113" y="730"/>
                  </a:lnTo>
                  <a:lnTo>
                    <a:pt x="127" y="730"/>
                  </a:lnTo>
                  <a:lnTo>
                    <a:pt x="144" y="730"/>
                  </a:lnTo>
                  <a:lnTo>
                    <a:pt x="159" y="730"/>
                  </a:lnTo>
                  <a:lnTo>
                    <a:pt x="178" y="730"/>
                  </a:lnTo>
                  <a:lnTo>
                    <a:pt x="196" y="730"/>
                  </a:lnTo>
                  <a:lnTo>
                    <a:pt x="215" y="730"/>
                  </a:lnTo>
                  <a:lnTo>
                    <a:pt x="235" y="728"/>
                  </a:lnTo>
                  <a:lnTo>
                    <a:pt x="254" y="728"/>
                  </a:lnTo>
                  <a:lnTo>
                    <a:pt x="274" y="728"/>
                  </a:lnTo>
                  <a:lnTo>
                    <a:pt x="296" y="728"/>
                  </a:lnTo>
                  <a:lnTo>
                    <a:pt x="317" y="728"/>
                  </a:lnTo>
                  <a:lnTo>
                    <a:pt x="337" y="728"/>
                  </a:lnTo>
                  <a:lnTo>
                    <a:pt x="357" y="726"/>
                  </a:lnTo>
                  <a:lnTo>
                    <a:pt x="376" y="726"/>
                  </a:lnTo>
                  <a:lnTo>
                    <a:pt x="396" y="726"/>
                  </a:lnTo>
                  <a:lnTo>
                    <a:pt x="415" y="726"/>
                  </a:lnTo>
                  <a:lnTo>
                    <a:pt x="432" y="725"/>
                  </a:lnTo>
                  <a:lnTo>
                    <a:pt x="449" y="725"/>
                  </a:lnTo>
                  <a:lnTo>
                    <a:pt x="465" y="725"/>
                  </a:lnTo>
                  <a:lnTo>
                    <a:pt x="479" y="723"/>
                  </a:lnTo>
                  <a:lnTo>
                    <a:pt x="493" y="723"/>
                  </a:lnTo>
                  <a:lnTo>
                    <a:pt x="503" y="721"/>
                  </a:lnTo>
                  <a:lnTo>
                    <a:pt x="513" y="721"/>
                  </a:lnTo>
                  <a:lnTo>
                    <a:pt x="521" y="719"/>
                  </a:lnTo>
                  <a:lnTo>
                    <a:pt x="526" y="718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233" name="Group 159"/>
            <p:cNvGrpSpPr>
              <a:grpSpLocks/>
            </p:cNvGrpSpPr>
            <p:nvPr/>
          </p:nvGrpSpPr>
          <p:grpSpPr bwMode="auto">
            <a:xfrm>
              <a:off x="3736" y="1882"/>
              <a:ext cx="401" cy="455"/>
              <a:chOff x="3961" y="1493"/>
              <a:chExt cx="412" cy="469"/>
            </a:xfrm>
          </p:grpSpPr>
          <p:sp>
            <p:nvSpPr>
              <p:cNvPr id="263" name="Freeform 160"/>
              <p:cNvSpPr>
                <a:spLocks/>
              </p:cNvSpPr>
              <p:nvPr/>
            </p:nvSpPr>
            <p:spPr bwMode="auto">
              <a:xfrm>
                <a:off x="3961" y="1493"/>
                <a:ext cx="412" cy="469"/>
              </a:xfrm>
              <a:custGeom>
                <a:avLst/>
                <a:gdLst>
                  <a:gd name="T0" fmla="*/ 121 w 412"/>
                  <a:gd name="T1" fmla="*/ 76 h 469"/>
                  <a:gd name="T2" fmla="*/ 130 w 412"/>
                  <a:gd name="T3" fmla="*/ 73 h 469"/>
                  <a:gd name="T4" fmla="*/ 152 w 412"/>
                  <a:gd name="T5" fmla="*/ 78 h 469"/>
                  <a:gd name="T6" fmla="*/ 181 w 412"/>
                  <a:gd name="T7" fmla="*/ 79 h 469"/>
                  <a:gd name="T8" fmla="*/ 169 w 412"/>
                  <a:gd name="T9" fmla="*/ 100 h 469"/>
                  <a:gd name="T10" fmla="*/ 182 w 412"/>
                  <a:gd name="T11" fmla="*/ 100 h 469"/>
                  <a:gd name="T12" fmla="*/ 196 w 412"/>
                  <a:gd name="T13" fmla="*/ 93 h 469"/>
                  <a:gd name="T14" fmla="*/ 209 w 412"/>
                  <a:gd name="T15" fmla="*/ 98 h 469"/>
                  <a:gd name="T16" fmla="*/ 226 w 412"/>
                  <a:gd name="T17" fmla="*/ 91 h 469"/>
                  <a:gd name="T18" fmla="*/ 240 w 412"/>
                  <a:gd name="T19" fmla="*/ 86 h 469"/>
                  <a:gd name="T20" fmla="*/ 255 w 412"/>
                  <a:gd name="T21" fmla="*/ 78 h 469"/>
                  <a:gd name="T22" fmla="*/ 270 w 412"/>
                  <a:gd name="T23" fmla="*/ 76 h 469"/>
                  <a:gd name="T24" fmla="*/ 277 w 412"/>
                  <a:gd name="T25" fmla="*/ 76 h 469"/>
                  <a:gd name="T26" fmla="*/ 291 w 412"/>
                  <a:gd name="T27" fmla="*/ 62 h 469"/>
                  <a:gd name="T28" fmla="*/ 318 w 412"/>
                  <a:gd name="T29" fmla="*/ 37 h 469"/>
                  <a:gd name="T30" fmla="*/ 353 w 412"/>
                  <a:gd name="T31" fmla="*/ 12 h 469"/>
                  <a:gd name="T32" fmla="*/ 380 w 412"/>
                  <a:gd name="T33" fmla="*/ 0 h 469"/>
                  <a:gd name="T34" fmla="*/ 404 w 412"/>
                  <a:gd name="T35" fmla="*/ 176 h 469"/>
                  <a:gd name="T36" fmla="*/ 409 w 412"/>
                  <a:gd name="T37" fmla="*/ 206 h 469"/>
                  <a:gd name="T38" fmla="*/ 404 w 412"/>
                  <a:gd name="T39" fmla="*/ 227 h 469"/>
                  <a:gd name="T40" fmla="*/ 399 w 412"/>
                  <a:gd name="T41" fmla="*/ 262 h 469"/>
                  <a:gd name="T42" fmla="*/ 399 w 412"/>
                  <a:gd name="T43" fmla="*/ 274 h 469"/>
                  <a:gd name="T44" fmla="*/ 399 w 412"/>
                  <a:gd name="T45" fmla="*/ 291 h 469"/>
                  <a:gd name="T46" fmla="*/ 387 w 412"/>
                  <a:gd name="T47" fmla="*/ 308 h 469"/>
                  <a:gd name="T48" fmla="*/ 370 w 412"/>
                  <a:gd name="T49" fmla="*/ 326 h 469"/>
                  <a:gd name="T50" fmla="*/ 365 w 412"/>
                  <a:gd name="T51" fmla="*/ 333 h 469"/>
                  <a:gd name="T52" fmla="*/ 351 w 412"/>
                  <a:gd name="T53" fmla="*/ 337 h 469"/>
                  <a:gd name="T54" fmla="*/ 326 w 412"/>
                  <a:gd name="T55" fmla="*/ 382 h 469"/>
                  <a:gd name="T56" fmla="*/ 323 w 412"/>
                  <a:gd name="T57" fmla="*/ 396 h 469"/>
                  <a:gd name="T58" fmla="*/ 311 w 412"/>
                  <a:gd name="T59" fmla="*/ 391 h 469"/>
                  <a:gd name="T60" fmla="*/ 302 w 412"/>
                  <a:gd name="T61" fmla="*/ 387 h 469"/>
                  <a:gd name="T62" fmla="*/ 296 w 412"/>
                  <a:gd name="T63" fmla="*/ 404 h 469"/>
                  <a:gd name="T64" fmla="*/ 292 w 412"/>
                  <a:gd name="T65" fmla="*/ 413 h 469"/>
                  <a:gd name="T66" fmla="*/ 289 w 412"/>
                  <a:gd name="T67" fmla="*/ 419 h 469"/>
                  <a:gd name="T68" fmla="*/ 285 w 412"/>
                  <a:gd name="T69" fmla="*/ 453 h 469"/>
                  <a:gd name="T70" fmla="*/ 263 w 412"/>
                  <a:gd name="T71" fmla="*/ 469 h 469"/>
                  <a:gd name="T72" fmla="*/ 253 w 412"/>
                  <a:gd name="T73" fmla="*/ 458 h 469"/>
                  <a:gd name="T74" fmla="*/ 236 w 412"/>
                  <a:gd name="T75" fmla="*/ 450 h 469"/>
                  <a:gd name="T76" fmla="*/ 231 w 412"/>
                  <a:gd name="T77" fmla="*/ 443 h 469"/>
                  <a:gd name="T78" fmla="*/ 214 w 412"/>
                  <a:gd name="T79" fmla="*/ 436 h 469"/>
                  <a:gd name="T80" fmla="*/ 198 w 412"/>
                  <a:gd name="T81" fmla="*/ 452 h 469"/>
                  <a:gd name="T82" fmla="*/ 177 w 412"/>
                  <a:gd name="T83" fmla="*/ 453 h 469"/>
                  <a:gd name="T84" fmla="*/ 169 w 412"/>
                  <a:gd name="T85" fmla="*/ 448 h 469"/>
                  <a:gd name="T86" fmla="*/ 157 w 412"/>
                  <a:gd name="T87" fmla="*/ 452 h 469"/>
                  <a:gd name="T88" fmla="*/ 143 w 412"/>
                  <a:gd name="T89" fmla="*/ 455 h 469"/>
                  <a:gd name="T90" fmla="*/ 98 w 412"/>
                  <a:gd name="T91" fmla="*/ 440 h 469"/>
                  <a:gd name="T92" fmla="*/ 89 w 412"/>
                  <a:gd name="T93" fmla="*/ 423 h 469"/>
                  <a:gd name="T94" fmla="*/ 59 w 412"/>
                  <a:gd name="T95" fmla="*/ 414 h 469"/>
                  <a:gd name="T96" fmla="*/ 42 w 412"/>
                  <a:gd name="T97" fmla="*/ 414 h 469"/>
                  <a:gd name="T98" fmla="*/ 0 w 412"/>
                  <a:gd name="T99" fmla="*/ 96 h 469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w 412"/>
                  <a:gd name="T151" fmla="*/ 0 h 469"/>
                  <a:gd name="T152" fmla="*/ 412 w 412"/>
                  <a:gd name="T153" fmla="*/ 469 h 469"/>
                </a:gdLst>
                <a:ahLst/>
                <a:cxnLst>
                  <a:cxn ang="T100">
                    <a:pos x="T0" y="T1"/>
                  </a:cxn>
                  <a:cxn ang="T101">
                    <a:pos x="T2" y="T3"/>
                  </a:cxn>
                  <a:cxn ang="T102">
                    <a:pos x="T4" y="T5"/>
                  </a:cxn>
                  <a:cxn ang="T103">
                    <a:pos x="T6" y="T7"/>
                  </a:cxn>
                  <a:cxn ang="T104">
                    <a:pos x="T8" y="T9"/>
                  </a:cxn>
                  <a:cxn ang="T105">
                    <a:pos x="T10" y="T11"/>
                  </a:cxn>
                  <a:cxn ang="T106">
                    <a:pos x="T12" y="T13"/>
                  </a:cxn>
                  <a:cxn ang="T107">
                    <a:pos x="T14" y="T15"/>
                  </a:cxn>
                  <a:cxn ang="T108">
                    <a:pos x="T16" y="T17"/>
                  </a:cxn>
                  <a:cxn ang="T109">
                    <a:pos x="T18" y="T19"/>
                  </a:cxn>
                  <a:cxn ang="T110">
                    <a:pos x="T20" y="T21"/>
                  </a:cxn>
                  <a:cxn ang="T111">
                    <a:pos x="T22" y="T23"/>
                  </a:cxn>
                  <a:cxn ang="T112">
                    <a:pos x="T24" y="T25"/>
                  </a:cxn>
                  <a:cxn ang="T113">
                    <a:pos x="T26" y="T27"/>
                  </a:cxn>
                  <a:cxn ang="T114">
                    <a:pos x="T28" y="T29"/>
                  </a:cxn>
                  <a:cxn ang="T115">
                    <a:pos x="T30" y="T31"/>
                  </a:cxn>
                  <a:cxn ang="T116">
                    <a:pos x="T32" y="T33"/>
                  </a:cxn>
                  <a:cxn ang="T117">
                    <a:pos x="T34" y="T35"/>
                  </a:cxn>
                  <a:cxn ang="T118">
                    <a:pos x="T36" y="T37"/>
                  </a:cxn>
                  <a:cxn ang="T119">
                    <a:pos x="T38" y="T39"/>
                  </a:cxn>
                  <a:cxn ang="T120">
                    <a:pos x="T40" y="T41"/>
                  </a:cxn>
                  <a:cxn ang="T121">
                    <a:pos x="T42" y="T43"/>
                  </a:cxn>
                  <a:cxn ang="T122">
                    <a:pos x="T44" y="T45"/>
                  </a:cxn>
                  <a:cxn ang="T123">
                    <a:pos x="T46" y="T47"/>
                  </a:cxn>
                  <a:cxn ang="T124">
                    <a:pos x="T48" y="T49"/>
                  </a:cxn>
                  <a:cxn ang="T125">
                    <a:pos x="T50" y="T51"/>
                  </a:cxn>
                  <a:cxn ang="T126">
                    <a:pos x="T52" y="T53"/>
                  </a:cxn>
                  <a:cxn ang="T127">
                    <a:pos x="T54" y="T55"/>
                  </a:cxn>
                  <a:cxn ang="T128">
                    <a:pos x="T56" y="T57"/>
                  </a:cxn>
                  <a:cxn ang="T129">
                    <a:pos x="T58" y="T59"/>
                  </a:cxn>
                  <a:cxn ang="T130">
                    <a:pos x="T60" y="T61"/>
                  </a:cxn>
                  <a:cxn ang="T131">
                    <a:pos x="T62" y="T63"/>
                  </a:cxn>
                  <a:cxn ang="T132">
                    <a:pos x="T64" y="T65"/>
                  </a:cxn>
                  <a:cxn ang="T133">
                    <a:pos x="T66" y="T67"/>
                  </a:cxn>
                  <a:cxn ang="T134">
                    <a:pos x="T68" y="T69"/>
                  </a:cxn>
                  <a:cxn ang="T135">
                    <a:pos x="T70" y="T71"/>
                  </a:cxn>
                  <a:cxn ang="T136">
                    <a:pos x="T72" y="T73"/>
                  </a:cxn>
                  <a:cxn ang="T137">
                    <a:pos x="T74" y="T75"/>
                  </a:cxn>
                  <a:cxn ang="T138">
                    <a:pos x="T76" y="T77"/>
                  </a:cxn>
                  <a:cxn ang="T139">
                    <a:pos x="T78" y="T79"/>
                  </a:cxn>
                  <a:cxn ang="T140">
                    <a:pos x="T80" y="T81"/>
                  </a:cxn>
                  <a:cxn ang="T141">
                    <a:pos x="T82" y="T83"/>
                  </a:cxn>
                  <a:cxn ang="T142">
                    <a:pos x="T84" y="T85"/>
                  </a:cxn>
                  <a:cxn ang="T143">
                    <a:pos x="T86" y="T87"/>
                  </a:cxn>
                  <a:cxn ang="T144">
                    <a:pos x="T88" y="T89"/>
                  </a:cxn>
                  <a:cxn ang="T145">
                    <a:pos x="T90" y="T91"/>
                  </a:cxn>
                  <a:cxn ang="T146">
                    <a:pos x="T92" y="T93"/>
                  </a:cxn>
                  <a:cxn ang="T147">
                    <a:pos x="T94" y="T95"/>
                  </a:cxn>
                  <a:cxn ang="T148">
                    <a:pos x="T96" y="T97"/>
                  </a:cxn>
                  <a:cxn ang="T149">
                    <a:pos x="T98" y="T99"/>
                  </a:cxn>
                </a:cxnLst>
                <a:rect l="T150" t="T151" r="T152" b="T153"/>
                <a:pathLst>
                  <a:path w="412" h="469">
                    <a:moveTo>
                      <a:pt x="0" y="96"/>
                    </a:moveTo>
                    <a:lnTo>
                      <a:pt x="116" y="78"/>
                    </a:lnTo>
                    <a:lnTo>
                      <a:pt x="118" y="78"/>
                    </a:lnTo>
                    <a:lnTo>
                      <a:pt x="121" y="76"/>
                    </a:lnTo>
                    <a:lnTo>
                      <a:pt x="125" y="74"/>
                    </a:lnTo>
                    <a:lnTo>
                      <a:pt x="126" y="73"/>
                    </a:lnTo>
                    <a:lnTo>
                      <a:pt x="128" y="73"/>
                    </a:lnTo>
                    <a:lnTo>
                      <a:pt x="130" y="73"/>
                    </a:lnTo>
                    <a:lnTo>
                      <a:pt x="135" y="73"/>
                    </a:lnTo>
                    <a:lnTo>
                      <a:pt x="140" y="73"/>
                    </a:lnTo>
                    <a:lnTo>
                      <a:pt x="145" y="74"/>
                    </a:lnTo>
                    <a:lnTo>
                      <a:pt x="152" y="78"/>
                    </a:lnTo>
                    <a:lnTo>
                      <a:pt x="159" y="81"/>
                    </a:lnTo>
                    <a:lnTo>
                      <a:pt x="164" y="86"/>
                    </a:lnTo>
                    <a:lnTo>
                      <a:pt x="174" y="86"/>
                    </a:lnTo>
                    <a:lnTo>
                      <a:pt x="181" y="79"/>
                    </a:lnTo>
                    <a:lnTo>
                      <a:pt x="191" y="84"/>
                    </a:lnTo>
                    <a:lnTo>
                      <a:pt x="177" y="91"/>
                    </a:lnTo>
                    <a:lnTo>
                      <a:pt x="169" y="100"/>
                    </a:lnTo>
                    <a:lnTo>
                      <a:pt x="170" y="100"/>
                    </a:lnTo>
                    <a:lnTo>
                      <a:pt x="174" y="100"/>
                    </a:lnTo>
                    <a:lnTo>
                      <a:pt x="177" y="100"/>
                    </a:lnTo>
                    <a:lnTo>
                      <a:pt x="182" y="100"/>
                    </a:lnTo>
                    <a:lnTo>
                      <a:pt x="186" y="98"/>
                    </a:lnTo>
                    <a:lnTo>
                      <a:pt x="191" y="95"/>
                    </a:lnTo>
                    <a:lnTo>
                      <a:pt x="196" y="91"/>
                    </a:lnTo>
                    <a:lnTo>
                      <a:pt x="196" y="93"/>
                    </a:lnTo>
                    <a:lnTo>
                      <a:pt x="198" y="93"/>
                    </a:lnTo>
                    <a:lnTo>
                      <a:pt x="201" y="95"/>
                    </a:lnTo>
                    <a:lnTo>
                      <a:pt x="206" y="96"/>
                    </a:lnTo>
                    <a:lnTo>
                      <a:pt x="209" y="98"/>
                    </a:lnTo>
                    <a:lnTo>
                      <a:pt x="214" y="98"/>
                    </a:lnTo>
                    <a:lnTo>
                      <a:pt x="219" y="96"/>
                    </a:lnTo>
                    <a:lnTo>
                      <a:pt x="226" y="91"/>
                    </a:lnTo>
                    <a:lnTo>
                      <a:pt x="230" y="91"/>
                    </a:lnTo>
                    <a:lnTo>
                      <a:pt x="231" y="89"/>
                    </a:lnTo>
                    <a:lnTo>
                      <a:pt x="236" y="88"/>
                    </a:lnTo>
                    <a:lnTo>
                      <a:pt x="240" y="86"/>
                    </a:lnTo>
                    <a:lnTo>
                      <a:pt x="245" y="84"/>
                    </a:lnTo>
                    <a:lnTo>
                      <a:pt x="250" y="81"/>
                    </a:lnTo>
                    <a:lnTo>
                      <a:pt x="253" y="78"/>
                    </a:lnTo>
                    <a:lnTo>
                      <a:pt x="255" y="78"/>
                    </a:lnTo>
                    <a:lnTo>
                      <a:pt x="258" y="78"/>
                    </a:lnTo>
                    <a:lnTo>
                      <a:pt x="262" y="78"/>
                    </a:lnTo>
                    <a:lnTo>
                      <a:pt x="265" y="76"/>
                    </a:lnTo>
                    <a:lnTo>
                      <a:pt x="270" y="76"/>
                    </a:lnTo>
                    <a:lnTo>
                      <a:pt x="274" y="76"/>
                    </a:lnTo>
                    <a:lnTo>
                      <a:pt x="275" y="76"/>
                    </a:lnTo>
                    <a:lnTo>
                      <a:pt x="277" y="76"/>
                    </a:lnTo>
                    <a:lnTo>
                      <a:pt x="279" y="74"/>
                    </a:lnTo>
                    <a:lnTo>
                      <a:pt x="282" y="71"/>
                    </a:lnTo>
                    <a:lnTo>
                      <a:pt x="285" y="67"/>
                    </a:lnTo>
                    <a:lnTo>
                      <a:pt x="291" y="62"/>
                    </a:lnTo>
                    <a:lnTo>
                      <a:pt x="297" y="56"/>
                    </a:lnTo>
                    <a:lnTo>
                      <a:pt x="302" y="51"/>
                    </a:lnTo>
                    <a:lnTo>
                      <a:pt x="311" y="44"/>
                    </a:lnTo>
                    <a:lnTo>
                      <a:pt x="318" y="37"/>
                    </a:lnTo>
                    <a:lnTo>
                      <a:pt x="326" y="32"/>
                    </a:lnTo>
                    <a:lnTo>
                      <a:pt x="335" y="25"/>
                    </a:lnTo>
                    <a:lnTo>
                      <a:pt x="345" y="18"/>
                    </a:lnTo>
                    <a:lnTo>
                      <a:pt x="353" y="12"/>
                    </a:lnTo>
                    <a:lnTo>
                      <a:pt x="363" y="7"/>
                    </a:lnTo>
                    <a:lnTo>
                      <a:pt x="372" y="3"/>
                    </a:lnTo>
                    <a:lnTo>
                      <a:pt x="382" y="0"/>
                    </a:lnTo>
                    <a:lnTo>
                      <a:pt x="380" y="0"/>
                    </a:lnTo>
                    <a:lnTo>
                      <a:pt x="412" y="166"/>
                    </a:lnTo>
                    <a:lnTo>
                      <a:pt x="401" y="169"/>
                    </a:lnTo>
                    <a:lnTo>
                      <a:pt x="402" y="171"/>
                    </a:lnTo>
                    <a:lnTo>
                      <a:pt x="404" y="176"/>
                    </a:lnTo>
                    <a:lnTo>
                      <a:pt x="406" y="181"/>
                    </a:lnTo>
                    <a:lnTo>
                      <a:pt x="407" y="189"/>
                    </a:lnTo>
                    <a:lnTo>
                      <a:pt x="409" y="198"/>
                    </a:lnTo>
                    <a:lnTo>
                      <a:pt x="409" y="206"/>
                    </a:lnTo>
                    <a:lnTo>
                      <a:pt x="409" y="213"/>
                    </a:lnTo>
                    <a:lnTo>
                      <a:pt x="406" y="218"/>
                    </a:lnTo>
                    <a:lnTo>
                      <a:pt x="404" y="221"/>
                    </a:lnTo>
                    <a:lnTo>
                      <a:pt x="404" y="227"/>
                    </a:lnTo>
                    <a:lnTo>
                      <a:pt x="402" y="235"/>
                    </a:lnTo>
                    <a:lnTo>
                      <a:pt x="401" y="245"/>
                    </a:lnTo>
                    <a:lnTo>
                      <a:pt x="401" y="255"/>
                    </a:lnTo>
                    <a:lnTo>
                      <a:pt x="399" y="262"/>
                    </a:lnTo>
                    <a:lnTo>
                      <a:pt x="399" y="269"/>
                    </a:lnTo>
                    <a:lnTo>
                      <a:pt x="399" y="271"/>
                    </a:lnTo>
                    <a:lnTo>
                      <a:pt x="399" y="272"/>
                    </a:lnTo>
                    <a:lnTo>
                      <a:pt x="399" y="274"/>
                    </a:lnTo>
                    <a:lnTo>
                      <a:pt x="401" y="277"/>
                    </a:lnTo>
                    <a:lnTo>
                      <a:pt x="401" y="281"/>
                    </a:lnTo>
                    <a:lnTo>
                      <a:pt x="401" y="286"/>
                    </a:lnTo>
                    <a:lnTo>
                      <a:pt x="399" y="291"/>
                    </a:lnTo>
                    <a:lnTo>
                      <a:pt x="395" y="296"/>
                    </a:lnTo>
                    <a:lnTo>
                      <a:pt x="390" y="303"/>
                    </a:lnTo>
                    <a:lnTo>
                      <a:pt x="389" y="304"/>
                    </a:lnTo>
                    <a:lnTo>
                      <a:pt x="387" y="308"/>
                    </a:lnTo>
                    <a:lnTo>
                      <a:pt x="382" y="313"/>
                    </a:lnTo>
                    <a:lnTo>
                      <a:pt x="379" y="316"/>
                    </a:lnTo>
                    <a:lnTo>
                      <a:pt x="375" y="321"/>
                    </a:lnTo>
                    <a:lnTo>
                      <a:pt x="370" y="326"/>
                    </a:lnTo>
                    <a:lnTo>
                      <a:pt x="368" y="330"/>
                    </a:lnTo>
                    <a:lnTo>
                      <a:pt x="367" y="330"/>
                    </a:lnTo>
                    <a:lnTo>
                      <a:pt x="367" y="331"/>
                    </a:lnTo>
                    <a:lnTo>
                      <a:pt x="365" y="333"/>
                    </a:lnTo>
                    <a:lnTo>
                      <a:pt x="362" y="335"/>
                    </a:lnTo>
                    <a:lnTo>
                      <a:pt x="358" y="335"/>
                    </a:lnTo>
                    <a:lnTo>
                      <a:pt x="355" y="337"/>
                    </a:lnTo>
                    <a:lnTo>
                      <a:pt x="351" y="337"/>
                    </a:lnTo>
                    <a:lnTo>
                      <a:pt x="350" y="335"/>
                    </a:lnTo>
                    <a:lnTo>
                      <a:pt x="350" y="333"/>
                    </a:lnTo>
                    <a:lnTo>
                      <a:pt x="328" y="355"/>
                    </a:lnTo>
                    <a:lnTo>
                      <a:pt x="326" y="382"/>
                    </a:lnTo>
                    <a:lnTo>
                      <a:pt x="324" y="382"/>
                    </a:lnTo>
                    <a:lnTo>
                      <a:pt x="324" y="387"/>
                    </a:lnTo>
                    <a:lnTo>
                      <a:pt x="324" y="391"/>
                    </a:lnTo>
                    <a:lnTo>
                      <a:pt x="323" y="396"/>
                    </a:lnTo>
                    <a:lnTo>
                      <a:pt x="319" y="399"/>
                    </a:lnTo>
                    <a:lnTo>
                      <a:pt x="318" y="401"/>
                    </a:lnTo>
                    <a:lnTo>
                      <a:pt x="314" y="399"/>
                    </a:lnTo>
                    <a:lnTo>
                      <a:pt x="311" y="391"/>
                    </a:lnTo>
                    <a:lnTo>
                      <a:pt x="309" y="389"/>
                    </a:lnTo>
                    <a:lnTo>
                      <a:pt x="307" y="387"/>
                    </a:lnTo>
                    <a:lnTo>
                      <a:pt x="306" y="387"/>
                    </a:lnTo>
                    <a:lnTo>
                      <a:pt x="302" y="387"/>
                    </a:lnTo>
                    <a:lnTo>
                      <a:pt x="301" y="387"/>
                    </a:lnTo>
                    <a:lnTo>
                      <a:pt x="297" y="391"/>
                    </a:lnTo>
                    <a:lnTo>
                      <a:pt x="297" y="396"/>
                    </a:lnTo>
                    <a:lnTo>
                      <a:pt x="296" y="404"/>
                    </a:lnTo>
                    <a:lnTo>
                      <a:pt x="296" y="408"/>
                    </a:lnTo>
                    <a:lnTo>
                      <a:pt x="294" y="409"/>
                    </a:lnTo>
                    <a:lnTo>
                      <a:pt x="292" y="413"/>
                    </a:lnTo>
                    <a:lnTo>
                      <a:pt x="291" y="416"/>
                    </a:lnTo>
                    <a:lnTo>
                      <a:pt x="291" y="418"/>
                    </a:lnTo>
                    <a:lnTo>
                      <a:pt x="289" y="419"/>
                    </a:lnTo>
                    <a:lnTo>
                      <a:pt x="292" y="441"/>
                    </a:lnTo>
                    <a:lnTo>
                      <a:pt x="291" y="443"/>
                    </a:lnTo>
                    <a:lnTo>
                      <a:pt x="289" y="447"/>
                    </a:lnTo>
                    <a:lnTo>
                      <a:pt x="285" y="453"/>
                    </a:lnTo>
                    <a:lnTo>
                      <a:pt x="280" y="458"/>
                    </a:lnTo>
                    <a:lnTo>
                      <a:pt x="275" y="463"/>
                    </a:lnTo>
                    <a:lnTo>
                      <a:pt x="270" y="467"/>
                    </a:lnTo>
                    <a:lnTo>
                      <a:pt x="263" y="469"/>
                    </a:lnTo>
                    <a:lnTo>
                      <a:pt x="260" y="465"/>
                    </a:lnTo>
                    <a:lnTo>
                      <a:pt x="258" y="463"/>
                    </a:lnTo>
                    <a:lnTo>
                      <a:pt x="257" y="462"/>
                    </a:lnTo>
                    <a:lnTo>
                      <a:pt x="253" y="458"/>
                    </a:lnTo>
                    <a:lnTo>
                      <a:pt x="250" y="455"/>
                    </a:lnTo>
                    <a:lnTo>
                      <a:pt x="245" y="452"/>
                    </a:lnTo>
                    <a:lnTo>
                      <a:pt x="241" y="450"/>
                    </a:lnTo>
                    <a:lnTo>
                      <a:pt x="236" y="450"/>
                    </a:lnTo>
                    <a:lnTo>
                      <a:pt x="233" y="453"/>
                    </a:lnTo>
                    <a:lnTo>
                      <a:pt x="231" y="452"/>
                    </a:lnTo>
                    <a:lnTo>
                      <a:pt x="231" y="448"/>
                    </a:lnTo>
                    <a:lnTo>
                      <a:pt x="231" y="443"/>
                    </a:lnTo>
                    <a:lnTo>
                      <a:pt x="230" y="438"/>
                    </a:lnTo>
                    <a:lnTo>
                      <a:pt x="226" y="435"/>
                    </a:lnTo>
                    <a:lnTo>
                      <a:pt x="221" y="433"/>
                    </a:lnTo>
                    <a:lnTo>
                      <a:pt x="214" y="436"/>
                    </a:lnTo>
                    <a:lnTo>
                      <a:pt x="204" y="445"/>
                    </a:lnTo>
                    <a:lnTo>
                      <a:pt x="203" y="447"/>
                    </a:lnTo>
                    <a:lnTo>
                      <a:pt x="201" y="448"/>
                    </a:lnTo>
                    <a:lnTo>
                      <a:pt x="198" y="452"/>
                    </a:lnTo>
                    <a:lnTo>
                      <a:pt x="194" y="453"/>
                    </a:lnTo>
                    <a:lnTo>
                      <a:pt x="189" y="455"/>
                    </a:lnTo>
                    <a:lnTo>
                      <a:pt x="184" y="457"/>
                    </a:lnTo>
                    <a:lnTo>
                      <a:pt x="177" y="453"/>
                    </a:lnTo>
                    <a:lnTo>
                      <a:pt x="172" y="450"/>
                    </a:lnTo>
                    <a:lnTo>
                      <a:pt x="170" y="448"/>
                    </a:lnTo>
                    <a:lnTo>
                      <a:pt x="169" y="448"/>
                    </a:lnTo>
                    <a:lnTo>
                      <a:pt x="167" y="447"/>
                    </a:lnTo>
                    <a:lnTo>
                      <a:pt x="164" y="448"/>
                    </a:lnTo>
                    <a:lnTo>
                      <a:pt x="160" y="448"/>
                    </a:lnTo>
                    <a:lnTo>
                      <a:pt x="157" y="452"/>
                    </a:lnTo>
                    <a:lnTo>
                      <a:pt x="152" y="457"/>
                    </a:lnTo>
                    <a:lnTo>
                      <a:pt x="150" y="457"/>
                    </a:lnTo>
                    <a:lnTo>
                      <a:pt x="147" y="455"/>
                    </a:lnTo>
                    <a:lnTo>
                      <a:pt x="143" y="455"/>
                    </a:lnTo>
                    <a:lnTo>
                      <a:pt x="142" y="455"/>
                    </a:lnTo>
                    <a:lnTo>
                      <a:pt x="128" y="443"/>
                    </a:lnTo>
                    <a:lnTo>
                      <a:pt x="98" y="441"/>
                    </a:lnTo>
                    <a:lnTo>
                      <a:pt x="98" y="440"/>
                    </a:lnTo>
                    <a:lnTo>
                      <a:pt x="98" y="436"/>
                    </a:lnTo>
                    <a:lnTo>
                      <a:pt x="96" y="433"/>
                    </a:lnTo>
                    <a:lnTo>
                      <a:pt x="94" y="428"/>
                    </a:lnTo>
                    <a:lnTo>
                      <a:pt x="89" y="423"/>
                    </a:lnTo>
                    <a:lnTo>
                      <a:pt x="82" y="418"/>
                    </a:lnTo>
                    <a:lnTo>
                      <a:pt x="72" y="416"/>
                    </a:lnTo>
                    <a:lnTo>
                      <a:pt x="60" y="414"/>
                    </a:lnTo>
                    <a:lnTo>
                      <a:pt x="59" y="414"/>
                    </a:lnTo>
                    <a:lnTo>
                      <a:pt x="55" y="414"/>
                    </a:lnTo>
                    <a:lnTo>
                      <a:pt x="52" y="414"/>
                    </a:lnTo>
                    <a:lnTo>
                      <a:pt x="47" y="414"/>
                    </a:lnTo>
                    <a:lnTo>
                      <a:pt x="42" y="414"/>
                    </a:lnTo>
                    <a:lnTo>
                      <a:pt x="38" y="414"/>
                    </a:lnTo>
                    <a:lnTo>
                      <a:pt x="37" y="414"/>
                    </a:lnTo>
                    <a:lnTo>
                      <a:pt x="35" y="414"/>
                    </a:lnTo>
                    <a:lnTo>
                      <a:pt x="0" y="96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64" name="Freeform 161"/>
              <p:cNvSpPr>
                <a:spLocks/>
              </p:cNvSpPr>
              <p:nvPr/>
            </p:nvSpPr>
            <p:spPr bwMode="auto">
              <a:xfrm>
                <a:off x="3961" y="1493"/>
                <a:ext cx="412" cy="469"/>
              </a:xfrm>
              <a:custGeom>
                <a:avLst/>
                <a:gdLst>
                  <a:gd name="T0" fmla="*/ 118 w 412"/>
                  <a:gd name="T1" fmla="*/ 78 h 469"/>
                  <a:gd name="T2" fmla="*/ 126 w 412"/>
                  <a:gd name="T3" fmla="*/ 73 h 469"/>
                  <a:gd name="T4" fmla="*/ 140 w 412"/>
                  <a:gd name="T5" fmla="*/ 73 h 469"/>
                  <a:gd name="T6" fmla="*/ 164 w 412"/>
                  <a:gd name="T7" fmla="*/ 86 h 469"/>
                  <a:gd name="T8" fmla="*/ 177 w 412"/>
                  <a:gd name="T9" fmla="*/ 91 h 469"/>
                  <a:gd name="T10" fmla="*/ 170 w 412"/>
                  <a:gd name="T11" fmla="*/ 100 h 469"/>
                  <a:gd name="T12" fmla="*/ 186 w 412"/>
                  <a:gd name="T13" fmla="*/ 98 h 469"/>
                  <a:gd name="T14" fmla="*/ 196 w 412"/>
                  <a:gd name="T15" fmla="*/ 93 h 469"/>
                  <a:gd name="T16" fmla="*/ 209 w 412"/>
                  <a:gd name="T17" fmla="*/ 98 h 469"/>
                  <a:gd name="T18" fmla="*/ 226 w 412"/>
                  <a:gd name="T19" fmla="*/ 91 h 469"/>
                  <a:gd name="T20" fmla="*/ 236 w 412"/>
                  <a:gd name="T21" fmla="*/ 88 h 469"/>
                  <a:gd name="T22" fmla="*/ 253 w 412"/>
                  <a:gd name="T23" fmla="*/ 78 h 469"/>
                  <a:gd name="T24" fmla="*/ 262 w 412"/>
                  <a:gd name="T25" fmla="*/ 78 h 469"/>
                  <a:gd name="T26" fmla="*/ 275 w 412"/>
                  <a:gd name="T27" fmla="*/ 76 h 469"/>
                  <a:gd name="T28" fmla="*/ 279 w 412"/>
                  <a:gd name="T29" fmla="*/ 74 h 469"/>
                  <a:gd name="T30" fmla="*/ 297 w 412"/>
                  <a:gd name="T31" fmla="*/ 56 h 469"/>
                  <a:gd name="T32" fmla="*/ 326 w 412"/>
                  <a:gd name="T33" fmla="*/ 32 h 469"/>
                  <a:gd name="T34" fmla="*/ 363 w 412"/>
                  <a:gd name="T35" fmla="*/ 7 h 469"/>
                  <a:gd name="T36" fmla="*/ 412 w 412"/>
                  <a:gd name="T37" fmla="*/ 166 h 469"/>
                  <a:gd name="T38" fmla="*/ 404 w 412"/>
                  <a:gd name="T39" fmla="*/ 176 h 469"/>
                  <a:gd name="T40" fmla="*/ 409 w 412"/>
                  <a:gd name="T41" fmla="*/ 206 h 469"/>
                  <a:gd name="T42" fmla="*/ 404 w 412"/>
                  <a:gd name="T43" fmla="*/ 221 h 469"/>
                  <a:gd name="T44" fmla="*/ 401 w 412"/>
                  <a:gd name="T45" fmla="*/ 255 h 469"/>
                  <a:gd name="T46" fmla="*/ 399 w 412"/>
                  <a:gd name="T47" fmla="*/ 271 h 469"/>
                  <a:gd name="T48" fmla="*/ 401 w 412"/>
                  <a:gd name="T49" fmla="*/ 281 h 469"/>
                  <a:gd name="T50" fmla="*/ 390 w 412"/>
                  <a:gd name="T51" fmla="*/ 303 h 469"/>
                  <a:gd name="T52" fmla="*/ 382 w 412"/>
                  <a:gd name="T53" fmla="*/ 313 h 469"/>
                  <a:gd name="T54" fmla="*/ 368 w 412"/>
                  <a:gd name="T55" fmla="*/ 330 h 469"/>
                  <a:gd name="T56" fmla="*/ 365 w 412"/>
                  <a:gd name="T57" fmla="*/ 333 h 469"/>
                  <a:gd name="T58" fmla="*/ 351 w 412"/>
                  <a:gd name="T59" fmla="*/ 337 h 469"/>
                  <a:gd name="T60" fmla="*/ 326 w 412"/>
                  <a:gd name="T61" fmla="*/ 382 h 469"/>
                  <a:gd name="T62" fmla="*/ 324 w 412"/>
                  <a:gd name="T63" fmla="*/ 391 h 469"/>
                  <a:gd name="T64" fmla="*/ 314 w 412"/>
                  <a:gd name="T65" fmla="*/ 399 h 469"/>
                  <a:gd name="T66" fmla="*/ 307 w 412"/>
                  <a:gd name="T67" fmla="*/ 387 h 469"/>
                  <a:gd name="T68" fmla="*/ 297 w 412"/>
                  <a:gd name="T69" fmla="*/ 391 h 469"/>
                  <a:gd name="T70" fmla="*/ 296 w 412"/>
                  <a:gd name="T71" fmla="*/ 404 h 469"/>
                  <a:gd name="T72" fmla="*/ 291 w 412"/>
                  <a:gd name="T73" fmla="*/ 416 h 469"/>
                  <a:gd name="T74" fmla="*/ 292 w 412"/>
                  <a:gd name="T75" fmla="*/ 441 h 469"/>
                  <a:gd name="T76" fmla="*/ 285 w 412"/>
                  <a:gd name="T77" fmla="*/ 453 h 469"/>
                  <a:gd name="T78" fmla="*/ 263 w 412"/>
                  <a:gd name="T79" fmla="*/ 469 h 469"/>
                  <a:gd name="T80" fmla="*/ 257 w 412"/>
                  <a:gd name="T81" fmla="*/ 462 h 469"/>
                  <a:gd name="T82" fmla="*/ 241 w 412"/>
                  <a:gd name="T83" fmla="*/ 450 h 469"/>
                  <a:gd name="T84" fmla="*/ 231 w 412"/>
                  <a:gd name="T85" fmla="*/ 452 h 469"/>
                  <a:gd name="T86" fmla="*/ 226 w 412"/>
                  <a:gd name="T87" fmla="*/ 435 h 469"/>
                  <a:gd name="T88" fmla="*/ 204 w 412"/>
                  <a:gd name="T89" fmla="*/ 445 h 469"/>
                  <a:gd name="T90" fmla="*/ 194 w 412"/>
                  <a:gd name="T91" fmla="*/ 453 h 469"/>
                  <a:gd name="T92" fmla="*/ 172 w 412"/>
                  <a:gd name="T93" fmla="*/ 450 h 469"/>
                  <a:gd name="T94" fmla="*/ 169 w 412"/>
                  <a:gd name="T95" fmla="*/ 448 h 469"/>
                  <a:gd name="T96" fmla="*/ 157 w 412"/>
                  <a:gd name="T97" fmla="*/ 452 h 469"/>
                  <a:gd name="T98" fmla="*/ 147 w 412"/>
                  <a:gd name="T99" fmla="*/ 455 h 469"/>
                  <a:gd name="T100" fmla="*/ 98 w 412"/>
                  <a:gd name="T101" fmla="*/ 441 h 469"/>
                  <a:gd name="T102" fmla="*/ 96 w 412"/>
                  <a:gd name="T103" fmla="*/ 433 h 469"/>
                  <a:gd name="T104" fmla="*/ 72 w 412"/>
                  <a:gd name="T105" fmla="*/ 416 h 469"/>
                  <a:gd name="T106" fmla="*/ 55 w 412"/>
                  <a:gd name="T107" fmla="*/ 414 h 469"/>
                  <a:gd name="T108" fmla="*/ 38 w 412"/>
                  <a:gd name="T109" fmla="*/ 414 h 469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w 412"/>
                  <a:gd name="T166" fmla="*/ 0 h 469"/>
                  <a:gd name="T167" fmla="*/ 412 w 412"/>
                  <a:gd name="T168" fmla="*/ 469 h 469"/>
                </a:gdLst>
                <a:ahLst/>
                <a:cxnLst>
                  <a:cxn ang="T110">
                    <a:pos x="T0" y="T1"/>
                  </a:cxn>
                  <a:cxn ang="T111">
                    <a:pos x="T2" y="T3"/>
                  </a:cxn>
                  <a:cxn ang="T112">
                    <a:pos x="T4" y="T5"/>
                  </a:cxn>
                  <a:cxn ang="T113">
                    <a:pos x="T6" y="T7"/>
                  </a:cxn>
                  <a:cxn ang="T114">
                    <a:pos x="T8" y="T9"/>
                  </a:cxn>
                  <a:cxn ang="T115">
                    <a:pos x="T10" y="T11"/>
                  </a:cxn>
                  <a:cxn ang="T116">
                    <a:pos x="T12" y="T13"/>
                  </a:cxn>
                  <a:cxn ang="T117">
                    <a:pos x="T14" y="T15"/>
                  </a:cxn>
                  <a:cxn ang="T118">
                    <a:pos x="T16" y="T17"/>
                  </a:cxn>
                  <a:cxn ang="T119">
                    <a:pos x="T18" y="T19"/>
                  </a:cxn>
                  <a:cxn ang="T120">
                    <a:pos x="T20" y="T21"/>
                  </a:cxn>
                  <a:cxn ang="T121">
                    <a:pos x="T22" y="T23"/>
                  </a:cxn>
                  <a:cxn ang="T122">
                    <a:pos x="T24" y="T25"/>
                  </a:cxn>
                  <a:cxn ang="T123">
                    <a:pos x="T26" y="T27"/>
                  </a:cxn>
                  <a:cxn ang="T124">
                    <a:pos x="T28" y="T29"/>
                  </a:cxn>
                  <a:cxn ang="T125">
                    <a:pos x="T30" y="T31"/>
                  </a:cxn>
                  <a:cxn ang="T126">
                    <a:pos x="T32" y="T33"/>
                  </a:cxn>
                  <a:cxn ang="T127">
                    <a:pos x="T34" y="T35"/>
                  </a:cxn>
                  <a:cxn ang="T128">
                    <a:pos x="T36" y="T37"/>
                  </a:cxn>
                  <a:cxn ang="T129">
                    <a:pos x="T38" y="T39"/>
                  </a:cxn>
                  <a:cxn ang="T130">
                    <a:pos x="T40" y="T41"/>
                  </a:cxn>
                  <a:cxn ang="T131">
                    <a:pos x="T42" y="T43"/>
                  </a:cxn>
                  <a:cxn ang="T132">
                    <a:pos x="T44" y="T45"/>
                  </a:cxn>
                  <a:cxn ang="T133">
                    <a:pos x="T46" y="T47"/>
                  </a:cxn>
                  <a:cxn ang="T134">
                    <a:pos x="T48" y="T49"/>
                  </a:cxn>
                  <a:cxn ang="T135">
                    <a:pos x="T50" y="T51"/>
                  </a:cxn>
                  <a:cxn ang="T136">
                    <a:pos x="T52" y="T53"/>
                  </a:cxn>
                  <a:cxn ang="T137">
                    <a:pos x="T54" y="T55"/>
                  </a:cxn>
                  <a:cxn ang="T138">
                    <a:pos x="T56" y="T57"/>
                  </a:cxn>
                  <a:cxn ang="T139">
                    <a:pos x="T58" y="T59"/>
                  </a:cxn>
                  <a:cxn ang="T140">
                    <a:pos x="T60" y="T61"/>
                  </a:cxn>
                  <a:cxn ang="T141">
                    <a:pos x="T62" y="T63"/>
                  </a:cxn>
                  <a:cxn ang="T142">
                    <a:pos x="T64" y="T65"/>
                  </a:cxn>
                  <a:cxn ang="T143">
                    <a:pos x="T66" y="T67"/>
                  </a:cxn>
                  <a:cxn ang="T144">
                    <a:pos x="T68" y="T69"/>
                  </a:cxn>
                  <a:cxn ang="T145">
                    <a:pos x="T70" y="T71"/>
                  </a:cxn>
                  <a:cxn ang="T146">
                    <a:pos x="T72" y="T73"/>
                  </a:cxn>
                  <a:cxn ang="T147">
                    <a:pos x="T74" y="T75"/>
                  </a:cxn>
                  <a:cxn ang="T148">
                    <a:pos x="T76" y="T77"/>
                  </a:cxn>
                  <a:cxn ang="T149">
                    <a:pos x="T78" y="T79"/>
                  </a:cxn>
                  <a:cxn ang="T150">
                    <a:pos x="T80" y="T81"/>
                  </a:cxn>
                  <a:cxn ang="T151">
                    <a:pos x="T82" y="T83"/>
                  </a:cxn>
                  <a:cxn ang="T152">
                    <a:pos x="T84" y="T85"/>
                  </a:cxn>
                  <a:cxn ang="T153">
                    <a:pos x="T86" y="T87"/>
                  </a:cxn>
                  <a:cxn ang="T154">
                    <a:pos x="T88" y="T89"/>
                  </a:cxn>
                  <a:cxn ang="T155">
                    <a:pos x="T90" y="T91"/>
                  </a:cxn>
                  <a:cxn ang="T156">
                    <a:pos x="T92" y="T93"/>
                  </a:cxn>
                  <a:cxn ang="T157">
                    <a:pos x="T94" y="T95"/>
                  </a:cxn>
                  <a:cxn ang="T158">
                    <a:pos x="T96" y="T97"/>
                  </a:cxn>
                  <a:cxn ang="T159">
                    <a:pos x="T98" y="T99"/>
                  </a:cxn>
                  <a:cxn ang="T160">
                    <a:pos x="T100" y="T101"/>
                  </a:cxn>
                  <a:cxn ang="T161">
                    <a:pos x="T102" y="T103"/>
                  </a:cxn>
                  <a:cxn ang="T162">
                    <a:pos x="T104" y="T105"/>
                  </a:cxn>
                  <a:cxn ang="T163">
                    <a:pos x="T106" y="T107"/>
                  </a:cxn>
                  <a:cxn ang="T164">
                    <a:pos x="T108" y="T109"/>
                  </a:cxn>
                </a:cxnLst>
                <a:rect l="T165" t="T166" r="T167" b="T168"/>
                <a:pathLst>
                  <a:path w="412" h="469">
                    <a:moveTo>
                      <a:pt x="0" y="96"/>
                    </a:moveTo>
                    <a:lnTo>
                      <a:pt x="116" y="78"/>
                    </a:lnTo>
                    <a:lnTo>
                      <a:pt x="118" y="78"/>
                    </a:lnTo>
                    <a:lnTo>
                      <a:pt x="121" y="76"/>
                    </a:lnTo>
                    <a:lnTo>
                      <a:pt x="125" y="74"/>
                    </a:lnTo>
                    <a:lnTo>
                      <a:pt x="126" y="73"/>
                    </a:lnTo>
                    <a:lnTo>
                      <a:pt x="128" y="73"/>
                    </a:lnTo>
                    <a:lnTo>
                      <a:pt x="130" y="73"/>
                    </a:lnTo>
                    <a:lnTo>
                      <a:pt x="135" y="73"/>
                    </a:lnTo>
                    <a:lnTo>
                      <a:pt x="140" y="73"/>
                    </a:lnTo>
                    <a:lnTo>
                      <a:pt x="145" y="74"/>
                    </a:lnTo>
                    <a:lnTo>
                      <a:pt x="152" y="78"/>
                    </a:lnTo>
                    <a:lnTo>
                      <a:pt x="159" y="81"/>
                    </a:lnTo>
                    <a:lnTo>
                      <a:pt x="164" y="86"/>
                    </a:lnTo>
                    <a:lnTo>
                      <a:pt x="174" y="86"/>
                    </a:lnTo>
                    <a:lnTo>
                      <a:pt x="181" y="79"/>
                    </a:lnTo>
                    <a:lnTo>
                      <a:pt x="191" y="84"/>
                    </a:lnTo>
                    <a:lnTo>
                      <a:pt x="177" y="91"/>
                    </a:lnTo>
                    <a:lnTo>
                      <a:pt x="169" y="100"/>
                    </a:lnTo>
                    <a:lnTo>
                      <a:pt x="170" y="100"/>
                    </a:lnTo>
                    <a:lnTo>
                      <a:pt x="174" y="100"/>
                    </a:lnTo>
                    <a:lnTo>
                      <a:pt x="177" y="100"/>
                    </a:lnTo>
                    <a:lnTo>
                      <a:pt x="182" y="100"/>
                    </a:lnTo>
                    <a:lnTo>
                      <a:pt x="186" y="98"/>
                    </a:lnTo>
                    <a:lnTo>
                      <a:pt x="191" y="95"/>
                    </a:lnTo>
                    <a:lnTo>
                      <a:pt x="196" y="91"/>
                    </a:lnTo>
                    <a:lnTo>
                      <a:pt x="196" y="93"/>
                    </a:lnTo>
                    <a:lnTo>
                      <a:pt x="198" y="93"/>
                    </a:lnTo>
                    <a:lnTo>
                      <a:pt x="201" y="95"/>
                    </a:lnTo>
                    <a:lnTo>
                      <a:pt x="206" y="96"/>
                    </a:lnTo>
                    <a:lnTo>
                      <a:pt x="209" y="98"/>
                    </a:lnTo>
                    <a:lnTo>
                      <a:pt x="214" y="98"/>
                    </a:lnTo>
                    <a:lnTo>
                      <a:pt x="219" y="96"/>
                    </a:lnTo>
                    <a:lnTo>
                      <a:pt x="226" y="91"/>
                    </a:lnTo>
                    <a:lnTo>
                      <a:pt x="230" y="91"/>
                    </a:lnTo>
                    <a:lnTo>
                      <a:pt x="231" y="89"/>
                    </a:lnTo>
                    <a:lnTo>
                      <a:pt x="236" y="88"/>
                    </a:lnTo>
                    <a:lnTo>
                      <a:pt x="240" y="86"/>
                    </a:lnTo>
                    <a:lnTo>
                      <a:pt x="245" y="84"/>
                    </a:lnTo>
                    <a:lnTo>
                      <a:pt x="250" y="81"/>
                    </a:lnTo>
                    <a:lnTo>
                      <a:pt x="253" y="78"/>
                    </a:lnTo>
                    <a:lnTo>
                      <a:pt x="255" y="78"/>
                    </a:lnTo>
                    <a:lnTo>
                      <a:pt x="258" y="78"/>
                    </a:lnTo>
                    <a:lnTo>
                      <a:pt x="262" y="78"/>
                    </a:lnTo>
                    <a:lnTo>
                      <a:pt x="265" y="76"/>
                    </a:lnTo>
                    <a:lnTo>
                      <a:pt x="270" y="76"/>
                    </a:lnTo>
                    <a:lnTo>
                      <a:pt x="274" y="76"/>
                    </a:lnTo>
                    <a:lnTo>
                      <a:pt x="275" y="76"/>
                    </a:lnTo>
                    <a:lnTo>
                      <a:pt x="277" y="76"/>
                    </a:lnTo>
                    <a:lnTo>
                      <a:pt x="279" y="74"/>
                    </a:lnTo>
                    <a:lnTo>
                      <a:pt x="282" y="71"/>
                    </a:lnTo>
                    <a:lnTo>
                      <a:pt x="285" y="67"/>
                    </a:lnTo>
                    <a:lnTo>
                      <a:pt x="291" y="62"/>
                    </a:lnTo>
                    <a:lnTo>
                      <a:pt x="297" y="56"/>
                    </a:lnTo>
                    <a:lnTo>
                      <a:pt x="302" y="51"/>
                    </a:lnTo>
                    <a:lnTo>
                      <a:pt x="311" y="44"/>
                    </a:lnTo>
                    <a:lnTo>
                      <a:pt x="318" y="37"/>
                    </a:lnTo>
                    <a:lnTo>
                      <a:pt x="326" y="32"/>
                    </a:lnTo>
                    <a:lnTo>
                      <a:pt x="335" y="25"/>
                    </a:lnTo>
                    <a:lnTo>
                      <a:pt x="345" y="18"/>
                    </a:lnTo>
                    <a:lnTo>
                      <a:pt x="353" y="12"/>
                    </a:lnTo>
                    <a:lnTo>
                      <a:pt x="363" y="7"/>
                    </a:lnTo>
                    <a:lnTo>
                      <a:pt x="372" y="3"/>
                    </a:lnTo>
                    <a:lnTo>
                      <a:pt x="382" y="0"/>
                    </a:lnTo>
                    <a:lnTo>
                      <a:pt x="380" y="0"/>
                    </a:lnTo>
                    <a:lnTo>
                      <a:pt x="412" y="166"/>
                    </a:lnTo>
                    <a:lnTo>
                      <a:pt x="401" y="169"/>
                    </a:lnTo>
                    <a:lnTo>
                      <a:pt x="402" y="171"/>
                    </a:lnTo>
                    <a:lnTo>
                      <a:pt x="404" y="176"/>
                    </a:lnTo>
                    <a:lnTo>
                      <a:pt x="406" y="181"/>
                    </a:lnTo>
                    <a:lnTo>
                      <a:pt x="407" y="189"/>
                    </a:lnTo>
                    <a:lnTo>
                      <a:pt x="409" y="198"/>
                    </a:lnTo>
                    <a:lnTo>
                      <a:pt x="409" y="206"/>
                    </a:lnTo>
                    <a:lnTo>
                      <a:pt x="409" y="213"/>
                    </a:lnTo>
                    <a:lnTo>
                      <a:pt x="406" y="218"/>
                    </a:lnTo>
                    <a:lnTo>
                      <a:pt x="404" y="221"/>
                    </a:lnTo>
                    <a:lnTo>
                      <a:pt x="404" y="227"/>
                    </a:lnTo>
                    <a:lnTo>
                      <a:pt x="402" y="235"/>
                    </a:lnTo>
                    <a:lnTo>
                      <a:pt x="401" y="245"/>
                    </a:lnTo>
                    <a:lnTo>
                      <a:pt x="401" y="255"/>
                    </a:lnTo>
                    <a:lnTo>
                      <a:pt x="399" y="262"/>
                    </a:lnTo>
                    <a:lnTo>
                      <a:pt x="399" y="269"/>
                    </a:lnTo>
                    <a:lnTo>
                      <a:pt x="399" y="271"/>
                    </a:lnTo>
                    <a:lnTo>
                      <a:pt x="399" y="272"/>
                    </a:lnTo>
                    <a:lnTo>
                      <a:pt x="399" y="274"/>
                    </a:lnTo>
                    <a:lnTo>
                      <a:pt x="401" y="277"/>
                    </a:lnTo>
                    <a:lnTo>
                      <a:pt x="401" y="281"/>
                    </a:lnTo>
                    <a:lnTo>
                      <a:pt x="401" y="286"/>
                    </a:lnTo>
                    <a:lnTo>
                      <a:pt x="399" y="291"/>
                    </a:lnTo>
                    <a:lnTo>
                      <a:pt x="395" y="296"/>
                    </a:lnTo>
                    <a:lnTo>
                      <a:pt x="390" y="303"/>
                    </a:lnTo>
                    <a:lnTo>
                      <a:pt x="389" y="304"/>
                    </a:lnTo>
                    <a:lnTo>
                      <a:pt x="387" y="308"/>
                    </a:lnTo>
                    <a:lnTo>
                      <a:pt x="382" y="313"/>
                    </a:lnTo>
                    <a:lnTo>
                      <a:pt x="379" y="316"/>
                    </a:lnTo>
                    <a:lnTo>
                      <a:pt x="375" y="321"/>
                    </a:lnTo>
                    <a:lnTo>
                      <a:pt x="370" y="326"/>
                    </a:lnTo>
                    <a:lnTo>
                      <a:pt x="368" y="330"/>
                    </a:lnTo>
                    <a:lnTo>
                      <a:pt x="367" y="330"/>
                    </a:lnTo>
                    <a:lnTo>
                      <a:pt x="367" y="331"/>
                    </a:lnTo>
                    <a:lnTo>
                      <a:pt x="365" y="333"/>
                    </a:lnTo>
                    <a:lnTo>
                      <a:pt x="362" y="335"/>
                    </a:lnTo>
                    <a:lnTo>
                      <a:pt x="358" y="335"/>
                    </a:lnTo>
                    <a:lnTo>
                      <a:pt x="355" y="337"/>
                    </a:lnTo>
                    <a:lnTo>
                      <a:pt x="351" y="337"/>
                    </a:lnTo>
                    <a:lnTo>
                      <a:pt x="350" y="335"/>
                    </a:lnTo>
                    <a:lnTo>
                      <a:pt x="350" y="333"/>
                    </a:lnTo>
                    <a:lnTo>
                      <a:pt x="328" y="355"/>
                    </a:lnTo>
                    <a:lnTo>
                      <a:pt x="326" y="382"/>
                    </a:lnTo>
                    <a:lnTo>
                      <a:pt x="324" y="382"/>
                    </a:lnTo>
                    <a:lnTo>
                      <a:pt x="324" y="387"/>
                    </a:lnTo>
                    <a:lnTo>
                      <a:pt x="324" y="391"/>
                    </a:lnTo>
                    <a:lnTo>
                      <a:pt x="323" y="396"/>
                    </a:lnTo>
                    <a:lnTo>
                      <a:pt x="319" y="399"/>
                    </a:lnTo>
                    <a:lnTo>
                      <a:pt x="318" y="401"/>
                    </a:lnTo>
                    <a:lnTo>
                      <a:pt x="314" y="399"/>
                    </a:lnTo>
                    <a:lnTo>
                      <a:pt x="311" y="391"/>
                    </a:lnTo>
                    <a:lnTo>
                      <a:pt x="309" y="389"/>
                    </a:lnTo>
                    <a:lnTo>
                      <a:pt x="307" y="387"/>
                    </a:lnTo>
                    <a:lnTo>
                      <a:pt x="306" y="387"/>
                    </a:lnTo>
                    <a:lnTo>
                      <a:pt x="302" y="387"/>
                    </a:lnTo>
                    <a:lnTo>
                      <a:pt x="301" y="387"/>
                    </a:lnTo>
                    <a:lnTo>
                      <a:pt x="297" y="391"/>
                    </a:lnTo>
                    <a:lnTo>
                      <a:pt x="297" y="396"/>
                    </a:lnTo>
                    <a:lnTo>
                      <a:pt x="296" y="404"/>
                    </a:lnTo>
                    <a:lnTo>
                      <a:pt x="296" y="408"/>
                    </a:lnTo>
                    <a:lnTo>
                      <a:pt x="294" y="409"/>
                    </a:lnTo>
                    <a:lnTo>
                      <a:pt x="292" y="413"/>
                    </a:lnTo>
                    <a:lnTo>
                      <a:pt x="291" y="416"/>
                    </a:lnTo>
                    <a:lnTo>
                      <a:pt x="291" y="418"/>
                    </a:lnTo>
                    <a:lnTo>
                      <a:pt x="289" y="419"/>
                    </a:lnTo>
                    <a:lnTo>
                      <a:pt x="292" y="441"/>
                    </a:lnTo>
                    <a:lnTo>
                      <a:pt x="291" y="443"/>
                    </a:lnTo>
                    <a:lnTo>
                      <a:pt x="289" y="447"/>
                    </a:lnTo>
                    <a:lnTo>
                      <a:pt x="285" y="453"/>
                    </a:lnTo>
                    <a:lnTo>
                      <a:pt x="280" y="458"/>
                    </a:lnTo>
                    <a:lnTo>
                      <a:pt x="275" y="463"/>
                    </a:lnTo>
                    <a:lnTo>
                      <a:pt x="270" y="467"/>
                    </a:lnTo>
                    <a:lnTo>
                      <a:pt x="263" y="469"/>
                    </a:lnTo>
                    <a:lnTo>
                      <a:pt x="260" y="465"/>
                    </a:lnTo>
                    <a:lnTo>
                      <a:pt x="258" y="463"/>
                    </a:lnTo>
                    <a:lnTo>
                      <a:pt x="257" y="462"/>
                    </a:lnTo>
                    <a:lnTo>
                      <a:pt x="253" y="458"/>
                    </a:lnTo>
                    <a:lnTo>
                      <a:pt x="250" y="455"/>
                    </a:lnTo>
                    <a:lnTo>
                      <a:pt x="245" y="452"/>
                    </a:lnTo>
                    <a:lnTo>
                      <a:pt x="241" y="450"/>
                    </a:lnTo>
                    <a:lnTo>
                      <a:pt x="236" y="450"/>
                    </a:lnTo>
                    <a:lnTo>
                      <a:pt x="233" y="453"/>
                    </a:lnTo>
                    <a:lnTo>
                      <a:pt x="231" y="452"/>
                    </a:lnTo>
                    <a:lnTo>
                      <a:pt x="231" y="448"/>
                    </a:lnTo>
                    <a:lnTo>
                      <a:pt x="231" y="443"/>
                    </a:lnTo>
                    <a:lnTo>
                      <a:pt x="230" y="438"/>
                    </a:lnTo>
                    <a:lnTo>
                      <a:pt x="226" y="435"/>
                    </a:lnTo>
                    <a:lnTo>
                      <a:pt x="221" y="433"/>
                    </a:lnTo>
                    <a:lnTo>
                      <a:pt x="214" y="436"/>
                    </a:lnTo>
                    <a:lnTo>
                      <a:pt x="204" y="445"/>
                    </a:lnTo>
                    <a:lnTo>
                      <a:pt x="203" y="447"/>
                    </a:lnTo>
                    <a:lnTo>
                      <a:pt x="201" y="448"/>
                    </a:lnTo>
                    <a:lnTo>
                      <a:pt x="198" y="452"/>
                    </a:lnTo>
                    <a:lnTo>
                      <a:pt x="194" y="453"/>
                    </a:lnTo>
                    <a:lnTo>
                      <a:pt x="189" y="455"/>
                    </a:lnTo>
                    <a:lnTo>
                      <a:pt x="184" y="457"/>
                    </a:lnTo>
                    <a:lnTo>
                      <a:pt x="177" y="453"/>
                    </a:lnTo>
                    <a:lnTo>
                      <a:pt x="172" y="450"/>
                    </a:lnTo>
                    <a:lnTo>
                      <a:pt x="170" y="448"/>
                    </a:lnTo>
                    <a:lnTo>
                      <a:pt x="169" y="448"/>
                    </a:lnTo>
                    <a:lnTo>
                      <a:pt x="167" y="447"/>
                    </a:lnTo>
                    <a:lnTo>
                      <a:pt x="164" y="448"/>
                    </a:lnTo>
                    <a:lnTo>
                      <a:pt x="160" y="448"/>
                    </a:lnTo>
                    <a:lnTo>
                      <a:pt x="157" y="452"/>
                    </a:lnTo>
                    <a:lnTo>
                      <a:pt x="152" y="457"/>
                    </a:lnTo>
                    <a:lnTo>
                      <a:pt x="150" y="457"/>
                    </a:lnTo>
                    <a:lnTo>
                      <a:pt x="147" y="455"/>
                    </a:lnTo>
                    <a:lnTo>
                      <a:pt x="143" y="455"/>
                    </a:lnTo>
                    <a:lnTo>
                      <a:pt x="142" y="455"/>
                    </a:lnTo>
                    <a:lnTo>
                      <a:pt x="128" y="443"/>
                    </a:lnTo>
                    <a:lnTo>
                      <a:pt x="98" y="441"/>
                    </a:lnTo>
                    <a:lnTo>
                      <a:pt x="98" y="440"/>
                    </a:lnTo>
                    <a:lnTo>
                      <a:pt x="98" y="436"/>
                    </a:lnTo>
                    <a:lnTo>
                      <a:pt x="96" y="433"/>
                    </a:lnTo>
                    <a:lnTo>
                      <a:pt x="94" y="428"/>
                    </a:lnTo>
                    <a:lnTo>
                      <a:pt x="89" y="423"/>
                    </a:lnTo>
                    <a:lnTo>
                      <a:pt x="82" y="418"/>
                    </a:lnTo>
                    <a:lnTo>
                      <a:pt x="72" y="416"/>
                    </a:lnTo>
                    <a:lnTo>
                      <a:pt x="60" y="414"/>
                    </a:lnTo>
                    <a:lnTo>
                      <a:pt x="59" y="414"/>
                    </a:lnTo>
                    <a:lnTo>
                      <a:pt x="55" y="414"/>
                    </a:lnTo>
                    <a:lnTo>
                      <a:pt x="52" y="414"/>
                    </a:lnTo>
                    <a:lnTo>
                      <a:pt x="47" y="414"/>
                    </a:lnTo>
                    <a:lnTo>
                      <a:pt x="42" y="414"/>
                    </a:lnTo>
                    <a:lnTo>
                      <a:pt x="38" y="414"/>
                    </a:lnTo>
                    <a:lnTo>
                      <a:pt x="37" y="414"/>
                    </a:lnTo>
                    <a:lnTo>
                      <a:pt x="35" y="414"/>
                    </a:lnTo>
                    <a:lnTo>
                      <a:pt x="0" y="96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234" name="Group 162"/>
            <p:cNvGrpSpPr>
              <a:grpSpLocks/>
            </p:cNvGrpSpPr>
            <p:nvPr/>
          </p:nvGrpSpPr>
          <p:grpSpPr bwMode="auto">
            <a:xfrm>
              <a:off x="3877" y="2450"/>
              <a:ext cx="847" cy="372"/>
              <a:chOff x="4106" y="2078"/>
              <a:chExt cx="870" cy="383"/>
            </a:xfrm>
          </p:grpSpPr>
          <p:sp>
            <p:nvSpPr>
              <p:cNvPr id="255" name="Freeform 163"/>
              <p:cNvSpPr>
                <a:spLocks/>
              </p:cNvSpPr>
              <p:nvPr/>
            </p:nvSpPr>
            <p:spPr bwMode="auto">
              <a:xfrm>
                <a:off x="4106" y="2082"/>
                <a:ext cx="834" cy="379"/>
              </a:xfrm>
              <a:custGeom>
                <a:avLst/>
                <a:gdLst>
                  <a:gd name="T0" fmla="*/ 650 w 834"/>
                  <a:gd name="T1" fmla="*/ 362 h 379"/>
                  <a:gd name="T2" fmla="*/ 658 w 834"/>
                  <a:gd name="T3" fmla="*/ 340 h 379"/>
                  <a:gd name="T4" fmla="*/ 663 w 834"/>
                  <a:gd name="T5" fmla="*/ 338 h 379"/>
                  <a:gd name="T6" fmla="*/ 685 w 834"/>
                  <a:gd name="T7" fmla="*/ 292 h 379"/>
                  <a:gd name="T8" fmla="*/ 701 w 834"/>
                  <a:gd name="T9" fmla="*/ 276 h 379"/>
                  <a:gd name="T10" fmla="*/ 714 w 834"/>
                  <a:gd name="T11" fmla="*/ 262 h 379"/>
                  <a:gd name="T12" fmla="*/ 758 w 834"/>
                  <a:gd name="T13" fmla="*/ 238 h 379"/>
                  <a:gd name="T14" fmla="*/ 768 w 834"/>
                  <a:gd name="T15" fmla="*/ 232 h 379"/>
                  <a:gd name="T16" fmla="*/ 780 w 834"/>
                  <a:gd name="T17" fmla="*/ 230 h 379"/>
                  <a:gd name="T18" fmla="*/ 792 w 834"/>
                  <a:gd name="T19" fmla="*/ 215 h 379"/>
                  <a:gd name="T20" fmla="*/ 794 w 834"/>
                  <a:gd name="T21" fmla="*/ 193 h 379"/>
                  <a:gd name="T22" fmla="*/ 785 w 834"/>
                  <a:gd name="T23" fmla="*/ 199 h 379"/>
                  <a:gd name="T24" fmla="*/ 780 w 834"/>
                  <a:gd name="T25" fmla="*/ 193 h 379"/>
                  <a:gd name="T26" fmla="*/ 726 w 834"/>
                  <a:gd name="T27" fmla="*/ 198 h 379"/>
                  <a:gd name="T28" fmla="*/ 758 w 834"/>
                  <a:gd name="T29" fmla="*/ 199 h 379"/>
                  <a:gd name="T30" fmla="*/ 768 w 834"/>
                  <a:gd name="T31" fmla="*/ 176 h 379"/>
                  <a:gd name="T32" fmla="*/ 740 w 834"/>
                  <a:gd name="T33" fmla="*/ 155 h 379"/>
                  <a:gd name="T34" fmla="*/ 728 w 834"/>
                  <a:gd name="T35" fmla="*/ 149 h 379"/>
                  <a:gd name="T36" fmla="*/ 748 w 834"/>
                  <a:gd name="T37" fmla="*/ 149 h 379"/>
                  <a:gd name="T38" fmla="*/ 768 w 834"/>
                  <a:gd name="T39" fmla="*/ 144 h 379"/>
                  <a:gd name="T40" fmla="*/ 784 w 834"/>
                  <a:gd name="T41" fmla="*/ 147 h 379"/>
                  <a:gd name="T42" fmla="*/ 804 w 834"/>
                  <a:gd name="T43" fmla="*/ 147 h 379"/>
                  <a:gd name="T44" fmla="*/ 828 w 834"/>
                  <a:gd name="T45" fmla="*/ 110 h 379"/>
                  <a:gd name="T46" fmla="*/ 834 w 834"/>
                  <a:gd name="T47" fmla="*/ 105 h 379"/>
                  <a:gd name="T48" fmla="*/ 824 w 834"/>
                  <a:gd name="T49" fmla="*/ 67 h 379"/>
                  <a:gd name="T50" fmla="*/ 809 w 834"/>
                  <a:gd name="T51" fmla="*/ 89 h 379"/>
                  <a:gd name="T52" fmla="*/ 806 w 834"/>
                  <a:gd name="T53" fmla="*/ 101 h 379"/>
                  <a:gd name="T54" fmla="*/ 800 w 834"/>
                  <a:gd name="T55" fmla="*/ 79 h 379"/>
                  <a:gd name="T56" fmla="*/ 778 w 834"/>
                  <a:gd name="T57" fmla="*/ 76 h 379"/>
                  <a:gd name="T58" fmla="*/ 753 w 834"/>
                  <a:gd name="T59" fmla="*/ 83 h 379"/>
                  <a:gd name="T60" fmla="*/ 724 w 834"/>
                  <a:gd name="T61" fmla="*/ 96 h 379"/>
                  <a:gd name="T62" fmla="*/ 731 w 834"/>
                  <a:gd name="T63" fmla="*/ 61 h 379"/>
                  <a:gd name="T64" fmla="*/ 762 w 834"/>
                  <a:gd name="T65" fmla="*/ 67 h 379"/>
                  <a:gd name="T66" fmla="*/ 758 w 834"/>
                  <a:gd name="T67" fmla="*/ 52 h 379"/>
                  <a:gd name="T68" fmla="*/ 789 w 834"/>
                  <a:gd name="T69" fmla="*/ 49 h 379"/>
                  <a:gd name="T70" fmla="*/ 784 w 834"/>
                  <a:gd name="T71" fmla="*/ 35 h 379"/>
                  <a:gd name="T72" fmla="*/ 802 w 834"/>
                  <a:gd name="T73" fmla="*/ 39 h 379"/>
                  <a:gd name="T74" fmla="*/ 809 w 834"/>
                  <a:gd name="T75" fmla="*/ 35 h 379"/>
                  <a:gd name="T76" fmla="*/ 692 w 834"/>
                  <a:gd name="T77" fmla="*/ 20 h 379"/>
                  <a:gd name="T78" fmla="*/ 509 w 834"/>
                  <a:gd name="T79" fmla="*/ 56 h 379"/>
                  <a:gd name="T80" fmla="*/ 366 w 834"/>
                  <a:gd name="T81" fmla="*/ 79 h 379"/>
                  <a:gd name="T82" fmla="*/ 271 w 834"/>
                  <a:gd name="T83" fmla="*/ 91 h 379"/>
                  <a:gd name="T84" fmla="*/ 230 w 834"/>
                  <a:gd name="T85" fmla="*/ 94 h 379"/>
                  <a:gd name="T86" fmla="*/ 234 w 834"/>
                  <a:gd name="T87" fmla="*/ 118 h 379"/>
                  <a:gd name="T88" fmla="*/ 212 w 834"/>
                  <a:gd name="T89" fmla="*/ 145 h 379"/>
                  <a:gd name="T90" fmla="*/ 183 w 834"/>
                  <a:gd name="T91" fmla="*/ 162 h 379"/>
                  <a:gd name="T92" fmla="*/ 149 w 834"/>
                  <a:gd name="T93" fmla="*/ 181 h 379"/>
                  <a:gd name="T94" fmla="*/ 129 w 834"/>
                  <a:gd name="T95" fmla="*/ 194 h 379"/>
                  <a:gd name="T96" fmla="*/ 117 w 834"/>
                  <a:gd name="T97" fmla="*/ 218 h 379"/>
                  <a:gd name="T98" fmla="*/ 68 w 834"/>
                  <a:gd name="T99" fmla="*/ 250 h 379"/>
                  <a:gd name="T100" fmla="*/ 27 w 834"/>
                  <a:gd name="T101" fmla="*/ 274 h 379"/>
                  <a:gd name="T102" fmla="*/ 9 w 834"/>
                  <a:gd name="T103" fmla="*/ 299 h 379"/>
                  <a:gd name="T104" fmla="*/ 125 w 834"/>
                  <a:gd name="T105" fmla="*/ 316 h 379"/>
                  <a:gd name="T106" fmla="*/ 152 w 834"/>
                  <a:gd name="T107" fmla="*/ 296 h 379"/>
                  <a:gd name="T108" fmla="*/ 210 w 834"/>
                  <a:gd name="T109" fmla="*/ 274 h 379"/>
                  <a:gd name="T110" fmla="*/ 333 w 834"/>
                  <a:gd name="T111" fmla="*/ 265 h 379"/>
                  <a:gd name="T112" fmla="*/ 597 w 834"/>
                  <a:gd name="T113" fmla="*/ 379 h 379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834"/>
                  <a:gd name="T172" fmla="*/ 0 h 379"/>
                  <a:gd name="T173" fmla="*/ 834 w 834"/>
                  <a:gd name="T174" fmla="*/ 379 h 379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834" h="379">
                    <a:moveTo>
                      <a:pt x="604" y="377"/>
                    </a:moveTo>
                    <a:lnTo>
                      <a:pt x="618" y="369"/>
                    </a:lnTo>
                    <a:lnTo>
                      <a:pt x="628" y="362"/>
                    </a:lnTo>
                    <a:lnTo>
                      <a:pt x="636" y="360"/>
                    </a:lnTo>
                    <a:lnTo>
                      <a:pt x="643" y="360"/>
                    </a:lnTo>
                    <a:lnTo>
                      <a:pt x="648" y="360"/>
                    </a:lnTo>
                    <a:lnTo>
                      <a:pt x="650" y="362"/>
                    </a:lnTo>
                    <a:lnTo>
                      <a:pt x="653" y="364"/>
                    </a:lnTo>
                    <a:lnTo>
                      <a:pt x="653" y="365"/>
                    </a:lnTo>
                    <a:lnTo>
                      <a:pt x="653" y="333"/>
                    </a:lnTo>
                    <a:lnTo>
                      <a:pt x="657" y="333"/>
                    </a:lnTo>
                    <a:lnTo>
                      <a:pt x="658" y="335"/>
                    </a:lnTo>
                    <a:lnTo>
                      <a:pt x="658" y="338"/>
                    </a:lnTo>
                    <a:lnTo>
                      <a:pt x="658" y="340"/>
                    </a:lnTo>
                    <a:lnTo>
                      <a:pt x="660" y="345"/>
                    </a:lnTo>
                    <a:lnTo>
                      <a:pt x="662" y="348"/>
                    </a:lnTo>
                    <a:lnTo>
                      <a:pt x="662" y="352"/>
                    </a:lnTo>
                    <a:lnTo>
                      <a:pt x="662" y="353"/>
                    </a:lnTo>
                    <a:lnTo>
                      <a:pt x="663" y="345"/>
                    </a:lnTo>
                    <a:lnTo>
                      <a:pt x="663" y="338"/>
                    </a:lnTo>
                    <a:lnTo>
                      <a:pt x="667" y="330"/>
                    </a:lnTo>
                    <a:lnTo>
                      <a:pt x="668" y="323"/>
                    </a:lnTo>
                    <a:lnTo>
                      <a:pt x="672" y="316"/>
                    </a:lnTo>
                    <a:lnTo>
                      <a:pt x="675" y="309"/>
                    </a:lnTo>
                    <a:lnTo>
                      <a:pt x="679" y="303"/>
                    </a:lnTo>
                    <a:lnTo>
                      <a:pt x="682" y="298"/>
                    </a:lnTo>
                    <a:lnTo>
                      <a:pt x="685" y="292"/>
                    </a:lnTo>
                    <a:lnTo>
                      <a:pt x="689" y="289"/>
                    </a:lnTo>
                    <a:lnTo>
                      <a:pt x="692" y="286"/>
                    </a:lnTo>
                    <a:lnTo>
                      <a:pt x="696" y="282"/>
                    </a:lnTo>
                    <a:lnTo>
                      <a:pt x="697" y="279"/>
                    </a:lnTo>
                    <a:lnTo>
                      <a:pt x="699" y="277"/>
                    </a:lnTo>
                    <a:lnTo>
                      <a:pt x="701" y="277"/>
                    </a:lnTo>
                    <a:lnTo>
                      <a:pt x="701" y="276"/>
                    </a:lnTo>
                    <a:lnTo>
                      <a:pt x="696" y="267"/>
                    </a:lnTo>
                    <a:lnTo>
                      <a:pt x="702" y="262"/>
                    </a:lnTo>
                    <a:lnTo>
                      <a:pt x="702" y="264"/>
                    </a:lnTo>
                    <a:lnTo>
                      <a:pt x="704" y="267"/>
                    </a:lnTo>
                    <a:lnTo>
                      <a:pt x="706" y="270"/>
                    </a:lnTo>
                    <a:lnTo>
                      <a:pt x="707" y="270"/>
                    </a:lnTo>
                    <a:lnTo>
                      <a:pt x="714" y="262"/>
                    </a:lnTo>
                    <a:lnTo>
                      <a:pt x="721" y="254"/>
                    </a:lnTo>
                    <a:lnTo>
                      <a:pt x="729" y="248"/>
                    </a:lnTo>
                    <a:lnTo>
                      <a:pt x="738" y="243"/>
                    </a:lnTo>
                    <a:lnTo>
                      <a:pt x="745" y="242"/>
                    </a:lnTo>
                    <a:lnTo>
                      <a:pt x="751" y="240"/>
                    </a:lnTo>
                    <a:lnTo>
                      <a:pt x="756" y="238"/>
                    </a:lnTo>
                    <a:lnTo>
                      <a:pt x="758" y="238"/>
                    </a:lnTo>
                    <a:lnTo>
                      <a:pt x="758" y="232"/>
                    </a:lnTo>
                    <a:lnTo>
                      <a:pt x="760" y="230"/>
                    </a:lnTo>
                    <a:lnTo>
                      <a:pt x="762" y="228"/>
                    </a:lnTo>
                    <a:lnTo>
                      <a:pt x="763" y="228"/>
                    </a:lnTo>
                    <a:lnTo>
                      <a:pt x="765" y="230"/>
                    </a:lnTo>
                    <a:lnTo>
                      <a:pt x="767" y="230"/>
                    </a:lnTo>
                    <a:lnTo>
                      <a:pt x="768" y="232"/>
                    </a:lnTo>
                    <a:lnTo>
                      <a:pt x="768" y="233"/>
                    </a:lnTo>
                    <a:lnTo>
                      <a:pt x="770" y="230"/>
                    </a:lnTo>
                    <a:lnTo>
                      <a:pt x="772" y="228"/>
                    </a:lnTo>
                    <a:lnTo>
                      <a:pt x="773" y="226"/>
                    </a:lnTo>
                    <a:lnTo>
                      <a:pt x="775" y="228"/>
                    </a:lnTo>
                    <a:lnTo>
                      <a:pt x="778" y="228"/>
                    </a:lnTo>
                    <a:lnTo>
                      <a:pt x="780" y="230"/>
                    </a:lnTo>
                    <a:lnTo>
                      <a:pt x="782" y="230"/>
                    </a:lnTo>
                    <a:lnTo>
                      <a:pt x="784" y="230"/>
                    </a:lnTo>
                    <a:lnTo>
                      <a:pt x="785" y="226"/>
                    </a:lnTo>
                    <a:lnTo>
                      <a:pt x="787" y="223"/>
                    </a:lnTo>
                    <a:lnTo>
                      <a:pt x="790" y="218"/>
                    </a:lnTo>
                    <a:lnTo>
                      <a:pt x="792" y="215"/>
                    </a:lnTo>
                    <a:lnTo>
                      <a:pt x="795" y="210"/>
                    </a:lnTo>
                    <a:lnTo>
                      <a:pt x="797" y="208"/>
                    </a:lnTo>
                    <a:lnTo>
                      <a:pt x="797" y="204"/>
                    </a:lnTo>
                    <a:lnTo>
                      <a:pt x="797" y="196"/>
                    </a:lnTo>
                    <a:lnTo>
                      <a:pt x="795" y="193"/>
                    </a:lnTo>
                    <a:lnTo>
                      <a:pt x="795" y="191"/>
                    </a:lnTo>
                    <a:lnTo>
                      <a:pt x="794" y="193"/>
                    </a:lnTo>
                    <a:lnTo>
                      <a:pt x="792" y="194"/>
                    </a:lnTo>
                    <a:lnTo>
                      <a:pt x="790" y="198"/>
                    </a:lnTo>
                    <a:lnTo>
                      <a:pt x="790" y="199"/>
                    </a:lnTo>
                    <a:lnTo>
                      <a:pt x="790" y="201"/>
                    </a:lnTo>
                    <a:lnTo>
                      <a:pt x="789" y="201"/>
                    </a:lnTo>
                    <a:lnTo>
                      <a:pt x="787" y="199"/>
                    </a:lnTo>
                    <a:lnTo>
                      <a:pt x="785" y="199"/>
                    </a:lnTo>
                    <a:lnTo>
                      <a:pt x="785" y="198"/>
                    </a:lnTo>
                    <a:lnTo>
                      <a:pt x="784" y="191"/>
                    </a:lnTo>
                    <a:lnTo>
                      <a:pt x="784" y="188"/>
                    </a:lnTo>
                    <a:lnTo>
                      <a:pt x="784" y="186"/>
                    </a:lnTo>
                    <a:lnTo>
                      <a:pt x="782" y="188"/>
                    </a:lnTo>
                    <a:lnTo>
                      <a:pt x="780" y="189"/>
                    </a:lnTo>
                    <a:lnTo>
                      <a:pt x="780" y="193"/>
                    </a:lnTo>
                    <a:lnTo>
                      <a:pt x="780" y="194"/>
                    </a:lnTo>
                    <a:lnTo>
                      <a:pt x="780" y="196"/>
                    </a:lnTo>
                    <a:lnTo>
                      <a:pt x="772" y="198"/>
                    </a:lnTo>
                    <a:lnTo>
                      <a:pt x="753" y="215"/>
                    </a:lnTo>
                    <a:lnTo>
                      <a:pt x="741" y="213"/>
                    </a:lnTo>
                    <a:lnTo>
                      <a:pt x="724" y="198"/>
                    </a:lnTo>
                    <a:lnTo>
                      <a:pt x="726" y="198"/>
                    </a:lnTo>
                    <a:lnTo>
                      <a:pt x="729" y="199"/>
                    </a:lnTo>
                    <a:lnTo>
                      <a:pt x="733" y="199"/>
                    </a:lnTo>
                    <a:lnTo>
                      <a:pt x="736" y="201"/>
                    </a:lnTo>
                    <a:lnTo>
                      <a:pt x="741" y="204"/>
                    </a:lnTo>
                    <a:lnTo>
                      <a:pt x="748" y="204"/>
                    </a:lnTo>
                    <a:lnTo>
                      <a:pt x="753" y="203"/>
                    </a:lnTo>
                    <a:lnTo>
                      <a:pt x="758" y="199"/>
                    </a:lnTo>
                    <a:lnTo>
                      <a:pt x="763" y="194"/>
                    </a:lnTo>
                    <a:lnTo>
                      <a:pt x="767" y="191"/>
                    </a:lnTo>
                    <a:lnTo>
                      <a:pt x="770" y="188"/>
                    </a:lnTo>
                    <a:lnTo>
                      <a:pt x="770" y="186"/>
                    </a:lnTo>
                    <a:lnTo>
                      <a:pt x="760" y="182"/>
                    </a:lnTo>
                    <a:lnTo>
                      <a:pt x="758" y="177"/>
                    </a:lnTo>
                    <a:lnTo>
                      <a:pt x="768" y="176"/>
                    </a:lnTo>
                    <a:lnTo>
                      <a:pt x="772" y="164"/>
                    </a:lnTo>
                    <a:lnTo>
                      <a:pt x="770" y="164"/>
                    </a:lnTo>
                    <a:lnTo>
                      <a:pt x="768" y="164"/>
                    </a:lnTo>
                    <a:lnTo>
                      <a:pt x="767" y="164"/>
                    </a:lnTo>
                    <a:lnTo>
                      <a:pt x="763" y="162"/>
                    </a:lnTo>
                    <a:lnTo>
                      <a:pt x="750" y="159"/>
                    </a:lnTo>
                    <a:lnTo>
                      <a:pt x="740" y="155"/>
                    </a:lnTo>
                    <a:lnTo>
                      <a:pt x="731" y="154"/>
                    </a:lnTo>
                    <a:lnTo>
                      <a:pt x="728" y="152"/>
                    </a:lnTo>
                    <a:lnTo>
                      <a:pt x="724" y="150"/>
                    </a:lnTo>
                    <a:lnTo>
                      <a:pt x="723" y="150"/>
                    </a:lnTo>
                    <a:lnTo>
                      <a:pt x="724" y="149"/>
                    </a:lnTo>
                    <a:lnTo>
                      <a:pt x="726" y="149"/>
                    </a:lnTo>
                    <a:lnTo>
                      <a:pt x="728" y="149"/>
                    </a:lnTo>
                    <a:lnTo>
                      <a:pt x="731" y="147"/>
                    </a:lnTo>
                    <a:lnTo>
                      <a:pt x="736" y="149"/>
                    </a:lnTo>
                    <a:lnTo>
                      <a:pt x="740" y="149"/>
                    </a:lnTo>
                    <a:lnTo>
                      <a:pt x="743" y="149"/>
                    </a:lnTo>
                    <a:lnTo>
                      <a:pt x="745" y="149"/>
                    </a:lnTo>
                    <a:lnTo>
                      <a:pt x="746" y="149"/>
                    </a:lnTo>
                    <a:lnTo>
                      <a:pt x="748" y="149"/>
                    </a:lnTo>
                    <a:lnTo>
                      <a:pt x="746" y="138"/>
                    </a:lnTo>
                    <a:lnTo>
                      <a:pt x="755" y="135"/>
                    </a:lnTo>
                    <a:lnTo>
                      <a:pt x="760" y="144"/>
                    </a:lnTo>
                    <a:lnTo>
                      <a:pt x="762" y="144"/>
                    </a:lnTo>
                    <a:lnTo>
                      <a:pt x="765" y="144"/>
                    </a:lnTo>
                    <a:lnTo>
                      <a:pt x="767" y="145"/>
                    </a:lnTo>
                    <a:lnTo>
                      <a:pt x="768" y="144"/>
                    </a:lnTo>
                    <a:lnTo>
                      <a:pt x="770" y="138"/>
                    </a:lnTo>
                    <a:lnTo>
                      <a:pt x="772" y="135"/>
                    </a:lnTo>
                    <a:lnTo>
                      <a:pt x="773" y="137"/>
                    </a:lnTo>
                    <a:lnTo>
                      <a:pt x="777" y="138"/>
                    </a:lnTo>
                    <a:lnTo>
                      <a:pt x="778" y="142"/>
                    </a:lnTo>
                    <a:lnTo>
                      <a:pt x="782" y="145"/>
                    </a:lnTo>
                    <a:lnTo>
                      <a:pt x="784" y="147"/>
                    </a:lnTo>
                    <a:lnTo>
                      <a:pt x="784" y="149"/>
                    </a:lnTo>
                    <a:lnTo>
                      <a:pt x="785" y="149"/>
                    </a:lnTo>
                    <a:lnTo>
                      <a:pt x="787" y="149"/>
                    </a:lnTo>
                    <a:lnTo>
                      <a:pt x="792" y="149"/>
                    </a:lnTo>
                    <a:lnTo>
                      <a:pt x="795" y="149"/>
                    </a:lnTo>
                    <a:lnTo>
                      <a:pt x="800" y="149"/>
                    </a:lnTo>
                    <a:lnTo>
                      <a:pt x="804" y="147"/>
                    </a:lnTo>
                    <a:lnTo>
                      <a:pt x="807" y="147"/>
                    </a:lnTo>
                    <a:lnTo>
                      <a:pt x="809" y="147"/>
                    </a:lnTo>
                    <a:lnTo>
                      <a:pt x="814" y="130"/>
                    </a:lnTo>
                    <a:lnTo>
                      <a:pt x="819" y="120"/>
                    </a:lnTo>
                    <a:lnTo>
                      <a:pt x="824" y="113"/>
                    </a:lnTo>
                    <a:lnTo>
                      <a:pt x="826" y="110"/>
                    </a:lnTo>
                    <a:lnTo>
                      <a:pt x="828" y="110"/>
                    </a:lnTo>
                    <a:lnTo>
                      <a:pt x="829" y="111"/>
                    </a:lnTo>
                    <a:lnTo>
                      <a:pt x="831" y="113"/>
                    </a:lnTo>
                    <a:lnTo>
                      <a:pt x="831" y="111"/>
                    </a:lnTo>
                    <a:lnTo>
                      <a:pt x="833" y="110"/>
                    </a:lnTo>
                    <a:lnTo>
                      <a:pt x="834" y="106"/>
                    </a:lnTo>
                    <a:lnTo>
                      <a:pt x="834" y="105"/>
                    </a:lnTo>
                    <a:lnTo>
                      <a:pt x="834" y="96"/>
                    </a:lnTo>
                    <a:lnTo>
                      <a:pt x="833" y="88"/>
                    </a:lnTo>
                    <a:lnTo>
                      <a:pt x="831" y="81"/>
                    </a:lnTo>
                    <a:lnTo>
                      <a:pt x="829" y="76"/>
                    </a:lnTo>
                    <a:lnTo>
                      <a:pt x="828" y="72"/>
                    </a:lnTo>
                    <a:lnTo>
                      <a:pt x="826" y="69"/>
                    </a:lnTo>
                    <a:lnTo>
                      <a:pt x="824" y="67"/>
                    </a:lnTo>
                    <a:lnTo>
                      <a:pt x="817" y="72"/>
                    </a:lnTo>
                    <a:lnTo>
                      <a:pt x="816" y="72"/>
                    </a:lnTo>
                    <a:lnTo>
                      <a:pt x="814" y="74"/>
                    </a:lnTo>
                    <a:lnTo>
                      <a:pt x="811" y="76"/>
                    </a:lnTo>
                    <a:lnTo>
                      <a:pt x="809" y="79"/>
                    </a:lnTo>
                    <a:lnTo>
                      <a:pt x="809" y="89"/>
                    </a:lnTo>
                    <a:lnTo>
                      <a:pt x="809" y="96"/>
                    </a:lnTo>
                    <a:lnTo>
                      <a:pt x="807" y="101"/>
                    </a:lnTo>
                    <a:lnTo>
                      <a:pt x="807" y="105"/>
                    </a:lnTo>
                    <a:lnTo>
                      <a:pt x="807" y="106"/>
                    </a:lnTo>
                    <a:lnTo>
                      <a:pt x="806" y="105"/>
                    </a:lnTo>
                    <a:lnTo>
                      <a:pt x="806" y="101"/>
                    </a:lnTo>
                    <a:lnTo>
                      <a:pt x="804" y="98"/>
                    </a:lnTo>
                    <a:lnTo>
                      <a:pt x="802" y="94"/>
                    </a:lnTo>
                    <a:lnTo>
                      <a:pt x="802" y="91"/>
                    </a:lnTo>
                    <a:lnTo>
                      <a:pt x="802" y="88"/>
                    </a:lnTo>
                    <a:lnTo>
                      <a:pt x="800" y="84"/>
                    </a:lnTo>
                    <a:lnTo>
                      <a:pt x="800" y="81"/>
                    </a:lnTo>
                    <a:lnTo>
                      <a:pt x="800" y="79"/>
                    </a:lnTo>
                    <a:lnTo>
                      <a:pt x="800" y="78"/>
                    </a:lnTo>
                    <a:lnTo>
                      <a:pt x="799" y="71"/>
                    </a:lnTo>
                    <a:lnTo>
                      <a:pt x="797" y="67"/>
                    </a:lnTo>
                    <a:lnTo>
                      <a:pt x="792" y="67"/>
                    </a:lnTo>
                    <a:lnTo>
                      <a:pt x="789" y="69"/>
                    </a:lnTo>
                    <a:lnTo>
                      <a:pt x="784" y="72"/>
                    </a:lnTo>
                    <a:lnTo>
                      <a:pt x="778" y="76"/>
                    </a:lnTo>
                    <a:lnTo>
                      <a:pt x="777" y="78"/>
                    </a:lnTo>
                    <a:lnTo>
                      <a:pt x="775" y="79"/>
                    </a:lnTo>
                    <a:lnTo>
                      <a:pt x="763" y="79"/>
                    </a:lnTo>
                    <a:lnTo>
                      <a:pt x="762" y="81"/>
                    </a:lnTo>
                    <a:lnTo>
                      <a:pt x="760" y="81"/>
                    </a:lnTo>
                    <a:lnTo>
                      <a:pt x="756" y="83"/>
                    </a:lnTo>
                    <a:lnTo>
                      <a:pt x="753" y="83"/>
                    </a:lnTo>
                    <a:lnTo>
                      <a:pt x="750" y="84"/>
                    </a:lnTo>
                    <a:lnTo>
                      <a:pt x="745" y="86"/>
                    </a:lnTo>
                    <a:lnTo>
                      <a:pt x="743" y="88"/>
                    </a:lnTo>
                    <a:lnTo>
                      <a:pt x="741" y="88"/>
                    </a:lnTo>
                    <a:lnTo>
                      <a:pt x="731" y="94"/>
                    </a:lnTo>
                    <a:lnTo>
                      <a:pt x="726" y="96"/>
                    </a:lnTo>
                    <a:lnTo>
                      <a:pt x="724" y="96"/>
                    </a:lnTo>
                    <a:lnTo>
                      <a:pt x="724" y="94"/>
                    </a:lnTo>
                    <a:lnTo>
                      <a:pt x="726" y="91"/>
                    </a:lnTo>
                    <a:lnTo>
                      <a:pt x="729" y="88"/>
                    </a:lnTo>
                    <a:lnTo>
                      <a:pt x="731" y="84"/>
                    </a:lnTo>
                    <a:lnTo>
                      <a:pt x="733" y="84"/>
                    </a:lnTo>
                    <a:lnTo>
                      <a:pt x="724" y="66"/>
                    </a:lnTo>
                    <a:lnTo>
                      <a:pt x="731" y="61"/>
                    </a:lnTo>
                    <a:lnTo>
                      <a:pt x="736" y="71"/>
                    </a:lnTo>
                    <a:lnTo>
                      <a:pt x="748" y="78"/>
                    </a:lnTo>
                    <a:lnTo>
                      <a:pt x="751" y="76"/>
                    </a:lnTo>
                    <a:lnTo>
                      <a:pt x="755" y="72"/>
                    </a:lnTo>
                    <a:lnTo>
                      <a:pt x="758" y="71"/>
                    </a:lnTo>
                    <a:lnTo>
                      <a:pt x="762" y="67"/>
                    </a:lnTo>
                    <a:lnTo>
                      <a:pt x="763" y="66"/>
                    </a:lnTo>
                    <a:lnTo>
                      <a:pt x="765" y="64"/>
                    </a:lnTo>
                    <a:lnTo>
                      <a:pt x="765" y="62"/>
                    </a:lnTo>
                    <a:lnTo>
                      <a:pt x="756" y="56"/>
                    </a:lnTo>
                    <a:lnTo>
                      <a:pt x="753" y="52"/>
                    </a:lnTo>
                    <a:lnTo>
                      <a:pt x="755" y="52"/>
                    </a:lnTo>
                    <a:lnTo>
                      <a:pt x="758" y="52"/>
                    </a:lnTo>
                    <a:lnTo>
                      <a:pt x="763" y="54"/>
                    </a:lnTo>
                    <a:lnTo>
                      <a:pt x="768" y="56"/>
                    </a:lnTo>
                    <a:lnTo>
                      <a:pt x="772" y="57"/>
                    </a:lnTo>
                    <a:lnTo>
                      <a:pt x="775" y="59"/>
                    </a:lnTo>
                    <a:lnTo>
                      <a:pt x="789" y="52"/>
                    </a:lnTo>
                    <a:lnTo>
                      <a:pt x="789" y="50"/>
                    </a:lnTo>
                    <a:lnTo>
                      <a:pt x="789" y="49"/>
                    </a:lnTo>
                    <a:lnTo>
                      <a:pt x="787" y="47"/>
                    </a:lnTo>
                    <a:lnTo>
                      <a:pt x="787" y="45"/>
                    </a:lnTo>
                    <a:lnTo>
                      <a:pt x="780" y="39"/>
                    </a:lnTo>
                    <a:lnTo>
                      <a:pt x="777" y="34"/>
                    </a:lnTo>
                    <a:lnTo>
                      <a:pt x="780" y="34"/>
                    </a:lnTo>
                    <a:lnTo>
                      <a:pt x="784" y="35"/>
                    </a:lnTo>
                    <a:lnTo>
                      <a:pt x="787" y="37"/>
                    </a:lnTo>
                    <a:lnTo>
                      <a:pt x="790" y="39"/>
                    </a:lnTo>
                    <a:lnTo>
                      <a:pt x="790" y="40"/>
                    </a:lnTo>
                    <a:lnTo>
                      <a:pt x="792" y="40"/>
                    </a:lnTo>
                    <a:lnTo>
                      <a:pt x="795" y="39"/>
                    </a:lnTo>
                    <a:lnTo>
                      <a:pt x="800" y="39"/>
                    </a:lnTo>
                    <a:lnTo>
                      <a:pt x="802" y="39"/>
                    </a:lnTo>
                    <a:lnTo>
                      <a:pt x="811" y="47"/>
                    </a:lnTo>
                    <a:lnTo>
                      <a:pt x="816" y="50"/>
                    </a:lnTo>
                    <a:lnTo>
                      <a:pt x="817" y="50"/>
                    </a:lnTo>
                    <a:lnTo>
                      <a:pt x="817" y="47"/>
                    </a:lnTo>
                    <a:lnTo>
                      <a:pt x="814" y="44"/>
                    </a:lnTo>
                    <a:lnTo>
                      <a:pt x="811" y="39"/>
                    </a:lnTo>
                    <a:lnTo>
                      <a:pt x="809" y="35"/>
                    </a:lnTo>
                    <a:lnTo>
                      <a:pt x="807" y="34"/>
                    </a:lnTo>
                    <a:lnTo>
                      <a:pt x="800" y="17"/>
                    </a:lnTo>
                    <a:lnTo>
                      <a:pt x="790" y="15"/>
                    </a:lnTo>
                    <a:lnTo>
                      <a:pt x="780" y="0"/>
                    </a:lnTo>
                    <a:lnTo>
                      <a:pt x="750" y="8"/>
                    </a:lnTo>
                    <a:lnTo>
                      <a:pt x="721" y="15"/>
                    </a:lnTo>
                    <a:lnTo>
                      <a:pt x="692" y="20"/>
                    </a:lnTo>
                    <a:lnTo>
                      <a:pt x="663" y="27"/>
                    </a:lnTo>
                    <a:lnTo>
                      <a:pt x="636" y="32"/>
                    </a:lnTo>
                    <a:lnTo>
                      <a:pt x="609" y="39"/>
                    </a:lnTo>
                    <a:lnTo>
                      <a:pt x="584" y="44"/>
                    </a:lnTo>
                    <a:lnTo>
                      <a:pt x="558" y="47"/>
                    </a:lnTo>
                    <a:lnTo>
                      <a:pt x="533" y="52"/>
                    </a:lnTo>
                    <a:lnTo>
                      <a:pt x="509" y="56"/>
                    </a:lnTo>
                    <a:lnTo>
                      <a:pt x="486" y="61"/>
                    </a:lnTo>
                    <a:lnTo>
                      <a:pt x="464" y="64"/>
                    </a:lnTo>
                    <a:lnTo>
                      <a:pt x="443" y="67"/>
                    </a:lnTo>
                    <a:lnTo>
                      <a:pt x="423" y="71"/>
                    </a:lnTo>
                    <a:lnTo>
                      <a:pt x="403" y="74"/>
                    </a:lnTo>
                    <a:lnTo>
                      <a:pt x="384" y="76"/>
                    </a:lnTo>
                    <a:lnTo>
                      <a:pt x="366" y="79"/>
                    </a:lnTo>
                    <a:lnTo>
                      <a:pt x="349" y="81"/>
                    </a:lnTo>
                    <a:lnTo>
                      <a:pt x="333" y="83"/>
                    </a:lnTo>
                    <a:lnTo>
                      <a:pt x="318" y="84"/>
                    </a:lnTo>
                    <a:lnTo>
                      <a:pt x="305" y="86"/>
                    </a:lnTo>
                    <a:lnTo>
                      <a:pt x="293" y="88"/>
                    </a:lnTo>
                    <a:lnTo>
                      <a:pt x="281" y="89"/>
                    </a:lnTo>
                    <a:lnTo>
                      <a:pt x="271" y="91"/>
                    </a:lnTo>
                    <a:lnTo>
                      <a:pt x="261" y="91"/>
                    </a:lnTo>
                    <a:lnTo>
                      <a:pt x="252" y="93"/>
                    </a:lnTo>
                    <a:lnTo>
                      <a:pt x="245" y="93"/>
                    </a:lnTo>
                    <a:lnTo>
                      <a:pt x="240" y="94"/>
                    </a:lnTo>
                    <a:lnTo>
                      <a:pt x="235" y="94"/>
                    </a:lnTo>
                    <a:lnTo>
                      <a:pt x="232" y="94"/>
                    </a:lnTo>
                    <a:lnTo>
                      <a:pt x="230" y="94"/>
                    </a:lnTo>
                    <a:lnTo>
                      <a:pt x="232" y="94"/>
                    </a:lnTo>
                    <a:lnTo>
                      <a:pt x="232" y="96"/>
                    </a:lnTo>
                    <a:lnTo>
                      <a:pt x="232" y="100"/>
                    </a:lnTo>
                    <a:lnTo>
                      <a:pt x="232" y="106"/>
                    </a:lnTo>
                    <a:lnTo>
                      <a:pt x="232" y="111"/>
                    </a:lnTo>
                    <a:lnTo>
                      <a:pt x="234" y="118"/>
                    </a:lnTo>
                    <a:lnTo>
                      <a:pt x="232" y="125"/>
                    </a:lnTo>
                    <a:lnTo>
                      <a:pt x="232" y="128"/>
                    </a:lnTo>
                    <a:lnTo>
                      <a:pt x="232" y="130"/>
                    </a:lnTo>
                    <a:lnTo>
                      <a:pt x="225" y="130"/>
                    </a:lnTo>
                    <a:lnTo>
                      <a:pt x="220" y="133"/>
                    </a:lnTo>
                    <a:lnTo>
                      <a:pt x="215" y="138"/>
                    </a:lnTo>
                    <a:lnTo>
                      <a:pt x="212" y="145"/>
                    </a:lnTo>
                    <a:lnTo>
                      <a:pt x="208" y="152"/>
                    </a:lnTo>
                    <a:lnTo>
                      <a:pt x="206" y="157"/>
                    </a:lnTo>
                    <a:lnTo>
                      <a:pt x="205" y="160"/>
                    </a:lnTo>
                    <a:lnTo>
                      <a:pt x="198" y="157"/>
                    </a:lnTo>
                    <a:lnTo>
                      <a:pt x="191" y="157"/>
                    </a:lnTo>
                    <a:lnTo>
                      <a:pt x="183" y="162"/>
                    </a:lnTo>
                    <a:lnTo>
                      <a:pt x="174" y="169"/>
                    </a:lnTo>
                    <a:lnTo>
                      <a:pt x="168" y="177"/>
                    </a:lnTo>
                    <a:lnTo>
                      <a:pt x="161" y="184"/>
                    </a:lnTo>
                    <a:lnTo>
                      <a:pt x="156" y="188"/>
                    </a:lnTo>
                    <a:lnTo>
                      <a:pt x="154" y="188"/>
                    </a:lnTo>
                    <a:lnTo>
                      <a:pt x="152" y="182"/>
                    </a:lnTo>
                    <a:lnTo>
                      <a:pt x="149" y="181"/>
                    </a:lnTo>
                    <a:lnTo>
                      <a:pt x="147" y="179"/>
                    </a:lnTo>
                    <a:lnTo>
                      <a:pt x="144" y="179"/>
                    </a:lnTo>
                    <a:lnTo>
                      <a:pt x="140" y="181"/>
                    </a:lnTo>
                    <a:lnTo>
                      <a:pt x="137" y="182"/>
                    </a:lnTo>
                    <a:lnTo>
                      <a:pt x="134" y="186"/>
                    </a:lnTo>
                    <a:lnTo>
                      <a:pt x="132" y="191"/>
                    </a:lnTo>
                    <a:lnTo>
                      <a:pt x="129" y="194"/>
                    </a:lnTo>
                    <a:lnTo>
                      <a:pt x="125" y="199"/>
                    </a:lnTo>
                    <a:lnTo>
                      <a:pt x="124" y="204"/>
                    </a:lnTo>
                    <a:lnTo>
                      <a:pt x="122" y="208"/>
                    </a:lnTo>
                    <a:lnTo>
                      <a:pt x="118" y="213"/>
                    </a:lnTo>
                    <a:lnTo>
                      <a:pt x="118" y="215"/>
                    </a:lnTo>
                    <a:lnTo>
                      <a:pt x="117" y="216"/>
                    </a:lnTo>
                    <a:lnTo>
                      <a:pt x="117" y="218"/>
                    </a:lnTo>
                    <a:lnTo>
                      <a:pt x="108" y="220"/>
                    </a:lnTo>
                    <a:lnTo>
                      <a:pt x="100" y="223"/>
                    </a:lnTo>
                    <a:lnTo>
                      <a:pt x="91" y="228"/>
                    </a:lnTo>
                    <a:lnTo>
                      <a:pt x="83" y="235"/>
                    </a:lnTo>
                    <a:lnTo>
                      <a:pt x="78" y="240"/>
                    </a:lnTo>
                    <a:lnTo>
                      <a:pt x="71" y="247"/>
                    </a:lnTo>
                    <a:lnTo>
                      <a:pt x="68" y="250"/>
                    </a:lnTo>
                    <a:lnTo>
                      <a:pt x="66" y="252"/>
                    </a:lnTo>
                    <a:lnTo>
                      <a:pt x="56" y="252"/>
                    </a:lnTo>
                    <a:lnTo>
                      <a:pt x="47" y="255"/>
                    </a:lnTo>
                    <a:lnTo>
                      <a:pt x="41" y="259"/>
                    </a:lnTo>
                    <a:lnTo>
                      <a:pt x="34" y="264"/>
                    </a:lnTo>
                    <a:lnTo>
                      <a:pt x="31" y="269"/>
                    </a:lnTo>
                    <a:lnTo>
                      <a:pt x="27" y="274"/>
                    </a:lnTo>
                    <a:lnTo>
                      <a:pt x="25" y="277"/>
                    </a:lnTo>
                    <a:lnTo>
                      <a:pt x="25" y="279"/>
                    </a:lnTo>
                    <a:lnTo>
                      <a:pt x="24" y="286"/>
                    </a:lnTo>
                    <a:lnTo>
                      <a:pt x="20" y="291"/>
                    </a:lnTo>
                    <a:lnTo>
                      <a:pt x="17" y="296"/>
                    </a:lnTo>
                    <a:lnTo>
                      <a:pt x="12" y="298"/>
                    </a:lnTo>
                    <a:lnTo>
                      <a:pt x="9" y="299"/>
                    </a:lnTo>
                    <a:lnTo>
                      <a:pt x="3" y="299"/>
                    </a:lnTo>
                    <a:lnTo>
                      <a:pt x="0" y="299"/>
                    </a:lnTo>
                    <a:lnTo>
                      <a:pt x="0" y="333"/>
                    </a:lnTo>
                    <a:lnTo>
                      <a:pt x="124" y="314"/>
                    </a:lnTo>
                    <a:lnTo>
                      <a:pt x="125" y="316"/>
                    </a:lnTo>
                    <a:lnTo>
                      <a:pt x="127" y="314"/>
                    </a:lnTo>
                    <a:lnTo>
                      <a:pt x="129" y="313"/>
                    </a:lnTo>
                    <a:lnTo>
                      <a:pt x="132" y="309"/>
                    </a:lnTo>
                    <a:lnTo>
                      <a:pt x="135" y="306"/>
                    </a:lnTo>
                    <a:lnTo>
                      <a:pt x="140" y="303"/>
                    </a:lnTo>
                    <a:lnTo>
                      <a:pt x="146" y="299"/>
                    </a:lnTo>
                    <a:lnTo>
                      <a:pt x="152" y="296"/>
                    </a:lnTo>
                    <a:lnTo>
                      <a:pt x="157" y="292"/>
                    </a:lnTo>
                    <a:lnTo>
                      <a:pt x="166" y="287"/>
                    </a:lnTo>
                    <a:lnTo>
                      <a:pt x="173" y="284"/>
                    </a:lnTo>
                    <a:lnTo>
                      <a:pt x="181" y="281"/>
                    </a:lnTo>
                    <a:lnTo>
                      <a:pt x="190" y="279"/>
                    </a:lnTo>
                    <a:lnTo>
                      <a:pt x="200" y="277"/>
                    </a:lnTo>
                    <a:lnTo>
                      <a:pt x="210" y="274"/>
                    </a:lnTo>
                    <a:lnTo>
                      <a:pt x="218" y="274"/>
                    </a:lnTo>
                    <a:lnTo>
                      <a:pt x="311" y="265"/>
                    </a:lnTo>
                    <a:lnTo>
                      <a:pt x="313" y="265"/>
                    </a:lnTo>
                    <a:lnTo>
                      <a:pt x="315" y="264"/>
                    </a:lnTo>
                    <a:lnTo>
                      <a:pt x="320" y="264"/>
                    </a:lnTo>
                    <a:lnTo>
                      <a:pt x="327" y="264"/>
                    </a:lnTo>
                    <a:lnTo>
                      <a:pt x="333" y="265"/>
                    </a:lnTo>
                    <a:lnTo>
                      <a:pt x="340" y="269"/>
                    </a:lnTo>
                    <a:lnTo>
                      <a:pt x="347" y="276"/>
                    </a:lnTo>
                    <a:lnTo>
                      <a:pt x="355" y="287"/>
                    </a:lnTo>
                    <a:lnTo>
                      <a:pt x="359" y="301"/>
                    </a:lnTo>
                    <a:lnTo>
                      <a:pt x="467" y="284"/>
                    </a:lnTo>
                    <a:lnTo>
                      <a:pt x="597" y="379"/>
                    </a:lnTo>
                    <a:lnTo>
                      <a:pt x="601" y="379"/>
                    </a:lnTo>
                    <a:lnTo>
                      <a:pt x="602" y="379"/>
                    </a:lnTo>
                    <a:lnTo>
                      <a:pt x="604" y="37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56" name="Freeform 164"/>
              <p:cNvSpPr>
                <a:spLocks/>
              </p:cNvSpPr>
              <p:nvPr/>
            </p:nvSpPr>
            <p:spPr bwMode="auto">
              <a:xfrm>
                <a:off x="4106" y="2082"/>
                <a:ext cx="834" cy="379"/>
              </a:xfrm>
              <a:custGeom>
                <a:avLst/>
                <a:gdLst>
                  <a:gd name="T0" fmla="*/ 648 w 834"/>
                  <a:gd name="T1" fmla="*/ 360 h 379"/>
                  <a:gd name="T2" fmla="*/ 658 w 834"/>
                  <a:gd name="T3" fmla="*/ 335 h 379"/>
                  <a:gd name="T4" fmla="*/ 662 w 834"/>
                  <a:gd name="T5" fmla="*/ 353 h 379"/>
                  <a:gd name="T6" fmla="*/ 675 w 834"/>
                  <a:gd name="T7" fmla="*/ 309 h 379"/>
                  <a:gd name="T8" fmla="*/ 697 w 834"/>
                  <a:gd name="T9" fmla="*/ 279 h 379"/>
                  <a:gd name="T10" fmla="*/ 702 w 834"/>
                  <a:gd name="T11" fmla="*/ 264 h 379"/>
                  <a:gd name="T12" fmla="*/ 729 w 834"/>
                  <a:gd name="T13" fmla="*/ 248 h 379"/>
                  <a:gd name="T14" fmla="*/ 758 w 834"/>
                  <a:gd name="T15" fmla="*/ 232 h 379"/>
                  <a:gd name="T16" fmla="*/ 768 w 834"/>
                  <a:gd name="T17" fmla="*/ 233 h 379"/>
                  <a:gd name="T18" fmla="*/ 780 w 834"/>
                  <a:gd name="T19" fmla="*/ 230 h 379"/>
                  <a:gd name="T20" fmla="*/ 790 w 834"/>
                  <a:gd name="T21" fmla="*/ 218 h 379"/>
                  <a:gd name="T22" fmla="*/ 795 w 834"/>
                  <a:gd name="T23" fmla="*/ 193 h 379"/>
                  <a:gd name="T24" fmla="*/ 790 w 834"/>
                  <a:gd name="T25" fmla="*/ 201 h 379"/>
                  <a:gd name="T26" fmla="*/ 784 w 834"/>
                  <a:gd name="T27" fmla="*/ 188 h 379"/>
                  <a:gd name="T28" fmla="*/ 772 w 834"/>
                  <a:gd name="T29" fmla="*/ 198 h 379"/>
                  <a:gd name="T30" fmla="*/ 733 w 834"/>
                  <a:gd name="T31" fmla="*/ 199 h 379"/>
                  <a:gd name="T32" fmla="*/ 763 w 834"/>
                  <a:gd name="T33" fmla="*/ 194 h 379"/>
                  <a:gd name="T34" fmla="*/ 772 w 834"/>
                  <a:gd name="T35" fmla="*/ 164 h 379"/>
                  <a:gd name="T36" fmla="*/ 750 w 834"/>
                  <a:gd name="T37" fmla="*/ 159 h 379"/>
                  <a:gd name="T38" fmla="*/ 726 w 834"/>
                  <a:gd name="T39" fmla="*/ 149 h 379"/>
                  <a:gd name="T40" fmla="*/ 746 w 834"/>
                  <a:gd name="T41" fmla="*/ 149 h 379"/>
                  <a:gd name="T42" fmla="*/ 765 w 834"/>
                  <a:gd name="T43" fmla="*/ 144 h 379"/>
                  <a:gd name="T44" fmla="*/ 777 w 834"/>
                  <a:gd name="T45" fmla="*/ 138 h 379"/>
                  <a:gd name="T46" fmla="*/ 787 w 834"/>
                  <a:gd name="T47" fmla="*/ 149 h 379"/>
                  <a:gd name="T48" fmla="*/ 809 w 834"/>
                  <a:gd name="T49" fmla="*/ 147 h 379"/>
                  <a:gd name="T50" fmla="*/ 831 w 834"/>
                  <a:gd name="T51" fmla="*/ 113 h 379"/>
                  <a:gd name="T52" fmla="*/ 834 w 834"/>
                  <a:gd name="T53" fmla="*/ 105 h 379"/>
                  <a:gd name="T54" fmla="*/ 824 w 834"/>
                  <a:gd name="T55" fmla="*/ 67 h 379"/>
                  <a:gd name="T56" fmla="*/ 809 w 834"/>
                  <a:gd name="T57" fmla="*/ 79 h 379"/>
                  <a:gd name="T58" fmla="*/ 806 w 834"/>
                  <a:gd name="T59" fmla="*/ 105 h 379"/>
                  <a:gd name="T60" fmla="*/ 800 w 834"/>
                  <a:gd name="T61" fmla="*/ 84 h 379"/>
                  <a:gd name="T62" fmla="*/ 792 w 834"/>
                  <a:gd name="T63" fmla="*/ 67 h 379"/>
                  <a:gd name="T64" fmla="*/ 763 w 834"/>
                  <a:gd name="T65" fmla="*/ 79 h 379"/>
                  <a:gd name="T66" fmla="*/ 743 w 834"/>
                  <a:gd name="T67" fmla="*/ 88 h 379"/>
                  <a:gd name="T68" fmla="*/ 726 w 834"/>
                  <a:gd name="T69" fmla="*/ 91 h 379"/>
                  <a:gd name="T70" fmla="*/ 748 w 834"/>
                  <a:gd name="T71" fmla="*/ 78 h 379"/>
                  <a:gd name="T72" fmla="*/ 763 w 834"/>
                  <a:gd name="T73" fmla="*/ 66 h 379"/>
                  <a:gd name="T74" fmla="*/ 758 w 834"/>
                  <a:gd name="T75" fmla="*/ 52 h 379"/>
                  <a:gd name="T76" fmla="*/ 789 w 834"/>
                  <a:gd name="T77" fmla="*/ 50 h 379"/>
                  <a:gd name="T78" fmla="*/ 777 w 834"/>
                  <a:gd name="T79" fmla="*/ 34 h 379"/>
                  <a:gd name="T80" fmla="*/ 792 w 834"/>
                  <a:gd name="T81" fmla="*/ 40 h 379"/>
                  <a:gd name="T82" fmla="*/ 817 w 834"/>
                  <a:gd name="T83" fmla="*/ 50 h 379"/>
                  <a:gd name="T84" fmla="*/ 790 w 834"/>
                  <a:gd name="T85" fmla="*/ 15 h 379"/>
                  <a:gd name="T86" fmla="*/ 636 w 834"/>
                  <a:gd name="T87" fmla="*/ 32 h 379"/>
                  <a:gd name="T88" fmla="*/ 464 w 834"/>
                  <a:gd name="T89" fmla="*/ 64 h 379"/>
                  <a:gd name="T90" fmla="*/ 333 w 834"/>
                  <a:gd name="T91" fmla="*/ 83 h 379"/>
                  <a:gd name="T92" fmla="*/ 252 w 834"/>
                  <a:gd name="T93" fmla="*/ 93 h 379"/>
                  <a:gd name="T94" fmla="*/ 232 w 834"/>
                  <a:gd name="T95" fmla="*/ 94 h 379"/>
                  <a:gd name="T96" fmla="*/ 232 w 834"/>
                  <a:gd name="T97" fmla="*/ 125 h 379"/>
                  <a:gd name="T98" fmla="*/ 212 w 834"/>
                  <a:gd name="T99" fmla="*/ 145 h 379"/>
                  <a:gd name="T100" fmla="*/ 191 w 834"/>
                  <a:gd name="T101" fmla="*/ 157 h 379"/>
                  <a:gd name="T102" fmla="*/ 154 w 834"/>
                  <a:gd name="T103" fmla="*/ 188 h 379"/>
                  <a:gd name="T104" fmla="*/ 134 w 834"/>
                  <a:gd name="T105" fmla="*/ 186 h 379"/>
                  <a:gd name="T106" fmla="*/ 118 w 834"/>
                  <a:gd name="T107" fmla="*/ 215 h 379"/>
                  <a:gd name="T108" fmla="*/ 83 w 834"/>
                  <a:gd name="T109" fmla="*/ 235 h 379"/>
                  <a:gd name="T110" fmla="*/ 47 w 834"/>
                  <a:gd name="T111" fmla="*/ 255 h 379"/>
                  <a:gd name="T112" fmla="*/ 25 w 834"/>
                  <a:gd name="T113" fmla="*/ 279 h 379"/>
                  <a:gd name="T114" fmla="*/ 0 w 834"/>
                  <a:gd name="T115" fmla="*/ 299 h 379"/>
                  <a:gd name="T116" fmla="*/ 127 w 834"/>
                  <a:gd name="T117" fmla="*/ 314 h 379"/>
                  <a:gd name="T118" fmla="*/ 157 w 834"/>
                  <a:gd name="T119" fmla="*/ 292 h 379"/>
                  <a:gd name="T120" fmla="*/ 218 w 834"/>
                  <a:gd name="T121" fmla="*/ 274 h 379"/>
                  <a:gd name="T122" fmla="*/ 333 w 834"/>
                  <a:gd name="T123" fmla="*/ 265 h 379"/>
                  <a:gd name="T124" fmla="*/ 597 w 834"/>
                  <a:gd name="T125" fmla="*/ 379 h 379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  <a:gd name="T189" fmla="*/ 0 w 834"/>
                  <a:gd name="T190" fmla="*/ 0 h 379"/>
                  <a:gd name="T191" fmla="*/ 834 w 834"/>
                  <a:gd name="T192" fmla="*/ 379 h 379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T189" t="T190" r="T191" b="T192"/>
                <a:pathLst>
                  <a:path w="834" h="379">
                    <a:moveTo>
                      <a:pt x="604" y="377"/>
                    </a:moveTo>
                    <a:lnTo>
                      <a:pt x="604" y="377"/>
                    </a:lnTo>
                    <a:lnTo>
                      <a:pt x="618" y="369"/>
                    </a:lnTo>
                    <a:lnTo>
                      <a:pt x="628" y="362"/>
                    </a:lnTo>
                    <a:lnTo>
                      <a:pt x="636" y="360"/>
                    </a:lnTo>
                    <a:lnTo>
                      <a:pt x="643" y="360"/>
                    </a:lnTo>
                    <a:lnTo>
                      <a:pt x="648" y="360"/>
                    </a:lnTo>
                    <a:lnTo>
                      <a:pt x="650" y="362"/>
                    </a:lnTo>
                    <a:lnTo>
                      <a:pt x="653" y="364"/>
                    </a:lnTo>
                    <a:lnTo>
                      <a:pt x="653" y="365"/>
                    </a:lnTo>
                    <a:lnTo>
                      <a:pt x="653" y="333"/>
                    </a:lnTo>
                    <a:lnTo>
                      <a:pt x="657" y="333"/>
                    </a:lnTo>
                    <a:lnTo>
                      <a:pt x="658" y="335"/>
                    </a:lnTo>
                    <a:lnTo>
                      <a:pt x="658" y="338"/>
                    </a:lnTo>
                    <a:lnTo>
                      <a:pt x="658" y="340"/>
                    </a:lnTo>
                    <a:lnTo>
                      <a:pt x="660" y="345"/>
                    </a:lnTo>
                    <a:lnTo>
                      <a:pt x="662" y="348"/>
                    </a:lnTo>
                    <a:lnTo>
                      <a:pt x="662" y="352"/>
                    </a:lnTo>
                    <a:lnTo>
                      <a:pt x="662" y="353"/>
                    </a:lnTo>
                    <a:lnTo>
                      <a:pt x="663" y="345"/>
                    </a:lnTo>
                    <a:lnTo>
                      <a:pt x="663" y="338"/>
                    </a:lnTo>
                    <a:lnTo>
                      <a:pt x="667" y="330"/>
                    </a:lnTo>
                    <a:lnTo>
                      <a:pt x="668" y="323"/>
                    </a:lnTo>
                    <a:lnTo>
                      <a:pt x="672" y="316"/>
                    </a:lnTo>
                    <a:lnTo>
                      <a:pt x="675" y="309"/>
                    </a:lnTo>
                    <a:lnTo>
                      <a:pt x="679" y="303"/>
                    </a:lnTo>
                    <a:lnTo>
                      <a:pt x="682" y="298"/>
                    </a:lnTo>
                    <a:lnTo>
                      <a:pt x="685" y="292"/>
                    </a:lnTo>
                    <a:lnTo>
                      <a:pt x="689" y="289"/>
                    </a:lnTo>
                    <a:lnTo>
                      <a:pt x="692" y="286"/>
                    </a:lnTo>
                    <a:lnTo>
                      <a:pt x="696" y="282"/>
                    </a:lnTo>
                    <a:lnTo>
                      <a:pt x="697" y="279"/>
                    </a:lnTo>
                    <a:lnTo>
                      <a:pt x="699" y="277"/>
                    </a:lnTo>
                    <a:lnTo>
                      <a:pt x="701" y="277"/>
                    </a:lnTo>
                    <a:lnTo>
                      <a:pt x="701" y="276"/>
                    </a:lnTo>
                    <a:lnTo>
                      <a:pt x="696" y="267"/>
                    </a:lnTo>
                    <a:lnTo>
                      <a:pt x="702" y="262"/>
                    </a:lnTo>
                    <a:lnTo>
                      <a:pt x="702" y="264"/>
                    </a:lnTo>
                    <a:lnTo>
                      <a:pt x="704" y="267"/>
                    </a:lnTo>
                    <a:lnTo>
                      <a:pt x="706" y="270"/>
                    </a:lnTo>
                    <a:lnTo>
                      <a:pt x="707" y="270"/>
                    </a:lnTo>
                    <a:lnTo>
                      <a:pt x="714" y="262"/>
                    </a:lnTo>
                    <a:lnTo>
                      <a:pt x="721" y="254"/>
                    </a:lnTo>
                    <a:lnTo>
                      <a:pt x="729" y="248"/>
                    </a:lnTo>
                    <a:lnTo>
                      <a:pt x="738" y="243"/>
                    </a:lnTo>
                    <a:lnTo>
                      <a:pt x="745" y="242"/>
                    </a:lnTo>
                    <a:lnTo>
                      <a:pt x="751" y="240"/>
                    </a:lnTo>
                    <a:lnTo>
                      <a:pt x="756" y="238"/>
                    </a:lnTo>
                    <a:lnTo>
                      <a:pt x="758" y="238"/>
                    </a:lnTo>
                    <a:lnTo>
                      <a:pt x="758" y="232"/>
                    </a:lnTo>
                    <a:lnTo>
                      <a:pt x="760" y="230"/>
                    </a:lnTo>
                    <a:lnTo>
                      <a:pt x="762" y="228"/>
                    </a:lnTo>
                    <a:lnTo>
                      <a:pt x="763" y="228"/>
                    </a:lnTo>
                    <a:lnTo>
                      <a:pt x="765" y="230"/>
                    </a:lnTo>
                    <a:lnTo>
                      <a:pt x="767" y="230"/>
                    </a:lnTo>
                    <a:lnTo>
                      <a:pt x="768" y="232"/>
                    </a:lnTo>
                    <a:lnTo>
                      <a:pt x="768" y="233"/>
                    </a:lnTo>
                    <a:lnTo>
                      <a:pt x="770" y="230"/>
                    </a:lnTo>
                    <a:lnTo>
                      <a:pt x="772" y="228"/>
                    </a:lnTo>
                    <a:lnTo>
                      <a:pt x="773" y="226"/>
                    </a:lnTo>
                    <a:lnTo>
                      <a:pt x="775" y="228"/>
                    </a:lnTo>
                    <a:lnTo>
                      <a:pt x="778" y="228"/>
                    </a:lnTo>
                    <a:lnTo>
                      <a:pt x="780" y="230"/>
                    </a:lnTo>
                    <a:lnTo>
                      <a:pt x="782" y="230"/>
                    </a:lnTo>
                    <a:lnTo>
                      <a:pt x="784" y="230"/>
                    </a:lnTo>
                    <a:lnTo>
                      <a:pt x="785" y="226"/>
                    </a:lnTo>
                    <a:lnTo>
                      <a:pt x="787" y="223"/>
                    </a:lnTo>
                    <a:lnTo>
                      <a:pt x="790" y="218"/>
                    </a:lnTo>
                    <a:lnTo>
                      <a:pt x="792" y="215"/>
                    </a:lnTo>
                    <a:lnTo>
                      <a:pt x="795" y="210"/>
                    </a:lnTo>
                    <a:lnTo>
                      <a:pt x="797" y="208"/>
                    </a:lnTo>
                    <a:lnTo>
                      <a:pt x="797" y="204"/>
                    </a:lnTo>
                    <a:lnTo>
                      <a:pt x="797" y="196"/>
                    </a:lnTo>
                    <a:lnTo>
                      <a:pt x="795" y="193"/>
                    </a:lnTo>
                    <a:lnTo>
                      <a:pt x="795" y="191"/>
                    </a:lnTo>
                    <a:lnTo>
                      <a:pt x="794" y="193"/>
                    </a:lnTo>
                    <a:lnTo>
                      <a:pt x="792" y="194"/>
                    </a:lnTo>
                    <a:lnTo>
                      <a:pt x="790" y="198"/>
                    </a:lnTo>
                    <a:lnTo>
                      <a:pt x="790" y="199"/>
                    </a:lnTo>
                    <a:lnTo>
                      <a:pt x="790" y="201"/>
                    </a:lnTo>
                    <a:lnTo>
                      <a:pt x="789" y="201"/>
                    </a:lnTo>
                    <a:lnTo>
                      <a:pt x="787" y="199"/>
                    </a:lnTo>
                    <a:lnTo>
                      <a:pt x="785" y="199"/>
                    </a:lnTo>
                    <a:lnTo>
                      <a:pt x="785" y="198"/>
                    </a:lnTo>
                    <a:lnTo>
                      <a:pt x="784" y="191"/>
                    </a:lnTo>
                    <a:lnTo>
                      <a:pt x="784" y="188"/>
                    </a:lnTo>
                    <a:lnTo>
                      <a:pt x="784" y="186"/>
                    </a:lnTo>
                    <a:lnTo>
                      <a:pt x="782" y="188"/>
                    </a:lnTo>
                    <a:lnTo>
                      <a:pt x="780" y="189"/>
                    </a:lnTo>
                    <a:lnTo>
                      <a:pt x="780" y="193"/>
                    </a:lnTo>
                    <a:lnTo>
                      <a:pt x="780" y="194"/>
                    </a:lnTo>
                    <a:lnTo>
                      <a:pt x="780" y="196"/>
                    </a:lnTo>
                    <a:lnTo>
                      <a:pt x="772" y="198"/>
                    </a:lnTo>
                    <a:lnTo>
                      <a:pt x="753" y="215"/>
                    </a:lnTo>
                    <a:lnTo>
                      <a:pt x="741" y="213"/>
                    </a:lnTo>
                    <a:lnTo>
                      <a:pt x="724" y="198"/>
                    </a:lnTo>
                    <a:lnTo>
                      <a:pt x="726" y="198"/>
                    </a:lnTo>
                    <a:lnTo>
                      <a:pt x="729" y="199"/>
                    </a:lnTo>
                    <a:lnTo>
                      <a:pt x="733" y="199"/>
                    </a:lnTo>
                    <a:lnTo>
                      <a:pt x="736" y="201"/>
                    </a:lnTo>
                    <a:lnTo>
                      <a:pt x="741" y="204"/>
                    </a:lnTo>
                    <a:lnTo>
                      <a:pt x="748" y="204"/>
                    </a:lnTo>
                    <a:lnTo>
                      <a:pt x="753" y="203"/>
                    </a:lnTo>
                    <a:lnTo>
                      <a:pt x="758" y="199"/>
                    </a:lnTo>
                    <a:lnTo>
                      <a:pt x="763" y="194"/>
                    </a:lnTo>
                    <a:lnTo>
                      <a:pt x="767" y="191"/>
                    </a:lnTo>
                    <a:lnTo>
                      <a:pt x="770" y="188"/>
                    </a:lnTo>
                    <a:lnTo>
                      <a:pt x="770" y="186"/>
                    </a:lnTo>
                    <a:lnTo>
                      <a:pt x="760" y="182"/>
                    </a:lnTo>
                    <a:lnTo>
                      <a:pt x="758" y="177"/>
                    </a:lnTo>
                    <a:lnTo>
                      <a:pt x="768" y="176"/>
                    </a:lnTo>
                    <a:lnTo>
                      <a:pt x="772" y="164"/>
                    </a:lnTo>
                    <a:lnTo>
                      <a:pt x="770" y="164"/>
                    </a:lnTo>
                    <a:lnTo>
                      <a:pt x="768" y="164"/>
                    </a:lnTo>
                    <a:lnTo>
                      <a:pt x="767" y="164"/>
                    </a:lnTo>
                    <a:lnTo>
                      <a:pt x="763" y="162"/>
                    </a:lnTo>
                    <a:lnTo>
                      <a:pt x="750" y="159"/>
                    </a:lnTo>
                    <a:lnTo>
                      <a:pt x="740" y="155"/>
                    </a:lnTo>
                    <a:lnTo>
                      <a:pt x="731" y="154"/>
                    </a:lnTo>
                    <a:lnTo>
                      <a:pt x="728" y="152"/>
                    </a:lnTo>
                    <a:lnTo>
                      <a:pt x="724" y="150"/>
                    </a:lnTo>
                    <a:lnTo>
                      <a:pt x="723" y="150"/>
                    </a:lnTo>
                    <a:lnTo>
                      <a:pt x="724" y="149"/>
                    </a:lnTo>
                    <a:lnTo>
                      <a:pt x="726" y="149"/>
                    </a:lnTo>
                    <a:lnTo>
                      <a:pt x="728" y="149"/>
                    </a:lnTo>
                    <a:lnTo>
                      <a:pt x="731" y="147"/>
                    </a:lnTo>
                    <a:lnTo>
                      <a:pt x="736" y="149"/>
                    </a:lnTo>
                    <a:lnTo>
                      <a:pt x="740" y="149"/>
                    </a:lnTo>
                    <a:lnTo>
                      <a:pt x="743" y="149"/>
                    </a:lnTo>
                    <a:lnTo>
                      <a:pt x="745" y="149"/>
                    </a:lnTo>
                    <a:lnTo>
                      <a:pt x="746" y="149"/>
                    </a:lnTo>
                    <a:lnTo>
                      <a:pt x="748" y="149"/>
                    </a:lnTo>
                    <a:lnTo>
                      <a:pt x="746" y="138"/>
                    </a:lnTo>
                    <a:lnTo>
                      <a:pt x="755" y="135"/>
                    </a:lnTo>
                    <a:lnTo>
                      <a:pt x="760" y="144"/>
                    </a:lnTo>
                    <a:lnTo>
                      <a:pt x="762" y="144"/>
                    </a:lnTo>
                    <a:lnTo>
                      <a:pt x="765" y="144"/>
                    </a:lnTo>
                    <a:lnTo>
                      <a:pt x="767" y="145"/>
                    </a:lnTo>
                    <a:lnTo>
                      <a:pt x="768" y="144"/>
                    </a:lnTo>
                    <a:lnTo>
                      <a:pt x="770" y="138"/>
                    </a:lnTo>
                    <a:lnTo>
                      <a:pt x="772" y="135"/>
                    </a:lnTo>
                    <a:lnTo>
                      <a:pt x="773" y="137"/>
                    </a:lnTo>
                    <a:lnTo>
                      <a:pt x="777" y="138"/>
                    </a:lnTo>
                    <a:lnTo>
                      <a:pt x="778" y="142"/>
                    </a:lnTo>
                    <a:lnTo>
                      <a:pt x="782" y="145"/>
                    </a:lnTo>
                    <a:lnTo>
                      <a:pt x="784" y="147"/>
                    </a:lnTo>
                    <a:lnTo>
                      <a:pt x="784" y="149"/>
                    </a:lnTo>
                    <a:lnTo>
                      <a:pt x="785" y="149"/>
                    </a:lnTo>
                    <a:lnTo>
                      <a:pt x="787" y="149"/>
                    </a:lnTo>
                    <a:lnTo>
                      <a:pt x="792" y="149"/>
                    </a:lnTo>
                    <a:lnTo>
                      <a:pt x="795" y="149"/>
                    </a:lnTo>
                    <a:lnTo>
                      <a:pt x="800" y="149"/>
                    </a:lnTo>
                    <a:lnTo>
                      <a:pt x="804" y="147"/>
                    </a:lnTo>
                    <a:lnTo>
                      <a:pt x="807" y="147"/>
                    </a:lnTo>
                    <a:lnTo>
                      <a:pt x="809" y="147"/>
                    </a:lnTo>
                    <a:lnTo>
                      <a:pt x="814" y="130"/>
                    </a:lnTo>
                    <a:lnTo>
                      <a:pt x="819" y="120"/>
                    </a:lnTo>
                    <a:lnTo>
                      <a:pt x="824" y="113"/>
                    </a:lnTo>
                    <a:lnTo>
                      <a:pt x="826" y="110"/>
                    </a:lnTo>
                    <a:lnTo>
                      <a:pt x="828" y="110"/>
                    </a:lnTo>
                    <a:lnTo>
                      <a:pt x="829" y="111"/>
                    </a:lnTo>
                    <a:lnTo>
                      <a:pt x="831" y="113"/>
                    </a:lnTo>
                    <a:lnTo>
                      <a:pt x="831" y="111"/>
                    </a:lnTo>
                    <a:lnTo>
                      <a:pt x="833" y="110"/>
                    </a:lnTo>
                    <a:lnTo>
                      <a:pt x="834" y="106"/>
                    </a:lnTo>
                    <a:lnTo>
                      <a:pt x="834" y="105"/>
                    </a:lnTo>
                    <a:lnTo>
                      <a:pt x="834" y="96"/>
                    </a:lnTo>
                    <a:lnTo>
                      <a:pt x="833" y="88"/>
                    </a:lnTo>
                    <a:lnTo>
                      <a:pt x="831" y="81"/>
                    </a:lnTo>
                    <a:lnTo>
                      <a:pt x="829" y="76"/>
                    </a:lnTo>
                    <a:lnTo>
                      <a:pt x="828" y="72"/>
                    </a:lnTo>
                    <a:lnTo>
                      <a:pt x="826" y="69"/>
                    </a:lnTo>
                    <a:lnTo>
                      <a:pt x="824" y="67"/>
                    </a:lnTo>
                    <a:lnTo>
                      <a:pt x="817" y="72"/>
                    </a:lnTo>
                    <a:lnTo>
                      <a:pt x="816" y="72"/>
                    </a:lnTo>
                    <a:lnTo>
                      <a:pt x="814" y="74"/>
                    </a:lnTo>
                    <a:lnTo>
                      <a:pt x="811" y="76"/>
                    </a:lnTo>
                    <a:lnTo>
                      <a:pt x="809" y="79"/>
                    </a:lnTo>
                    <a:lnTo>
                      <a:pt x="809" y="89"/>
                    </a:lnTo>
                    <a:lnTo>
                      <a:pt x="809" y="96"/>
                    </a:lnTo>
                    <a:lnTo>
                      <a:pt x="807" y="101"/>
                    </a:lnTo>
                    <a:lnTo>
                      <a:pt x="807" y="105"/>
                    </a:lnTo>
                    <a:lnTo>
                      <a:pt x="807" y="106"/>
                    </a:lnTo>
                    <a:lnTo>
                      <a:pt x="806" y="105"/>
                    </a:lnTo>
                    <a:lnTo>
                      <a:pt x="806" y="101"/>
                    </a:lnTo>
                    <a:lnTo>
                      <a:pt x="804" y="98"/>
                    </a:lnTo>
                    <a:lnTo>
                      <a:pt x="802" y="94"/>
                    </a:lnTo>
                    <a:lnTo>
                      <a:pt x="802" y="91"/>
                    </a:lnTo>
                    <a:lnTo>
                      <a:pt x="802" y="88"/>
                    </a:lnTo>
                    <a:lnTo>
                      <a:pt x="800" y="84"/>
                    </a:lnTo>
                    <a:lnTo>
                      <a:pt x="800" y="81"/>
                    </a:lnTo>
                    <a:lnTo>
                      <a:pt x="800" y="79"/>
                    </a:lnTo>
                    <a:lnTo>
                      <a:pt x="800" y="78"/>
                    </a:lnTo>
                    <a:lnTo>
                      <a:pt x="799" y="71"/>
                    </a:lnTo>
                    <a:lnTo>
                      <a:pt x="797" y="67"/>
                    </a:lnTo>
                    <a:lnTo>
                      <a:pt x="792" y="67"/>
                    </a:lnTo>
                    <a:lnTo>
                      <a:pt x="789" y="69"/>
                    </a:lnTo>
                    <a:lnTo>
                      <a:pt x="784" y="72"/>
                    </a:lnTo>
                    <a:lnTo>
                      <a:pt x="778" y="76"/>
                    </a:lnTo>
                    <a:lnTo>
                      <a:pt x="777" y="78"/>
                    </a:lnTo>
                    <a:lnTo>
                      <a:pt x="775" y="79"/>
                    </a:lnTo>
                    <a:lnTo>
                      <a:pt x="763" y="79"/>
                    </a:lnTo>
                    <a:lnTo>
                      <a:pt x="762" y="81"/>
                    </a:lnTo>
                    <a:lnTo>
                      <a:pt x="760" y="81"/>
                    </a:lnTo>
                    <a:lnTo>
                      <a:pt x="756" y="83"/>
                    </a:lnTo>
                    <a:lnTo>
                      <a:pt x="753" y="83"/>
                    </a:lnTo>
                    <a:lnTo>
                      <a:pt x="750" y="84"/>
                    </a:lnTo>
                    <a:lnTo>
                      <a:pt x="745" y="86"/>
                    </a:lnTo>
                    <a:lnTo>
                      <a:pt x="743" y="88"/>
                    </a:lnTo>
                    <a:lnTo>
                      <a:pt x="741" y="88"/>
                    </a:lnTo>
                    <a:lnTo>
                      <a:pt x="731" y="94"/>
                    </a:lnTo>
                    <a:lnTo>
                      <a:pt x="726" y="96"/>
                    </a:lnTo>
                    <a:lnTo>
                      <a:pt x="724" y="96"/>
                    </a:lnTo>
                    <a:lnTo>
                      <a:pt x="724" y="94"/>
                    </a:lnTo>
                    <a:lnTo>
                      <a:pt x="726" y="91"/>
                    </a:lnTo>
                    <a:lnTo>
                      <a:pt x="729" y="88"/>
                    </a:lnTo>
                    <a:lnTo>
                      <a:pt x="731" y="84"/>
                    </a:lnTo>
                    <a:lnTo>
                      <a:pt x="733" y="84"/>
                    </a:lnTo>
                    <a:lnTo>
                      <a:pt x="724" y="66"/>
                    </a:lnTo>
                    <a:lnTo>
                      <a:pt x="731" y="61"/>
                    </a:lnTo>
                    <a:lnTo>
                      <a:pt x="736" y="71"/>
                    </a:lnTo>
                    <a:lnTo>
                      <a:pt x="748" y="78"/>
                    </a:lnTo>
                    <a:lnTo>
                      <a:pt x="751" y="76"/>
                    </a:lnTo>
                    <a:lnTo>
                      <a:pt x="755" y="72"/>
                    </a:lnTo>
                    <a:lnTo>
                      <a:pt x="758" y="71"/>
                    </a:lnTo>
                    <a:lnTo>
                      <a:pt x="762" y="67"/>
                    </a:lnTo>
                    <a:lnTo>
                      <a:pt x="763" y="66"/>
                    </a:lnTo>
                    <a:lnTo>
                      <a:pt x="765" y="64"/>
                    </a:lnTo>
                    <a:lnTo>
                      <a:pt x="765" y="62"/>
                    </a:lnTo>
                    <a:lnTo>
                      <a:pt x="756" y="56"/>
                    </a:lnTo>
                    <a:lnTo>
                      <a:pt x="753" y="52"/>
                    </a:lnTo>
                    <a:lnTo>
                      <a:pt x="755" y="52"/>
                    </a:lnTo>
                    <a:lnTo>
                      <a:pt x="758" y="52"/>
                    </a:lnTo>
                    <a:lnTo>
                      <a:pt x="763" y="54"/>
                    </a:lnTo>
                    <a:lnTo>
                      <a:pt x="768" y="56"/>
                    </a:lnTo>
                    <a:lnTo>
                      <a:pt x="772" y="57"/>
                    </a:lnTo>
                    <a:lnTo>
                      <a:pt x="775" y="59"/>
                    </a:lnTo>
                    <a:lnTo>
                      <a:pt x="789" y="52"/>
                    </a:lnTo>
                    <a:lnTo>
                      <a:pt x="789" y="50"/>
                    </a:lnTo>
                    <a:lnTo>
                      <a:pt x="789" y="49"/>
                    </a:lnTo>
                    <a:lnTo>
                      <a:pt x="787" y="47"/>
                    </a:lnTo>
                    <a:lnTo>
                      <a:pt x="787" y="45"/>
                    </a:lnTo>
                    <a:lnTo>
                      <a:pt x="780" y="39"/>
                    </a:lnTo>
                    <a:lnTo>
                      <a:pt x="777" y="34"/>
                    </a:lnTo>
                    <a:lnTo>
                      <a:pt x="780" y="34"/>
                    </a:lnTo>
                    <a:lnTo>
                      <a:pt x="784" y="35"/>
                    </a:lnTo>
                    <a:lnTo>
                      <a:pt x="787" y="37"/>
                    </a:lnTo>
                    <a:lnTo>
                      <a:pt x="790" y="39"/>
                    </a:lnTo>
                    <a:lnTo>
                      <a:pt x="790" y="40"/>
                    </a:lnTo>
                    <a:lnTo>
                      <a:pt x="792" y="40"/>
                    </a:lnTo>
                    <a:lnTo>
                      <a:pt x="795" y="39"/>
                    </a:lnTo>
                    <a:lnTo>
                      <a:pt x="800" y="39"/>
                    </a:lnTo>
                    <a:lnTo>
                      <a:pt x="802" y="39"/>
                    </a:lnTo>
                    <a:lnTo>
                      <a:pt x="811" y="47"/>
                    </a:lnTo>
                    <a:lnTo>
                      <a:pt x="816" y="50"/>
                    </a:lnTo>
                    <a:lnTo>
                      <a:pt x="817" y="50"/>
                    </a:lnTo>
                    <a:lnTo>
                      <a:pt x="817" y="47"/>
                    </a:lnTo>
                    <a:lnTo>
                      <a:pt x="814" y="44"/>
                    </a:lnTo>
                    <a:lnTo>
                      <a:pt x="811" y="39"/>
                    </a:lnTo>
                    <a:lnTo>
                      <a:pt x="809" y="35"/>
                    </a:lnTo>
                    <a:lnTo>
                      <a:pt x="807" y="34"/>
                    </a:lnTo>
                    <a:lnTo>
                      <a:pt x="800" y="17"/>
                    </a:lnTo>
                    <a:lnTo>
                      <a:pt x="790" y="15"/>
                    </a:lnTo>
                    <a:lnTo>
                      <a:pt x="780" y="0"/>
                    </a:lnTo>
                    <a:lnTo>
                      <a:pt x="750" y="8"/>
                    </a:lnTo>
                    <a:lnTo>
                      <a:pt x="721" y="15"/>
                    </a:lnTo>
                    <a:lnTo>
                      <a:pt x="692" y="20"/>
                    </a:lnTo>
                    <a:lnTo>
                      <a:pt x="663" y="27"/>
                    </a:lnTo>
                    <a:lnTo>
                      <a:pt x="636" y="32"/>
                    </a:lnTo>
                    <a:lnTo>
                      <a:pt x="609" y="39"/>
                    </a:lnTo>
                    <a:lnTo>
                      <a:pt x="584" y="44"/>
                    </a:lnTo>
                    <a:lnTo>
                      <a:pt x="558" y="47"/>
                    </a:lnTo>
                    <a:lnTo>
                      <a:pt x="533" y="52"/>
                    </a:lnTo>
                    <a:lnTo>
                      <a:pt x="509" y="56"/>
                    </a:lnTo>
                    <a:lnTo>
                      <a:pt x="486" y="61"/>
                    </a:lnTo>
                    <a:lnTo>
                      <a:pt x="464" y="64"/>
                    </a:lnTo>
                    <a:lnTo>
                      <a:pt x="443" y="67"/>
                    </a:lnTo>
                    <a:lnTo>
                      <a:pt x="423" y="71"/>
                    </a:lnTo>
                    <a:lnTo>
                      <a:pt x="403" y="74"/>
                    </a:lnTo>
                    <a:lnTo>
                      <a:pt x="384" y="76"/>
                    </a:lnTo>
                    <a:lnTo>
                      <a:pt x="366" y="79"/>
                    </a:lnTo>
                    <a:lnTo>
                      <a:pt x="349" y="81"/>
                    </a:lnTo>
                    <a:lnTo>
                      <a:pt x="333" y="83"/>
                    </a:lnTo>
                    <a:lnTo>
                      <a:pt x="318" y="84"/>
                    </a:lnTo>
                    <a:lnTo>
                      <a:pt x="305" y="86"/>
                    </a:lnTo>
                    <a:lnTo>
                      <a:pt x="293" y="88"/>
                    </a:lnTo>
                    <a:lnTo>
                      <a:pt x="281" y="89"/>
                    </a:lnTo>
                    <a:lnTo>
                      <a:pt x="271" y="91"/>
                    </a:lnTo>
                    <a:lnTo>
                      <a:pt x="261" y="91"/>
                    </a:lnTo>
                    <a:lnTo>
                      <a:pt x="252" y="93"/>
                    </a:lnTo>
                    <a:lnTo>
                      <a:pt x="245" y="93"/>
                    </a:lnTo>
                    <a:lnTo>
                      <a:pt x="240" y="94"/>
                    </a:lnTo>
                    <a:lnTo>
                      <a:pt x="235" y="94"/>
                    </a:lnTo>
                    <a:lnTo>
                      <a:pt x="232" y="94"/>
                    </a:lnTo>
                    <a:lnTo>
                      <a:pt x="230" y="94"/>
                    </a:lnTo>
                    <a:lnTo>
                      <a:pt x="232" y="94"/>
                    </a:lnTo>
                    <a:lnTo>
                      <a:pt x="232" y="96"/>
                    </a:lnTo>
                    <a:lnTo>
                      <a:pt x="232" y="100"/>
                    </a:lnTo>
                    <a:lnTo>
                      <a:pt x="232" y="106"/>
                    </a:lnTo>
                    <a:lnTo>
                      <a:pt x="232" y="111"/>
                    </a:lnTo>
                    <a:lnTo>
                      <a:pt x="234" y="118"/>
                    </a:lnTo>
                    <a:lnTo>
                      <a:pt x="232" y="125"/>
                    </a:lnTo>
                    <a:lnTo>
                      <a:pt x="232" y="128"/>
                    </a:lnTo>
                    <a:lnTo>
                      <a:pt x="232" y="130"/>
                    </a:lnTo>
                    <a:lnTo>
                      <a:pt x="225" y="130"/>
                    </a:lnTo>
                    <a:lnTo>
                      <a:pt x="220" y="133"/>
                    </a:lnTo>
                    <a:lnTo>
                      <a:pt x="215" y="138"/>
                    </a:lnTo>
                    <a:lnTo>
                      <a:pt x="212" y="145"/>
                    </a:lnTo>
                    <a:lnTo>
                      <a:pt x="208" y="152"/>
                    </a:lnTo>
                    <a:lnTo>
                      <a:pt x="206" y="157"/>
                    </a:lnTo>
                    <a:lnTo>
                      <a:pt x="205" y="160"/>
                    </a:lnTo>
                    <a:lnTo>
                      <a:pt x="198" y="157"/>
                    </a:lnTo>
                    <a:lnTo>
                      <a:pt x="191" y="157"/>
                    </a:lnTo>
                    <a:lnTo>
                      <a:pt x="183" y="162"/>
                    </a:lnTo>
                    <a:lnTo>
                      <a:pt x="174" y="169"/>
                    </a:lnTo>
                    <a:lnTo>
                      <a:pt x="168" y="177"/>
                    </a:lnTo>
                    <a:lnTo>
                      <a:pt x="161" y="184"/>
                    </a:lnTo>
                    <a:lnTo>
                      <a:pt x="156" y="188"/>
                    </a:lnTo>
                    <a:lnTo>
                      <a:pt x="154" y="188"/>
                    </a:lnTo>
                    <a:lnTo>
                      <a:pt x="152" y="182"/>
                    </a:lnTo>
                    <a:lnTo>
                      <a:pt x="149" y="181"/>
                    </a:lnTo>
                    <a:lnTo>
                      <a:pt x="147" y="179"/>
                    </a:lnTo>
                    <a:lnTo>
                      <a:pt x="144" y="179"/>
                    </a:lnTo>
                    <a:lnTo>
                      <a:pt x="140" y="181"/>
                    </a:lnTo>
                    <a:lnTo>
                      <a:pt x="137" y="182"/>
                    </a:lnTo>
                    <a:lnTo>
                      <a:pt x="134" y="186"/>
                    </a:lnTo>
                    <a:lnTo>
                      <a:pt x="132" y="191"/>
                    </a:lnTo>
                    <a:lnTo>
                      <a:pt x="129" y="194"/>
                    </a:lnTo>
                    <a:lnTo>
                      <a:pt x="125" y="199"/>
                    </a:lnTo>
                    <a:lnTo>
                      <a:pt x="124" y="204"/>
                    </a:lnTo>
                    <a:lnTo>
                      <a:pt x="122" y="208"/>
                    </a:lnTo>
                    <a:lnTo>
                      <a:pt x="118" y="213"/>
                    </a:lnTo>
                    <a:lnTo>
                      <a:pt x="118" y="215"/>
                    </a:lnTo>
                    <a:lnTo>
                      <a:pt x="117" y="216"/>
                    </a:lnTo>
                    <a:lnTo>
                      <a:pt x="117" y="218"/>
                    </a:lnTo>
                    <a:lnTo>
                      <a:pt x="108" y="220"/>
                    </a:lnTo>
                    <a:lnTo>
                      <a:pt x="100" y="223"/>
                    </a:lnTo>
                    <a:lnTo>
                      <a:pt x="91" y="228"/>
                    </a:lnTo>
                    <a:lnTo>
                      <a:pt x="83" y="235"/>
                    </a:lnTo>
                    <a:lnTo>
                      <a:pt x="78" y="240"/>
                    </a:lnTo>
                    <a:lnTo>
                      <a:pt x="71" y="247"/>
                    </a:lnTo>
                    <a:lnTo>
                      <a:pt x="68" y="250"/>
                    </a:lnTo>
                    <a:lnTo>
                      <a:pt x="66" y="252"/>
                    </a:lnTo>
                    <a:lnTo>
                      <a:pt x="56" y="252"/>
                    </a:lnTo>
                    <a:lnTo>
                      <a:pt x="47" y="255"/>
                    </a:lnTo>
                    <a:lnTo>
                      <a:pt x="41" y="259"/>
                    </a:lnTo>
                    <a:lnTo>
                      <a:pt x="34" y="264"/>
                    </a:lnTo>
                    <a:lnTo>
                      <a:pt x="31" y="269"/>
                    </a:lnTo>
                    <a:lnTo>
                      <a:pt x="27" y="274"/>
                    </a:lnTo>
                    <a:lnTo>
                      <a:pt x="25" y="277"/>
                    </a:lnTo>
                    <a:lnTo>
                      <a:pt x="25" y="279"/>
                    </a:lnTo>
                    <a:lnTo>
                      <a:pt x="24" y="286"/>
                    </a:lnTo>
                    <a:lnTo>
                      <a:pt x="20" y="291"/>
                    </a:lnTo>
                    <a:lnTo>
                      <a:pt x="17" y="296"/>
                    </a:lnTo>
                    <a:lnTo>
                      <a:pt x="12" y="298"/>
                    </a:lnTo>
                    <a:lnTo>
                      <a:pt x="9" y="299"/>
                    </a:lnTo>
                    <a:lnTo>
                      <a:pt x="3" y="299"/>
                    </a:lnTo>
                    <a:lnTo>
                      <a:pt x="0" y="299"/>
                    </a:lnTo>
                    <a:lnTo>
                      <a:pt x="0" y="333"/>
                    </a:lnTo>
                    <a:lnTo>
                      <a:pt x="124" y="314"/>
                    </a:lnTo>
                    <a:lnTo>
                      <a:pt x="125" y="316"/>
                    </a:lnTo>
                    <a:lnTo>
                      <a:pt x="127" y="314"/>
                    </a:lnTo>
                    <a:lnTo>
                      <a:pt x="129" y="313"/>
                    </a:lnTo>
                    <a:lnTo>
                      <a:pt x="132" y="309"/>
                    </a:lnTo>
                    <a:lnTo>
                      <a:pt x="135" y="306"/>
                    </a:lnTo>
                    <a:lnTo>
                      <a:pt x="140" y="303"/>
                    </a:lnTo>
                    <a:lnTo>
                      <a:pt x="146" y="299"/>
                    </a:lnTo>
                    <a:lnTo>
                      <a:pt x="152" y="296"/>
                    </a:lnTo>
                    <a:lnTo>
                      <a:pt x="157" y="292"/>
                    </a:lnTo>
                    <a:lnTo>
                      <a:pt x="166" y="287"/>
                    </a:lnTo>
                    <a:lnTo>
                      <a:pt x="173" y="284"/>
                    </a:lnTo>
                    <a:lnTo>
                      <a:pt x="181" y="281"/>
                    </a:lnTo>
                    <a:lnTo>
                      <a:pt x="190" y="279"/>
                    </a:lnTo>
                    <a:lnTo>
                      <a:pt x="200" y="277"/>
                    </a:lnTo>
                    <a:lnTo>
                      <a:pt x="210" y="274"/>
                    </a:lnTo>
                    <a:lnTo>
                      <a:pt x="218" y="274"/>
                    </a:lnTo>
                    <a:lnTo>
                      <a:pt x="311" y="265"/>
                    </a:lnTo>
                    <a:lnTo>
                      <a:pt x="313" y="265"/>
                    </a:lnTo>
                    <a:lnTo>
                      <a:pt x="315" y="264"/>
                    </a:lnTo>
                    <a:lnTo>
                      <a:pt x="320" y="264"/>
                    </a:lnTo>
                    <a:lnTo>
                      <a:pt x="327" y="264"/>
                    </a:lnTo>
                    <a:lnTo>
                      <a:pt x="333" y="265"/>
                    </a:lnTo>
                    <a:lnTo>
                      <a:pt x="340" y="269"/>
                    </a:lnTo>
                    <a:lnTo>
                      <a:pt x="347" y="276"/>
                    </a:lnTo>
                    <a:lnTo>
                      <a:pt x="355" y="287"/>
                    </a:lnTo>
                    <a:lnTo>
                      <a:pt x="359" y="301"/>
                    </a:lnTo>
                    <a:lnTo>
                      <a:pt x="467" y="284"/>
                    </a:lnTo>
                    <a:lnTo>
                      <a:pt x="597" y="379"/>
                    </a:lnTo>
                    <a:lnTo>
                      <a:pt x="601" y="379"/>
                    </a:lnTo>
                    <a:lnTo>
                      <a:pt x="602" y="379"/>
                    </a:lnTo>
                    <a:lnTo>
                      <a:pt x="604" y="377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57" name="Freeform 165"/>
              <p:cNvSpPr>
                <a:spLocks/>
              </p:cNvSpPr>
              <p:nvPr/>
            </p:nvSpPr>
            <p:spPr bwMode="auto">
              <a:xfrm>
                <a:off x="4891" y="2263"/>
                <a:ext cx="39" cy="57"/>
              </a:xfrm>
              <a:custGeom>
                <a:avLst/>
                <a:gdLst>
                  <a:gd name="T0" fmla="*/ 0 w 39"/>
                  <a:gd name="T1" fmla="*/ 57 h 57"/>
                  <a:gd name="T2" fmla="*/ 2 w 39"/>
                  <a:gd name="T3" fmla="*/ 54 h 57"/>
                  <a:gd name="T4" fmla="*/ 4 w 39"/>
                  <a:gd name="T5" fmla="*/ 51 h 57"/>
                  <a:gd name="T6" fmla="*/ 7 w 39"/>
                  <a:gd name="T7" fmla="*/ 44 h 57"/>
                  <a:gd name="T8" fmla="*/ 10 w 39"/>
                  <a:gd name="T9" fmla="*/ 35 h 57"/>
                  <a:gd name="T10" fmla="*/ 15 w 39"/>
                  <a:gd name="T11" fmla="*/ 25 h 57"/>
                  <a:gd name="T12" fmla="*/ 21 w 39"/>
                  <a:gd name="T13" fmla="*/ 15 h 57"/>
                  <a:gd name="T14" fmla="*/ 27 w 39"/>
                  <a:gd name="T15" fmla="*/ 7 h 57"/>
                  <a:gd name="T16" fmla="*/ 32 w 39"/>
                  <a:gd name="T17" fmla="*/ 0 h 57"/>
                  <a:gd name="T18" fmla="*/ 39 w 39"/>
                  <a:gd name="T19" fmla="*/ 1 h 57"/>
                  <a:gd name="T20" fmla="*/ 39 w 39"/>
                  <a:gd name="T21" fmla="*/ 1 h 57"/>
                  <a:gd name="T22" fmla="*/ 36 w 39"/>
                  <a:gd name="T23" fmla="*/ 5 h 57"/>
                  <a:gd name="T24" fmla="*/ 32 w 39"/>
                  <a:gd name="T25" fmla="*/ 8 h 57"/>
                  <a:gd name="T26" fmla="*/ 29 w 39"/>
                  <a:gd name="T27" fmla="*/ 13 h 57"/>
                  <a:gd name="T28" fmla="*/ 24 w 39"/>
                  <a:gd name="T29" fmla="*/ 22 h 57"/>
                  <a:gd name="T30" fmla="*/ 19 w 39"/>
                  <a:gd name="T31" fmla="*/ 30 h 57"/>
                  <a:gd name="T32" fmla="*/ 12 w 39"/>
                  <a:gd name="T33" fmla="*/ 40 h 57"/>
                  <a:gd name="T34" fmla="*/ 7 w 39"/>
                  <a:gd name="T35" fmla="*/ 54 h 57"/>
                  <a:gd name="T36" fmla="*/ 5 w 39"/>
                  <a:gd name="T37" fmla="*/ 54 h 57"/>
                  <a:gd name="T38" fmla="*/ 4 w 39"/>
                  <a:gd name="T39" fmla="*/ 56 h 57"/>
                  <a:gd name="T40" fmla="*/ 2 w 39"/>
                  <a:gd name="T41" fmla="*/ 56 h 57"/>
                  <a:gd name="T42" fmla="*/ 0 w 39"/>
                  <a:gd name="T43" fmla="*/ 57 h 57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w 39"/>
                  <a:gd name="T67" fmla="*/ 0 h 57"/>
                  <a:gd name="T68" fmla="*/ 39 w 39"/>
                  <a:gd name="T69" fmla="*/ 57 h 57"/>
                </a:gdLst>
                <a:ahLst/>
                <a:cxnLst>
                  <a:cxn ang="T44">
                    <a:pos x="T0" y="T1"/>
                  </a:cxn>
                  <a:cxn ang="T45">
                    <a:pos x="T2" y="T3"/>
                  </a:cxn>
                  <a:cxn ang="T46">
                    <a:pos x="T4" y="T5"/>
                  </a:cxn>
                  <a:cxn ang="T47">
                    <a:pos x="T6" y="T7"/>
                  </a:cxn>
                  <a:cxn ang="T48">
                    <a:pos x="T8" y="T9"/>
                  </a:cxn>
                  <a:cxn ang="T49">
                    <a:pos x="T10" y="T11"/>
                  </a:cxn>
                  <a:cxn ang="T50">
                    <a:pos x="T12" y="T13"/>
                  </a:cxn>
                  <a:cxn ang="T51">
                    <a:pos x="T14" y="T15"/>
                  </a:cxn>
                  <a:cxn ang="T52">
                    <a:pos x="T16" y="T17"/>
                  </a:cxn>
                  <a:cxn ang="T53">
                    <a:pos x="T18" y="T19"/>
                  </a:cxn>
                  <a:cxn ang="T54">
                    <a:pos x="T20" y="T21"/>
                  </a:cxn>
                  <a:cxn ang="T55">
                    <a:pos x="T22" y="T23"/>
                  </a:cxn>
                  <a:cxn ang="T56">
                    <a:pos x="T24" y="T25"/>
                  </a:cxn>
                  <a:cxn ang="T57">
                    <a:pos x="T26" y="T27"/>
                  </a:cxn>
                  <a:cxn ang="T58">
                    <a:pos x="T28" y="T29"/>
                  </a:cxn>
                  <a:cxn ang="T59">
                    <a:pos x="T30" y="T31"/>
                  </a:cxn>
                  <a:cxn ang="T60">
                    <a:pos x="T32" y="T33"/>
                  </a:cxn>
                  <a:cxn ang="T61">
                    <a:pos x="T34" y="T35"/>
                  </a:cxn>
                  <a:cxn ang="T62">
                    <a:pos x="T36" y="T37"/>
                  </a:cxn>
                  <a:cxn ang="T63">
                    <a:pos x="T38" y="T39"/>
                  </a:cxn>
                  <a:cxn ang="T64">
                    <a:pos x="T40" y="T41"/>
                  </a:cxn>
                  <a:cxn ang="T65">
                    <a:pos x="T42" y="T43"/>
                  </a:cxn>
                </a:cxnLst>
                <a:rect l="T66" t="T67" r="T68" b="T69"/>
                <a:pathLst>
                  <a:path w="39" h="57">
                    <a:moveTo>
                      <a:pt x="0" y="57"/>
                    </a:moveTo>
                    <a:lnTo>
                      <a:pt x="2" y="54"/>
                    </a:lnTo>
                    <a:lnTo>
                      <a:pt x="4" y="51"/>
                    </a:lnTo>
                    <a:lnTo>
                      <a:pt x="7" y="44"/>
                    </a:lnTo>
                    <a:lnTo>
                      <a:pt x="10" y="35"/>
                    </a:lnTo>
                    <a:lnTo>
                      <a:pt x="15" y="25"/>
                    </a:lnTo>
                    <a:lnTo>
                      <a:pt x="21" y="15"/>
                    </a:lnTo>
                    <a:lnTo>
                      <a:pt x="27" y="7"/>
                    </a:lnTo>
                    <a:lnTo>
                      <a:pt x="32" y="0"/>
                    </a:lnTo>
                    <a:lnTo>
                      <a:pt x="39" y="1"/>
                    </a:lnTo>
                    <a:lnTo>
                      <a:pt x="36" y="5"/>
                    </a:lnTo>
                    <a:lnTo>
                      <a:pt x="32" y="8"/>
                    </a:lnTo>
                    <a:lnTo>
                      <a:pt x="29" y="13"/>
                    </a:lnTo>
                    <a:lnTo>
                      <a:pt x="24" y="22"/>
                    </a:lnTo>
                    <a:lnTo>
                      <a:pt x="19" y="30"/>
                    </a:lnTo>
                    <a:lnTo>
                      <a:pt x="12" y="40"/>
                    </a:lnTo>
                    <a:lnTo>
                      <a:pt x="7" y="54"/>
                    </a:lnTo>
                    <a:lnTo>
                      <a:pt x="5" y="54"/>
                    </a:lnTo>
                    <a:lnTo>
                      <a:pt x="4" y="56"/>
                    </a:lnTo>
                    <a:lnTo>
                      <a:pt x="2" y="56"/>
                    </a:lnTo>
                    <a:lnTo>
                      <a:pt x="0" y="5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58" name="Freeform 166"/>
              <p:cNvSpPr>
                <a:spLocks/>
              </p:cNvSpPr>
              <p:nvPr/>
            </p:nvSpPr>
            <p:spPr bwMode="auto">
              <a:xfrm>
                <a:off x="4891" y="2263"/>
                <a:ext cx="39" cy="57"/>
              </a:xfrm>
              <a:custGeom>
                <a:avLst/>
                <a:gdLst>
                  <a:gd name="T0" fmla="*/ 0 w 39"/>
                  <a:gd name="T1" fmla="*/ 57 h 57"/>
                  <a:gd name="T2" fmla="*/ 0 w 39"/>
                  <a:gd name="T3" fmla="*/ 57 h 57"/>
                  <a:gd name="T4" fmla="*/ 2 w 39"/>
                  <a:gd name="T5" fmla="*/ 54 h 57"/>
                  <a:gd name="T6" fmla="*/ 4 w 39"/>
                  <a:gd name="T7" fmla="*/ 51 h 57"/>
                  <a:gd name="T8" fmla="*/ 7 w 39"/>
                  <a:gd name="T9" fmla="*/ 44 h 57"/>
                  <a:gd name="T10" fmla="*/ 10 w 39"/>
                  <a:gd name="T11" fmla="*/ 35 h 57"/>
                  <a:gd name="T12" fmla="*/ 15 w 39"/>
                  <a:gd name="T13" fmla="*/ 25 h 57"/>
                  <a:gd name="T14" fmla="*/ 21 w 39"/>
                  <a:gd name="T15" fmla="*/ 15 h 57"/>
                  <a:gd name="T16" fmla="*/ 27 w 39"/>
                  <a:gd name="T17" fmla="*/ 7 h 57"/>
                  <a:gd name="T18" fmla="*/ 32 w 39"/>
                  <a:gd name="T19" fmla="*/ 0 h 57"/>
                  <a:gd name="T20" fmla="*/ 39 w 39"/>
                  <a:gd name="T21" fmla="*/ 1 h 57"/>
                  <a:gd name="T22" fmla="*/ 39 w 39"/>
                  <a:gd name="T23" fmla="*/ 1 h 57"/>
                  <a:gd name="T24" fmla="*/ 39 w 39"/>
                  <a:gd name="T25" fmla="*/ 1 h 57"/>
                  <a:gd name="T26" fmla="*/ 36 w 39"/>
                  <a:gd name="T27" fmla="*/ 5 h 57"/>
                  <a:gd name="T28" fmla="*/ 32 w 39"/>
                  <a:gd name="T29" fmla="*/ 8 h 57"/>
                  <a:gd name="T30" fmla="*/ 29 w 39"/>
                  <a:gd name="T31" fmla="*/ 13 h 57"/>
                  <a:gd name="T32" fmla="*/ 24 w 39"/>
                  <a:gd name="T33" fmla="*/ 22 h 57"/>
                  <a:gd name="T34" fmla="*/ 19 w 39"/>
                  <a:gd name="T35" fmla="*/ 30 h 57"/>
                  <a:gd name="T36" fmla="*/ 12 w 39"/>
                  <a:gd name="T37" fmla="*/ 40 h 57"/>
                  <a:gd name="T38" fmla="*/ 7 w 39"/>
                  <a:gd name="T39" fmla="*/ 54 h 57"/>
                  <a:gd name="T40" fmla="*/ 7 w 39"/>
                  <a:gd name="T41" fmla="*/ 54 h 57"/>
                  <a:gd name="T42" fmla="*/ 5 w 39"/>
                  <a:gd name="T43" fmla="*/ 54 h 57"/>
                  <a:gd name="T44" fmla="*/ 4 w 39"/>
                  <a:gd name="T45" fmla="*/ 56 h 57"/>
                  <a:gd name="T46" fmla="*/ 2 w 39"/>
                  <a:gd name="T47" fmla="*/ 56 h 57"/>
                  <a:gd name="T48" fmla="*/ 0 w 39"/>
                  <a:gd name="T49" fmla="*/ 57 h 5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39"/>
                  <a:gd name="T76" fmla="*/ 0 h 57"/>
                  <a:gd name="T77" fmla="*/ 39 w 39"/>
                  <a:gd name="T78" fmla="*/ 57 h 57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39" h="57">
                    <a:moveTo>
                      <a:pt x="0" y="57"/>
                    </a:moveTo>
                    <a:lnTo>
                      <a:pt x="0" y="57"/>
                    </a:lnTo>
                    <a:lnTo>
                      <a:pt x="2" y="54"/>
                    </a:lnTo>
                    <a:lnTo>
                      <a:pt x="4" y="51"/>
                    </a:lnTo>
                    <a:lnTo>
                      <a:pt x="7" y="44"/>
                    </a:lnTo>
                    <a:lnTo>
                      <a:pt x="10" y="35"/>
                    </a:lnTo>
                    <a:lnTo>
                      <a:pt x="15" y="25"/>
                    </a:lnTo>
                    <a:lnTo>
                      <a:pt x="21" y="15"/>
                    </a:lnTo>
                    <a:lnTo>
                      <a:pt x="27" y="7"/>
                    </a:lnTo>
                    <a:lnTo>
                      <a:pt x="32" y="0"/>
                    </a:lnTo>
                    <a:lnTo>
                      <a:pt x="39" y="1"/>
                    </a:lnTo>
                    <a:lnTo>
                      <a:pt x="36" y="5"/>
                    </a:lnTo>
                    <a:lnTo>
                      <a:pt x="32" y="8"/>
                    </a:lnTo>
                    <a:lnTo>
                      <a:pt x="29" y="13"/>
                    </a:lnTo>
                    <a:lnTo>
                      <a:pt x="24" y="22"/>
                    </a:lnTo>
                    <a:lnTo>
                      <a:pt x="19" y="30"/>
                    </a:lnTo>
                    <a:lnTo>
                      <a:pt x="12" y="40"/>
                    </a:lnTo>
                    <a:lnTo>
                      <a:pt x="7" y="54"/>
                    </a:lnTo>
                    <a:lnTo>
                      <a:pt x="5" y="54"/>
                    </a:lnTo>
                    <a:lnTo>
                      <a:pt x="4" y="56"/>
                    </a:lnTo>
                    <a:lnTo>
                      <a:pt x="2" y="56"/>
                    </a:lnTo>
                    <a:lnTo>
                      <a:pt x="0" y="5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59" name="Freeform 167"/>
              <p:cNvSpPr>
                <a:spLocks/>
              </p:cNvSpPr>
              <p:nvPr/>
            </p:nvSpPr>
            <p:spPr bwMode="auto">
              <a:xfrm>
                <a:off x="4905" y="2078"/>
                <a:ext cx="54" cy="82"/>
              </a:xfrm>
              <a:custGeom>
                <a:avLst/>
                <a:gdLst>
                  <a:gd name="T0" fmla="*/ 5 w 54"/>
                  <a:gd name="T1" fmla="*/ 0 h 82"/>
                  <a:gd name="T2" fmla="*/ 5 w 54"/>
                  <a:gd name="T3" fmla="*/ 0 h 82"/>
                  <a:gd name="T4" fmla="*/ 5 w 54"/>
                  <a:gd name="T5" fmla="*/ 2 h 82"/>
                  <a:gd name="T6" fmla="*/ 7 w 54"/>
                  <a:gd name="T7" fmla="*/ 4 h 82"/>
                  <a:gd name="T8" fmla="*/ 7 w 54"/>
                  <a:gd name="T9" fmla="*/ 7 h 82"/>
                  <a:gd name="T10" fmla="*/ 8 w 54"/>
                  <a:gd name="T11" fmla="*/ 10 h 82"/>
                  <a:gd name="T12" fmla="*/ 10 w 54"/>
                  <a:gd name="T13" fmla="*/ 14 h 82"/>
                  <a:gd name="T14" fmla="*/ 13 w 54"/>
                  <a:gd name="T15" fmla="*/ 19 h 82"/>
                  <a:gd name="T16" fmla="*/ 15 w 54"/>
                  <a:gd name="T17" fmla="*/ 22 h 82"/>
                  <a:gd name="T18" fmla="*/ 17 w 54"/>
                  <a:gd name="T19" fmla="*/ 27 h 82"/>
                  <a:gd name="T20" fmla="*/ 20 w 54"/>
                  <a:gd name="T21" fmla="*/ 32 h 82"/>
                  <a:gd name="T22" fmla="*/ 23 w 54"/>
                  <a:gd name="T23" fmla="*/ 38 h 82"/>
                  <a:gd name="T24" fmla="*/ 25 w 54"/>
                  <a:gd name="T25" fmla="*/ 43 h 82"/>
                  <a:gd name="T26" fmla="*/ 29 w 54"/>
                  <a:gd name="T27" fmla="*/ 48 h 82"/>
                  <a:gd name="T28" fmla="*/ 32 w 54"/>
                  <a:gd name="T29" fmla="*/ 51 h 82"/>
                  <a:gd name="T30" fmla="*/ 35 w 54"/>
                  <a:gd name="T31" fmla="*/ 56 h 82"/>
                  <a:gd name="T32" fmla="*/ 39 w 54"/>
                  <a:gd name="T33" fmla="*/ 60 h 82"/>
                  <a:gd name="T34" fmla="*/ 40 w 54"/>
                  <a:gd name="T35" fmla="*/ 63 h 82"/>
                  <a:gd name="T36" fmla="*/ 44 w 54"/>
                  <a:gd name="T37" fmla="*/ 66 h 82"/>
                  <a:gd name="T38" fmla="*/ 47 w 54"/>
                  <a:gd name="T39" fmla="*/ 73 h 82"/>
                  <a:gd name="T40" fmla="*/ 52 w 54"/>
                  <a:gd name="T41" fmla="*/ 78 h 82"/>
                  <a:gd name="T42" fmla="*/ 54 w 54"/>
                  <a:gd name="T43" fmla="*/ 82 h 82"/>
                  <a:gd name="T44" fmla="*/ 52 w 54"/>
                  <a:gd name="T45" fmla="*/ 82 h 82"/>
                  <a:gd name="T46" fmla="*/ 45 w 54"/>
                  <a:gd name="T47" fmla="*/ 76 h 82"/>
                  <a:gd name="T48" fmla="*/ 34 w 54"/>
                  <a:gd name="T49" fmla="*/ 65 h 82"/>
                  <a:gd name="T50" fmla="*/ 34 w 54"/>
                  <a:gd name="T51" fmla="*/ 65 h 82"/>
                  <a:gd name="T52" fmla="*/ 32 w 54"/>
                  <a:gd name="T53" fmla="*/ 63 h 82"/>
                  <a:gd name="T54" fmla="*/ 30 w 54"/>
                  <a:gd name="T55" fmla="*/ 60 h 82"/>
                  <a:gd name="T56" fmla="*/ 27 w 54"/>
                  <a:gd name="T57" fmla="*/ 56 h 82"/>
                  <a:gd name="T58" fmla="*/ 25 w 54"/>
                  <a:gd name="T59" fmla="*/ 53 h 82"/>
                  <a:gd name="T60" fmla="*/ 22 w 54"/>
                  <a:gd name="T61" fmla="*/ 48 h 82"/>
                  <a:gd name="T62" fmla="*/ 18 w 54"/>
                  <a:gd name="T63" fmla="*/ 43 h 82"/>
                  <a:gd name="T64" fmla="*/ 15 w 54"/>
                  <a:gd name="T65" fmla="*/ 38 h 82"/>
                  <a:gd name="T66" fmla="*/ 12 w 54"/>
                  <a:gd name="T67" fmla="*/ 32 h 82"/>
                  <a:gd name="T68" fmla="*/ 10 w 54"/>
                  <a:gd name="T69" fmla="*/ 27 h 82"/>
                  <a:gd name="T70" fmla="*/ 7 w 54"/>
                  <a:gd name="T71" fmla="*/ 22 h 82"/>
                  <a:gd name="T72" fmla="*/ 5 w 54"/>
                  <a:gd name="T73" fmla="*/ 19 h 82"/>
                  <a:gd name="T74" fmla="*/ 1 w 54"/>
                  <a:gd name="T75" fmla="*/ 14 h 82"/>
                  <a:gd name="T76" fmla="*/ 1 w 54"/>
                  <a:gd name="T77" fmla="*/ 10 h 82"/>
                  <a:gd name="T78" fmla="*/ 0 w 54"/>
                  <a:gd name="T79" fmla="*/ 7 h 82"/>
                  <a:gd name="T80" fmla="*/ 0 w 54"/>
                  <a:gd name="T81" fmla="*/ 4 h 82"/>
                  <a:gd name="T82" fmla="*/ 0 w 54"/>
                  <a:gd name="T83" fmla="*/ 2 h 82"/>
                  <a:gd name="T84" fmla="*/ 1 w 54"/>
                  <a:gd name="T85" fmla="*/ 0 h 82"/>
                  <a:gd name="T86" fmla="*/ 3 w 54"/>
                  <a:gd name="T87" fmla="*/ 0 h 82"/>
                  <a:gd name="T88" fmla="*/ 5 w 54"/>
                  <a:gd name="T89" fmla="*/ 0 h 82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w 54"/>
                  <a:gd name="T136" fmla="*/ 0 h 82"/>
                  <a:gd name="T137" fmla="*/ 54 w 54"/>
                  <a:gd name="T138" fmla="*/ 82 h 82"/>
                </a:gdLst>
                <a:ahLst/>
                <a:cxnLst>
                  <a:cxn ang="T90">
                    <a:pos x="T0" y="T1"/>
                  </a:cxn>
                  <a:cxn ang="T91">
                    <a:pos x="T2" y="T3"/>
                  </a:cxn>
                  <a:cxn ang="T92">
                    <a:pos x="T4" y="T5"/>
                  </a:cxn>
                  <a:cxn ang="T93">
                    <a:pos x="T6" y="T7"/>
                  </a:cxn>
                  <a:cxn ang="T94">
                    <a:pos x="T8" y="T9"/>
                  </a:cxn>
                  <a:cxn ang="T95">
                    <a:pos x="T10" y="T11"/>
                  </a:cxn>
                  <a:cxn ang="T96">
                    <a:pos x="T12" y="T13"/>
                  </a:cxn>
                  <a:cxn ang="T97">
                    <a:pos x="T14" y="T15"/>
                  </a:cxn>
                  <a:cxn ang="T98">
                    <a:pos x="T16" y="T17"/>
                  </a:cxn>
                  <a:cxn ang="T99">
                    <a:pos x="T18" y="T19"/>
                  </a:cxn>
                  <a:cxn ang="T100">
                    <a:pos x="T20" y="T21"/>
                  </a:cxn>
                  <a:cxn ang="T101">
                    <a:pos x="T22" y="T23"/>
                  </a:cxn>
                  <a:cxn ang="T102">
                    <a:pos x="T24" y="T25"/>
                  </a:cxn>
                  <a:cxn ang="T103">
                    <a:pos x="T26" y="T27"/>
                  </a:cxn>
                  <a:cxn ang="T104">
                    <a:pos x="T28" y="T29"/>
                  </a:cxn>
                  <a:cxn ang="T105">
                    <a:pos x="T30" y="T31"/>
                  </a:cxn>
                  <a:cxn ang="T106">
                    <a:pos x="T32" y="T33"/>
                  </a:cxn>
                  <a:cxn ang="T107">
                    <a:pos x="T34" y="T35"/>
                  </a:cxn>
                  <a:cxn ang="T108">
                    <a:pos x="T36" y="T37"/>
                  </a:cxn>
                  <a:cxn ang="T109">
                    <a:pos x="T38" y="T39"/>
                  </a:cxn>
                  <a:cxn ang="T110">
                    <a:pos x="T40" y="T41"/>
                  </a:cxn>
                  <a:cxn ang="T111">
                    <a:pos x="T42" y="T43"/>
                  </a:cxn>
                  <a:cxn ang="T112">
                    <a:pos x="T44" y="T45"/>
                  </a:cxn>
                  <a:cxn ang="T113">
                    <a:pos x="T46" y="T47"/>
                  </a:cxn>
                  <a:cxn ang="T114">
                    <a:pos x="T48" y="T49"/>
                  </a:cxn>
                  <a:cxn ang="T115">
                    <a:pos x="T50" y="T51"/>
                  </a:cxn>
                  <a:cxn ang="T116">
                    <a:pos x="T52" y="T53"/>
                  </a:cxn>
                  <a:cxn ang="T117">
                    <a:pos x="T54" y="T55"/>
                  </a:cxn>
                  <a:cxn ang="T118">
                    <a:pos x="T56" y="T57"/>
                  </a:cxn>
                  <a:cxn ang="T119">
                    <a:pos x="T58" y="T59"/>
                  </a:cxn>
                  <a:cxn ang="T120">
                    <a:pos x="T60" y="T61"/>
                  </a:cxn>
                  <a:cxn ang="T121">
                    <a:pos x="T62" y="T63"/>
                  </a:cxn>
                  <a:cxn ang="T122">
                    <a:pos x="T64" y="T65"/>
                  </a:cxn>
                  <a:cxn ang="T123">
                    <a:pos x="T66" y="T67"/>
                  </a:cxn>
                  <a:cxn ang="T124">
                    <a:pos x="T68" y="T69"/>
                  </a:cxn>
                  <a:cxn ang="T125">
                    <a:pos x="T70" y="T71"/>
                  </a:cxn>
                  <a:cxn ang="T126">
                    <a:pos x="T72" y="T73"/>
                  </a:cxn>
                  <a:cxn ang="T127">
                    <a:pos x="T74" y="T75"/>
                  </a:cxn>
                  <a:cxn ang="T128">
                    <a:pos x="T76" y="T77"/>
                  </a:cxn>
                  <a:cxn ang="T129">
                    <a:pos x="T78" y="T79"/>
                  </a:cxn>
                  <a:cxn ang="T130">
                    <a:pos x="T80" y="T81"/>
                  </a:cxn>
                  <a:cxn ang="T131">
                    <a:pos x="T82" y="T83"/>
                  </a:cxn>
                  <a:cxn ang="T132">
                    <a:pos x="T84" y="T85"/>
                  </a:cxn>
                  <a:cxn ang="T133">
                    <a:pos x="T86" y="T87"/>
                  </a:cxn>
                  <a:cxn ang="T134">
                    <a:pos x="T88" y="T89"/>
                  </a:cxn>
                </a:cxnLst>
                <a:rect l="T135" t="T136" r="T137" b="T138"/>
                <a:pathLst>
                  <a:path w="54" h="82">
                    <a:moveTo>
                      <a:pt x="5" y="0"/>
                    </a:moveTo>
                    <a:lnTo>
                      <a:pt x="5" y="0"/>
                    </a:lnTo>
                    <a:lnTo>
                      <a:pt x="5" y="2"/>
                    </a:lnTo>
                    <a:lnTo>
                      <a:pt x="7" y="4"/>
                    </a:lnTo>
                    <a:lnTo>
                      <a:pt x="7" y="7"/>
                    </a:lnTo>
                    <a:lnTo>
                      <a:pt x="8" y="10"/>
                    </a:lnTo>
                    <a:lnTo>
                      <a:pt x="10" y="14"/>
                    </a:lnTo>
                    <a:lnTo>
                      <a:pt x="13" y="19"/>
                    </a:lnTo>
                    <a:lnTo>
                      <a:pt x="15" y="22"/>
                    </a:lnTo>
                    <a:lnTo>
                      <a:pt x="17" y="27"/>
                    </a:lnTo>
                    <a:lnTo>
                      <a:pt x="20" y="32"/>
                    </a:lnTo>
                    <a:lnTo>
                      <a:pt x="23" y="38"/>
                    </a:lnTo>
                    <a:lnTo>
                      <a:pt x="25" y="43"/>
                    </a:lnTo>
                    <a:lnTo>
                      <a:pt x="29" y="48"/>
                    </a:lnTo>
                    <a:lnTo>
                      <a:pt x="32" y="51"/>
                    </a:lnTo>
                    <a:lnTo>
                      <a:pt x="35" y="56"/>
                    </a:lnTo>
                    <a:lnTo>
                      <a:pt x="39" y="60"/>
                    </a:lnTo>
                    <a:lnTo>
                      <a:pt x="40" y="63"/>
                    </a:lnTo>
                    <a:lnTo>
                      <a:pt x="44" y="66"/>
                    </a:lnTo>
                    <a:lnTo>
                      <a:pt x="47" y="73"/>
                    </a:lnTo>
                    <a:lnTo>
                      <a:pt x="52" y="78"/>
                    </a:lnTo>
                    <a:lnTo>
                      <a:pt x="54" y="82"/>
                    </a:lnTo>
                    <a:lnTo>
                      <a:pt x="52" y="82"/>
                    </a:lnTo>
                    <a:lnTo>
                      <a:pt x="45" y="76"/>
                    </a:lnTo>
                    <a:lnTo>
                      <a:pt x="34" y="65"/>
                    </a:lnTo>
                    <a:lnTo>
                      <a:pt x="32" y="63"/>
                    </a:lnTo>
                    <a:lnTo>
                      <a:pt x="30" y="60"/>
                    </a:lnTo>
                    <a:lnTo>
                      <a:pt x="27" y="56"/>
                    </a:lnTo>
                    <a:lnTo>
                      <a:pt x="25" y="53"/>
                    </a:lnTo>
                    <a:lnTo>
                      <a:pt x="22" y="48"/>
                    </a:lnTo>
                    <a:lnTo>
                      <a:pt x="18" y="43"/>
                    </a:lnTo>
                    <a:lnTo>
                      <a:pt x="15" y="38"/>
                    </a:lnTo>
                    <a:lnTo>
                      <a:pt x="12" y="32"/>
                    </a:lnTo>
                    <a:lnTo>
                      <a:pt x="10" y="27"/>
                    </a:lnTo>
                    <a:lnTo>
                      <a:pt x="7" y="22"/>
                    </a:lnTo>
                    <a:lnTo>
                      <a:pt x="5" y="19"/>
                    </a:lnTo>
                    <a:lnTo>
                      <a:pt x="1" y="14"/>
                    </a:lnTo>
                    <a:lnTo>
                      <a:pt x="1" y="10"/>
                    </a:lnTo>
                    <a:lnTo>
                      <a:pt x="0" y="7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3" y="0"/>
                    </a:lnTo>
                    <a:lnTo>
                      <a:pt x="5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60" name="Freeform 168"/>
              <p:cNvSpPr>
                <a:spLocks/>
              </p:cNvSpPr>
              <p:nvPr/>
            </p:nvSpPr>
            <p:spPr bwMode="auto">
              <a:xfrm>
                <a:off x="4905" y="2078"/>
                <a:ext cx="54" cy="82"/>
              </a:xfrm>
              <a:custGeom>
                <a:avLst/>
                <a:gdLst>
                  <a:gd name="T0" fmla="*/ 5 w 54"/>
                  <a:gd name="T1" fmla="*/ 0 h 82"/>
                  <a:gd name="T2" fmla="*/ 5 w 54"/>
                  <a:gd name="T3" fmla="*/ 0 h 82"/>
                  <a:gd name="T4" fmla="*/ 5 w 54"/>
                  <a:gd name="T5" fmla="*/ 0 h 82"/>
                  <a:gd name="T6" fmla="*/ 5 w 54"/>
                  <a:gd name="T7" fmla="*/ 2 h 82"/>
                  <a:gd name="T8" fmla="*/ 7 w 54"/>
                  <a:gd name="T9" fmla="*/ 4 h 82"/>
                  <a:gd name="T10" fmla="*/ 7 w 54"/>
                  <a:gd name="T11" fmla="*/ 7 h 82"/>
                  <a:gd name="T12" fmla="*/ 8 w 54"/>
                  <a:gd name="T13" fmla="*/ 10 h 82"/>
                  <a:gd name="T14" fmla="*/ 10 w 54"/>
                  <a:gd name="T15" fmla="*/ 14 h 82"/>
                  <a:gd name="T16" fmla="*/ 13 w 54"/>
                  <a:gd name="T17" fmla="*/ 19 h 82"/>
                  <a:gd name="T18" fmla="*/ 15 w 54"/>
                  <a:gd name="T19" fmla="*/ 22 h 82"/>
                  <a:gd name="T20" fmla="*/ 17 w 54"/>
                  <a:gd name="T21" fmla="*/ 27 h 82"/>
                  <a:gd name="T22" fmla="*/ 20 w 54"/>
                  <a:gd name="T23" fmla="*/ 32 h 82"/>
                  <a:gd name="T24" fmla="*/ 23 w 54"/>
                  <a:gd name="T25" fmla="*/ 38 h 82"/>
                  <a:gd name="T26" fmla="*/ 25 w 54"/>
                  <a:gd name="T27" fmla="*/ 43 h 82"/>
                  <a:gd name="T28" fmla="*/ 29 w 54"/>
                  <a:gd name="T29" fmla="*/ 48 h 82"/>
                  <a:gd name="T30" fmla="*/ 32 w 54"/>
                  <a:gd name="T31" fmla="*/ 51 h 82"/>
                  <a:gd name="T32" fmla="*/ 35 w 54"/>
                  <a:gd name="T33" fmla="*/ 56 h 82"/>
                  <a:gd name="T34" fmla="*/ 39 w 54"/>
                  <a:gd name="T35" fmla="*/ 60 h 82"/>
                  <a:gd name="T36" fmla="*/ 39 w 54"/>
                  <a:gd name="T37" fmla="*/ 60 h 82"/>
                  <a:gd name="T38" fmla="*/ 40 w 54"/>
                  <a:gd name="T39" fmla="*/ 63 h 82"/>
                  <a:gd name="T40" fmla="*/ 44 w 54"/>
                  <a:gd name="T41" fmla="*/ 66 h 82"/>
                  <a:gd name="T42" fmla="*/ 47 w 54"/>
                  <a:gd name="T43" fmla="*/ 73 h 82"/>
                  <a:gd name="T44" fmla="*/ 52 w 54"/>
                  <a:gd name="T45" fmla="*/ 78 h 82"/>
                  <a:gd name="T46" fmla="*/ 54 w 54"/>
                  <a:gd name="T47" fmla="*/ 82 h 82"/>
                  <a:gd name="T48" fmla="*/ 52 w 54"/>
                  <a:gd name="T49" fmla="*/ 82 h 82"/>
                  <a:gd name="T50" fmla="*/ 45 w 54"/>
                  <a:gd name="T51" fmla="*/ 76 h 82"/>
                  <a:gd name="T52" fmla="*/ 34 w 54"/>
                  <a:gd name="T53" fmla="*/ 65 h 82"/>
                  <a:gd name="T54" fmla="*/ 34 w 54"/>
                  <a:gd name="T55" fmla="*/ 65 h 82"/>
                  <a:gd name="T56" fmla="*/ 34 w 54"/>
                  <a:gd name="T57" fmla="*/ 65 h 82"/>
                  <a:gd name="T58" fmla="*/ 32 w 54"/>
                  <a:gd name="T59" fmla="*/ 63 h 82"/>
                  <a:gd name="T60" fmla="*/ 30 w 54"/>
                  <a:gd name="T61" fmla="*/ 60 h 82"/>
                  <a:gd name="T62" fmla="*/ 27 w 54"/>
                  <a:gd name="T63" fmla="*/ 56 h 82"/>
                  <a:gd name="T64" fmla="*/ 25 w 54"/>
                  <a:gd name="T65" fmla="*/ 53 h 82"/>
                  <a:gd name="T66" fmla="*/ 22 w 54"/>
                  <a:gd name="T67" fmla="*/ 48 h 82"/>
                  <a:gd name="T68" fmla="*/ 18 w 54"/>
                  <a:gd name="T69" fmla="*/ 43 h 82"/>
                  <a:gd name="T70" fmla="*/ 15 w 54"/>
                  <a:gd name="T71" fmla="*/ 38 h 82"/>
                  <a:gd name="T72" fmla="*/ 12 w 54"/>
                  <a:gd name="T73" fmla="*/ 32 h 82"/>
                  <a:gd name="T74" fmla="*/ 10 w 54"/>
                  <a:gd name="T75" fmla="*/ 27 h 82"/>
                  <a:gd name="T76" fmla="*/ 7 w 54"/>
                  <a:gd name="T77" fmla="*/ 22 h 82"/>
                  <a:gd name="T78" fmla="*/ 5 w 54"/>
                  <a:gd name="T79" fmla="*/ 19 h 82"/>
                  <a:gd name="T80" fmla="*/ 1 w 54"/>
                  <a:gd name="T81" fmla="*/ 14 h 82"/>
                  <a:gd name="T82" fmla="*/ 1 w 54"/>
                  <a:gd name="T83" fmla="*/ 10 h 82"/>
                  <a:gd name="T84" fmla="*/ 0 w 54"/>
                  <a:gd name="T85" fmla="*/ 7 h 82"/>
                  <a:gd name="T86" fmla="*/ 0 w 54"/>
                  <a:gd name="T87" fmla="*/ 4 h 82"/>
                  <a:gd name="T88" fmla="*/ 0 w 54"/>
                  <a:gd name="T89" fmla="*/ 4 h 82"/>
                  <a:gd name="T90" fmla="*/ 0 w 54"/>
                  <a:gd name="T91" fmla="*/ 2 h 82"/>
                  <a:gd name="T92" fmla="*/ 1 w 54"/>
                  <a:gd name="T93" fmla="*/ 0 h 82"/>
                  <a:gd name="T94" fmla="*/ 3 w 54"/>
                  <a:gd name="T95" fmla="*/ 0 h 82"/>
                  <a:gd name="T96" fmla="*/ 5 w 54"/>
                  <a:gd name="T97" fmla="*/ 0 h 82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w 54"/>
                  <a:gd name="T148" fmla="*/ 0 h 82"/>
                  <a:gd name="T149" fmla="*/ 54 w 54"/>
                  <a:gd name="T150" fmla="*/ 82 h 82"/>
                </a:gdLst>
                <a:ahLst/>
                <a:cxnLst>
                  <a:cxn ang="T98">
                    <a:pos x="T0" y="T1"/>
                  </a:cxn>
                  <a:cxn ang="T99">
                    <a:pos x="T2" y="T3"/>
                  </a:cxn>
                  <a:cxn ang="T100">
                    <a:pos x="T4" y="T5"/>
                  </a:cxn>
                  <a:cxn ang="T101">
                    <a:pos x="T6" y="T7"/>
                  </a:cxn>
                  <a:cxn ang="T102">
                    <a:pos x="T8" y="T9"/>
                  </a:cxn>
                  <a:cxn ang="T103">
                    <a:pos x="T10" y="T11"/>
                  </a:cxn>
                  <a:cxn ang="T104">
                    <a:pos x="T12" y="T13"/>
                  </a:cxn>
                  <a:cxn ang="T105">
                    <a:pos x="T14" y="T15"/>
                  </a:cxn>
                  <a:cxn ang="T106">
                    <a:pos x="T16" y="T17"/>
                  </a:cxn>
                  <a:cxn ang="T107">
                    <a:pos x="T18" y="T19"/>
                  </a:cxn>
                  <a:cxn ang="T108">
                    <a:pos x="T20" y="T21"/>
                  </a:cxn>
                  <a:cxn ang="T109">
                    <a:pos x="T22" y="T23"/>
                  </a:cxn>
                  <a:cxn ang="T110">
                    <a:pos x="T24" y="T25"/>
                  </a:cxn>
                  <a:cxn ang="T111">
                    <a:pos x="T26" y="T27"/>
                  </a:cxn>
                  <a:cxn ang="T112">
                    <a:pos x="T28" y="T29"/>
                  </a:cxn>
                  <a:cxn ang="T113">
                    <a:pos x="T30" y="T31"/>
                  </a:cxn>
                  <a:cxn ang="T114">
                    <a:pos x="T32" y="T33"/>
                  </a:cxn>
                  <a:cxn ang="T115">
                    <a:pos x="T34" y="T35"/>
                  </a:cxn>
                  <a:cxn ang="T116">
                    <a:pos x="T36" y="T37"/>
                  </a:cxn>
                  <a:cxn ang="T117">
                    <a:pos x="T38" y="T39"/>
                  </a:cxn>
                  <a:cxn ang="T118">
                    <a:pos x="T40" y="T41"/>
                  </a:cxn>
                  <a:cxn ang="T119">
                    <a:pos x="T42" y="T43"/>
                  </a:cxn>
                  <a:cxn ang="T120">
                    <a:pos x="T44" y="T45"/>
                  </a:cxn>
                  <a:cxn ang="T121">
                    <a:pos x="T46" y="T47"/>
                  </a:cxn>
                  <a:cxn ang="T122">
                    <a:pos x="T48" y="T49"/>
                  </a:cxn>
                  <a:cxn ang="T123">
                    <a:pos x="T50" y="T51"/>
                  </a:cxn>
                  <a:cxn ang="T124">
                    <a:pos x="T52" y="T53"/>
                  </a:cxn>
                  <a:cxn ang="T125">
                    <a:pos x="T54" y="T55"/>
                  </a:cxn>
                  <a:cxn ang="T126">
                    <a:pos x="T56" y="T57"/>
                  </a:cxn>
                  <a:cxn ang="T127">
                    <a:pos x="T58" y="T59"/>
                  </a:cxn>
                  <a:cxn ang="T128">
                    <a:pos x="T60" y="T61"/>
                  </a:cxn>
                  <a:cxn ang="T129">
                    <a:pos x="T62" y="T63"/>
                  </a:cxn>
                  <a:cxn ang="T130">
                    <a:pos x="T64" y="T65"/>
                  </a:cxn>
                  <a:cxn ang="T131">
                    <a:pos x="T66" y="T67"/>
                  </a:cxn>
                  <a:cxn ang="T132">
                    <a:pos x="T68" y="T69"/>
                  </a:cxn>
                  <a:cxn ang="T133">
                    <a:pos x="T70" y="T71"/>
                  </a:cxn>
                  <a:cxn ang="T134">
                    <a:pos x="T72" y="T73"/>
                  </a:cxn>
                  <a:cxn ang="T135">
                    <a:pos x="T74" y="T75"/>
                  </a:cxn>
                  <a:cxn ang="T136">
                    <a:pos x="T76" y="T77"/>
                  </a:cxn>
                  <a:cxn ang="T137">
                    <a:pos x="T78" y="T79"/>
                  </a:cxn>
                  <a:cxn ang="T138">
                    <a:pos x="T80" y="T81"/>
                  </a:cxn>
                  <a:cxn ang="T139">
                    <a:pos x="T82" y="T83"/>
                  </a:cxn>
                  <a:cxn ang="T140">
                    <a:pos x="T84" y="T85"/>
                  </a:cxn>
                  <a:cxn ang="T141">
                    <a:pos x="T86" y="T87"/>
                  </a:cxn>
                  <a:cxn ang="T142">
                    <a:pos x="T88" y="T89"/>
                  </a:cxn>
                  <a:cxn ang="T143">
                    <a:pos x="T90" y="T91"/>
                  </a:cxn>
                  <a:cxn ang="T144">
                    <a:pos x="T92" y="T93"/>
                  </a:cxn>
                  <a:cxn ang="T145">
                    <a:pos x="T94" y="T95"/>
                  </a:cxn>
                  <a:cxn ang="T146">
                    <a:pos x="T96" y="T97"/>
                  </a:cxn>
                </a:cxnLst>
                <a:rect l="T147" t="T148" r="T149" b="T150"/>
                <a:pathLst>
                  <a:path w="54" h="82">
                    <a:moveTo>
                      <a:pt x="5" y="0"/>
                    </a:moveTo>
                    <a:lnTo>
                      <a:pt x="5" y="0"/>
                    </a:lnTo>
                    <a:lnTo>
                      <a:pt x="5" y="2"/>
                    </a:lnTo>
                    <a:lnTo>
                      <a:pt x="7" y="4"/>
                    </a:lnTo>
                    <a:lnTo>
                      <a:pt x="7" y="7"/>
                    </a:lnTo>
                    <a:lnTo>
                      <a:pt x="8" y="10"/>
                    </a:lnTo>
                    <a:lnTo>
                      <a:pt x="10" y="14"/>
                    </a:lnTo>
                    <a:lnTo>
                      <a:pt x="13" y="19"/>
                    </a:lnTo>
                    <a:lnTo>
                      <a:pt x="15" y="22"/>
                    </a:lnTo>
                    <a:lnTo>
                      <a:pt x="17" y="27"/>
                    </a:lnTo>
                    <a:lnTo>
                      <a:pt x="20" y="32"/>
                    </a:lnTo>
                    <a:lnTo>
                      <a:pt x="23" y="38"/>
                    </a:lnTo>
                    <a:lnTo>
                      <a:pt x="25" y="43"/>
                    </a:lnTo>
                    <a:lnTo>
                      <a:pt x="29" y="48"/>
                    </a:lnTo>
                    <a:lnTo>
                      <a:pt x="32" y="51"/>
                    </a:lnTo>
                    <a:lnTo>
                      <a:pt x="35" y="56"/>
                    </a:lnTo>
                    <a:lnTo>
                      <a:pt x="39" y="60"/>
                    </a:lnTo>
                    <a:lnTo>
                      <a:pt x="40" y="63"/>
                    </a:lnTo>
                    <a:lnTo>
                      <a:pt x="44" y="66"/>
                    </a:lnTo>
                    <a:lnTo>
                      <a:pt x="47" y="73"/>
                    </a:lnTo>
                    <a:lnTo>
                      <a:pt x="52" y="78"/>
                    </a:lnTo>
                    <a:lnTo>
                      <a:pt x="54" y="82"/>
                    </a:lnTo>
                    <a:lnTo>
                      <a:pt x="52" y="82"/>
                    </a:lnTo>
                    <a:lnTo>
                      <a:pt x="45" y="76"/>
                    </a:lnTo>
                    <a:lnTo>
                      <a:pt x="34" y="65"/>
                    </a:lnTo>
                    <a:lnTo>
                      <a:pt x="32" y="63"/>
                    </a:lnTo>
                    <a:lnTo>
                      <a:pt x="30" y="60"/>
                    </a:lnTo>
                    <a:lnTo>
                      <a:pt x="27" y="56"/>
                    </a:lnTo>
                    <a:lnTo>
                      <a:pt x="25" y="53"/>
                    </a:lnTo>
                    <a:lnTo>
                      <a:pt x="22" y="48"/>
                    </a:lnTo>
                    <a:lnTo>
                      <a:pt x="18" y="43"/>
                    </a:lnTo>
                    <a:lnTo>
                      <a:pt x="15" y="38"/>
                    </a:lnTo>
                    <a:lnTo>
                      <a:pt x="12" y="32"/>
                    </a:lnTo>
                    <a:lnTo>
                      <a:pt x="10" y="27"/>
                    </a:lnTo>
                    <a:lnTo>
                      <a:pt x="7" y="22"/>
                    </a:lnTo>
                    <a:lnTo>
                      <a:pt x="5" y="19"/>
                    </a:lnTo>
                    <a:lnTo>
                      <a:pt x="1" y="14"/>
                    </a:lnTo>
                    <a:lnTo>
                      <a:pt x="1" y="10"/>
                    </a:lnTo>
                    <a:lnTo>
                      <a:pt x="0" y="7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3" y="0"/>
                    </a:lnTo>
                    <a:lnTo>
                      <a:pt x="5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61" name="Freeform 169"/>
              <p:cNvSpPr>
                <a:spLocks/>
              </p:cNvSpPr>
              <p:nvPr/>
            </p:nvSpPr>
            <p:spPr bwMode="auto">
              <a:xfrm>
                <a:off x="4956" y="2165"/>
                <a:ext cx="20" cy="72"/>
              </a:xfrm>
              <a:custGeom>
                <a:avLst/>
                <a:gdLst>
                  <a:gd name="T0" fmla="*/ 8 w 20"/>
                  <a:gd name="T1" fmla="*/ 0 h 72"/>
                  <a:gd name="T2" fmla="*/ 18 w 20"/>
                  <a:gd name="T3" fmla="*/ 18 h 72"/>
                  <a:gd name="T4" fmla="*/ 20 w 20"/>
                  <a:gd name="T5" fmla="*/ 67 h 72"/>
                  <a:gd name="T6" fmla="*/ 3 w 20"/>
                  <a:gd name="T7" fmla="*/ 72 h 72"/>
                  <a:gd name="T8" fmla="*/ 0 w 20"/>
                  <a:gd name="T9" fmla="*/ 71 h 72"/>
                  <a:gd name="T10" fmla="*/ 15 w 20"/>
                  <a:gd name="T11" fmla="*/ 55 h 72"/>
                  <a:gd name="T12" fmla="*/ 13 w 20"/>
                  <a:gd name="T13" fmla="*/ 22 h 72"/>
                  <a:gd name="T14" fmla="*/ 3 w 20"/>
                  <a:gd name="T15" fmla="*/ 3 h 72"/>
                  <a:gd name="T16" fmla="*/ 8 w 20"/>
                  <a:gd name="T17" fmla="*/ 0 h 72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  <a:gd name="T27" fmla="*/ 0 w 20"/>
                  <a:gd name="T28" fmla="*/ 0 h 72"/>
                  <a:gd name="T29" fmla="*/ 20 w 20"/>
                  <a:gd name="T30" fmla="*/ 72 h 72"/>
                </a:gdLst>
                <a:ahLst/>
                <a:cxnLst>
                  <a:cxn ang="T18">
                    <a:pos x="T0" y="T1"/>
                  </a:cxn>
                  <a:cxn ang="T19">
                    <a:pos x="T2" y="T3"/>
                  </a:cxn>
                  <a:cxn ang="T20">
                    <a:pos x="T4" y="T5"/>
                  </a:cxn>
                  <a:cxn ang="T21">
                    <a:pos x="T6" y="T7"/>
                  </a:cxn>
                  <a:cxn ang="T22">
                    <a:pos x="T8" y="T9"/>
                  </a:cxn>
                  <a:cxn ang="T23">
                    <a:pos x="T10" y="T11"/>
                  </a:cxn>
                  <a:cxn ang="T24">
                    <a:pos x="T12" y="T13"/>
                  </a:cxn>
                  <a:cxn ang="T25">
                    <a:pos x="T14" y="T15"/>
                  </a:cxn>
                  <a:cxn ang="T26">
                    <a:pos x="T16" y="T17"/>
                  </a:cxn>
                </a:cxnLst>
                <a:rect l="T27" t="T28" r="T29" b="T30"/>
                <a:pathLst>
                  <a:path w="20" h="72">
                    <a:moveTo>
                      <a:pt x="8" y="0"/>
                    </a:moveTo>
                    <a:lnTo>
                      <a:pt x="18" y="18"/>
                    </a:lnTo>
                    <a:lnTo>
                      <a:pt x="20" y="67"/>
                    </a:lnTo>
                    <a:lnTo>
                      <a:pt x="3" y="72"/>
                    </a:lnTo>
                    <a:lnTo>
                      <a:pt x="0" y="71"/>
                    </a:lnTo>
                    <a:lnTo>
                      <a:pt x="15" y="55"/>
                    </a:lnTo>
                    <a:lnTo>
                      <a:pt x="13" y="22"/>
                    </a:lnTo>
                    <a:lnTo>
                      <a:pt x="3" y="3"/>
                    </a:lnTo>
                    <a:lnTo>
                      <a:pt x="8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62" name="Freeform 170"/>
              <p:cNvSpPr>
                <a:spLocks/>
              </p:cNvSpPr>
              <p:nvPr/>
            </p:nvSpPr>
            <p:spPr bwMode="auto">
              <a:xfrm>
                <a:off x="4956" y="2165"/>
                <a:ext cx="20" cy="72"/>
              </a:xfrm>
              <a:custGeom>
                <a:avLst/>
                <a:gdLst>
                  <a:gd name="T0" fmla="*/ 8 w 20"/>
                  <a:gd name="T1" fmla="*/ 0 h 72"/>
                  <a:gd name="T2" fmla="*/ 18 w 20"/>
                  <a:gd name="T3" fmla="*/ 18 h 72"/>
                  <a:gd name="T4" fmla="*/ 20 w 20"/>
                  <a:gd name="T5" fmla="*/ 67 h 72"/>
                  <a:gd name="T6" fmla="*/ 3 w 20"/>
                  <a:gd name="T7" fmla="*/ 72 h 72"/>
                  <a:gd name="T8" fmla="*/ 0 w 20"/>
                  <a:gd name="T9" fmla="*/ 71 h 72"/>
                  <a:gd name="T10" fmla="*/ 15 w 20"/>
                  <a:gd name="T11" fmla="*/ 55 h 72"/>
                  <a:gd name="T12" fmla="*/ 13 w 20"/>
                  <a:gd name="T13" fmla="*/ 22 h 72"/>
                  <a:gd name="T14" fmla="*/ 3 w 20"/>
                  <a:gd name="T15" fmla="*/ 3 h 72"/>
                  <a:gd name="T16" fmla="*/ 8 w 20"/>
                  <a:gd name="T17" fmla="*/ 0 h 72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  <a:gd name="T27" fmla="*/ 0 w 20"/>
                  <a:gd name="T28" fmla="*/ 0 h 72"/>
                  <a:gd name="T29" fmla="*/ 20 w 20"/>
                  <a:gd name="T30" fmla="*/ 72 h 72"/>
                </a:gdLst>
                <a:ahLst/>
                <a:cxnLst>
                  <a:cxn ang="T18">
                    <a:pos x="T0" y="T1"/>
                  </a:cxn>
                  <a:cxn ang="T19">
                    <a:pos x="T2" y="T3"/>
                  </a:cxn>
                  <a:cxn ang="T20">
                    <a:pos x="T4" y="T5"/>
                  </a:cxn>
                  <a:cxn ang="T21">
                    <a:pos x="T6" y="T7"/>
                  </a:cxn>
                  <a:cxn ang="T22">
                    <a:pos x="T8" y="T9"/>
                  </a:cxn>
                  <a:cxn ang="T23">
                    <a:pos x="T10" y="T11"/>
                  </a:cxn>
                  <a:cxn ang="T24">
                    <a:pos x="T12" y="T13"/>
                  </a:cxn>
                  <a:cxn ang="T25">
                    <a:pos x="T14" y="T15"/>
                  </a:cxn>
                  <a:cxn ang="T26">
                    <a:pos x="T16" y="T17"/>
                  </a:cxn>
                </a:cxnLst>
                <a:rect l="T27" t="T28" r="T29" b="T30"/>
                <a:pathLst>
                  <a:path w="20" h="72">
                    <a:moveTo>
                      <a:pt x="8" y="0"/>
                    </a:moveTo>
                    <a:lnTo>
                      <a:pt x="18" y="18"/>
                    </a:lnTo>
                    <a:lnTo>
                      <a:pt x="20" y="67"/>
                    </a:lnTo>
                    <a:lnTo>
                      <a:pt x="3" y="72"/>
                    </a:lnTo>
                    <a:lnTo>
                      <a:pt x="0" y="71"/>
                    </a:lnTo>
                    <a:lnTo>
                      <a:pt x="15" y="55"/>
                    </a:lnTo>
                    <a:lnTo>
                      <a:pt x="13" y="22"/>
                    </a:lnTo>
                    <a:lnTo>
                      <a:pt x="3" y="3"/>
                    </a:lnTo>
                    <a:lnTo>
                      <a:pt x="8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235" name="Freeform 171"/>
            <p:cNvSpPr>
              <a:spLocks/>
            </p:cNvSpPr>
            <p:nvPr/>
          </p:nvSpPr>
          <p:spPr bwMode="auto">
            <a:xfrm>
              <a:off x="420" y="850"/>
              <a:ext cx="638" cy="473"/>
            </a:xfrm>
            <a:custGeom>
              <a:avLst/>
              <a:gdLst>
                <a:gd name="T0" fmla="*/ 18 w 656"/>
                <a:gd name="T1" fmla="*/ 20 h 487"/>
                <a:gd name="T2" fmla="*/ 44 w 656"/>
                <a:gd name="T3" fmla="*/ 44 h 487"/>
                <a:gd name="T4" fmla="*/ 65 w 656"/>
                <a:gd name="T5" fmla="*/ 51 h 487"/>
                <a:gd name="T6" fmla="*/ 79 w 656"/>
                <a:gd name="T7" fmla="*/ 58 h 487"/>
                <a:gd name="T8" fmla="*/ 109 w 656"/>
                <a:gd name="T9" fmla="*/ 70 h 487"/>
                <a:gd name="T10" fmla="*/ 117 w 656"/>
                <a:gd name="T11" fmla="*/ 81 h 487"/>
                <a:gd name="T12" fmla="*/ 112 w 656"/>
                <a:gd name="T13" fmla="*/ 94 h 487"/>
                <a:gd name="T14" fmla="*/ 109 w 656"/>
                <a:gd name="T15" fmla="*/ 94 h 487"/>
                <a:gd name="T16" fmla="*/ 85 w 656"/>
                <a:gd name="T17" fmla="*/ 127 h 487"/>
                <a:gd name="T18" fmla="*/ 98 w 656"/>
                <a:gd name="T19" fmla="*/ 108 h 487"/>
                <a:gd name="T20" fmla="*/ 112 w 656"/>
                <a:gd name="T21" fmla="*/ 112 h 487"/>
                <a:gd name="T22" fmla="*/ 101 w 656"/>
                <a:gd name="T23" fmla="*/ 144 h 487"/>
                <a:gd name="T24" fmla="*/ 101 w 656"/>
                <a:gd name="T25" fmla="*/ 137 h 487"/>
                <a:gd name="T26" fmla="*/ 93 w 656"/>
                <a:gd name="T27" fmla="*/ 139 h 487"/>
                <a:gd name="T28" fmla="*/ 91 w 656"/>
                <a:gd name="T29" fmla="*/ 130 h 487"/>
                <a:gd name="T30" fmla="*/ 77 w 656"/>
                <a:gd name="T31" fmla="*/ 145 h 487"/>
                <a:gd name="T32" fmla="*/ 89 w 656"/>
                <a:gd name="T33" fmla="*/ 148 h 487"/>
                <a:gd name="T34" fmla="*/ 97 w 656"/>
                <a:gd name="T35" fmla="*/ 152 h 487"/>
                <a:gd name="T36" fmla="*/ 114 w 656"/>
                <a:gd name="T37" fmla="*/ 144 h 487"/>
                <a:gd name="T38" fmla="*/ 144 w 656"/>
                <a:gd name="T39" fmla="*/ 84 h 487"/>
                <a:gd name="T40" fmla="*/ 129 w 656"/>
                <a:gd name="T41" fmla="*/ 68 h 487"/>
                <a:gd name="T42" fmla="*/ 133 w 656"/>
                <a:gd name="T43" fmla="*/ 39 h 487"/>
                <a:gd name="T44" fmla="*/ 144 w 656"/>
                <a:gd name="T45" fmla="*/ 25 h 487"/>
                <a:gd name="T46" fmla="*/ 141 w 656"/>
                <a:gd name="T47" fmla="*/ 3 h 487"/>
                <a:gd name="T48" fmla="*/ 181 w 656"/>
                <a:gd name="T49" fmla="*/ 17 h 487"/>
                <a:gd name="T50" fmla="*/ 252 w 656"/>
                <a:gd name="T51" fmla="*/ 37 h 487"/>
                <a:gd name="T52" fmla="*/ 342 w 656"/>
                <a:gd name="T53" fmla="*/ 57 h 487"/>
                <a:gd name="T54" fmla="*/ 443 w 656"/>
                <a:gd name="T55" fmla="*/ 79 h 487"/>
                <a:gd name="T56" fmla="*/ 440 w 656"/>
                <a:gd name="T57" fmla="*/ 105 h 487"/>
                <a:gd name="T58" fmla="*/ 427 w 656"/>
                <a:gd name="T59" fmla="*/ 160 h 487"/>
                <a:gd name="T60" fmla="*/ 412 w 656"/>
                <a:gd name="T61" fmla="*/ 225 h 487"/>
                <a:gd name="T62" fmla="*/ 403 w 656"/>
                <a:gd name="T63" fmla="*/ 271 h 487"/>
                <a:gd name="T64" fmla="*/ 400 w 656"/>
                <a:gd name="T65" fmla="*/ 307 h 487"/>
                <a:gd name="T66" fmla="*/ 281 w 656"/>
                <a:gd name="T67" fmla="*/ 296 h 487"/>
                <a:gd name="T68" fmla="*/ 260 w 656"/>
                <a:gd name="T69" fmla="*/ 298 h 487"/>
                <a:gd name="T70" fmla="*/ 241 w 656"/>
                <a:gd name="T71" fmla="*/ 292 h 487"/>
                <a:gd name="T72" fmla="*/ 219 w 656"/>
                <a:gd name="T73" fmla="*/ 296 h 487"/>
                <a:gd name="T74" fmla="*/ 185 w 656"/>
                <a:gd name="T75" fmla="*/ 296 h 487"/>
                <a:gd name="T76" fmla="*/ 165 w 656"/>
                <a:gd name="T77" fmla="*/ 294 h 487"/>
                <a:gd name="T78" fmla="*/ 142 w 656"/>
                <a:gd name="T79" fmla="*/ 289 h 487"/>
                <a:gd name="T80" fmla="*/ 114 w 656"/>
                <a:gd name="T81" fmla="*/ 278 h 487"/>
                <a:gd name="T82" fmla="*/ 91 w 656"/>
                <a:gd name="T83" fmla="*/ 281 h 487"/>
                <a:gd name="T84" fmla="*/ 71 w 656"/>
                <a:gd name="T85" fmla="*/ 276 h 487"/>
                <a:gd name="T86" fmla="*/ 61 w 656"/>
                <a:gd name="T87" fmla="*/ 269 h 487"/>
                <a:gd name="T88" fmla="*/ 60 w 656"/>
                <a:gd name="T89" fmla="*/ 252 h 487"/>
                <a:gd name="T90" fmla="*/ 55 w 656"/>
                <a:gd name="T91" fmla="*/ 227 h 487"/>
                <a:gd name="T92" fmla="*/ 43 w 656"/>
                <a:gd name="T93" fmla="*/ 219 h 487"/>
                <a:gd name="T94" fmla="*/ 40 w 656"/>
                <a:gd name="T95" fmla="*/ 214 h 487"/>
                <a:gd name="T96" fmla="*/ 25 w 656"/>
                <a:gd name="T97" fmla="*/ 203 h 487"/>
                <a:gd name="T98" fmla="*/ 11 w 656"/>
                <a:gd name="T99" fmla="*/ 200 h 487"/>
                <a:gd name="T100" fmla="*/ 0 w 656"/>
                <a:gd name="T101" fmla="*/ 195 h 487"/>
                <a:gd name="T102" fmla="*/ 5 w 656"/>
                <a:gd name="T103" fmla="*/ 180 h 487"/>
                <a:gd name="T104" fmla="*/ 15 w 656"/>
                <a:gd name="T105" fmla="*/ 171 h 487"/>
                <a:gd name="T106" fmla="*/ 11 w 656"/>
                <a:gd name="T107" fmla="*/ 184 h 487"/>
                <a:gd name="T108" fmla="*/ 15 w 656"/>
                <a:gd name="T109" fmla="*/ 188 h 487"/>
                <a:gd name="T110" fmla="*/ 18 w 656"/>
                <a:gd name="T111" fmla="*/ 166 h 487"/>
                <a:gd name="T112" fmla="*/ 18 w 656"/>
                <a:gd name="T113" fmla="*/ 148 h 487"/>
                <a:gd name="T114" fmla="*/ 18 w 656"/>
                <a:gd name="T115" fmla="*/ 142 h 487"/>
                <a:gd name="T116" fmla="*/ 18 w 656"/>
                <a:gd name="T117" fmla="*/ 118 h 487"/>
                <a:gd name="T118" fmla="*/ 18 w 656"/>
                <a:gd name="T119" fmla="*/ 89 h 487"/>
                <a:gd name="T120" fmla="*/ 17 w 656"/>
                <a:gd name="T121" fmla="*/ 64 h 487"/>
                <a:gd name="T122" fmla="*/ 15 w 656"/>
                <a:gd name="T123" fmla="*/ 38 h 487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w 656"/>
                <a:gd name="T187" fmla="*/ 0 h 487"/>
                <a:gd name="T188" fmla="*/ 656 w 656"/>
                <a:gd name="T189" fmla="*/ 487 h 487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T186" t="T187" r="T188" b="T189"/>
              <a:pathLst>
                <a:path w="656" h="487">
                  <a:moveTo>
                    <a:pt x="22" y="41"/>
                  </a:moveTo>
                  <a:lnTo>
                    <a:pt x="23" y="36"/>
                  </a:lnTo>
                  <a:lnTo>
                    <a:pt x="22" y="27"/>
                  </a:lnTo>
                  <a:lnTo>
                    <a:pt x="22" y="29"/>
                  </a:lnTo>
                  <a:lnTo>
                    <a:pt x="23" y="29"/>
                  </a:lnTo>
                  <a:lnTo>
                    <a:pt x="25" y="32"/>
                  </a:lnTo>
                  <a:lnTo>
                    <a:pt x="28" y="34"/>
                  </a:lnTo>
                  <a:lnTo>
                    <a:pt x="32" y="39"/>
                  </a:lnTo>
                  <a:lnTo>
                    <a:pt x="37" y="42"/>
                  </a:lnTo>
                  <a:lnTo>
                    <a:pt x="40" y="46"/>
                  </a:lnTo>
                  <a:lnTo>
                    <a:pt x="45" y="51"/>
                  </a:lnTo>
                  <a:lnTo>
                    <a:pt x="50" y="56"/>
                  </a:lnTo>
                  <a:lnTo>
                    <a:pt x="57" y="59"/>
                  </a:lnTo>
                  <a:lnTo>
                    <a:pt x="62" y="64"/>
                  </a:lnTo>
                  <a:lnTo>
                    <a:pt x="67" y="68"/>
                  </a:lnTo>
                  <a:lnTo>
                    <a:pt x="74" y="71"/>
                  </a:lnTo>
                  <a:lnTo>
                    <a:pt x="79" y="74"/>
                  </a:lnTo>
                  <a:lnTo>
                    <a:pt x="86" y="76"/>
                  </a:lnTo>
                  <a:lnTo>
                    <a:pt x="91" y="78"/>
                  </a:lnTo>
                  <a:lnTo>
                    <a:pt x="94" y="78"/>
                  </a:lnTo>
                  <a:lnTo>
                    <a:pt x="96" y="80"/>
                  </a:lnTo>
                  <a:lnTo>
                    <a:pt x="98" y="80"/>
                  </a:lnTo>
                  <a:lnTo>
                    <a:pt x="101" y="80"/>
                  </a:lnTo>
                  <a:lnTo>
                    <a:pt x="103" y="81"/>
                  </a:lnTo>
                  <a:lnTo>
                    <a:pt x="105" y="81"/>
                  </a:lnTo>
                  <a:lnTo>
                    <a:pt x="115" y="86"/>
                  </a:lnTo>
                  <a:lnTo>
                    <a:pt x="123" y="95"/>
                  </a:lnTo>
                  <a:lnTo>
                    <a:pt x="142" y="95"/>
                  </a:lnTo>
                  <a:lnTo>
                    <a:pt x="143" y="105"/>
                  </a:lnTo>
                  <a:lnTo>
                    <a:pt x="154" y="105"/>
                  </a:lnTo>
                  <a:lnTo>
                    <a:pt x="154" y="117"/>
                  </a:lnTo>
                  <a:lnTo>
                    <a:pt x="160" y="117"/>
                  </a:lnTo>
                  <a:lnTo>
                    <a:pt x="159" y="105"/>
                  </a:lnTo>
                  <a:lnTo>
                    <a:pt x="162" y="103"/>
                  </a:lnTo>
                  <a:lnTo>
                    <a:pt x="172" y="103"/>
                  </a:lnTo>
                  <a:lnTo>
                    <a:pt x="167" y="113"/>
                  </a:lnTo>
                  <a:lnTo>
                    <a:pt x="169" y="115"/>
                  </a:lnTo>
                  <a:lnTo>
                    <a:pt x="169" y="117"/>
                  </a:lnTo>
                  <a:lnTo>
                    <a:pt x="171" y="118"/>
                  </a:lnTo>
                  <a:lnTo>
                    <a:pt x="172" y="122"/>
                  </a:lnTo>
                  <a:lnTo>
                    <a:pt x="174" y="125"/>
                  </a:lnTo>
                  <a:lnTo>
                    <a:pt x="174" y="130"/>
                  </a:lnTo>
                  <a:lnTo>
                    <a:pt x="172" y="134"/>
                  </a:lnTo>
                  <a:lnTo>
                    <a:pt x="171" y="135"/>
                  </a:lnTo>
                  <a:lnTo>
                    <a:pt x="169" y="137"/>
                  </a:lnTo>
                  <a:lnTo>
                    <a:pt x="167" y="139"/>
                  </a:lnTo>
                  <a:lnTo>
                    <a:pt x="164" y="142"/>
                  </a:lnTo>
                  <a:lnTo>
                    <a:pt x="160" y="146"/>
                  </a:lnTo>
                  <a:lnTo>
                    <a:pt x="159" y="149"/>
                  </a:lnTo>
                  <a:lnTo>
                    <a:pt x="155" y="152"/>
                  </a:lnTo>
                  <a:lnTo>
                    <a:pt x="154" y="154"/>
                  </a:lnTo>
                  <a:lnTo>
                    <a:pt x="154" y="156"/>
                  </a:lnTo>
                  <a:lnTo>
                    <a:pt x="149" y="151"/>
                  </a:lnTo>
                  <a:lnTo>
                    <a:pt x="159" y="142"/>
                  </a:lnTo>
                  <a:lnTo>
                    <a:pt x="157" y="137"/>
                  </a:lnTo>
                  <a:lnTo>
                    <a:pt x="130" y="169"/>
                  </a:lnTo>
                  <a:lnTo>
                    <a:pt x="113" y="179"/>
                  </a:lnTo>
                  <a:lnTo>
                    <a:pt x="113" y="191"/>
                  </a:lnTo>
                  <a:lnTo>
                    <a:pt x="121" y="193"/>
                  </a:lnTo>
                  <a:lnTo>
                    <a:pt x="123" y="191"/>
                  </a:lnTo>
                  <a:lnTo>
                    <a:pt x="125" y="190"/>
                  </a:lnTo>
                  <a:lnTo>
                    <a:pt x="127" y="186"/>
                  </a:lnTo>
                  <a:lnTo>
                    <a:pt x="127" y="188"/>
                  </a:lnTo>
                  <a:lnTo>
                    <a:pt x="123" y="186"/>
                  </a:lnTo>
                  <a:lnTo>
                    <a:pt x="121" y="183"/>
                  </a:lnTo>
                  <a:lnTo>
                    <a:pt x="120" y="183"/>
                  </a:lnTo>
                  <a:lnTo>
                    <a:pt x="145" y="162"/>
                  </a:lnTo>
                  <a:lnTo>
                    <a:pt x="152" y="162"/>
                  </a:lnTo>
                  <a:lnTo>
                    <a:pt x="179" y="135"/>
                  </a:lnTo>
                  <a:lnTo>
                    <a:pt x="182" y="144"/>
                  </a:lnTo>
                  <a:lnTo>
                    <a:pt x="181" y="154"/>
                  </a:lnTo>
                  <a:lnTo>
                    <a:pt x="172" y="161"/>
                  </a:lnTo>
                  <a:lnTo>
                    <a:pt x="169" y="159"/>
                  </a:lnTo>
                  <a:lnTo>
                    <a:pt x="165" y="168"/>
                  </a:lnTo>
                  <a:lnTo>
                    <a:pt x="162" y="178"/>
                  </a:lnTo>
                  <a:lnTo>
                    <a:pt x="165" y="179"/>
                  </a:lnTo>
                  <a:lnTo>
                    <a:pt x="157" y="210"/>
                  </a:lnTo>
                  <a:lnTo>
                    <a:pt x="155" y="210"/>
                  </a:lnTo>
                  <a:lnTo>
                    <a:pt x="154" y="212"/>
                  </a:lnTo>
                  <a:lnTo>
                    <a:pt x="150" y="215"/>
                  </a:lnTo>
                  <a:lnTo>
                    <a:pt x="149" y="217"/>
                  </a:lnTo>
                  <a:lnTo>
                    <a:pt x="147" y="217"/>
                  </a:lnTo>
                  <a:lnTo>
                    <a:pt x="147" y="215"/>
                  </a:lnTo>
                  <a:lnTo>
                    <a:pt x="149" y="212"/>
                  </a:lnTo>
                  <a:lnTo>
                    <a:pt x="149" y="210"/>
                  </a:lnTo>
                  <a:lnTo>
                    <a:pt x="149" y="208"/>
                  </a:lnTo>
                  <a:lnTo>
                    <a:pt x="149" y="206"/>
                  </a:lnTo>
                  <a:lnTo>
                    <a:pt x="149" y="205"/>
                  </a:lnTo>
                  <a:lnTo>
                    <a:pt x="157" y="195"/>
                  </a:lnTo>
                  <a:lnTo>
                    <a:pt x="143" y="206"/>
                  </a:lnTo>
                  <a:lnTo>
                    <a:pt x="138" y="215"/>
                  </a:lnTo>
                  <a:lnTo>
                    <a:pt x="137" y="212"/>
                  </a:lnTo>
                  <a:lnTo>
                    <a:pt x="137" y="210"/>
                  </a:lnTo>
                  <a:lnTo>
                    <a:pt x="138" y="208"/>
                  </a:lnTo>
                  <a:lnTo>
                    <a:pt x="138" y="205"/>
                  </a:lnTo>
                  <a:lnTo>
                    <a:pt x="140" y="201"/>
                  </a:lnTo>
                  <a:lnTo>
                    <a:pt x="142" y="200"/>
                  </a:lnTo>
                  <a:lnTo>
                    <a:pt x="142" y="196"/>
                  </a:lnTo>
                  <a:lnTo>
                    <a:pt x="140" y="195"/>
                  </a:lnTo>
                  <a:lnTo>
                    <a:pt x="138" y="193"/>
                  </a:lnTo>
                  <a:lnTo>
                    <a:pt x="135" y="195"/>
                  </a:lnTo>
                  <a:lnTo>
                    <a:pt x="130" y="196"/>
                  </a:lnTo>
                  <a:lnTo>
                    <a:pt x="125" y="201"/>
                  </a:lnTo>
                  <a:lnTo>
                    <a:pt x="120" y="205"/>
                  </a:lnTo>
                  <a:lnTo>
                    <a:pt x="115" y="210"/>
                  </a:lnTo>
                  <a:lnTo>
                    <a:pt x="111" y="215"/>
                  </a:lnTo>
                  <a:lnTo>
                    <a:pt x="111" y="217"/>
                  </a:lnTo>
                  <a:lnTo>
                    <a:pt x="113" y="218"/>
                  </a:lnTo>
                  <a:lnTo>
                    <a:pt x="120" y="220"/>
                  </a:lnTo>
                  <a:lnTo>
                    <a:pt x="123" y="220"/>
                  </a:lnTo>
                  <a:lnTo>
                    <a:pt x="127" y="222"/>
                  </a:lnTo>
                  <a:lnTo>
                    <a:pt x="130" y="222"/>
                  </a:lnTo>
                  <a:lnTo>
                    <a:pt x="132" y="222"/>
                  </a:lnTo>
                  <a:lnTo>
                    <a:pt x="132" y="225"/>
                  </a:lnTo>
                  <a:lnTo>
                    <a:pt x="133" y="227"/>
                  </a:lnTo>
                  <a:lnTo>
                    <a:pt x="138" y="230"/>
                  </a:lnTo>
                  <a:lnTo>
                    <a:pt x="140" y="230"/>
                  </a:lnTo>
                  <a:lnTo>
                    <a:pt x="143" y="228"/>
                  </a:lnTo>
                  <a:lnTo>
                    <a:pt x="149" y="225"/>
                  </a:lnTo>
                  <a:lnTo>
                    <a:pt x="152" y="223"/>
                  </a:lnTo>
                  <a:lnTo>
                    <a:pt x="155" y="220"/>
                  </a:lnTo>
                  <a:lnTo>
                    <a:pt x="159" y="217"/>
                  </a:lnTo>
                  <a:lnTo>
                    <a:pt x="162" y="215"/>
                  </a:lnTo>
                  <a:lnTo>
                    <a:pt x="162" y="213"/>
                  </a:lnTo>
                  <a:lnTo>
                    <a:pt x="167" y="215"/>
                  </a:lnTo>
                  <a:lnTo>
                    <a:pt x="176" y="208"/>
                  </a:lnTo>
                  <a:lnTo>
                    <a:pt x="181" y="206"/>
                  </a:lnTo>
                  <a:lnTo>
                    <a:pt x="179" y="183"/>
                  </a:lnTo>
                  <a:lnTo>
                    <a:pt x="186" y="178"/>
                  </a:lnTo>
                  <a:lnTo>
                    <a:pt x="181" y="171"/>
                  </a:lnTo>
                  <a:lnTo>
                    <a:pt x="191" y="151"/>
                  </a:lnTo>
                  <a:lnTo>
                    <a:pt x="211" y="127"/>
                  </a:lnTo>
                  <a:lnTo>
                    <a:pt x="203" y="103"/>
                  </a:lnTo>
                  <a:lnTo>
                    <a:pt x="198" y="103"/>
                  </a:lnTo>
                  <a:lnTo>
                    <a:pt x="196" y="112"/>
                  </a:lnTo>
                  <a:lnTo>
                    <a:pt x="201" y="117"/>
                  </a:lnTo>
                  <a:lnTo>
                    <a:pt x="199" y="122"/>
                  </a:lnTo>
                  <a:lnTo>
                    <a:pt x="189" y="110"/>
                  </a:lnTo>
                  <a:lnTo>
                    <a:pt x="191" y="102"/>
                  </a:lnTo>
                  <a:lnTo>
                    <a:pt x="196" y="96"/>
                  </a:lnTo>
                  <a:lnTo>
                    <a:pt x="206" y="96"/>
                  </a:lnTo>
                  <a:lnTo>
                    <a:pt x="199" y="83"/>
                  </a:lnTo>
                  <a:lnTo>
                    <a:pt x="194" y="73"/>
                  </a:lnTo>
                  <a:lnTo>
                    <a:pt x="189" y="68"/>
                  </a:lnTo>
                  <a:lnTo>
                    <a:pt x="193" y="63"/>
                  </a:lnTo>
                  <a:lnTo>
                    <a:pt x="196" y="54"/>
                  </a:lnTo>
                  <a:lnTo>
                    <a:pt x="199" y="59"/>
                  </a:lnTo>
                  <a:lnTo>
                    <a:pt x="199" y="71"/>
                  </a:lnTo>
                  <a:lnTo>
                    <a:pt x="206" y="66"/>
                  </a:lnTo>
                  <a:lnTo>
                    <a:pt x="204" y="64"/>
                  </a:lnTo>
                  <a:lnTo>
                    <a:pt x="215" y="56"/>
                  </a:lnTo>
                  <a:lnTo>
                    <a:pt x="208" y="47"/>
                  </a:lnTo>
                  <a:lnTo>
                    <a:pt x="211" y="39"/>
                  </a:lnTo>
                  <a:lnTo>
                    <a:pt x="206" y="32"/>
                  </a:lnTo>
                  <a:lnTo>
                    <a:pt x="198" y="32"/>
                  </a:lnTo>
                  <a:lnTo>
                    <a:pt x="198" y="0"/>
                  </a:lnTo>
                  <a:lnTo>
                    <a:pt x="199" y="0"/>
                  </a:lnTo>
                  <a:lnTo>
                    <a:pt x="203" y="2"/>
                  </a:lnTo>
                  <a:lnTo>
                    <a:pt x="208" y="3"/>
                  </a:lnTo>
                  <a:lnTo>
                    <a:pt x="213" y="5"/>
                  </a:lnTo>
                  <a:lnTo>
                    <a:pt x="220" y="7"/>
                  </a:lnTo>
                  <a:lnTo>
                    <a:pt x="226" y="8"/>
                  </a:lnTo>
                  <a:lnTo>
                    <a:pt x="235" y="12"/>
                  </a:lnTo>
                  <a:lnTo>
                    <a:pt x="245" y="15"/>
                  </a:lnTo>
                  <a:lnTo>
                    <a:pt x="255" y="17"/>
                  </a:lnTo>
                  <a:lnTo>
                    <a:pt x="267" y="22"/>
                  </a:lnTo>
                  <a:lnTo>
                    <a:pt x="281" y="25"/>
                  </a:lnTo>
                  <a:lnTo>
                    <a:pt x="294" y="29"/>
                  </a:lnTo>
                  <a:lnTo>
                    <a:pt x="308" y="32"/>
                  </a:lnTo>
                  <a:lnTo>
                    <a:pt x="323" y="37"/>
                  </a:lnTo>
                  <a:lnTo>
                    <a:pt x="338" y="41"/>
                  </a:lnTo>
                  <a:lnTo>
                    <a:pt x="355" y="46"/>
                  </a:lnTo>
                  <a:lnTo>
                    <a:pt x="372" y="51"/>
                  </a:lnTo>
                  <a:lnTo>
                    <a:pt x="389" y="54"/>
                  </a:lnTo>
                  <a:lnTo>
                    <a:pt x="407" y="59"/>
                  </a:lnTo>
                  <a:lnTo>
                    <a:pt x="426" y="64"/>
                  </a:lnTo>
                  <a:lnTo>
                    <a:pt x="445" y="69"/>
                  </a:lnTo>
                  <a:lnTo>
                    <a:pt x="465" y="74"/>
                  </a:lnTo>
                  <a:lnTo>
                    <a:pt x="485" y="80"/>
                  </a:lnTo>
                  <a:lnTo>
                    <a:pt x="506" y="85"/>
                  </a:lnTo>
                  <a:lnTo>
                    <a:pt x="526" y="90"/>
                  </a:lnTo>
                  <a:lnTo>
                    <a:pt x="548" y="95"/>
                  </a:lnTo>
                  <a:lnTo>
                    <a:pt x="568" y="100"/>
                  </a:lnTo>
                  <a:lnTo>
                    <a:pt x="590" y="105"/>
                  </a:lnTo>
                  <a:lnTo>
                    <a:pt x="612" y="108"/>
                  </a:lnTo>
                  <a:lnTo>
                    <a:pt x="634" y="113"/>
                  </a:lnTo>
                  <a:lnTo>
                    <a:pt x="656" y="118"/>
                  </a:lnTo>
                  <a:lnTo>
                    <a:pt x="656" y="122"/>
                  </a:lnTo>
                  <a:lnTo>
                    <a:pt x="656" y="125"/>
                  </a:lnTo>
                  <a:lnTo>
                    <a:pt x="655" y="130"/>
                  </a:lnTo>
                  <a:lnTo>
                    <a:pt x="653" y="137"/>
                  </a:lnTo>
                  <a:lnTo>
                    <a:pt x="651" y="146"/>
                  </a:lnTo>
                  <a:lnTo>
                    <a:pt x="649" y="156"/>
                  </a:lnTo>
                  <a:lnTo>
                    <a:pt x="646" y="166"/>
                  </a:lnTo>
                  <a:lnTo>
                    <a:pt x="644" y="176"/>
                  </a:lnTo>
                  <a:lnTo>
                    <a:pt x="641" y="188"/>
                  </a:lnTo>
                  <a:lnTo>
                    <a:pt x="639" y="200"/>
                  </a:lnTo>
                  <a:lnTo>
                    <a:pt x="636" y="213"/>
                  </a:lnTo>
                  <a:lnTo>
                    <a:pt x="633" y="227"/>
                  </a:lnTo>
                  <a:lnTo>
                    <a:pt x="629" y="240"/>
                  </a:lnTo>
                  <a:lnTo>
                    <a:pt x="627" y="256"/>
                  </a:lnTo>
                  <a:lnTo>
                    <a:pt x="624" y="269"/>
                  </a:lnTo>
                  <a:lnTo>
                    <a:pt x="621" y="284"/>
                  </a:lnTo>
                  <a:lnTo>
                    <a:pt x="617" y="298"/>
                  </a:lnTo>
                  <a:lnTo>
                    <a:pt x="614" y="311"/>
                  </a:lnTo>
                  <a:lnTo>
                    <a:pt x="612" y="325"/>
                  </a:lnTo>
                  <a:lnTo>
                    <a:pt x="609" y="338"/>
                  </a:lnTo>
                  <a:lnTo>
                    <a:pt x="605" y="350"/>
                  </a:lnTo>
                  <a:lnTo>
                    <a:pt x="604" y="362"/>
                  </a:lnTo>
                  <a:lnTo>
                    <a:pt x="600" y="374"/>
                  </a:lnTo>
                  <a:lnTo>
                    <a:pt x="599" y="384"/>
                  </a:lnTo>
                  <a:lnTo>
                    <a:pt x="597" y="393"/>
                  </a:lnTo>
                  <a:lnTo>
                    <a:pt x="595" y="401"/>
                  </a:lnTo>
                  <a:lnTo>
                    <a:pt x="594" y="408"/>
                  </a:lnTo>
                  <a:lnTo>
                    <a:pt x="592" y="415"/>
                  </a:lnTo>
                  <a:lnTo>
                    <a:pt x="590" y="418"/>
                  </a:lnTo>
                  <a:lnTo>
                    <a:pt x="590" y="420"/>
                  </a:lnTo>
                  <a:lnTo>
                    <a:pt x="590" y="421"/>
                  </a:lnTo>
                  <a:lnTo>
                    <a:pt x="585" y="438"/>
                  </a:lnTo>
                  <a:lnTo>
                    <a:pt x="590" y="450"/>
                  </a:lnTo>
                  <a:lnTo>
                    <a:pt x="590" y="462"/>
                  </a:lnTo>
                  <a:lnTo>
                    <a:pt x="587" y="476"/>
                  </a:lnTo>
                  <a:lnTo>
                    <a:pt x="589" y="487"/>
                  </a:lnTo>
                  <a:lnTo>
                    <a:pt x="421" y="445"/>
                  </a:lnTo>
                  <a:lnTo>
                    <a:pt x="419" y="445"/>
                  </a:lnTo>
                  <a:lnTo>
                    <a:pt x="418" y="445"/>
                  </a:lnTo>
                  <a:lnTo>
                    <a:pt x="414" y="445"/>
                  </a:lnTo>
                  <a:lnTo>
                    <a:pt x="411" y="445"/>
                  </a:lnTo>
                  <a:lnTo>
                    <a:pt x="407" y="447"/>
                  </a:lnTo>
                  <a:lnTo>
                    <a:pt x="402" y="447"/>
                  </a:lnTo>
                  <a:lnTo>
                    <a:pt x="399" y="447"/>
                  </a:lnTo>
                  <a:lnTo>
                    <a:pt x="394" y="447"/>
                  </a:lnTo>
                  <a:lnTo>
                    <a:pt x="389" y="447"/>
                  </a:lnTo>
                  <a:lnTo>
                    <a:pt x="384" y="447"/>
                  </a:lnTo>
                  <a:lnTo>
                    <a:pt x="379" y="445"/>
                  </a:lnTo>
                  <a:lnTo>
                    <a:pt x="374" y="445"/>
                  </a:lnTo>
                  <a:lnTo>
                    <a:pt x="369" y="443"/>
                  </a:lnTo>
                  <a:lnTo>
                    <a:pt x="363" y="442"/>
                  </a:lnTo>
                  <a:lnTo>
                    <a:pt x="358" y="440"/>
                  </a:lnTo>
                  <a:lnTo>
                    <a:pt x="357" y="440"/>
                  </a:lnTo>
                  <a:lnTo>
                    <a:pt x="355" y="440"/>
                  </a:lnTo>
                  <a:lnTo>
                    <a:pt x="353" y="440"/>
                  </a:lnTo>
                  <a:lnTo>
                    <a:pt x="352" y="442"/>
                  </a:lnTo>
                  <a:lnTo>
                    <a:pt x="348" y="443"/>
                  </a:lnTo>
                  <a:lnTo>
                    <a:pt x="347" y="445"/>
                  </a:lnTo>
                  <a:lnTo>
                    <a:pt x="345" y="445"/>
                  </a:lnTo>
                  <a:lnTo>
                    <a:pt x="323" y="445"/>
                  </a:lnTo>
                  <a:lnTo>
                    <a:pt x="321" y="445"/>
                  </a:lnTo>
                  <a:lnTo>
                    <a:pt x="316" y="445"/>
                  </a:lnTo>
                  <a:lnTo>
                    <a:pt x="308" y="447"/>
                  </a:lnTo>
                  <a:lnTo>
                    <a:pt x="297" y="448"/>
                  </a:lnTo>
                  <a:lnTo>
                    <a:pt x="289" y="448"/>
                  </a:lnTo>
                  <a:lnTo>
                    <a:pt x="279" y="448"/>
                  </a:lnTo>
                  <a:lnTo>
                    <a:pt x="272" y="445"/>
                  </a:lnTo>
                  <a:lnTo>
                    <a:pt x="265" y="442"/>
                  </a:lnTo>
                  <a:lnTo>
                    <a:pt x="262" y="442"/>
                  </a:lnTo>
                  <a:lnTo>
                    <a:pt x="259" y="442"/>
                  </a:lnTo>
                  <a:lnTo>
                    <a:pt x="253" y="442"/>
                  </a:lnTo>
                  <a:lnTo>
                    <a:pt x="248" y="442"/>
                  </a:lnTo>
                  <a:lnTo>
                    <a:pt x="245" y="443"/>
                  </a:lnTo>
                  <a:lnTo>
                    <a:pt x="242" y="443"/>
                  </a:lnTo>
                  <a:lnTo>
                    <a:pt x="233" y="442"/>
                  </a:lnTo>
                  <a:lnTo>
                    <a:pt x="220" y="445"/>
                  </a:lnTo>
                  <a:lnTo>
                    <a:pt x="220" y="443"/>
                  </a:lnTo>
                  <a:lnTo>
                    <a:pt x="215" y="440"/>
                  </a:lnTo>
                  <a:lnTo>
                    <a:pt x="209" y="435"/>
                  </a:lnTo>
                  <a:lnTo>
                    <a:pt x="201" y="430"/>
                  </a:lnTo>
                  <a:lnTo>
                    <a:pt x="194" y="425"/>
                  </a:lnTo>
                  <a:lnTo>
                    <a:pt x="186" y="421"/>
                  </a:lnTo>
                  <a:lnTo>
                    <a:pt x="177" y="418"/>
                  </a:lnTo>
                  <a:lnTo>
                    <a:pt x="171" y="418"/>
                  </a:lnTo>
                  <a:lnTo>
                    <a:pt x="169" y="418"/>
                  </a:lnTo>
                  <a:lnTo>
                    <a:pt x="167" y="418"/>
                  </a:lnTo>
                  <a:lnTo>
                    <a:pt x="164" y="420"/>
                  </a:lnTo>
                  <a:lnTo>
                    <a:pt x="160" y="420"/>
                  </a:lnTo>
                  <a:lnTo>
                    <a:pt x="157" y="421"/>
                  </a:lnTo>
                  <a:lnTo>
                    <a:pt x="152" y="421"/>
                  </a:lnTo>
                  <a:lnTo>
                    <a:pt x="145" y="423"/>
                  </a:lnTo>
                  <a:lnTo>
                    <a:pt x="140" y="423"/>
                  </a:lnTo>
                  <a:lnTo>
                    <a:pt x="135" y="423"/>
                  </a:lnTo>
                  <a:lnTo>
                    <a:pt x="128" y="423"/>
                  </a:lnTo>
                  <a:lnTo>
                    <a:pt x="123" y="423"/>
                  </a:lnTo>
                  <a:lnTo>
                    <a:pt x="118" y="423"/>
                  </a:lnTo>
                  <a:lnTo>
                    <a:pt x="113" y="421"/>
                  </a:lnTo>
                  <a:lnTo>
                    <a:pt x="108" y="420"/>
                  </a:lnTo>
                  <a:lnTo>
                    <a:pt x="105" y="418"/>
                  </a:lnTo>
                  <a:lnTo>
                    <a:pt x="103" y="415"/>
                  </a:lnTo>
                  <a:lnTo>
                    <a:pt x="101" y="413"/>
                  </a:lnTo>
                  <a:lnTo>
                    <a:pt x="99" y="413"/>
                  </a:lnTo>
                  <a:lnTo>
                    <a:pt x="98" y="411"/>
                  </a:lnTo>
                  <a:lnTo>
                    <a:pt x="94" y="408"/>
                  </a:lnTo>
                  <a:lnTo>
                    <a:pt x="93" y="406"/>
                  </a:lnTo>
                  <a:lnTo>
                    <a:pt x="91" y="404"/>
                  </a:lnTo>
                  <a:lnTo>
                    <a:pt x="89" y="404"/>
                  </a:lnTo>
                  <a:lnTo>
                    <a:pt x="84" y="393"/>
                  </a:lnTo>
                  <a:lnTo>
                    <a:pt x="84" y="391"/>
                  </a:lnTo>
                  <a:lnTo>
                    <a:pt x="86" y="388"/>
                  </a:lnTo>
                  <a:lnTo>
                    <a:pt x="86" y="384"/>
                  </a:lnTo>
                  <a:lnTo>
                    <a:pt x="88" y="379"/>
                  </a:lnTo>
                  <a:lnTo>
                    <a:pt x="88" y="374"/>
                  </a:lnTo>
                  <a:lnTo>
                    <a:pt x="88" y="369"/>
                  </a:lnTo>
                  <a:lnTo>
                    <a:pt x="88" y="364"/>
                  </a:lnTo>
                  <a:lnTo>
                    <a:pt x="88" y="357"/>
                  </a:lnTo>
                  <a:lnTo>
                    <a:pt x="86" y="352"/>
                  </a:lnTo>
                  <a:lnTo>
                    <a:pt x="86" y="347"/>
                  </a:lnTo>
                  <a:lnTo>
                    <a:pt x="83" y="342"/>
                  </a:lnTo>
                  <a:lnTo>
                    <a:pt x="79" y="337"/>
                  </a:lnTo>
                  <a:lnTo>
                    <a:pt x="76" y="333"/>
                  </a:lnTo>
                  <a:lnTo>
                    <a:pt x="71" y="330"/>
                  </a:lnTo>
                  <a:lnTo>
                    <a:pt x="64" y="328"/>
                  </a:lnTo>
                  <a:lnTo>
                    <a:pt x="62" y="328"/>
                  </a:lnTo>
                  <a:lnTo>
                    <a:pt x="61" y="328"/>
                  </a:lnTo>
                  <a:lnTo>
                    <a:pt x="57" y="327"/>
                  </a:lnTo>
                  <a:lnTo>
                    <a:pt x="55" y="327"/>
                  </a:lnTo>
                  <a:lnTo>
                    <a:pt x="54" y="327"/>
                  </a:lnTo>
                  <a:lnTo>
                    <a:pt x="52" y="327"/>
                  </a:lnTo>
                  <a:lnTo>
                    <a:pt x="52" y="325"/>
                  </a:lnTo>
                  <a:lnTo>
                    <a:pt x="54" y="323"/>
                  </a:lnTo>
                  <a:lnTo>
                    <a:pt x="54" y="322"/>
                  </a:lnTo>
                  <a:lnTo>
                    <a:pt x="52" y="318"/>
                  </a:lnTo>
                  <a:lnTo>
                    <a:pt x="52" y="315"/>
                  </a:lnTo>
                  <a:lnTo>
                    <a:pt x="49" y="311"/>
                  </a:lnTo>
                  <a:lnTo>
                    <a:pt x="45" y="310"/>
                  </a:lnTo>
                  <a:lnTo>
                    <a:pt x="40" y="308"/>
                  </a:lnTo>
                  <a:lnTo>
                    <a:pt x="39" y="306"/>
                  </a:lnTo>
                  <a:lnTo>
                    <a:pt x="37" y="305"/>
                  </a:lnTo>
                  <a:lnTo>
                    <a:pt x="33" y="303"/>
                  </a:lnTo>
                  <a:lnTo>
                    <a:pt x="32" y="301"/>
                  </a:lnTo>
                  <a:lnTo>
                    <a:pt x="23" y="303"/>
                  </a:lnTo>
                  <a:lnTo>
                    <a:pt x="22" y="300"/>
                  </a:lnTo>
                  <a:lnTo>
                    <a:pt x="18" y="303"/>
                  </a:lnTo>
                  <a:lnTo>
                    <a:pt x="11" y="300"/>
                  </a:lnTo>
                  <a:lnTo>
                    <a:pt x="6" y="291"/>
                  </a:lnTo>
                  <a:lnTo>
                    <a:pt x="6" y="293"/>
                  </a:lnTo>
                  <a:lnTo>
                    <a:pt x="3" y="293"/>
                  </a:lnTo>
                  <a:lnTo>
                    <a:pt x="0" y="294"/>
                  </a:lnTo>
                  <a:lnTo>
                    <a:pt x="0" y="293"/>
                  </a:lnTo>
                  <a:lnTo>
                    <a:pt x="0" y="291"/>
                  </a:lnTo>
                  <a:lnTo>
                    <a:pt x="0" y="289"/>
                  </a:lnTo>
                  <a:lnTo>
                    <a:pt x="1" y="288"/>
                  </a:lnTo>
                  <a:lnTo>
                    <a:pt x="1" y="284"/>
                  </a:lnTo>
                  <a:lnTo>
                    <a:pt x="3" y="281"/>
                  </a:lnTo>
                  <a:lnTo>
                    <a:pt x="3" y="278"/>
                  </a:lnTo>
                  <a:lnTo>
                    <a:pt x="5" y="271"/>
                  </a:lnTo>
                  <a:lnTo>
                    <a:pt x="6" y="266"/>
                  </a:lnTo>
                  <a:lnTo>
                    <a:pt x="8" y="261"/>
                  </a:lnTo>
                  <a:lnTo>
                    <a:pt x="10" y="256"/>
                  </a:lnTo>
                  <a:lnTo>
                    <a:pt x="11" y="252"/>
                  </a:lnTo>
                  <a:lnTo>
                    <a:pt x="15" y="252"/>
                  </a:lnTo>
                  <a:lnTo>
                    <a:pt x="15" y="256"/>
                  </a:lnTo>
                  <a:lnTo>
                    <a:pt x="15" y="257"/>
                  </a:lnTo>
                  <a:lnTo>
                    <a:pt x="13" y="261"/>
                  </a:lnTo>
                  <a:lnTo>
                    <a:pt x="13" y="264"/>
                  </a:lnTo>
                  <a:lnTo>
                    <a:pt x="11" y="267"/>
                  </a:lnTo>
                  <a:lnTo>
                    <a:pt x="11" y="271"/>
                  </a:lnTo>
                  <a:lnTo>
                    <a:pt x="11" y="276"/>
                  </a:lnTo>
                  <a:lnTo>
                    <a:pt x="10" y="279"/>
                  </a:lnTo>
                  <a:lnTo>
                    <a:pt x="8" y="281"/>
                  </a:lnTo>
                  <a:lnTo>
                    <a:pt x="8" y="284"/>
                  </a:lnTo>
                  <a:lnTo>
                    <a:pt x="10" y="284"/>
                  </a:lnTo>
                  <a:lnTo>
                    <a:pt x="13" y="284"/>
                  </a:lnTo>
                  <a:lnTo>
                    <a:pt x="15" y="283"/>
                  </a:lnTo>
                  <a:lnTo>
                    <a:pt x="17" y="283"/>
                  </a:lnTo>
                  <a:lnTo>
                    <a:pt x="17" y="278"/>
                  </a:lnTo>
                  <a:lnTo>
                    <a:pt x="22" y="271"/>
                  </a:lnTo>
                  <a:lnTo>
                    <a:pt x="25" y="266"/>
                  </a:lnTo>
                  <a:lnTo>
                    <a:pt x="25" y="254"/>
                  </a:lnTo>
                  <a:lnTo>
                    <a:pt x="27" y="250"/>
                  </a:lnTo>
                  <a:lnTo>
                    <a:pt x="33" y="249"/>
                  </a:lnTo>
                  <a:lnTo>
                    <a:pt x="30" y="240"/>
                  </a:lnTo>
                  <a:lnTo>
                    <a:pt x="25" y="244"/>
                  </a:lnTo>
                  <a:lnTo>
                    <a:pt x="15" y="244"/>
                  </a:lnTo>
                  <a:lnTo>
                    <a:pt x="17" y="218"/>
                  </a:lnTo>
                  <a:lnTo>
                    <a:pt x="18" y="218"/>
                  </a:lnTo>
                  <a:lnTo>
                    <a:pt x="20" y="223"/>
                  </a:lnTo>
                  <a:lnTo>
                    <a:pt x="27" y="220"/>
                  </a:lnTo>
                  <a:lnTo>
                    <a:pt x="42" y="222"/>
                  </a:lnTo>
                  <a:lnTo>
                    <a:pt x="42" y="217"/>
                  </a:lnTo>
                  <a:lnTo>
                    <a:pt x="30" y="212"/>
                  </a:lnTo>
                  <a:lnTo>
                    <a:pt x="30" y="205"/>
                  </a:lnTo>
                  <a:lnTo>
                    <a:pt x="22" y="203"/>
                  </a:lnTo>
                  <a:lnTo>
                    <a:pt x="18" y="213"/>
                  </a:lnTo>
                  <a:lnTo>
                    <a:pt x="17" y="212"/>
                  </a:lnTo>
                  <a:lnTo>
                    <a:pt x="17" y="200"/>
                  </a:lnTo>
                  <a:lnTo>
                    <a:pt x="18" y="198"/>
                  </a:lnTo>
                  <a:lnTo>
                    <a:pt x="18" y="195"/>
                  </a:lnTo>
                  <a:lnTo>
                    <a:pt x="20" y="190"/>
                  </a:lnTo>
                  <a:lnTo>
                    <a:pt x="20" y="184"/>
                  </a:lnTo>
                  <a:lnTo>
                    <a:pt x="22" y="179"/>
                  </a:lnTo>
                  <a:lnTo>
                    <a:pt x="22" y="173"/>
                  </a:lnTo>
                  <a:lnTo>
                    <a:pt x="22" y="168"/>
                  </a:lnTo>
                  <a:lnTo>
                    <a:pt x="20" y="164"/>
                  </a:lnTo>
                  <a:lnTo>
                    <a:pt x="20" y="161"/>
                  </a:lnTo>
                  <a:lnTo>
                    <a:pt x="20" y="154"/>
                  </a:lnTo>
                  <a:lnTo>
                    <a:pt x="20" y="146"/>
                  </a:lnTo>
                  <a:lnTo>
                    <a:pt x="20" y="135"/>
                  </a:lnTo>
                  <a:lnTo>
                    <a:pt x="22" y="125"/>
                  </a:lnTo>
                  <a:lnTo>
                    <a:pt x="22" y="115"/>
                  </a:lnTo>
                  <a:lnTo>
                    <a:pt x="22" y="108"/>
                  </a:lnTo>
                  <a:lnTo>
                    <a:pt x="22" y="107"/>
                  </a:lnTo>
                  <a:lnTo>
                    <a:pt x="22" y="105"/>
                  </a:lnTo>
                  <a:lnTo>
                    <a:pt x="20" y="102"/>
                  </a:lnTo>
                  <a:lnTo>
                    <a:pt x="17" y="96"/>
                  </a:lnTo>
                  <a:lnTo>
                    <a:pt x="13" y="91"/>
                  </a:lnTo>
                  <a:lnTo>
                    <a:pt x="11" y="83"/>
                  </a:lnTo>
                  <a:lnTo>
                    <a:pt x="10" y="74"/>
                  </a:lnTo>
                  <a:lnTo>
                    <a:pt x="11" y="64"/>
                  </a:lnTo>
                  <a:lnTo>
                    <a:pt x="15" y="54"/>
                  </a:lnTo>
                  <a:lnTo>
                    <a:pt x="15" y="52"/>
                  </a:lnTo>
                  <a:lnTo>
                    <a:pt x="17" y="51"/>
                  </a:lnTo>
                  <a:lnTo>
                    <a:pt x="18" y="47"/>
                  </a:lnTo>
                  <a:lnTo>
                    <a:pt x="20" y="46"/>
                  </a:lnTo>
                  <a:lnTo>
                    <a:pt x="20" y="42"/>
                  </a:lnTo>
                  <a:lnTo>
                    <a:pt x="22" y="42"/>
                  </a:lnTo>
                  <a:lnTo>
                    <a:pt x="22" y="41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36" name="Freeform 172"/>
            <p:cNvSpPr>
              <a:spLocks/>
            </p:cNvSpPr>
            <p:nvPr/>
          </p:nvSpPr>
          <p:spPr bwMode="auto">
            <a:xfrm>
              <a:off x="2993" y="1379"/>
              <a:ext cx="508" cy="539"/>
            </a:xfrm>
            <a:custGeom>
              <a:avLst/>
              <a:gdLst>
                <a:gd name="T0" fmla="*/ 144 w 522"/>
                <a:gd name="T1" fmla="*/ 355 h 555"/>
                <a:gd name="T2" fmla="*/ 124 w 522"/>
                <a:gd name="T3" fmla="*/ 351 h 555"/>
                <a:gd name="T4" fmla="*/ 121 w 522"/>
                <a:gd name="T5" fmla="*/ 340 h 555"/>
                <a:gd name="T6" fmla="*/ 115 w 522"/>
                <a:gd name="T7" fmla="*/ 323 h 555"/>
                <a:gd name="T8" fmla="*/ 118 w 522"/>
                <a:gd name="T9" fmla="*/ 302 h 555"/>
                <a:gd name="T10" fmla="*/ 109 w 522"/>
                <a:gd name="T11" fmla="*/ 286 h 555"/>
                <a:gd name="T12" fmla="*/ 103 w 522"/>
                <a:gd name="T13" fmla="*/ 256 h 555"/>
                <a:gd name="T14" fmla="*/ 72 w 522"/>
                <a:gd name="T15" fmla="*/ 232 h 555"/>
                <a:gd name="T16" fmla="*/ 42 w 522"/>
                <a:gd name="T17" fmla="*/ 202 h 555"/>
                <a:gd name="T18" fmla="*/ 37 w 522"/>
                <a:gd name="T19" fmla="*/ 201 h 555"/>
                <a:gd name="T20" fmla="*/ 18 w 522"/>
                <a:gd name="T21" fmla="*/ 195 h 555"/>
                <a:gd name="T22" fmla="*/ 18 w 522"/>
                <a:gd name="T23" fmla="*/ 174 h 555"/>
                <a:gd name="T24" fmla="*/ 12 w 522"/>
                <a:gd name="T25" fmla="*/ 159 h 555"/>
                <a:gd name="T26" fmla="*/ 18 w 522"/>
                <a:gd name="T27" fmla="*/ 132 h 555"/>
                <a:gd name="T28" fmla="*/ 2 w 522"/>
                <a:gd name="T29" fmla="*/ 106 h 555"/>
                <a:gd name="T30" fmla="*/ 7 w 522"/>
                <a:gd name="T31" fmla="*/ 102 h 555"/>
                <a:gd name="T32" fmla="*/ 24 w 522"/>
                <a:gd name="T33" fmla="*/ 81 h 555"/>
                <a:gd name="T34" fmla="*/ 34 w 522"/>
                <a:gd name="T35" fmla="*/ 30 h 555"/>
                <a:gd name="T36" fmla="*/ 45 w 522"/>
                <a:gd name="T37" fmla="*/ 17 h 555"/>
                <a:gd name="T38" fmla="*/ 55 w 522"/>
                <a:gd name="T39" fmla="*/ 23 h 555"/>
                <a:gd name="T40" fmla="*/ 73 w 522"/>
                <a:gd name="T41" fmla="*/ 17 h 555"/>
                <a:gd name="T42" fmla="*/ 87 w 522"/>
                <a:gd name="T43" fmla="*/ 17 h 555"/>
                <a:gd name="T44" fmla="*/ 96 w 522"/>
                <a:gd name="T45" fmla="*/ 13 h 555"/>
                <a:gd name="T46" fmla="*/ 112 w 522"/>
                <a:gd name="T47" fmla="*/ 7 h 555"/>
                <a:gd name="T48" fmla="*/ 124 w 522"/>
                <a:gd name="T49" fmla="*/ 7 h 555"/>
                <a:gd name="T50" fmla="*/ 118 w 522"/>
                <a:gd name="T51" fmla="*/ 25 h 555"/>
                <a:gd name="T52" fmla="*/ 121 w 522"/>
                <a:gd name="T53" fmla="*/ 28 h 555"/>
                <a:gd name="T54" fmla="*/ 129 w 522"/>
                <a:gd name="T55" fmla="*/ 20 h 555"/>
                <a:gd name="T56" fmla="*/ 149 w 522"/>
                <a:gd name="T57" fmla="*/ 32 h 555"/>
                <a:gd name="T58" fmla="*/ 163 w 522"/>
                <a:gd name="T59" fmla="*/ 46 h 555"/>
                <a:gd name="T60" fmla="*/ 170 w 522"/>
                <a:gd name="T61" fmla="*/ 50 h 555"/>
                <a:gd name="T62" fmla="*/ 184 w 522"/>
                <a:gd name="T63" fmla="*/ 51 h 555"/>
                <a:gd name="T64" fmla="*/ 217 w 522"/>
                <a:gd name="T65" fmla="*/ 59 h 555"/>
                <a:gd name="T66" fmla="*/ 243 w 522"/>
                <a:gd name="T67" fmla="*/ 69 h 555"/>
                <a:gd name="T68" fmla="*/ 278 w 522"/>
                <a:gd name="T69" fmla="*/ 74 h 555"/>
                <a:gd name="T70" fmla="*/ 292 w 522"/>
                <a:gd name="T71" fmla="*/ 84 h 555"/>
                <a:gd name="T72" fmla="*/ 303 w 522"/>
                <a:gd name="T73" fmla="*/ 108 h 555"/>
                <a:gd name="T74" fmla="*/ 300 w 522"/>
                <a:gd name="T75" fmla="*/ 121 h 555"/>
                <a:gd name="T76" fmla="*/ 312 w 522"/>
                <a:gd name="T77" fmla="*/ 131 h 555"/>
                <a:gd name="T78" fmla="*/ 320 w 522"/>
                <a:gd name="T79" fmla="*/ 142 h 555"/>
                <a:gd name="T80" fmla="*/ 307 w 522"/>
                <a:gd name="T81" fmla="*/ 163 h 555"/>
                <a:gd name="T82" fmla="*/ 299 w 522"/>
                <a:gd name="T83" fmla="*/ 182 h 555"/>
                <a:gd name="T84" fmla="*/ 308 w 522"/>
                <a:gd name="T85" fmla="*/ 184 h 555"/>
                <a:gd name="T86" fmla="*/ 318 w 522"/>
                <a:gd name="T87" fmla="*/ 168 h 555"/>
                <a:gd name="T88" fmla="*/ 336 w 522"/>
                <a:gd name="T89" fmla="*/ 155 h 555"/>
                <a:gd name="T90" fmla="*/ 337 w 522"/>
                <a:gd name="T91" fmla="*/ 139 h 555"/>
                <a:gd name="T92" fmla="*/ 349 w 522"/>
                <a:gd name="T93" fmla="*/ 124 h 555"/>
                <a:gd name="T94" fmla="*/ 354 w 522"/>
                <a:gd name="T95" fmla="*/ 128 h 555"/>
                <a:gd name="T96" fmla="*/ 346 w 522"/>
                <a:gd name="T97" fmla="*/ 148 h 555"/>
                <a:gd name="T98" fmla="*/ 345 w 522"/>
                <a:gd name="T99" fmla="*/ 159 h 555"/>
                <a:gd name="T100" fmla="*/ 336 w 522"/>
                <a:gd name="T101" fmla="*/ 174 h 555"/>
                <a:gd name="T102" fmla="*/ 333 w 522"/>
                <a:gd name="T103" fmla="*/ 207 h 555"/>
                <a:gd name="T104" fmla="*/ 328 w 522"/>
                <a:gd name="T105" fmla="*/ 219 h 555"/>
                <a:gd name="T106" fmla="*/ 323 w 522"/>
                <a:gd name="T107" fmla="*/ 236 h 555"/>
                <a:gd name="T108" fmla="*/ 326 w 522"/>
                <a:gd name="T109" fmla="*/ 260 h 555"/>
                <a:gd name="T110" fmla="*/ 318 w 522"/>
                <a:gd name="T111" fmla="*/ 276 h 555"/>
                <a:gd name="T112" fmla="*/ 318 w 522"/>
                <a:gd name="T113" fmla="*/ 306 h 555"/>
                <a:gd name="T114" fmla="*/ 324 w 522"/>
                <a:gd name="T115" fmla="*/ 325 h 555"/>
                <a:gd name="T116" fmla="*/ 327 w 522"/>
                <a:gd name="T117" fmla="*/ 335 h 555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w 522"/>
                <a:gd name="T178" fmla="*/ 0 h 555"/>
                <a:gd name="T179" fmla="*/ 522 w 522"/>
                <a:gd name="T180" fmla="*/ 555 h 555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T177" t="T178" r="T179" b="T180"/>
              <a:pathLst>
                <a:path w="522" h="555">
                  <a:moveTo>
                    <a:pt x="220" y="555"/>
                  </a:moveTo>
                  <a:lnTo>
                    <a:pt x="219" y="550"/>
                  </a:lnTo>
                  <a:lnTo>
                    <a:pt x="217" y="545"/>
                  </a:lnTo>
                  <a:lnTo>
                    <a:pt x="215" y="541"/>
                  </a:lnTo>
                  <a:lnTo>
                    <a:pt x="212" y="538"/>
                  </a:lnTo>
                  <a:lnTo>
                    <a:pt x="210" y="536"/>
                  </a:lnTo>
                  <a:lnTo>
                    <a:pt x="207" y="536"/>
                  </a:lnTo>
                  <a:lnTo>
                    <a:pt x="205" y="535"/>
                  </a:lnTo>
                  <a:lnTo>
                    <a:pt x="181" y="528"/>
                  </a:lnTo>
                  <a:lnTo>
                    <a:pt x="181" y="526"/>
                  </a:lnTo>
                  <a:lnTo>
                    <a:pt x="181" y="525"/>
                  </a:lnTo>
                  <a:lnTo>
                    <a:pt x="181" y="521"/>
                  </a:lnTo>
                  <a:lnTo>
                    <a:pt x="181" y="519"/>
                  </a:lnTo>
                  <a:lnTo>
                    <a:pt x="180" y="514"/>
                  </a:lnTo>
                  <a:lnTo>
                    <a:pt x="176" y="511"/>
                  </a:lnTo>
                  <a:lnTo>
                    <a:pt x="175" y="506"/>
                  </a:lnTo>
                  <a:lnTo>
                    <a:pt x="171" y="503"/>
                  </a:lnTo>
                  <a:lnTo>
                    <a:pt x="170" y="499"/>
                  </a:lnTo>
                  <a:lnTo>
                    <a:pt x="168" y="494"/>
                  </a:lnTo>
                  <a:lnTo>
                    <a:pt x="168" y="491"/>
                  </a:lnTo>
                  <a:lnTo>
                    <a:pt x="166" y="486"/>
                  </a:lnTo>
                  <a:lnTo>
                    <a:pt x="168" y="482"/>
                  </a:lnTo>
                  <a:lnTo>
                    <a:pt x="170" y="477"/>
                  </a:lnTo>
                  <a:lnTo>
                    <a:pt x="173" y="469"/>
                  </a:lnTo>
                  <a:lnTo>
                    <a:pt x="175" y="464"/>
                  </a:lnTo>
                  <a:lnTo>
                    <a:pt x="175" y="459"/>
                  </a:lnTo>
                  <a:lnTo>
                    <a:pt x="173" y="455"/>
                  </a:lnTo>
                  <a:lnTo>
                    <a:pt x="171" y="453"/>
                  </a:lnTo>
                  <a:lnTo>
                    <a:pt x="170" y="453"/>
                  </a:lnTo>
                  <a:lnTo>
                    <a:pt x="170" y="452"/>
                  </a:lnTo>
                  <a:lnTo>
                    <a:pt x="168" y="452"/>
                  </a:lnTo>
                  <a:lnTo>
                    <a:pt x="159" y="431"/>
                  </a:lnTo>
                  <a:lnTo>
                    <a:pt x="159" y="430"/>
                  </a:lnTo>
                  <a:lnTo>
                    <a:pt x="161" y="428"/>
                  </a:lnTo>
                  <a:lnTo>
                    <a:pt x="161" y="421"/>
                  </a:lnTo>
                  <a:lnTo>
                    <a:pt x="158" y="413"/>
                  </a:lnTo>
                  <a:lnTo>
                    <a:pt x="156" y="403"/>
                  </a:lnTo>
                  <a:lnTo>
                    <a:pt x="153" y="394"/>
                  </a:lnTo>
                  <a:lnTo>
                    <a:pt x="151" y="386"/>
                  </a:lnTo>
                  <a:lnTo>
                    <a:pt x="148" y="379"/>
                  </a:lnTo>
                  <a:lnTo>
                    <a:pt x="146" y="377"/>
                  </a:lnTo>
                  <a:lnTo>
                    <a:pt x="132" y="372"/>
                  </a:lnTo>
                  <a:lnTo>
                    <a:pt x="120" y="365"/>
                  </a:lnTo>
                  <a:lnTo>
                    <a:pt x="112" y="357"/>
                  </a:lnTo>
                  <a:lnTo>
                    <a:pt x="104" y="349"/>
                  </a:lnTo>
                  <a:lnTo>
                    <a:pt x="98" y="340"/>
                  </a:lnTo>
                  <a:lnTo>
                    <a:pt x="93" y="332"/>
                  </a:lnTo>
                  <a:lnTo>
                    <a:pt x="90" y="328"/>
                  </a:lnTo>
                  <a:lnTo>
                    <a:pt x="90" y="325"/>
                  </a:lnTo>
                  <a:lnTo>
                    <a:pt x="60" y="313"/>
                  </a:lnTo>
                  <a:lnTo>
                    <a:pt x="58" y="305"/>
                  </a:lnTo>
                  <a:lnTo>
                    <a:pt x="56" y="305"/>
                  </a:lnTo>
                  <a:lnTo>
                    <a:pt x="56" y="303"/>
                  </a:lnTo>
                  <a:lnTo>
                    <a:pt x="54" y="303"/>
                  </a:lnTo>
                  <a:lnTo>
                    <a:pt x="51" y="303"/>
                  </a:lnTo>
                  <a:lnTo>
                    <a:pt x="49" y="303"/>
                  </a:lnTo>
                  <a:lnTo>
                    <a:pt x="46" y="305"/>
                  </a:lnTo>
                  <a:lnTo>
                    <a:pt x="43" y="303"/>
                  </a:lnTo>
                  <a:lnTo>
                    <a:pt x="38" y="301"/>
                  </a:lnTo>
                  <a:lnTo>
                    <a:pt x="31" y="299"/>
                  </a:lnTo>
                  <a:lnTo>
                    <a:pt x="26" y="294"/>
                  </a:lnTo>
                  <a:lnTo>
                    <a:pt x="21" y="289"/>
                  </a:lnTo>
                  <a:lnTo>
                    <a:pt x="17" y="286"/>
                  </a:lnTo>
                  <a:lnTo>
                    <a:pt x="16" y="281"/>
                  </a:lnTo>
                  <a:lnTo>
                    <a:pt x="16" y="276"/>
                  </a:lnTo>
                  <a:lnTo>
                    <a:pt x="19" y="267"/>
                  </a:lnTo>
                  <a:lnTo>
                    <a:pt x="21" y="262"/>
                  </a:lnTo>
                  <a:lnTo>
                    <a:pt x="21" y="257"/>
                  </a:lnTo>
                  <a:lnTo>
                    <a:pt x="21" y="254"/>
                  </a:lnTo>
                  <a:lnTo>
                    <a:pt x="19" y="250"/>
                  </a:lnTo>
                  <a:lnTo>
                    <a:pt x="17" y="247"/>
                  </a:lnTo>
                  <a:lnTo>
                    <a:pt x="16" y="244"/>
                  </a:lnTo>
                  <a:lnTo>
                    <a:pt x="12" y="240"/>
                  </a:lnTo>
                  <a:lnTo>
                    <a:pt x="12" y="235"/>
                  </a:lnTo>
                  <a:lnTo>
                    <a:pt x="12" y="227"/>
                  </a:lnTo>
                  <a:lnTo>
                    <a:pt x="12" y="220"/>
                  </a:lnTo>
                  <a:lnTo>
                    <a:pt x="16" y="211"/>
                  </a:lnTo>
                  <a:lnTo>
                    <a:pt x="17" y="205"/>
                  </a:lnTo>
                  <a:lnTo>
                    <a:pt x="21" y="198"/>
                  </a:lnTo>
                  <a:lnTo>
                    <a:pt x="21" y="193"/>
                  </a:lnTo>
                  <a:lnTo>
                    <a:pt x="22" y="193"/>
                  </a:lnTo>
                  <a:lnTo>
                    <a:pt x="14" y="179"/>
                  </a:lnTo>
                  <a:lnTo>
                    <a:pt x="0" y="179"/>
                  </a:lnTo>
                  <a:lnTo>
                    <a:pt x="0" y="159"/>
                  </a:lnTo>
                  <a:lnTo>
                    <a:pt x="2" y="159"/>
                  </a:lnTo>
                  <a:lnTo>
                    <a:pt x="4" y="157"/>
                  </a:lnTo>
                  <a:lnTo>
                    <a:pt x="5" y="157"/>
                  </a:lnTo>
                  <a:lnTo>
                    <a:pt x="7" y="154"/>
                  </a:lnTo>
                  <a:lnTo>
                    <a:pt x="7" y="152"/>
                  </a:lnTo>
                  <a:lnTo>
                    <a:pt x="9" y="149"/>
                  </a:lnTo>
                  <a:lnTo>
                    <a:pt x="10" y="144"/>
                  </a:lnTo>
                  <a:lnTo>
                    <a:pt x="17" y="139"/>
                  </a:lnTo>
                  <a:lnTo>
                    <a:pt x="22" y="134"/>
                  </a:lnTo>
                  <a:lnTo>
                    <a:pt x="31" y="127"/>
                  </a:lnTo>
                  <a:lnTo>
                    <a:pt x="38" y="122"/>
                  </a:lnTo>
                  <a:lnTo>
                    <a:pt x="44" y="118"/>
                  </a:lnTo>
                  <a:lnTo>
                    <a:pt x="48" y="115"/>
                  </a:lnTo>
                  <a:lnTo>
                    <a:pt x="51" y="115"/>
                  </a:lnTo>
                  <a:lnTo>
                    <a:pt x="49" y="44"/>
                  </a:lnTo>
                  <a:lnTo>
                    <a:pt x="48" y="44"/>
                  </a:lnTo>
                  <a:lnTo>
                    <a:pt x="48" y="42"/>
                  </a:lnTo>
                  <a:lnTo>
                    <a:pt x="49" y="41"/>
                  </a:lnTo>
                  <a:lnTo>
                    <a:pt x="51" y="37"/>
                  </a:lnTo>
                  <a:lnTo>
                    <a:pt x="56" y="34"/>
                  </a:lnTo>
                  <a:lnTo>
                    <a:pt x="63" y="29"/>
                  </a:lnTo>
                  <a:lnTo>
                    <a:pt x="65" y="27"/>
                  </a:lnTo>
                  <a:lnTo>
                    <a:pt x="68" y="30"/>
                  </a:lnTo>
                  <a:lnTo>
                    <a:pt x="73" y="32"/>
                  </a:lnTo>
                  <a:lnTo>
                    <a:pt x="78" y="35"/>
                  </a:lnTo>
                  <a:lnTo>
                    <a:pt x="83" y="37"/>
                  </a:lnTo>
                  <a:lnTo>
                    <a:pt x="90" y="39"/>
                  </a:lnTo>
                  <a:lnTo>
                    <a:pt x="97" y="37"/>
                  </a:lnTo>
                  <a:lnTo>
                    <a:pt x="102" y="34"/>
                  </a:lnTo>
                  <a:lnTo>
                    <a:pt x="102" y="32"/>
                  </a:lnTo>
                  <a:lnTo>
                    <a:pt x="104" y="30"/>
                  </a:lnTo>
                  <a:lnTo>
                    <a:pt x="105" y="30"/>
                  </a:lnTo>
                  <a:lnTo>
                    <a:pt x="109" y="27"/>
                  </a:lnTo>
                  <a:lnTo>
                    <a:pt x="112" y="27"/>
                  </a:lnTo>
                  <a:lnTo>
                    <a:pt x="115" y="25"/>
                  </a:lnTo>
                  <a:lnTo>
                    <a:pt x="119" y="25"/>
                  </a:lnTo>
                  <a:lnTo>
                    <a:pt x="124" y="25"/>
                  </a:lnTo>
                  <a:lnTo>
                    <a:pt x="126" y="25"/>
                  </a:lnTo>
                  <a:lnTo>
                    <a:pt x="127" y="24"/>
                  </a:lnTo>
                  <a:lnTo>
                    <a:pt x="129" y="22"/>
                  </a:lnTo>
                  <a:lnTo>
                    <a:pt x="131" y="20"/>
                  </a:lnTo>
                  <a:lnTo>
                    <a:pt x="132" y="19"/>
                  </a:lnTo>
                  <a:lnTo>
                    <a:pt x="136" y="17"/>
                  </a:lnTo>
                  <a:lnTo>
                    <a:pt x="141" y="13"/>
                  </a:lnTo>
                  <a:lnTo>
                    <a:pt x="148" y="12"/>
                  </a:lnTo>
                  <a:lnTo>
                    <a:pt x="154" y="10"/>
                  </a:lnTo>
                  <a:lnTo>
                    <a:pt x="158" y="8"/>
                  </a:lnTo>
                  <a:lnTo>
                    <a:pt x="161" y="8"/>
                  </a:lnTo>
                  <a:lnTo>
                    <a:pt x="163" y="7"/>
                  </a:lnTo>
                  <a:lnTo>
                    <a:pt x="164" y="5"/>
                  </a:lnTo>
                  <a:lnTo>
                    <a:pt x="168" y="3"/>
                  </a:lnTo>
                  <a:lnTo>
                    <a:pt x="173" y="0"/>
                  </a:lnTo>
                  <a:lnTo>
                    <a:pt x="176" y="0"/>
                  </a:lnTo>
                  <a:lnTo>
                    <a:pt x="180" y="3"/>
                  </a:lnTo>
                  <a:lnTo>
                    <a:pt x="181" y="7"/>
                  </a:lnTo>
                  <a:lnTo>
                    <a:pt x="183" y="8"/>
                  </a:lnTo>
                  <a:lnTo>
                    <a:pt x="176" y="20"/>
                  </a:lnTo>
                  <a:lnTo>
                    <a:pt x="175" y="29"/>
                  </a:lnTo>
                  <a:lnTo>
                    <a:pt x="173" y="37"/>
                  </a:lnTo>
                  <a:lnTo>
                    <a:pt x="173" y="39"/>
                  </a:lnTo>
                  <a:lnTo>
                    <a:pt x="171" y="41"/>
                  </a:lnTo>
                  <a:lnTo>
                    <a:pt x="171" y="44"/>
                  </a:lnTo>
                  <a:lnTo>
                    <a:pt x="171" y="46"/>
                  </a:lnTo>
                  <a:lnTo>
                    <a:pt x="175" y="44"/>
                  </a:lnTo>
                  <a:lnTo>
                    <a:pt x="178" y="42"/>
                  </a:lnTo>
                  <a:lnTo>
                    <a:pt x="180" y="41"/>
                  </a:lnTo>
                  <a:lnTo>
                    <a:pt x="181" y="39"/>
                  </a:lnTo>
                  <a:lnTo>
                    <a:pt x="185" y="39"/>
                  </a:lnTo>
                  <a:lnTo>
                    <a:pt x="186" y="37"/>
                  </a:lnTo>
                  <a:lnTo>
                    <a:pt x="188" y="35"/>
                  </a:lnTo>
                  <a:lnTo>
                    <a:pt x="190" y="34"/>
                  </a:lnTo>
                  <a:lnTo>
                    <a:pt x="192" y="34"/>
                  </a:lnTo>
                  <a:lnTo>
                    <a:pt x="210" y="46"/>
                  </a:lnTo>
                  <a:lnTo>
                    <a:pt x="212" y="46"/>
                  </a:lnTo>
                  <a:lnTo>
                    <a:pt x="214" y="46"/>
                  </a:lnTo>
                  <a:lnTo>
                    <a:pt x="217" y="46"/>
                  </a:lnTo>
                  <a:lnTo>
                    <a:pt x="220" y="46"/>
                  </a:lnTo>
                  <a:lnTo>
                    <a:pt x="225" y="47"/>
                  </a:lnTo>
                  <a:lnTo>
                    <a:pt x="229" y="52"/>
                  </a:lnTo>
                  <a:lnTo>
                    <a:pt x="234" y="57"/>
                  </a:lnTo>
                  <a:lnTo>
                    <a:pt x="237" y="66"/>
                  </a:lnTo>
                  <a:lnTo>
                    <a:pt x="239" y="68"/>
                  </a:lnTo>
                  <a:lnTo>
                    <a:pt x="239" y="69"/>
                  </a:lnTo>
                  <a:lnTo>
                    <a:pt x="242" y="71"/>
                  </a:lnTo>
                  <a:lnTo>
                    <a:pt x="244" y="73"/>
                  </a:lnTo>
                  <a:lnTo>
                    <a:pt x="246" y="74"/>
                  </a:lnTo>
                  <a:lnTo>
                    <a:pt x="247" y="76"/>
                  </a:lnTo>
                  <a:lnTo>
                    <a:pt x="249" y="76"/>
                  </a:lnTo>
                  <a:lnTo>
                    <a:pt x="249" y="78"/>
                  </a:lnTo>
                  <a:lnTo>
                    <a:pt x="252" y="78"/>
                  </a:lnTo>
                  <a:lnTo>
                    <a:pt x="256" y="78"/>
                  </a:lnTo>
                  <a:lnTo>
                    <a:pt x="261" y="78"/>
                  </a:lnTo>
                  <a:lnTo>
                    <a:pt x="268" y="79"/>
                  </a:lnTo>
                  <a:lnTo>
                    <a:pt x="274" y="79"/>
                  </a:lnTo>
                  <a:lnTo>
                    <a:pt x="283" y="81"/>
                  </a:lnTo>
                  <a:lnTo>
                    <a:pt x="291" y="83"/>
                  </a:lnTo>
                  <a:lnTo>
                    <a:pt x="300" y="85"/>
                  </a:lnTo>
                  <a:lnTo>
                    <a:pt x="308" y="86"/>
                  </a:lnTo>
                  <a:lnTo>
                    <a:pt x="317" y="88"/>
                  </a:lnTo>
                  <a:lnTo>
                    <a:pt x="325" y="91"/>
                  </a:lnTo>
                  <a:lnTo>
                    <a:pt x="334" y="93"/>
                  </a:lnTo>
                  <a:lnTo>
                    <a:pt x="340" y="96"/>
                  </a:lnTo>
                  <a:lnTo>
                    <a:pt x="347" y="100"/>
                  </a:lnTo>
                  <a:lnTo>
                    <a:pt x="354" y="103"/>
                  </a:lnTo>
                  <a:lnTo>
                    <a:pt x="356" y="103"/>
                  </a:lnTo>
                  <a:lnTo>
                    <a:pt x="362" y="105"/>
                  </a:lnTo>
                  <a:lnTo>
                    <a:pt x="373" y="107"/>
                  </a:lnTo>
                  <a:lnTo>
                    <a:pt x="383" y="107"/>
                  </a:lnTo>
                  <a:lnTo>
                    <a:pt x="393" y="108"/>
                  </a:lnTo>
                  <a:lnTo>
                    <a:pt x="401" y="110"/>
                  </a:lnTo>
                  <a:lnTo>
                    <a:pt x="408" y="110"/>
                  </a:lnTo>
                  <a:lnTo>
                    <a:pt x="412" y="110"/>
                  </a:lnTo>
                  <a:lnTo>
                    <a:pt x="415" y="115"/>
                  </a:lnTo>
                  <a:lnTo>
                    <a:pt x="418" y="127"/>
                  </a:lnTo>
                  <a:lnTo>
                    <a:pt x="420" y="127"/>
                  </a:lnTo>
                  <a:lnTo>
                    <a:pt x="422" y="127"/>
                  </a:lnTo>
                  <a:lnTo>
                    <a:pt x="427" y="127"/>
                  </a:lnTo>
                  <a:lnTo>
                    <a:pt x="430" y="129"/>
                  </a:lnTo>
                  <a:lnTo>
                    <a:pt x="435" y="132"/>
                  </a:lnTo>
                  <a:lnTo>
                    <a:pt x="439" y="139"/>
                  </a:lnTo>
                  <a:lnTo>
                    <a:pt x="442" y="147"/>
                  </a:lnTo>
                  <a:lnTo>
                    <a:pt x="444" y="159"/>
                  </a:lnTo>
                  <a:lnTo>
                    <a:pt x="444" y="161"/>
                  </a:lnTo>
                  <a:lnTo>
                    <a:pt x="442" y="164"/>
                  </a:lnTo>
                  <a:lnTo>
                    <a:pt x="442" y="167"/>
                  </a:lnTo>
                  <a:lnTo>
                    <a:pt x="442" y="173"/>
                  </a:lnTo>
                  <a:lnTo>
                    <a:pt x="440" y="176"/>
                  </a:lnTo>
                  <a:lnTo>
                    <a:pt x="440" y="179"/>
                  </a:lnTo>
                  <a:lnTo>
                    <a:pt x="439" y="183"/>
                  </a:lnTo>
                  <a:lnTo>
                    <a:pt x="461" y="183"/>
                  </a:lnTo>
                  <a:lnTo>
                    <a:pt x="461" y="184"/>
                  </a:lnTo>
                  <a:lnTo>
                    <a:pt x="459" y="188"/>
                  </a:lnTo>
                  <a:lnTo>
                    <a:pt x="459" y="191"/>
                  </a:lnTo>
                  <a:lnTo>
                    <a:pt x="457" y="196"/>
                  </a:lnTo>
                  <a:lnTo>
                    <a:pt x="459" y="201"/>
                  </a:lnTo>
                  <a:lnTo>
                    <a:pt x="461" y="205"/>
                  </a:lnTo>
                  <a:lnTo>
                    <a:pt x="464" y="208"/>
                  </a:lnTo>
                  <a:lnTo>
                    <a:pt x="469" y="210"/>
                  </a:lnTo>
                  <a:lnTo>
                    <a:pt x="469" y="211"/>
                  </a:lnTo>
                  <a:lnTo>
                    <a:pt x="469" y="213"/>
                  </a:lnTo>
                  <a:lnTo>
                    <a:pt x="471" y="217"/>
                  </a:lnTo>
                  <a:lnTo>
                    <a:pt x="471" y="218"/>
                  </a:lnTo>
                  <a:lnTo>
                    <a:pt x="457" y="228"/>
                  </a:lnTo>
                  <a:lnTo>
                    <a:pt x="450" y="239"/>
                  </a:lnTo>
                  <a:lnTo>
                    <a:pt x="449" y="244"/>
                  </a:lnTo>
                  <a:lnTo>
                    <a:pt x="449" y="245"/>
                  </a:lnTo>
                  <a:lnTo>
                    <a:pt x="447" y="247"/>
                  </a:lnTo>
                  <a:lnTo>
                    <a:pt x="444" y="250"/>
                  </a:lnTo>
                  <a:lnTo>
                    <a:pt x="442" y="255"/>
                  </a:lnTo>
                  <a:lnTo>
                    <a:pt x="439" y="261"/>
                  </a:lnTo>
                  <a:lnTo>
                    <a:pt x="437" y="267"/>
                  </a:lnTo>
                  <a:lnTo>
                    <a:pt x="437" y="274"/>
                  </a:lnTo>
                  <a:lnTo>
                    <a:pt x="439" y="283"/>
                  </a:lnTo>
                  <a:lnTo>
                    <a:pt x="440" y="284"/>
                  </a:lnTo>
                  <a:lnTo>
                    <a:pt x="442" y="284"/>
                  </a:lnTo>
                  <a:lnTo>
                    <a:pt x="444" y="283"/>
                  </a:lnTo>
                  <a:lnTo>
                    <a:pt x="447" y="279"/>
                  </a:lnTo>
                  <a:lnTo>
                    <a:pt x="450" y="276"/>
                  </a:lnTo>
                  <a:lnTo>
                    <a:pt x="454" y="271"/>
                  </a:lnTo>
                  <a:lnTo>
                    <a:pt x="459" y="266"/>
                  </a:lnTo>
                  <a:lnTo>
                    <a:pt x="462" y="261"/>
                  </a:lnTo>
                  <a:lnTo>
                    <a:pt x="464" y="259"/>
                  </a:lnTo>
                  <a:lnTo>
                    <a:pt x="464" y="255"/>
                  </a:lnTo>
                  <a:lnTo>
                    <a:pt x="464" y="252"/>
                  </a:lnTo>
                  <a:lnTo>
                    <a:pt x="466" y="247"/>
                  </a:lnTo>
                  <a:lnTo>
                    <a:pt x="469" y="244"/>
                  </a:lnTo>
                  <a:lnTo>
                    <a:pt x="474" y="240"/>
                  </a:lnTo>
                  <a:lnTo>
                    <a:pt x="481" y="237"/>
                  </a:lnTo>
                  <a:lnTo>
                    <a:pt x="491" y="235"/>
                  </a:lnTo>
                  <a:lnTo>
                    <a:pt x="491" y="232"/>
                  </a:lnTo>
                  <a:lnTo>
                    <a:pt x="491" y="228"/>
                  </a:lnTo>
                  <a:lnTo>
                    <a:pt x="491" y="223"/>
                  </a:lnTo>
                  <a:lnTo>
                    <a:pt x="491" y="217"/>
                  </a:lnTo>
                  <a:lnTo>
                    <a:pt x="494" y="208"/>
                  </a:lnTo>
                  <a:lnTo>
                    <a:pt x="500" y="198"/>
                  </a:lnTo>
                  <a:lnTo>
                    <a:pt x="501" y="198"/>
                  </a:lnTo>
                  <a:lnTo>
                    <a:pt x="503" y="196"/>
                  </a:lnTo>
                  <a:lnTo>
                    <a:pt x="506" y="193"/>
                  </a:lnTo>
                  <a:lnTo>
                    <a:pt x="508" y="189"/>
                  </a:lnTo>
                  <a:lnTo>
                    <a:pt x="511" y="186"/>
                  </a:lnTo>
                  <a:lnTo>
                    <a:pt x="513" y="183"/>
                  </a:lnTo>
                  <a:lnTo>
                    <a:pt x="515" y="181"/>
                  </a:lnTo>
                  <a:lnTo>
                    <a:pt x="516" y="181"/>
                  </a:lnTo>
                  <a:lnTo>
                    <a:pt x="522" y="181"/>
                  </a:lnTo>
                  <a:lnTo>
                    <a:pt x="522" y="191"/>
                  </a:lnTo>
                  <a:lnTo>
                    <a:pt x="518" y="193"/>
                  </a:lnTo>
                  <a:lnTo>
                    <a:pt x="518" y="206"/>
                  </a:lnTo>
                  <a:lnTo>
                    <a:pt x="516" y="206"/>
                  </a:lnTo>
                  <a:lnTo>
                    <a:pt x="515" y="210"/>
                  </a:lnTo>
                  <a:lnTo>
                    <a:pt x="513" y="213"/>
                  </a:lnTo>
                  <a:lnTo>
                    <a:pt x="510" y="217"/>
                  </a:lnTo>
                  <a:lnTo>
                    <a:pt x="508" y="222"/>
                  </a:lnTo>
                  <a:lnTo>
                    <a:pt x="506" y="227"/>
                  </a:lnTo>
                  <a:lnTo>
                    <a:pt x="506" y="232"/>
                  </a:lnTo>
                  <a:lnTo>
                    <a:pt x="508" y="235"/>
                  </a:lnTo>
                  <a:lnTo>
                    <a:pt x="506" y="235"/>
                  </a:lnTo>
                  <a:lnTo>
                    <a:pt x="506" y="237"/>
                  </a:lnTo>
                  <a:lnTo>
                    <a:pt x="505" y="239"/>
                  </a:lnTo>
                  <a:lnTo>
                    <a:pt x="503" y="240"/>
                  </a:lnTo>
                  <a:lnTo>
                    <a:pt x="501" y="244"/>
                  </a:lnTo>
                  <a:lnTo>
                    <a:pt x="500" y="247"/>
                  </a:lnTo>
                  <a:lnTo>
                    <a:pt x="498" y="252"/>
                  </a:lnTo>
                  <a:lnTo>
                    <a:pt x="494" y="257"/>
                  </a:lnTo>
                  <a:lnTo>
                    <a:pt x="493" y="262"/>
                  </a:lnTo>
                  <a:lnTo>
                    <a:pt x="491" y="269"/>
                  </a:lnTo>
                  <a:lnTo>
                    <a:pt x="489" y="276"/>
                  </a:lnTo>
                  <a:lnTo>
                    <a:pt x="488" y="284"/>
                  </a:lnTo>
                  <a:lnTo>
                    <a:pt x="486" y="293"/>
                  </a:lnTo>
                  <a:lnTo>
                    <a:pt x="486" y="303"/>
                  </a:lnTo>
                  <a:lnTo>
                    <a:pt x="486" y="311"/>
                  </a:lnTo>
                  <a:lnTo>
                    <a:pt x="486" y="323"/>
                  </a:lnTo>
                  <a:lnTo>
                    <a:pt x="486" y="325"/>
                  </a:lnTo>
                  <a:lnTo>
                    <a:pt x="484" y="325"/>
                  </a:lnTo>
                  <a:lnTo>
                    <a:pt x="483" y="328"/>
                  </a:lnTo>
                  <a:lnTo>
                    <a:pt x="481" y="330"/>
                  </a:lnTo>
                  <a:lnTo>
                    <a:pt x="479" y="333"/>
                  </a:lnTo>
                  <a:lnTo>
                    <a:pt x="478" y="337"/>
                  </a:lnTo>
                  <a:lnTo>
                    <a:pt x="476" y="340"/>
                  </a:lnTo>
                  <a:lnTo>
                    <a:pt x="474" y="345"/>
                  </a:lnTo>
                  <a:lnTo>
                    <a:pt x="472" y="349"/>
                  </a:lnTo>
                  <a:lnTo>
                    <a:pt x="472" y="355"/>
                  </a:lnTo>
                  <a:lnTo>
                    <a:pt x="471" y="360"/>
                  </a:lnTo>
                  <a:lnTo>
                    <a:pt x="471" y="367"/>
                  </a:lnTo>
                  <a:lnTo>
                    <a:pt x="472" y="374"/>
                  </a:lnTo>
                  <a:lnTo>
                    <a:pt x="474" y="381"/>
                  </a:lnTo>
                  <a:lnTo>
                    <a:pt x="476" y="389"/>
                  </a:lnTo>
                  <a:lnTo>
                    <a:pt x="476" y="391"/>
                  </a:lnTo>
                  <a:lnTo>
                    <a:pt x="474" y="393"/>
                  </a:lnTo>
                  <a:lnTo>
                    <a:pt x="474" y="396"/>
                  </a:lnTo>
                  <a:lnTo>
                    <a:pt x="472" y="399"/>
                  </a:lnTo>
                  <a:lnTo>
                    <a:pt x="471" y="404"/>
                  </a:lnTo>
                  <a:lnTo>
                    <a:pt x="469" y="409"/>
                  </a:lnTo>
                  <a:lnTo>
                    <a:pt x="467" y="415"/>
                  </a:lnTo>
                  <a:lnTo>
                    <a:pt x="466" y="421"/>
                  </a:lnTo>
                  <a:lnTo>
                    <a:pt x="464" y="428"/>
                  </a:lnTo>
                  <a:lnTo>
                    <a:pt x="464" y="437"/>
                  </a:lnTo>
                  <a:lnTo>
                    <a:pt x="462" y="443"/>
                  </a:lnTo>
                  <a:lnTo>
                    <a:pt x="462" y="452"/>
                  </a:lnTo>
                  <a:lnTo>
                    <a:pt x="464" y="460"/>
                  </a:lnTo>
                  <a:lnTo>
                    <a:pt x="466" y="469"/>
                  </a:lnTo>
                  <a:lnTo>
                    <a:pt x="467" y="477"/>
                  </a:lnTo>
                  <a:lnTo>
                    <a:pt x="471" y="484"/>
                  </a:lnTo>
                  <a:lnTo>
                    <a:pt x="472" y="486"/>
                  </a:lnTo>
                  <a:lnTo>
                    <a:pt x="472" y="487"/>
                  </a:lnTo>
                  <a:lnTo>
                    <a:pt x="474" y="491"/>
                  </a:lnTo>
                  <a:lnTo>
                    <a:pt x="476" y="492"/>
                  </a:lnTo>
                  <a:lnTo>
                    <a:pt x="478" y="496"/>
                  </a:lnTo>
                  <a:lnTo>
                    <a:pt x="478" y="497"/>
                  </a:lnTo>
                  <a:lnTo>
                    <a:pt x="479" y="499"/>
                  </a:lnTo>
                  <a:lnTo>
                    <a:pt x="479" y="506"/>
                  </a:lnTo>
                  <a:lnTo>
                    <a:pt x="478" y="525"/>
                  </a:lnTo>
                  <a:lnTo>
                    <a:pt x="479" y="536"/>
                  </a:lnTo>
                  <a:lnTo>
                    <a:pt x="220" y="555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237" name="Group 173"/>
            <p:cNvGrpSpPr>
              <a:grpSpLocks/>
            </p:cNvGrpSpPr>
            <p:nvPr/>
          </p:nvGrpSpPr>
          <p:grpSpPr bwMode="auto">
            <a:xfrm>
              <a:off x="4170" y="1392"/>
              <a:ext cx="723" cy="540"/>
              <a:chOff x="4407" y="988"/>
              <a:chExt cx="743" cy="556"/>
            </a:xfrm>
          </p:grpSpPr>
          <p:sp>
            <p:nvSpPr>
              <p:cNvPr id="253" name="Freeform 174"/>
              <p:cNvSpPr>
                <a:spLocks/>
              </p:cNvSpPr>
              <p:nvPr/>
            </p:nvSpPr>
            <p:spPr bwMode="auto">
              <a:xfrm>
                <a:off x="4972" y="1435"/>
                <a:ext cx="178" cy="109"/>
              </a:xfrm>
              <a:custGeom>
                <a:avLst/>
                <a:gdLst>
                  <a:gd name="T0" fmla="*/ 2 w 178"/>
                  <a:gd name="T1" fmla="*/ 109 h 109"/>
                  <a:gd name="T2" fmla="*/ 0 w 178"/>
                  <a:gd name="T3" fmla="*/ 107 h 109"/>
                  <a:gd name="T4" fmla="*/ 0 w 178"/>
                  <a:gd name="T5" fmla="*/ 102 h 109"/>
                  <a:gd name="T6" fmla="*/ 0 w 178"/>
                  <a:gd name="T7" fmla="*/ 95 h 109"/>
                  <a:gd name="T8" fmla="*/ 4 w 178"/>
                  <a:gd name="T9" fmla="*/ 88 h 109"/>
                  <a:gd name="T10" fmla="*/ 9 w 178"/>
                  <a:gd name="T11" fmla="*/ 81 h 109"/>
                  <a:gd name="T12" fmla="*/ 12 w 178"/>
                  <a:gd name="T13" fmla="*/ 80 h 109"/>
                  <a:gd name="T14" fmla="*/ 21 w 178"/>
                  <a:gd name="T15" fmla="*/ 73 h 109"/>
                  <a:gd name="T16" fmla="*/ 24 w 178"/>
                  <a:gd name="T17" fmla="*/ 65 h 109"/>
                  <a:gd name="T18" fmla="*/ 26 w 178"/>
                  <a:gd name="T19" fmla="*/ 61 h 109"/>
                  <a:gd name="T20" fmla="*/ 28 w 178"/>
                  <a:gd name="T21" fmla="*/ 59 h 109"/>
                  <a:gd name="T22" fmla="*/ 38 w 178"/>
                  <a:gd name="T23" fmla="*/ 56 h 109"/>
                  <a:gd name="T24" fmla="*/ 41 w 178"/>
                  <a:gd name="T25" fmla="*/ 53 h 109"/>
                  <a:gd name="T26" fmla="*/ 63 w 178"/>
                  <a:gd name="T27" fmla="*/ 53 h 109"/>
                  <a:gd name="T28" fmla="*/ 65 w 178"/>
                  <a:gd name="T29" fmla="*/ 49 h 109"/>
                  <a:gd name="T30" fmla="*/ 68 w 178"/>
                  <a:gd name="T31" fmla="*/ 43 h 109"/>
                  <a:gd name="T32" fmla="*/ 77 w 178"/>
                  <a:gd name="T33" fmla="*/ 39 h 109"/>
                  <a:gd name="T34" fmla="*/ 83 w 178"/>
                  <a:gd name="T35" fmla="*/ 37 h 109"/>
                  <a:gd name="T36" fmla="*/ 105 w 178"/>
                  <a:gd name="T37" fmla="*/ 31 h 109"/>
                  <a:gd name="T38" fmla="*/ 116 w 178"/>
                  <a:gd name="T39" fmla="*/ 24 h 109"/>
                  <a:gd name="T40" fmla="*/ 132 w 178"/>
                  <a:gd name="T41" fmla="*/ 4 h 109"/>
                  <a:gd name="T42" fmla="*/ 138 w 178"/>
                  <a:gd name="T43" fmla="*/ 2 h 109"/>
                  <a:gd name="T44" fmla="*/ 131 w 178"/>
                  <a:gd name="T45" fmla="*/ 14 h 109"/>
                  <a:gd name="T46" fmla="*/ 127 w 178"/>
                  <a:gd name="T47" fmla="*/ 19 h 109"/>
                  <a:gd name="T48" fmla="*/ 122 w 178"/>
                  <a:gd name="T49" fmla="*/ 26 h 109"/>
                  <a:gd name="T50" fmla="*/ 116 w 178"/>
                  <a:gd name="T51" fmla="*/ 34 h 109"/>
                  <a:gd name="T52" fmla="*/ 116 w 178"/>
                  <a:gd name="T53" fmla="*/ 37 h 109"/>
                  <a:gd name="T54" fmla="*/ 122 w 178"/>
                  <a:gd name="T55" fmla="*/ 36 h 109"/>
                  <a:gd name="T56" fmla="*/ 122 w 178"/>
                  <a:gd name="T57" fmla="*/ 39 h 109"/>
                  <a:gd name="T58" fmla="*/ 122 w 178"/>
                  <a:gd name="T59" fmla="*/ 43 h 109"/>
                  <a:gd name="T60" fmla="*/ 122 w 178"/>
                  <a:gd name="T61" fmla="*/ 48 h 109"/>
                  <a:gd name="T62" fmla="*/ 129 w 178"/>
                  <a:gd name="T63" fmla="*/ 43 h 109"/>
                  <a:gd name="T64" fmla="*/ 129 w 178"/>
                  <a:gd name="T65" fmla="*/ 34 h 109"/>
                  <a:gd name="T66" fmla="*/ 136 w 178"/>
                  <a:gd name="T67" fmla="*/ 22 h 109"/>
                  <a:gd name="T68" fmla="*/ 148 w 178"/>
                  <a:gd name="T69" fmla="*/ 14 h 109"/>
                  <a:gd name="T70" fmla="*/ 160 w 178"/>
                  <a:gd name="T71" fmla="*/ 14 h 109"/>
                  <a:gd name="T72" fmla="*/ 165 w 178"/>
                  <a:gd name="T73" fmla="*/ 9 h 109"/>
                  <a:gd name="T74" fmla="*/ 175 w 178"/>
                  <a:gd name="T75" fmla="*/ 0 h 109"/>
                  <a:gd name="T76" fmla="*/ 178 w 178"/>
                  <a:gd name="T77" fmla="*/ 4 h 109"/>
                  <a:gd name="T78" fmla="*/ 175 w 178"/>
                  <a:gd name="T79" fmla="*/ 9 h 109"/>
                  <a:gd name="T80" fmla="*/ 160 w 178"/>
                  <a:gd name="T81" fmla="*/ 22 h 109"/>
                  <a:gd name="T82" fmla="*/ 143 w 178"/>
                  <a:gd name="T83" fmla="*/ 36 h 109"/>
                  <a:gd name="T84" fmla="*/ 127 w 178"/>
                  <a:gd name="T85" fmla="*/ 48 h 109"/>
                  <a:gd name="T86" fmla="*/ 116 w 178"/>
                  <a:gd name="T87" fmla="*/ 58 h 109"/>
                  <a:gd name="T88" fmla="*/ 109 w 178"/>
                  <a:gd name="T89" fmla="*/ 63 h 109"/>
                  <a:gd name="T90" fmla="*/ 88 w 178"/>
                  <a:gd name="T91" fmla="*/ 76 h 109"/>
                  <a:gd name="T92" fmla="*/ 85 w 178"/>
                  <a:gd name="T93" fmla="*/ 76 h 109"/>
                  <a:gd name="T94" fmla="*/ 90 w 178"/>
                  <a:gd name="T95" fmla="*/ 70 h 109"/>
                  <a:gd name="T96" fmla="*/ 97 w 178"/>
                  <a:gd name="T97" fmla="*/ 58 h 109"/>
                  <a:gd name="T98" fmla="*/ 80 w 178"/>
                  <a:gd name="T99" fmla="*/ 68 h 109"/>
                  <a:gd name="T100" fmla="*/ 61 w 178"/>
                  <a:gd name="T101" fmla="*/ 76 h 109"/>
                  <a:gd name="T102" fmla="*/ 55 w 178"/>
                  <a:gd name="T103" fmla="*/ 81 h 109"/>
                  <a:gd name="T104" fmla="*/ 44 w 178"/>
                  <a:gd name="T105" fmla="*/ 90 h 109"/>
                  <a:gd name="T106" fmla="*/ 29 w 178"/>
                  <a:gd name="T107" fmla="*/ 100 h 109"/>
                  <a:gd name="T108" fmla="*/ 14 w 178"/>
                  <a:gd name="T109" fmla="*/ 109 h 109"/>
                  <a:gd name="T110" fmla="*/ 14 w 178"/>
                  <a:gd name="T111" fmla="*/ 105 h 109"/>
                  <a:gd name="T112" fmla="*/ 17 w 178"/>
                  <a:gd name="T113" fmla="*/ 102 h 109"/>
                  <a:gd name="T114" fmla="*/ 19 w 178"/>
                  <a:gd name="T115" fmla="*/ 95 h 109"/>
                  <a:gd name="T116" fmla="*/ 7 w 178"/>
                  <a:gd name="T117" fmla="*/ 105 h 109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178"/>
                  <a:gd name="T178" fmla="*/ 0 h 109"/>
                  <a:gd name="T179" fmla="*/ 178 w 178"/>
                  <a:gd name="T180" fmla="*/ 109 h 109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178" h="109">
                    <a:moveTo>
                      <a:pt x="7" y="105"/>
                    </a:moveTo>
                    <a:lnTo>
                      <a:pt x="4" y="107"/>
                    </a:lnTo>
                    <a:lnTo>
                      <a:pt x="2" y="109"/>
                    </a:lnTo>
                    <a:lnTo>
                      <a:pt x="0" y="107"/>
                    </a:lnTo>
                    <a:lnTo>
                      <a:pt x="0" y="105"/>
                    </a:lnTo>
                    <a:lnTo>
                      <a:pt x="0" y="103"/>
                    </a:lnTo>
                    <a:lnTo>
                      <a:pt x="0" y="102"/>
                    </a:lnTo>
                    <a:lnTo>
                      <a:pt x="0" y="98"/>
                    </a:lnTo>
                    <a:lnTo>
                      <a:pt x="0" y="97"/>
                    </a:lnTo>
                    <a:lnTo>
                      <a:pt x="0" y="95"/>
                    </a:lnTo>
                    <a:lnTo>
                      <a:pt x="2" y="92"/>
                    </a:lnTo>
                    <a:lnTo>
                      <a:pt x="4" y="88"/>
                    </a:lnTo>
                    <a:lnTo>
                      <a:pt x="6" y="85"/>
                    </a:lnTo>
                    <a:lnTo>
                      <a:pt x="7" y="83"/>
                    </a:lnTo>
                    <a:lnTo>
                      <a:pt x="9" y="81"/>
                    </a:lnTo>
                    <a:lnTo>
                      <a:pt x="11" y="80"/>
                    </a:lnTo>
                    <a:lnTo>
                      <a:pt x="12" y="80"/>
                    </a:lnTo>
                    <a:lnTo>
                      <a:pt x="16" y="78"/>
                    </a:lnTo>
                    <a:lnTo>
                      <a:pt x="19" y="76"/>
                    </a:lnTo>
                    <a:lnTo>
                      <a:pt x="21" y="73"/>
                    </a:lnTo>
                    <a:lnTo>
                      <a:pt x="22" y="70"/>
                    </a:lnTo>
                    <a:lnTo>
                      <a:pt x="22" y="68"/>
                    </a:lnTo>
                    <a:lnTo>
                      <a:pt x="24" y="65"/>
                    </a:lnTo>
                    <a:lnTo>
                      <a:pt x="24" y="61"/>
                    </a:lnTo>
                    <a:lnTo>
                      <a:pt x="26" y="61"/>
                    </a:lnTo>
                    <a:lnTo>
                      <a:pt x="26" y="59"/>
                    </a:lnTo>
                    <a:lnTo>
                      <a:pt x="28" y="59"/>
                    </a:lnTo>
                    <a:lnTo>
                      <a:pt x="31" y="58"/>
                    </a:lnTo>
                    <a:lnTo>
                      <a:pt x="34" y="58"/>
                    </a:lnTo>
                    <a:lnTo>
                      <a:pt x="38" y="56"/>
                    </a:lnTo>
                    <a:lnTo>
                      <a:pt x="39" y="54"/>
                    </a:lnTo>
                    <a:lnTo>
                      <a:pt x="41" y="53"/>
                    </a:lnTo>
                    <a:lnTo>
                      <a:pt x="43" y="51"/>
                    </a:lnTo>
                    <a:lnTo>
                      <a:pt x="63" y="53"/>
                    </a:lnTo>
                    <a:lnTo>
                      <a:pt x="63" y="51"/>
                    </a:lnTo>
                    <a:lnTo>
                      <a:pt x="65" y="49"/>
                    </a:lnTo>
                    <a:lnTo>
                      <a:pt x="65" y="48"/>
                    </a:lnTo>
                    <a:lnTo>
                      <a:pt x="66" y="46"/>
                    </a:lnTo>
                    <a:lnTo>
                      <a:pt x="68" y="43"/>
                    </a:lnTo>
                    <a:lnTo>
                      <a:pt x="70" y="41"/>
                    </a:lnTo>
                    <a:lnTo>
                      <a:pt x="73" y="39"/>
                    </a:lnTo>
                    <a:lnTo>
                      <a:pt x="77" y="39"/>
                    </a:lnTo>
                    <a:lnTo>
                      <a:pt x="80" y="39"/>
                    </a:lnTo>
                    <a:lnTo>
                      <a:pt x="82" y="37"/>
                    </a:lnTo>
                    <a:lnTo>
                      <a:pt x="83" y="37"/>
                    </a:lnTo>
                    <a:lnTo>
                      <a:pt x="94" y="36"/>
                    </a:lnTo>
                    <a:lnTo>
                      <a:pt x="100" y="34"/>
                    </a:lnTo>
                    <a:lnTo>
                      <a:pt x="105" y="31"/>
                    </a:lnTo>
                    <a:lnTo>
                      <a:pt x="109" y="29"/>
                    </a:lnTo>
                    <a:lnTo>
                      <a:pt x="112" y="27"/>
                    </a:lnTo>
                    <a:lnTo>
                      <a:pt x="116" y="24"/>
                    </a:lnTo>
                    <a:lnTo>
                      <a:pt x="119" y="19"/>
                    </a:lnTo>
                    <a:lnTo>
                      <a:pt x="124" y="12"/>
                    </a:lnTo>
                    <a:lnTo>
                      <a:pt x="132" y="4"/>
                    </a:lnTo>
                    <a:lnTo>
                      <a:pt x="138" y="0"/>
                    </a:lnTo>
                    <a:lnTo>
                      <a:pt x="138" y="2"/>
                    </a:lnTo>
                    <a:lnTo>
                      <a:pt x="136" y="7"/>
                    </a:lnTo>
                    <a:lnTo>
                      <a:pt x="132" y="10"/>
                    </a:lnTo>
                    <a:lnTo>
                      <a:pt x="131" y="14"/>
                    </a:lnTo>
                    <a:lnTo>
                      <a:pt x="129" y="15"/>
                    </a:lnTo>
                    <a:lnTo>
                      <a:pt x="129" y="17"/>
                    </a:lnTo>
                    <a:lnTo>
                      <a:pt x="127" y="19"/>
                    </a:lnTo>
                    <a:lnTo>
                      <a:pt x="127" y="21"/>
                    </a:lnTo>
                    <a:lnTo>
                      <a:pt x="126" y="21"/>
                    </a:lnTo>
                    <a:lnTo>
                      <a:pt x="122" y="26"/>
                    </a:lnTo>
                    <a:lnTo>
                      <a:pt x="119" y="29"/>
                    </a:lnTo>
                    <a:lnTo>
                      <a:pt x="117" y="32"/>
                    </a:lnTo>
                    <a:lnTo>
                      <a:pt x="116" y="34"/>
                    </a:lnTo>
                    <a:lnTo>
                      <a:pt x="116" y="36"/>
                    </a:lnTo>
                    <a:lnTo>
                      <a:pt x="116" y="37"/>
                    </a:lnTo>
                    <a:lnTo>
                      <a:pt x="119" y="36"/>
                    </a:lnTo>
                    <a:lnTo>
                      <a:pt x="122" y="36"/>
                    </a:lnTo>
                    <a:lnTo>
                      <a:pt x="124" y="37"/>
                    </a:lnTo>
                    <a:lnTo>
                      <a:pt x="122" y="39"/>
                    </a:lnTo>
                    <a:lnTo>
                      <a:pt x="122" y="41"/>
                    </a:lnTo>
                    <a:lnTo>
                      <a:pt x="122" y="43"/>
                    </a:lnTo>
                    <a:lnTo>
                      <a:pt x="121" y="48"/>
                    </a:lnTo>
                    <a:lnTo>
                      <a:pt x="122" y="48"/>
                    </a:lnTo>
                    <a:lnTo>
                      <a:pt x="124" y="46"/>
                    </a:lnTo>
                    <a:lnTo>
                      <a:pt x="126" y="46"/>
                    </a:lnTo>
                    <a:lnTo>
                      <a:pt x="129" y="43"/>
                    </a:lnTo>
                    <a:lnTo>
                      <a:pt x="132" y="41"/>
                    </a:lnTo>
                    <a:lnTo>
                      <a:pt x="132" y="39"/>
                    </a:lnTo>
                    <a:lnTo>
                      <a:pt x="129" y="34"/>
                    </a:lnTo>
                    <a:lnTo>
                      <a:pt x="129" y="31"/>
                    </a:lnTo>
                    <a:lnTo>
                      <a:pt x="131" y="26"/>
                    </a:lnTo>
                    <a:lnTo>
                      <a:pt x="136" y="22"/>
                    </a:lnTo>
                    <a:lnTo>
                      <a:pt x="139" y="19"/>
                    </a:lnTo>
                    <a:lnTo>
                      <a:pt x="144" y="15"/>
                    </a:lnTo>
                    <a:lnTo>
                      <a:pt x="148" y="14"/>
                    </a:lnTo>
                    <a:lnTo>
                      <a:pt x="149" y="12"/>
                    </a:lnTo>
                    <a:lnTo>
                      <a:pt x="154" y="12"/>
                    </a:lnTo>
                    <a:lnTo>
                      <a:pt x="160" y="14"/>
                    </a:lnTo>
                    <a:lnTo>
                      <a:pt x="161" y="14"/>
                    </a:lnTo>
                    <a:lnTo>
                      <a:pt x="163" y="12"/>
                    </a:lnTo>
                    <a:lnTo>
                      <a:pt x="165" y="9"/>
                    </a:lnTo>
                    <a:lnTo>
                      <a:pt x="166" y="9"/>
                    </a:lnTo>
                    <a:lnTo>
                      <a:pt x="171" y="4"/>
                    </a:lnTo>
                    <a:lnTo>
                      <a:pt x="175" y="0"/>
                    </a:lnTo>
                    <a:lnTo>
                      <a:pt x="176" y="0"/>
                    </a:lnTo>
                    <a:lnTo>
                      <a:pt x="178" y="2"/>
                    </a:lnTo>
                    <a:lnTo>
                      <a:pt x="178" y="4"/>
                    </a:lnTo>
                    <a:lnTo>
                      <a:pt x="176" y="7"/>
                    </a:lnTo>
                    <a:lnTo>
                      <a:pt x="175" y="9"/>
                    </a:lnTo>
                    <a:lnTo>
                      <a:pt x="170" y="14"/>
                    </a:lnTo>
                    <a:lnTo>
                      <a:pt x="165" y="17"/>
                    </a:lnTo>
                    <a:lnTo>
                      <a:pt x="160" y="22"/>
                    </a:lnTo>
                    <a:lnTo>
                      <a:pt x="154" y="27"/>
                    </a:lnTo>
                    <a:lnTo>
                      <a:pt x="148" y="31"/>
                    </a:lnTo>
                    <a:lnTo>
                      <a:pt x="143" y="36"/>
                    </a:lnTo>
                    <a:lnTo>
                      <a:pt x="138" y="39"/>
                    </a:lnTo>
                    <a:lnTo>
                      <a:pt x="132" y="44"/>
                    </a:lnTo>
                    <a:lnTo>
                      <a:pt x="127" y="48"/>
                    </a:lnTo>
                    <a:lnTo>
                      <a:pt x="122" y="51"/>
                    </a:lnTo>
                    <a:lnTo>
                      <a:pt x="119" y="54"/>
                    </a:lnTo>
                    <a:lnTo>
                      <a:pt x="116" y="58"/>
                    </a:lnTo>
                    <a:lnTo>
                      <a:pt x="112" y="59"/>
                    </a:lnTo>
                    <a:lnTo>
                      <a:pt x="110" y="61"/>
                    </a:lnTo>
                    <a:lnTo>
                      <a:pt x="109" y="63"/>
                    </a:lnTo>
                    <a:lnTo>
                      <a:pt x="97" y="71"/>
                    </a:lnTo>
                    <a:lnTo>
                      <a:pt x="88" y="76"/>
                    </a:lnTo>
                    <a:lnTo>
                      <a:pt x="85" y="78"/>
                    </a:lnTo>
                    <a:lnTo>
                      <a:pt x="85" y="76"/>
                    </a:lnTo>
                    <a:lnTo>
                      <a:pt x="87" y="73"/>
                    </a:lnTo>
                    <a:lnTo>
                      <a:pt x="88" y="71"/>
                    </a:lnTo>
                    <a:lnTo>
                      <a:pt x="90" y="70"/>
                    </a:lnTo>
                    <a:lnTo>
                      <a:pt x="97" y="61"/>
                    </a:lnTo>
                    <a:lnTo>
                      <a:pt x="100" y="58"/>
                    </a:lnTo>
                    <a:lnTo>
                      <a:pt x="97" y="58"/>
                    </a:lnTo>
                    <a:lnTo>
                      <a:pt x="94" y="59"/>
                    </a:lnTo>
                    <a:lnTo>
                      <a:pt x="87" y="65"/>
                    </a:lnTo>
                    <a:lnTo>
                      <a:pt x="80" y="68"/>
                    </a:lnTo>
                    <a:lnTo>
                      <a:pt x="75" y="71"/>
                    </a:lnTo>
                    <a:lnTo>
                      <a:pt x="73" y="73"/>
                    </a:lnTo>
                    <a:lnTo>
                      <a:pt x="61" y="76"/>
                    </a:lnTo>
                    <a:lnTo>
                      <a:pt x="61" y="78"/>
                    </a:lnTo>
                    <a:lnTo>
                      <a:pt x="58" y="80"/>
                    </a:lnTo>
                    <a:lnTo>
                      <a:pt x="55" y="81"/>
                    </a:lnTo>
                    <a:lnTo>
                      <a:pt x="51" y="85"/>
                    </a:lnTo>
                    <a:lnTo>
                      <a:pt x="48" y="87"/>
                    </a:lnTo>
                    <a:lnTo>
                      <a:pt x="44" y="90"/>
                    </a:lnTo>
                    <a:lnTo>
                      <a:pt x="41" y="92"/>
                    </a:lnTo>
                    <a:lnTo>
                      <a:pt x="39" y="92"/>
                    </a:lnTo>
                    <a:lnTo>
                      <a:pt x="29" y="100"/>
                    </a:lnTo>
                    <a:lnTo>
                      <a:pt x="21" y="105"/>
                    </a:lnTo>
                    <a:lnTo>
                      <a:pt x="16" y="109"/>
                    </a:lnTo>
                    <a:lnTo>
                      <a:pt x="14" y="109"/>
                    </a:lnTo>
                    <a:lnTo>
                      <a:pt x="12" y="109"/>
                    </a:lnTo>
                    <a:lnTo>
                      <a:pt x="12" y="107"/>
                    </a:lnTo>
                    <a:lnTo>
                      <a:pt x="14" y="105"/>
                    </a:lnTo>
                    <a:lnTo>
                      <a:pt x="16" y="103"/>
                    </a:lnTo>
                    <a:lnTo>
                      <a:pt x="17" y="102"/>
                    </a:lnTo>
                    <a:lnTo>
                      <a:pt x="19" y="98"/>
                    </a:lnTo>
                    <a:lnTo>
                      <a:pt x="19" y="97"/>
                    </a:lnTo>
                    <a:lnTo>
                      <a:pt x="19" y="95"/>
                    </a:lnTo>
                    <a:lnTo>
                      <a:pt x="16" y="97"/>
                    </a:lnTo>
                    <a:lnTo>
                      <a:pt x="12" y="98"/>
                    </a:lnTo>
                    <a:lnTo>
                      <a:pt x="7" y="105"/>
                    </a:lnTo>
                    <a:close/>
                  </a:path>
                </a:pathLst>
              </a:custGeom>
              <a:solidFill>
                <a:srgbClr val="8B3102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54" name="Freeform 175"/>
              <p:cNvSpPr>
                <a:spLocks/>
              </p:cNvSpPr>
              <p:nvPr/>
            </p:nvSpPr>
            <p:spPr bwMode="auto">
              <a:xfrm>
                <a:off x="4407" y="988"/>
                <a:ext cx="591" cy="534"/>
              </a:xfrm>
              <a:custGeom>
                <a:avLst/>
                <a:gdLst>
                  <a:gd name="T0" fmla="*/ 17 w 591"/>
                  <a:gd name="T1" fmla="*/ 486 h 534"/>
                  <a:gd name="T2" fmla="*/ 54 w 591"/>
                  <a:gd name="T3" fmla="*/ 478 h 534"/>
                  <a:gd name="T4" fmla="*/ 112 w 591"/>
                  <a:gd name="T5" fmla="*/ 468 h 534"/>
                  <a:gd name="T6" fmla="*/ 181 w 591"/>
                  <a:gd name="T7" fmla="*/ 454 h 534"/>
                  <a:gd name="T8" fmla="*/ 252 w 591"/>
                  <a:gd name="T9" fmla="*/ 440 h 534"/>
                  <a:gd name="T10" fmla="*/ 317 w 591"/>
                  <a:gd name="T11" fmla="*/ 427 h 534"/>
                  <a:gd name="T12" fmla="*/ 366 w 591"/>
                  <a:gd name="T13" fmla="*/ 417 h 534"/>
                  <a:gd name="T14" fmla="*/ 391 w 591"/>
                  <a:gd name="T15" fmla="*/ 412 h 534"/>
                  <a:gd name="T16" fmla="*/ 410 w 591"/>
                  <a:gd name="T17" fmla="*/ 413 h 534"/>
                  <a:gd name="T18" fmla="*/ 418 w 591"/>
                  <a:gd name="T19" fmla="*/ 425 h 534"/>
                  <a:gd name="T20" fmla="*/ 433 w 591"/>
                  <a:gd name="T21" fmla="*/ 432 h 534"/>
                  <a:gd name="T22" fmla="*/ 437 w 591"/>
                  <a:gd name="T23" fmla="*/ 442 h 534"/>
                  <a:gd name="T24" fmla="*/ 449 w 591"/>
                  <a:gd name="T25" fmla="*/ 459 h 534"/>
                  <a:gd name="T26" fmla="*/ 459 w 591"/>
                  <a:gd name="T27" fmla="*/ 468 h 534"/>
                  <a:gd name="T28" fmla="*/ 564 w 591"/>
                  <a:gd name="T29" fmla="*/ 534 h 534"/>
                  <a:gd name="T30" fmla="*/ 591 w 591"/>
                  <a:gd name="T31" fmla="*/ 468 h 534"/>
                  <a:gd name="T32" fmla="*/ 567 w 591"/>
                  <a:gd name="T33" fmla="*/ 278 h 534"/>
                  <a:gd name="T34" fmla="*/ 564 w 591"/>
                  <a:gd name="T35" fmla="*/ 263 h 534"/>
                  <a:gd name="T36" fmla="*/ 557 w 591"/>
                  <a:gd name="T37" fmla="*/ 232 h 534"/>
                  <a:gd name="T38" fmla="*/ 552 w 591"/>
                  <a:gd name="T39" fmla="*/ 202 h 534"/>
                  <a:gd name="T40" fmla="*/ 547 w 591"/>
                  <a:gd name="T41" fmla="*/ 185 h 534"/>
                  <a:gd name="T42" fmla="*/ 537 w 591"/>
                  <a:gd name="T43" fmla="*/ 170 h 534"/>
                  <a:gd name="T44" fmla="*/ 532 w 591"/>
                  <a:gd name="T45" fmla="*/ 176 h 534"/>
                  <a:gd name="T46" fmla="*/ 510 w 591"/>
                  <a:gd name="T47" fmla="*/ 73 h 534"/>
                  <a:gd name="T48" fmla="*/ 484 w 591"/>
                  <a:gd name="T49" fmla="*/ 4 h 534"/>
                  <a:gd name="T50" fmla="*/ 452 w 591"/>
                  <a:gd name="T51" fmla="*/ 12 h 534"/>
                  <a:gd name="T52" fmla="*/ 413 w 591"/>
                  <a:gd name="T53" fmla="*/ 21 h 534"/>
                  <a:gd name="T54" fmla="*/ 389 w 591"/>
                  <a:gd name="T55" fmla="*/ 28 h 534"/>
                  <a:gd name="T56" fmla="*/ 364 w 591"/>
                  <a:gd name="T57" fmla="*/ 38 h 534"/>
                  <a:gd name="T58" fmla="*/ 335 w 591"/>
                  <a:gd name="T59" fmla="*/ 66 h 534"/>
                  <a:gd name="T60" fmla="*/ 313 w 591"/>
                  <a:gd name="T61" fmla="*/ 99 h 534"/>
                  <a:gd name="T62" fmla="*/ 305 w 591"/>
                  <a:gd name="T63" fmla="*/ 117 h 534"/>
                  <a:gd name="T64" fmla="*/ 261 w 591"/>
                  <a:gd name="T65" fmla="*/ 173 h 534"/>
                  <a:gd name="T66" fmla="*/ 278 w 591"/>
                  <a:gd name="T67" fmla="*/ 198 h 534"/>
                  <a:gd name="T68" fmla="*/ 278 w 591"/>
                  <a:gd name="T69" fmla="*/ 209 h 534"/>
                  <a:gd name="T70" fmla="*/ 285 w 591"/>
                  <a:gd name="T71" fmla="*/ 231 h 534"/>
                  <a:gd name="T72" fmla="*/ 276 w 591"/>
                  <a:gd name="T73" fmla="*/ 241 h 534"/>
                  <a:gd name="T74" fmla="*/ 252 w 591"/>
                  <a:gd name="T75" fmla="*/ 263 h 534"/>
                  <a:gd name="T76" fmla="*/ 244 w 591"/>
                  <a:gd name="T77" fmla="*/ 275 h 534"/>
                  <a:gd name="T78" fmla="*/ 230 w 591"/>
                  <a:gd name="T79" fmla="*/ 283 h 534"/>
                  <a:gd name="T80" fmla="*/ 215 w 591"/>
                  <a:gd name="T81" fmla="*/ 285 h 534"/>
                  <a:gd name="T82" fmla="*/ 191 w 591"/>
                  <a:gd name="T83" fmla="*/ 292 h 534"/>
                  <a:gd name="T84" fmla="*/ 181 w 591"/>
                  <a:gd name="T85" fmla="*/ 298 h 534"/>
                  <a:gd name="T86" fmla="*/ 158 w 591"/>
                  <a:gd name="T87" fmla="*/ 293 h 534"/>
                  <a:gd name="T88" fmla="*/ 109 w 591"/>
                  <a:gd name="T89" fmla="*/ 297 h 534"/>
                  <a:gd name="T90" fmla="*/ 70 w 591"/>
                  <a:gd name="T91" fmla="*/ 307 h 534"/>
                  <a:gd name="T92" fmla="*/ 51 w 591"/>
                  <a:gd name="T93" fmla="*/ 319 h 534"/>
                  <a:gd name="T94" fmla="*/ 44 w 591"/>
                  <a:gd name="T95" fmla="*/ 327 h 534"/>
                  <a:gd name="T96" fmla="*/ 49 w 591"/>
                  <a:gd name="T97" fmla="*/ 342 h 534"/>
                  <a:gd name="T98" fmla="*/ 59 w 591"/>
                  <a:gd name="T99" fmla="*/ 354 h 534"/>
                  <a:gd name="T100" fmla="*/ 66 w 591"/>
                  <a:gd name="T101" fmla="*/ 363 h 534"/>
                  <a:gd name="T102" fmla="*/ 66 w 591"/>
                  <a:gd name="T103" fmla="*/ 380 h 534"/>
                  <a:gd name="T104" fmla="*/ 59 w 591"/>
                  <a:gd name="T105" fmla="*/ 388 h 534"/>
                  <a:gd name="T106" fmla="*/ 31 w 591"/>
                  <a:gd name="T107" fmla="*/ 427 h 534"/>
                  <a:gd name="T108" fmla="*/ 31 w 591"/>
                  <a:gd name="T109" fmla="*/ 425 h 534"/>
                  <a:gd name="T110" fmla="*/ 9 w 591"/>
                  <a:gd name="T111" fmla="*/ 451 h 534"/>
                  <a:gd name="T112" fmla="*/ 0 w 591"/>
                  <a:gd name="T113" fmla="*/ 456 h 534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591"/>
                  <a:gd name="T172" fmla="*/ 0 h 534"/>
                  <a:gd name="T173" fmla="*/ 591 w 591"/>
                  <a:gd name="T174" fmla="*/ 534 h 534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591" h="534">
                    <a:moveTo>
                      <a:pt x="9" y="488"/>
                    </a:moveTo>
                    <a:lnTo>
                      <a:pt x="9" y="486"/>
                    </a:lnTo>
                    <a:lnTo>
                      <a:pt x="12" y="486"/>
                    </a:lnTo>
                    <a:lnTo>
                      <a:pt x="17" y="486"/>
                    </a:lnTo>
                    <a:lnTo>
                      <a:pt x="24" y="484"/>
                    </a:lnTo>
                    <a:lnTo>
                      <a:pt x="32" y="483"/>
                    </a:lnTo>
                    <a:lnTo>
                      <a:pt x="43" y="481"/>
                    </a:lnTo>
                    <a:lnTo>
                      <a:pt x="54" y="478"/>
                    </a:lnTo>
                    <a:lnTo>
                      <a:pt x="68" y="476"/>
                    </a:lnTo>
                    <a:lnTo>
                      <a:pt x="81" y="473"/>
                    </a:lnTo>
                    <a:lnTo>
                      <a:pt x="97" y="471"/>
                    </a:lnTo>
                    <a:lnTo>
                      <a:pt x="112" y="468"/>
                    </a:lnTo>
                    <a:lnTo>
                      <a:pt x="129" y="464"/>
                    </a:lnTo>
                    <a:lnTo>
                      <a:pt x="146" y="461"/>
                    </a:lnTo>
                    <a:lnTo>
                      <a:pt x="164" y="457"/>
                    </a:lnTo>
                    <a:lnTo>
                      <a:pt x="181" y="454"/>
                    </a:lnTo>
                    <a:lnTo>
                      <a:pt x="200" y="451"/>
                    </a:lnTo>
                    <a:lnTo>
                      <a:pt x="217" y="447"/>
                    </a:lnTo>
                    <a:lnTo>
                      <a:pt x="235" y="444"/>
                    </a:lnTo>
                    <a:lnTo>
                      <a:pt x="252" y="440"/>
                    </a:lnTo>
                    <a:lnTo>
                      <a:pt x="269" y="437"/>
                    </a:lnTo>
                    <a:lnTo>
                      <a:pt x="286" y="434"/>
                    </a:lnTo>
                    <a:lnTo>
                      <a:pt x="301" y="430"/>
                    </a:lnTo>
                    <a:lnTo>
                      <a:pt x="317" y="427"/>
                    </a:lnTo>
                    <a:lnTo>
                      <a:pt x="332" y="424"/>
                    </a:lnTo>
                    <a:lnTo>
                      <a:pt x="344" y="422"/>
                    </a:lnTo>
                    <a:lnTo>
                      <a:pt x="356" y="420"/>
                    </a:lnTo>
                    <a:lnTo>
                      <a:pt x="366" y="417"/>
                    </a:lnTo>
                    <a:lnTo>
                      <a:pt x="376" y="415"/>
                    </a:lnTo>
                    <a:lnTo>
                      <a:pt x="383" y="415"/>
                    </a:lnTo>
                    <a:lnTo>
                      <a:pt x="388" y="413"/>
                    </a:lnTo>
                    <a:lnTo>
                      <a:pt x="391" y="412"/>
                    </a:lnTo>
                    <a:lnTo>
                      <a:pt x="393" y="412"/>
                    </a:lnTo>
                    <a:lnTo>
                      <a:pt x="400" y="412"/>
                    </a:lnTo>
                    <a:lnTo>
                      <a:pt x="405" y="412"/>
                    </a:lnTo>
                    <a:lnTo>
                      <a:pt x="410" y="413"/>
                    </a:lnTo>
                    <a:lnTo>
                      <a:pt x="413" y="417"/>
                    </a:lnTo>
                    <a:lnTo>
                      <a:pt x="415" y="420"/>
                    </a:lnTo>
                    <a:lnTo>
                      <a:pt x="417" y="424"/>
                    </a:lnTo>
                    <a:lnTo>
                      <a:pt x="418" y="425"/>
                    </a:lnTo>
                    <a:lnTo>
                      <a:pt x="420" y="427"/>
                    </a:lnTo>
                    <a:lnTo>
                      <a:pt x="427" y="427"/>
                    </a:lnTo>
                    <a:lnTo>
                      <a:pt x="430" y="429"/>
                    </a:lnTo>
                    <a:lnTo>
                      <a:pt x="433" y="432"/>
                    </a:lnTo>
                    <a:lnTo>
                      <a:pt x="435" y="434"/>
                    </a:lnTo>
                    <a:lnTo>
                      <a:pt x="437" y="437"/>
                    </a:lnTo>
                    <a:lnTo>
                      <a:pt x="437" y="440"/>
                    </a:lnTo>
                    <a:lnTo>
                      <a:pt x="437" y="442"/>
                    </a:lnTo>
                    <a:lnTo>
                      <a:pt x="439" y="444"/>
                    </a:lnTo>
                    <a:lnTo>
                      <a:pt x="442" y="451"/>
                    </a:lnTo>
                    <a:lnTo>
                      <a:pt x="445" y="456"/>
                    </a:lnTo>
                    <a:lnTo>
                      <a:pt x="449" y="459"/>
                    </a:lnTo>
                    <a:lnTo>
                      <a:pt x="452" y="462"/>
                    </a:lnTo>
                    <a:lnTo>
                      <a:pt x="454" y="466"/>
                    </a:lnTo>
                    <a:lnTo>
                      <a:pt x="457" y="468"/>
                    </a:lnTo>
                    <a:lnTo>
                      <a:pt x="459" y="468"/>
                    </a:lnTo>
                    <a:lnTo>
                      <a:pt x="477" y="474"/>
                    </a:lnTo>
                    <a:lnTo>
                      <a:pt x="562" y="501"/>
                    </a:lnTo>
                    <a:lnTo>
                      <a:pt x="564" y="534"/>
                    </a:lnTo>
                    <a:lnTo>
                      <a:pt x="574" y="520"/>
                    </a:lnTo>
                    <a:lnTo>
                      <a:pt x="584" y="496"/>
                    </a:lnTo>
                    <a:lnTo>
                      <a:pt x="577" y="484"/>
                    </a:lnTo>
                    <a:lnTo>
                      <a:pt x="591" y="468"/>
                    </a:lnTo>
                    <a:lnTo>
                      <a:pt x="584" y="459"/>
                    </a:lnTo>
                    <a:lnTo>
                      <a:pt x="571" y="364"/>
                    </a:lnTo>
                    <a:lnTo>
                      <a:pt x="565" y="364"/>
                    </a:lnTo>
                    <a:lnTo>
                      <a:pt x="567" y="278"/>
                    </a:lnTo>
                    <a:lnTo>
                      <a:pt x="567" y="276"/>
                    </a:lnTo>
                    <a:lnTo>
                      <a:pt x="567" y="275"/>
                    </a:lnTo>
                    <a:lnTo>
                      <a:pt x="565" y="270"/>
                    </a:lnTo>
                    <a:lnTo>
                      <a:pt x="564" y="263"/>
                    </a:lnTo>
                    <a:lnTo>
                      <a:pt x="562" y="256"/>
                    </a:lnTo>
                    <a:lnTo>
                      <a:pt x="562" y="249"/>
                    </a:lnTo>
                    <a:lnTo>
                      <a:pt x="560" y="241"/>
                    </a:lnTo>
                    <a:lnTo>
                      <a:pt x="557" y="232"/>
                    </a:lnTo>
                    <a:lnTo>
                      <a:pt x="555" y="224"/>
                    </a:lnTo>
                    <a:lnTo>
                      <a:pt x="554" y="215"/>
                    </a:lnTo>
                    <a:lnTo>
                      <a:pt x="552" y="209"/>
                    </a:lnTo>
                    <a:lnTo>
                      <a:pt x="552" y="202"/>
                    </a:lnTo>
                    <a:lnTo>
                      <a:pt x="550" y="195"/>
                    </a:lnTo>
                    <a:lnTo>
                      <a:pt x="549" y="190"/>
                    </a:lnTo>
                    <a:lnTo>
                      <a:pt x="549" y="187"/>
                    </a:lnTo>
                    <a:lnTo>
                      <a:pt x="547" y="185"/>
                    </a:lnTo>
                    <a:lnTo>
                      <a:pt x="543" y="176"/>
                    </a:lnTo>
                    <a:lnTo>
                      <a:pt x="540" y="171"/>
                    </a:lnTo>
                    <a:lnTo>
                      <a:pt x="538" y="170"/>
                    </a:lnTo>
                    <a:lnTo>
                      <a:pt x="537" y="170"/>
                    </a:lnTo>
                    <a:lnTo>
                      <a:pt x="535" y="171"/>
                    </a:lnTo>
                    <a:lnTo>
                      <a:pt x="533" y="175"/>
                    </a:lnTo>
                    <a:lnTo>
                      <a:pt x="532" y="176"/>
                    </a:lnTo>
                    <a:lnTo>
                      <a:pt x="528" y="173"/>
                    </a:lnTo>
                    <a:lnTo>
                      <a:pt x="520" y="124"/>
                    </a:lnTo>
                    <a:lnTo>
                      <a:pt x="516" y="88"/>
                    </a:lnTo>
                    <a:lnTo>
                      <a:pt x="510" y="73"/>
                    </a:lnTo>
                    <a:lnTo>
                      <a:pt x="494" y="0"/>
                    </a:lnTo>
                    <a:lnTo>
                      <a:pt x="493" y="2"/>
                    </a:lnTo>
                    <a:lnTo>
                      <a:pt x="489" y="2"/>
                    </a:lnTo>
                    <a:lnTo>
                      <a:pt x="484" y="4"/>
                    </a:lnTo>
                    <a:lnTo>
                      <a:pt x="477" y="6"/>
                    </a:lnTo>
                    <a:lnTo>
                      <a:pt x="471" y="7"/>
                    </a:lnTo>
                    <a:lnTo>
                      <a:pt x="461" y="9"/>
                    </a:lnTo>
                    <a:lnTo>
                      <a:pt x="452" y="12"/>
                    </a:lnTo>
                    <a:lnTo>
                      <a:pt x="442" y="14"/>
                    </a:lnTo>
                    <a:lnTo>
                      <a:pt x="432" y="17"/>
                    </a:lnTo>
                    <a:lnTo>
                      <a:pt x="423" y="19"/>
                    </a:lnTo>
                    <a:lnTo>
                      <a:pt x="413" y="21"/>
                    </a:lnTo>
                    <a:lnTo>
                      <a:pt x="406" y="22"/>
                    </a:lnTo>
                    <a:lnTo>
                      <a:pt x="400" y="26"/>
                    </a:lnTo>
                    <a:lnTo>
                      <a:pt x="393" y="26"/>
                    </a:lnTo>
                    <a:lnTo>
                      <a:pt x="389" y="28"/>
                    </a:lnTo>
                    <a:lnTo>
                      <a:pt x="388" y="28"/>
                    </a:lnTo>
                    <a:lnTo>
                      <a:pt x="379" y="29"/>
                    </a:lnTo>
                    <a:lnTo>
                      <a:pt x="371" y="33"/>
                    </a:lnTo>
                    <a:lnTo>
                      <a:pt x="364" y="38"/>
                    </a:lnTo>
                    <a:lnTo>
                      <a:pt x="356" y="43"/>
                    </a:lnTo>
                    <a:lnTo>
                      <a:pt x="349" y="50"/>
                    </a:lnTo>
                    <a:lnTo>
                      <a:pt x="342" y="58"/>
                    </a:lnTo>
                    <a:lnTo>
                      <a:pt x="335" y="66"/>
                    </a:lnTo>
                    <a:lnTo>
                      <a:pt x="329" y="75"/>
                    </a:lnTo>
                    <a:lnTo>
                      <a:pt x="323" y="83"/>
                    </a:lnTo>
                    <a:lnTo>
                      <a:pt x="318" y="90"/>
                    </a:lnTo>
                    <a:lnTo>
                      <a:pt x="313" y="99"/>
                    </a:lnTo>
                    <a:lnTo>
                      <a:pt x="310" y="105"/>
                    </a:lnTo>
                    <a:lnTo>
                      <a:pt x="308" y="110"/>
                    </a:lnTo>
                    <a:lnTo>
                      <a:pt x="305" y="116"/>
                    </a:lnTo>
                    <a:lnTo>
                      <a:pt x="305" y="117"/>
                    </a:lnTo>
                    <a:lnTo>
                      <a:pt x="303" y="119"/>
                    </a:lnTo>
                    <a:lnTo>
                      <a:pt x="288" y="139"/>
                    </a:lnTo>
                    <a:lnTo>
                      <a:pt x="290" y="139"/>
                    </a:lnTo>
                    <a:lnTo>
                      <a:pt x="261" y="173"/>
                    </a:lnTo>
                    <a:lnTo>
                      <a:pt x="274" y="173"/>
                    </a:lnTo>
                    <a:lnTo>
                      <a:pt x="285" y="182"/>
                    </a:lnTo>
                    <a:lnTo>
                      <a:pt x="279" y="197"/>
                    </a:lnTo>
                    <a:lnTo>
                      <a:pt x="278" y="198"/>
                    </a:lnTo>
                    <a:lnTo>
                      <a:pt x="274" y="200"/>
                    </a:lnTo>
                    <a:lnTo>
                      <a:pt x="271" y="202"/>
                    </a:lnTo>
                    <a:lnTo>
                      <a:pt x="271" y="204"/>
                    </a:lnTo>
                    <a:lnTo>
                      <a:pt x="278" y="209"/>
                    </a:lnTo>
                    <a:lnTo>
                      <a:pt x="281" y="214"/>
                    </a:lnTo>
                    <a:lnTo>
                      <a:pt x="285" y="219"/>
                    </a:lnTo>
                    <a:lnTo>
                      <a:pt x="285" y="226"/>
                    </a:lnTo>
                    <a:lnTo>
                      <a:pt x="285" y="231"/>
                    </a:lnTo>
                    <a:lnTo>
                      <a:pt x="285" y="236"/>
                    </a:lnTo>
                    <a:lnTo>
                      <a:pt x="285" y="239"/>
                    </a:lnTo>
                    <a:lnTo>
                      <a:pt x="276" y="241"/>
                    </a:lnTo>
                    <a:lnTo>
                      <a:pt x="269" y="244"/>
                    </a:lnTo>
                    <a:lnTo>
                      <a:pt x="263" y="251"/>
                    </a:lnTo>
                    <a:lnTo>
                      <a:pt x="257" y="256"/>
                    </a:lnTo>
                    <a:lnTo>
                      <a:pt x="252" y="263"/>
                    </a:lnTo>
                    <a:lnTo>
                      <a:pt x="249" y="268"/>
                    </a:lnTo>
                    <a:lnTo>
                      <a:pt x="246" y="271"/>
                    </a:lnTo>
                    <a:lnTo>
                      <a:pt x="246" y="273"/>
                    </a:lnTo>
                    <a:lnTo>
                      <a:pt x="244" y="275"/>
                    </a:lnTo>
                    <a:lnTo>
                      <a:pt x="242" y="276"/>
                    </a:lnTo>
                    <a:lnTo>
                      <a:pt x="239" y="278"/>
                    </a:lnTo>
                    <a:lnTo>
                      <a:pt x="235" y="281"/>
                    </a:lnTo>
                    <a:lnTo>
                      <a:pt x="230" y="283"/>
                    </a:lnTo>
                    <a:lnTo>
                      <a:pt x="227" y="286"/>
                    </a:lnTo>
                    <a:lnTo>
                      <a:pt x="224" y="288"/>
                    </a:lnTo>
                    <a:lnTo>
                      <a:pt x="222" y="288"/>
                    </a:lnTo>
                    <a:lnTo>
                      <a:pt x="215" y="285"/>
                    </a:lnTo>
                    <a:lnTo>
                      <a:pt x="208" y="285"/>
                    </a:lnTo>
                    <a:lnTo>
                      <a:pt x="202" y="286"/>
                    </a:lnTo>
                    <a:lnTo>
                      <a:pt x="197" y="288"/>
                    </a:lnTo>
                    <a:lnTo>
                      <a:pt x="191" y="292"/>
                    </a:lnTo>
                    <a:lnTo>
                      <a:pt x="186" y="293"/>
                    </a:lnTo>
                    <a:lnTo>
                      <a:pt x="183" y="295"/>
                    </a:lnTo>
                    <a:lnTo>
                      <a:pt x="183" y="297"/>
                    </a:lnTo>
                    <a:lnTo>
                      <a:pt x="181" y="298"/>
                    </a:lnTo>
                    <a:lnTo>
                      <a:pt x="163" y="297"/>
                    </a:lnTo>
                    <a:lnTo>
                      <a:pt x="161" y="295"/>
                    </a:lnTo>
                    <a:lnTo>
                      <a:pt x="158" y="293"/>
                    </a:lnTo>
                    <a:lnTo>
                      <a:pt x="156" y="293"/>
                    </a:lnTo>
                    <a:lnTo>
                      <a:pt x="139" y="293"/>
                    </a:lnTo>
                    <a:lnTo>
                      <a:pt x="122" y="295"/>
                    </a:lnTo>
                    <a:lnTo>
                      <a:pt x="109" y="297"/>
                    </a:lnTo>
                    <a:lnTo>
                      <a:pt x="97" y="298"/>
                    </a:lnTo>
                    <a:lnTo>
                      <a:pt x="87" y="300"/>
                    </a:lnTo>
                    <a:lnTo>
                      <a:pt x="76" y="303"/>
                    </a:lnTo>
                    <a:lnTo>
                      <a:pt x="70" y="307"/>
                    </a:lnTo>
                    <a:lnTo>
                      <a:pt x="63" y="310"/>
                    </a:lnTo>
                    <a:lnTo>
                      <a:pt x="58" y="312"/>
                    </a:lnTo>
                    <a:lnTo>
                      <a:pt x="54" y="315"/>
                    </a:lnTo>
                    <a:lnTo>
                      <a:pt x="51" y="319"/>
                    </a:lnTo>
                    <a:lnTo>
                      <a:pt x="48" y="320"/>
                    </a:lnTo>
                    <a:lnTo>
                      <a:pt x="48" y="324"/>
                    </a:lnTo>
                    <a:lnTo>
                      <a:pt x="46" y="325"/>
                    </a:lnTo>
                    <a:lnTo>
                      <a:pt x="44" y="327"/>
                    </a:lnTo>
                    <a:lnTo>
                      <a:pt x="46" y="332"/>
                    </a:lnTo>
                    <a:lnTo>
                      <a:pt x="48" y="337"/>
                    </a:lnTo>
                    <a:lnTo>
                      <a:pt x="49" y="342"/>
                    </a:lnTo>
                    <a:lnTo>
                      <a:pt x="53" y="347"/>
                    </a:lnTo>
                    <a:lnTo>
                      <a:pt x="54" y="351"/>
                    </a:lnTo>
                    <a:lnTo>
                      <a:pt x="58" y="354"/>
                    </a:lnTo>
                    <a:lnTo>
                      <a:pt x="59" y="354"/>
                    </a:lnTo>
                    <a:lnTo>
                      <a:pt x="59" y="356"/>
                    </a:lnTo>
                    <a:lnTo>
                      <a:pt x="61" y="358"/>
                    </a:lnTo>
                    <a:lnTo>
                      <a:pt x="65" y="359"/>
                    </a:lnTo>
                    <a:lnTo>
                      <a:pt x="66" y="363"/>
                    </a:lnTo>
                    <a:lnTo>
                      <a:pt x="68" y="364"/>
                    </a:lnTo>
                    <a:lnTo>
                      <a:pt x="68" y="371"/>
                    </a:lnTo>
                    <a:lnTo>
                      <a:pt x="66" y="376"/>
                    </a:lnTo>
                    <a:lnTo>
                      <a:pt x="66" y="380"/>
                    </a:lnTo>
                    <a:lnTo>
                      <a:pt x="65" y="383"/>
                    </a:lnTo>
                    <a:lnTo>
                      <a:pt x="63" y="385"/>
                    </a:lnTo>
                    <a:lnTo>
                      <a:pt x="61" y="386"/>
                    </a:lnTo>
                    <a:lnTo>
                      <a:pt x="59" y="388"/>
                    </a:lnTo>
                    <a:lnTo>
                      <a:pt x="54" y="395"/>
                    </a:lnTo>
                    <a:lnTo>
                      <a:pt x="46" y="412"/>
                    </a:lnTo>
                    <a:lnTo>
                      <a:pt x="31" y="427"/>
                    </a:lnTo>
                    <a:lnTo>
                      <a:pt x="32" y="425"/>
                    </a:lnTo>
                    <a:lnTo>
                      <a:pt x="31" y="425"/>
                    </a:lnTo>
                    <a:lnTo>
                      <a:pt x="24" y="435"/>
                    </a:lnTo>
                    <a:lnTo>
                      <a:pt x="17" y="442"/>
                    </a:lnTo>
                    <a:lnTo>
                      <a:pt x="12" y="447"/>
                    </a:lnTo>
                    <a:lnTo>
                      <a:pt x="9" y="451"/>
                    </a:lnTo>
                    <a:lnTo>
                      <a:pt x="5" y="452"/>
                    </a:lnTo>
                    <a:lnTo>
                      <a:pt x="2" y="454"/>
                    </a:lnTo>
                    <a:lnTo>
                      <a:pt x="0" y="456"/>
                    </a:lnTo>
                    <a:lnTo>
                      <a:pt x="9" y="488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238" name="Freeform 176"/>
            <p:cNvSpPr>
              <a:spLocks/>
            </p:cNvSpPr>
            <p:nvPr/>
          </p:nvSpPr>
          <p:spPr bwMode="auto">
            <a:xfrm>
              <a:off x="4773" y="1315"/>
              <a:ext cx="156" cy="330"/>
            </a:xfrm>
            <a:custGeom>
              <a:avLst/>
              <a:gdLst>
                <a:gd name="T0" fmla="*/ 88 w 160"/>
                <a:gd name="T1" fmla="*/ 205 h 340"/>
                <a:gd name="T2" fmla="*/ 90 w 160"/>
                <a:gd name="T3" fmla="*/ 201 h 340"/>
                <a:gd name="T4" fmla="*/ 99 w 160"/>
                <a:gd name="T5" fmla="*/ 190 h 340"/>
                <a:gd name="T6" fmla="*/ 108 w 160"/>
                <a:gd name="T7" fmla="*/ 189 h 340"/>
                <a:gd name="T8" fmla="*/ 109 w 160"/>
                <a:gd name="T9" fmla="*/ 186 h 340"/>
                <a:gd name="T10" fmla="*/ 110 w 160"/>
                <a:gd name="T11" fmla="*/ 178 h 340"/>
                <a:gd name="T12" fmla="*/ 113 w 160"/>
                <a:gd name="T13" fmla="*/ 174 h 340"/>
                <a:gd name="T14" fmla="*/ 109 w 160"/>
                <a:gd name="T15" fmla="*/ 171 h 340"/>
                <a:gd name="T16" fmla="*/ 104 w 160"/>
                <a:gd name="T17" fmla="*/ 168 h 340"/>
                <a:gd name="T18" fmla="*/ 100 w 160"/>
                <a:gd name="T19" fmla="*/ 157 h 340"/>
                <a:gd name="T20" fmla="*/ 96 w 160"/>
                <a:gd name="T21" fmla="*/ 153 h 340"/>
                <a:gd name="T22" fmla="*/ 89 w 160"/>
                <a:gd name="T23" fmla="*/ 147 h 340"/>
                <a:gd name="T24" fmla="*/ 33 w 160"/>
                <a:gd name="T25" fmla="*/ 0 h 340"/>
                <a:gd name="T26" fmla="*/ 20 w 160"/>
                <a:gd name="T27" fmla="*/ 8 h 340"/>
                <a:gd name="T28" fmla="*/ 20 w 160"/>
                <a:gd name="T29" fmla="*/ 13 h 340"/>
                <a:gd name="T30" fmla="*/ 20 w 160"/>
                <a:gd name="T31" fmla="*/ 17 h 340"/>
                <a:gd name="T32" fmla="*/ 20 w 160"/>
                <a:gd name="T33" fmla="*/ 25 h 340"/>
                <a:gd name="T34" fmla="*/ 20 w 160"/>
                <a:gd name="T35" fmla="*/ 35 h 340"/>
                <a:gd name="T36" fmla="*/ 20 w 160"/>
                <a:gd name="T37" fmla="*/ 39 h 340"/>
                <a:gd name="T38" fmla="*/ 20 w 160"/>
                <a:gd name="T39" fmla="*/ 45 h 340"/>
                <a:gd name="T40" fmla="*/ 20 w 160"/>
                <a:gd name="T41" fmla="*/ 48 h 340"/>
                <a:gd name="T42" fmla="*/ 20 w 160"/>
                <a:gd name="T43" fmla="*/ 55 h 340"/>
                <a:gd name="T44" fmla="*/ 25 w 160"/>
                <a:gd name="T45" fmla="*/ 62 h 340"/>
                <a:gd name="T46" fmla="*/ 25 w 160"/>
                <a:gd name="T47" fmla="*/ 71 h 340"/>
                <a:gd name="T48" fmla="*/ 20 w 160"/>
                <a:gd name="T49" fmla="*/ 81 h 340"/>
                <a:gd name="T50" fmla="*/ 17 w 160"/>
                <a:gd name="T51" fmla="*/ 88 h 340"/>
                <a:gd name="T52" fmla="*/ 17 w 160"/>
                <a:gd name="T53" fmla="*/ 86 h 340"/>
                <a:gd name="T54" fmla="*/ 10 w 160"/>
                <a:gd name="T55" fmla="*/ 92 h 340"/>
                <a:gd name="T56" fmla="*/ 11 w 160"/>
                <a:gd name="T57" fmla="*/ 101 h 340"/>
                <a:gd name="T58" fmla="*/ 11 w 160"/>
                <a:gd name="T59" fmla="*/ 110 h 340"/>
                <a:gd name="T60" fmla="*/ 11 w 160"/>
                <a:gd name="T61" fmla="*/ 123 h 340"/>
                <a:gd name="T62" fmla="*/ 8 w 160"/>
                <a:gd name="T63" fmla="*/ 134 h 340"/>
                <a:gd name="T64" fmla="*/ 6 w 160"/>
                <a:gd name="T65" fmla="*/ 142 h 340"/>
                <a:gd name="T66" fmla="*/ 5 w 160"/>
                <a:gd name="T67" fmla="*/ 147 h 340"/>
                <a:gd name="T68" fmla="*/ 1 w 160"/>
                <a:gd name="T69" fmla="*/ 153 h 340"/>
                <a:gd name="T70" fmla="*/ 0 w 160"/>
                <a:gd name="T71" fmla="*/ 168 h 340"/>
                <a:gd name="T72" fmla="*/ 6 w 160"/>
                <a:gd name="T73" fmla="*/ 176 h 340"/>
                <a:gd name="T74" fmla="*/ 6 w 160"/>
                <a:gd name="T75" fmla="*/ 182 h 340"/>
                <a:gd name="T76" fmla="*/ 6 w 160"/>
                <a:gd name="T77" fmla="*/ 189 h 340"/>
                <a:gd name="T78" fmla="*/ 8 w 160"/>
                <a:gd name="T79" fmla="*/ 190 h 340"/>
                <a:gd name="T80" fmla="*/ 10 w 160"/>
                <a:gd name="T81" fmla="*/ 196 h 340"/>
                <a:gd name="T82" fmla="*/ 6 w 160"/>
                <a:gd name="T83" fmla="*/ 205 h 340"/>
                <a:gd name="T84" fmla="*/ 6 w 160"/>
                <a:gd name="T85" fmla="*/ 211 h 340"/>
                <a:gd name="T86" fmla="*/ 8 w 160"/>
                <a:gd name="T87" fmla="*/ 219 h 340"/>
                <a:gd name="T88" fmla="*/ 82 w 160"/>
                <a:gd name="T89" fmla="*/ 209 h 340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w 160"/>
                <a:gd name="T136" fmla="*/ 0 h 340"/>
                <a:gd name="T137" fmla="*/ 160 w 160"/>
                <a:gd name="T138" fmla="*/ 340 h 340"/>
              </a:gdLst>
              <a:ahLst/>
              <a:cxnLst>
                <a:cxn ang="T90">
                  <a:pos x="T0" y="T1"/>
                </a:cxn>
                <a:cxn ang="T91">
                  <a:pos x="T2" y="T3"/>
                </a:cxn>
                <a:cxn ang="T92">
                  <a:pos x="T4" y="T5"/>
                </a:cxn>
                <a:cxn ang="T93">
                  <a:pos x="T6" y="T7"/>
                </a:cxn>
                <a:cxn ang="T94">
                  <a:pos x="T8" y="T9"/>
                </a:cxn>
                <a:cxn ang="T95">
                  <a:pos x="T10" y="T11"/>
                </a:cxn>
                <a:cxn ang="T96">
                  <a:pos x="T12" y="T13"/>
                </a:cxn>
                <a:cxn ang="T97">
                  <a:pos x="T14" y="T15"/>
                </a:cxn>
                <a:cxn ang="T98">
                  <a:pos x="T16" y="T17"/>
                </a:cxn>
                <a:cxn ang="T99">
                  <a:pos x="T18" y="T19"/>
                </a:cxn>
                <a:cxn ang="T100">
                  <a:pos x="T20" y="T21"/>
                </a:cxn>
                <a:cxn ang="T101">
                  <a:pos x="T22" y="T23"/>
                </a:cxn>
                <a:cxn ang="T102">
                  <a:pos x="T24" y="T25"/>
                </a:cxn>
                <a:cxn ang="T103">
                  <a:pos x="T26" y="T27"/>
                </a:cxn>
                <a:cxn ang="T104">
                  <a:pos x="T28" y="T29"/>
                </a:cxn>
                <a:cxn ang="T105">
                  <a:pos x="T30" y="T31"/>
                </a:cxn>
                <a:cxn ang="T106">
                  <a:pos x="T32" y="T33"/>
                </a:cxn>
                <a:cxn ang="T107">
                  <a:pos x="T34" y="T35"/>
                </a:cxn>
                <a:cxn ang="T108">
                  <a:pos x="T36" y="T37"/>
                </a:cxn>
                <a:cxn ang="T109">
                  <a:pos x="T38" y="T39"/>
                </a:cxn>
                <a:cxn ang="T110">
                  <a:pos x="T40" y="T41"/>
                </a:cxn>
                <a:cxn ang="T111">
                  <a:pos x="T42" y="T43"/>
                </a:cxn>
                <a:cxn ang="T112">
                  <a:pos x="T44" y="T45"/>
                </a:cxn>
                <a:cxn ang="T113">
                  <a:pos x="T46" y="T47"/>
                </a:cxn>
                <a:cxn ang="T114">
                  <a:pos x="T48" y="T49"/>
                </a:cxn>
                <a:cxn ang="T115">
                  <a:pos x="T50" y="T51"/>
                </a:cxn>
                <a:cxn ang="T116">
                  <a:pos x="T52" y="T53"/>
                </a:cxn>
                <a:cxn ang="T117">
                  <a:pos x="T54" y="T55"/>
                </a:cxn>
                <a:cxn ang="T118">
                  <a:pos x="T56" y="T57"/>
                </a:cxn>
                <a:cxn ang="T119">
                  <a:pos x="T58" y="T59"/>
                </a:cxn>
                <a:cxn ang="T120">
                  <a:pos x="T60" y="T61"/>
                </a:cxn>
                <a:cxn ang="T121">
                  <a:pos x="T62" y="T63"/>
                </a:cxn>
                <a:cxn ang="T122">
                  <a:pos x="T64" y="T65"/>
                </a:cxn>
                <a:cxn ang="T123">
                  <a:pos x="T66" y="T67"/>
                </a:cxn>
                <a:cxn ang="T124">
                  <a:pos x="T68" y="T69"/>
                </a:cxn>
                <a:cxn ang="T125">
                  <a:pos x="T70" y="T71"/>
                </a:cxn>
                <a:cxn ang="T126">
                  <a:pos x="T72" y="T73"/>
                </a:cxn>
                <a:cxn ang="T127">
                  <a:pos x="T74" y="T75"/>
                </a:cxn>
                <a:cxn ang="T128">
                  <a:pos x="T76" y="T77"/>
                </a:cxn>
                <a:cxn ang="T129">
                  <a:pos x="T78" y="T79"/>
                </a:cxn>
                <a:cxn ang="T130">
                  <a:pos x="T80" y="T81"/>
                </a:cxn>
                <a:cxn ang="T131">
                  <a:pos x="T82" y="T83"/>
                </a:cxn>
                <a:cxn ang="T132">
                  <a:pos x="T84" y="T85"/>
                </a:cxn>
                <a:cxn ang="T133">
                  <a:pos x="T86" y="T87"/>
                </a:cxn>
                <a:cxn ang="T134">
                  <a:pos x="T88" y="T89"/>
                </a:cxn>
              </a:cxnLst>
              <a:rect l="T135" t="T136" r="T137" b="T138"/>
              <a:pathLst>
                <a:path w="160" h="340">
                  <a:moveTo>
                    <a:pt x="116" y="318"/>
                  </a:moveTo>
                  <a:lnTo>
                    <a:pt x="123" y="311"/>
                  </a:lnTo>
                  <a:lnTo>
                    <a:pt x="125" y="311"/>
                  </a:lnTo>
                  <a:lnTo>
                    <a:pt x="125" y="308"/>
                  </a:lnTo>
                  <a:lnTo>
                    <a:pt x="127" y="306"/>
                  </a:lnTo>
                  <a:lnTo>
                    <a:pt x="128" y="305"/>
                  </a:lnTo>
                  <a:lnTo>
                    <a:pt x="132" y="298"/>
                  </a:lnTo>
                  <a:lnTo>
                    <a:pt x="137" y="293"/>
                  </a:lnTo>
                  <a:lnTo>
                    <a:pt x="142" y="289"/>
                  </a:lnTo>
                  <a:lnTo>
                    <a:pt x="147" y="286"/>
                  </a:lnTo>
                  <a:lnTo>
                    <a:pt x="150" y="286"/>
                  </a:lnTo>
                  <a:lnTo>
                    <a:pt x="154" y="286"/>
                  </a:lnTo>
                  <a:lnTo>
                    <a:pt x="155" y="286"/>
                  </a:lnTo>
                  <a:lnTo>
                    <a:pt x="157" y="286"/>
                  </a:lnTo>
                  <a:lnTo>
                    <a:pt x="155" y="283"/>
                  </a:lnTo>
                  <a:lnTo>
                    <a:pt x="155" y="279"/>
                  </a:lnTo>
                  <a:lnTo>
                    <a:pt x="157" y="274"/>
                  </a:lnTo>
                  <a:lnTo>
                    <a:pt x="157" y="271"/>
                  </a:lnTo>
                  <a:lnTo>
                    <a:pt x="159" y="269"/>
                  </a:lnTo>
                  <a:lnTo>
                    <a:pt x="159" y="266"/>
                  </a:lnTo>
                  <a:lnTo>
                    <a:pt x="160" y="264"/>
                  </a:lnTo>
                  <a:lnTo>
                    <a:pt x="157" y="261"/>
                  </a:lnTo>
                  <a:lnTo>
                    <a:pt x="155" y="259"/>
                  </a:lnTo>
                  <a:lnTo>
                    <a:pt x="154" y="257"/>
                  </a:lnTo>
                  <a:lnTo>
                    <a:pt x="150" y="255"/>
                  </a:lnTo>
                  <a:lnTo>
                    <a:pt x="149" y="254"/>
                  </a:lnTo>
                  <a:lnTo>
                    <a:pt x="149" y="247"/>
                  </a:lnTo>
                  <a:lnTo>
                    <a:pt x="147" y="242"/>
                  </a:lnTo>
                  <a:lnTo>
                    <a:pt x="143" y="239"/>
                  </a:lnTo>
                  <a:lnTo>
                    <a:pt x="142" y="235"/>
                  </a:lnTo>
                  <a:lnTo>
                    <a:pt x="138" y="233"/>
                  </a:lnTo>
                  <a:lnTo>
                    <a:pt x="137" y="233"/>
                  </a:lnTo>
                  <a:lnTo>
                    <a:pt x="133" y="232"/>
                  </a:lnTo>
                  <a:lnTo>
                    <a:pt x="127" y="223"/>
                  </a:lnTo>
                  <a:lnTo>
                    <a:pt x="61" y="5"/>
                  </a:lnTo>
                  <a:lnTo>
                    <a:pt x="54" y="2"/>
                  </a:lnTo>
                  <a:lnTo>
                    <a:pt x="47" y="0"/>
                  </a:lnTo>
                  <a:lnTo>
                    <a:pt x="42" y="2"/>
                  </a:lnTo>
                  <a:lnTo>
                    <a:pt x="37" y="5"/>
                  </a:lnTo>
                  <a:lnTo>
                    <a:pt x="33" y="8"/>
                  </a:lnTo>
                  <a:lnTo>
                    <a:pt x="32" y="10"/>
                  </a:lnTo>
                  <a:lnTo>
                    <a:pt x="30" y="13"/>
                  </a:lnTo>
                  <a:lnTo>
                    <a:pt x="33" y="15"/>
                  </a:lnTo>
                  <a:lnTo>
                    <a:pt x="37" y="24"/>
                  </a:lnTo>
                  <a:lnTo>
                    <a:pt x="32" y="25"/>
                  </a:lnTo>
                  <a:lnTo>
                    <a:pt x="33" y="32"/>
                  </a:lnTo>
                  <a:lnTo>
                    <a:pt x="28" y="34"/>
                  </a:lnTo>
                  <a:lnTo>
                    <a:pt x="28" y="39"/>
                  </a:lnTo>
                  <a:lnTo>
                    <a:pt x="30" y="39"/>
                  </a:lnTo>
                  <a:lnTo>
                    <a:pt x="32" y="49"/>
                  </a:lnTo>
                  <a:lnTo>
                    <a:pt x="32" y="51"/>
                  </a:lnTo>
                  <a:lnTo>
                    <a:pt x="33" y="54"/>
                  </a:lnTo>
                  <a:lnTo>
                    <a:pt x="33" y="56"/>
                  </a:lnTo>
                  <a:lnTo>
                    <a:pt x="33" y="61"/>
                  </a:lnTo>
                  <a:lnTo>
                    <a:pt x="33" y="64"/>
                  </a:lnTo>
                  <a:lnTo>
                    <a:pt x="32" y="68"/>
                  </a:lnTo>
                  <a:lnTo>
                    <a:pt x="28" y="73"/>
                  </a:lnTo>
                  <a:lnTo>
                    <a:pt x="28" y="74"/>
                  </a:lnTo>
                  <a:lnTo>
                    <a:pt x="30" y="74"/>
                  </a:lnTo>
                  <a:lnTo>
                    <a:pt x="32" y="76"/>
                  </a:lnTo>
                  <a:lnTo>
                    <a:pt x="32" y="79"/>
                  </a:lnTo>
                  <a:lnTo>
                    <a:pt x="33" y="83"/>
                  </a:lnTo>
                  <a:lnTo>
                    <a:pt x="35" y="85"/>
                  </a:lnTo>
                  <a:lnTo>
                    <a:pt x="37" y="90"/>
                  </a:lnTo>
                  <a:lnTo>
                    <a:pt x="39" y="93"/>
                  </a:lnTo>
                  <a:lnTo>
                    <a:pt x="39" y="98"/>
                  </a:lnTo>
                  <a:lnTo>
                    <a:pt x="39" y="101"/>
                  </a:lnTo>
                  <a:lnTo>
                    <a:pt x="39" y="107"/>
                  </a:lnTo>
                  <a:lnTo>
                    <a:pt x="37" y="112"/>
                  </a:lnTo>
                  <a:lnTo>
                    <a:pt x="33" y="117"/>
                  </a:lnTo>
                  <a:lnTo>
                    <a:pt x="30" y="122"/>
                  </a:lnTo>
                  <a:lnTo>
                    <a:pt x="23" y="127"/>
                  </a:lnTo>
                  <a:lnTo>
                    <a:pt x="17" y="132"/>
                  </a:lnTo>
                  <a:lnTo>
                    <a:pt x="17" y="134"/>
                  </a:lnTo>
                  <a:lnTo>
                    <a:pt x="17" y="132"/>
                  </a:lnTo>
                  <a:lnTo>
                    <a:pt x="10" y="139"/>
                  </a:lnTo>
                  <a:lnTo>
                    <a:pt x="10" y="140"/>
                  </a:lnTo>
                  <a:lnTo>
                    <a:pt x="10" y="144"/>
                  </a:lnTo>
                  <a:lnTo>
                    <a:pt x="11" y="147"/>
                  </a:lnTo>
                  <a:lnTo>
                    <a:pt x="11" y="152"/>
                  </a:lnTo>
                  <a:lnTo>
                    <a:pt x="11" y="157"/>
                  </a:lnTo>
                  <a:lnTo>
                    <a:pt x="11" y="162"/>
                  </a:lnTo>
                  <a:lnTo>
                    <a:pt x="11" y="167"/>
                  </a:lnTo>
                  <a:lnTo>
                    <a:pt x="11" y="174"/>
                  </a:lnTo>
                  <a:lnTo>
                    <a:pt x="11" y="179"/>
                  </a:lnTo>
                  <a:lnTo>
                    <a:pt x="11" y="186"/>
                  </a:lnTo>
                  <a:lnTo>
                    <a:pt x="10" y="193"/>
                  </a:lnTo>
                  <a:lnTo>
                    <a:pt x="10" y="198"/>
                  </a:lnTo>
                  <a:lnTo>
                    <a:pt x="8" y="203"/>
                  </a:lnTo>
                  <a:lnTo>
                    <a:pt x="8" y="208"/>
                  </a:lnTo>
                  <a:lnTo>
                    <a:pt x="6" y="211"/>
                  </a:lnTo>
                  <a:lnTo>
                    <a:pt x="6" y="215"/>
                  </a:lnTo>
                  <a:lnTo>
                    <a:pt x="5" y="218"/>
                  </a:lnTo>
                  <a:lnTo>
                    <a:pt x="5" y="222"/>
                  </a:lnTo>
                  <a:lnTo>
                    <a:pt x="5" y="223"/>
                  </a:lnTo>
                  <a:lnTo>
                    <a:pt x="3" y="228"/>
                  </a:lnTo>
                  <a:lnTo>
                    <a:pt x="1" y="233"/>
                  </a:lnTo>
                  <a:lnTo>
                    <a:pt x="0" y="240"/>
                  </a:lnTo>
                  <a:lnTo>
                    <a:pt x="0" y="247"/>
                  </a:lnTo>
                  <a:lnTo>
                    <a:pt x="0" y="254"/>
                  </a:lnTo>
                  <a:lnTo>
                    <a:pt x="1" y="261"/>
                  </a:lnTo>
                  <a:lnTo>
                    <a:pt x="5" y="267"/>
                  </a:lnTo>
                  <a:lnTo>
                    <a:pt x="6" y="267"/>
                  </a:lnTo>
                  <a:lnTo>
                    <a:pt x="6" y="271"/>
                  </a:lnTo>
                  <a:lnTo>
                    <a:pt x="6" y="274"/>
                  </a:lnTo>
                  <a:lnTo>
                    <a:pt x="6" y="277"/>
                  </a:lnTo>
                  <a:lnTo>
                    <a:pt x="6" y="281"/>
                  </a:lnTo>
                  <a:lnTo>
                    <a:pt x="6" y="284"/>
                  </a:lnTo>
                  <a:lnTo>
                    <a:pt x="6" y="286"/>
                  </a:lnTo>
                  <a:lnTo>
                    <a:pt x="6" y="288"/>
                  </a:lnTo>
                  <a:lnTo>
                    <a:pt x="8" y="289"/>
                  </a:lnTo>
                  <a:lnTo>
                    <a:pt x="8" y="293"/>
                  </a:lnTo>
                  <a:lnTo>
                    <a:pt x="10" y="296"/>
                  </a:lnTo>
                  <a:lnTo>
                    <a:pt x="10" y="299"/>
                  </a:lnTo>
                  <a:lnTo>
                    <a:pt x="10" y="305"/>
                  </a:lnTo>
                  <a:lnTo>
                    <a:pt x="10" y="308"/>
                  </a:lnTo>
                  <a:lnTo>
                    <a:pt x="6" y="311"/>
                  </a:lnTo>
                  <a:lnTo>
                    <a:pt x="6" y="313"/>
                  </a:lnTo>
                  <a:lnTo>
                    <a:pt x="6" y="315"/>
                  </a:lnTo>
                  <a:lnTo>
                    <a:pt x="6" y="320"/>
                  </a:lnTo>
                  <a:lnTo>
                    <a:pt x="6" y="323"/>
                  </a:lnTo>
                  <a:lnTo>
                    <a:pt x="6" y="328"/>
                  </a:lnTo>
                  <a:lnTo>
                    <a:pt x="8" y="333"/>
                  </a:lnTo>
                  <a:lnTo>
                    <a:pt x="10" y="337"/>
                  </a:lnTo>
                  <a:lnTo>
                    <a:pt x="15" y="340"/>
                  </a:lnTo>
                  <a:lnTo>
                    <a:pt x="116" y="318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239" name="Group 177"/>
            <p:cNvGrpSpPr>
              <a:grpSpLocks/>
            </p:cNvGrpSpPr>
            <p:nvPr/>
          </p:nvGrpSpPr>
          <p:grpSpPr bwMode="auto">
            <a:xfrm>
              <a:off x="3502" y="2791"/>
              <a:ext cx="368" cy="598"/>
              <a:chOff x="3720" y="2429"/>
              <a:chExt cx="378" cy="616"/>
            </a:xfrm>
          </p:grpSpPr>
          <p:sp>
            <p:nvSpPr>
              <p:cNvPr id="251" name="Freeform 178"/>
              <p:cNvSpPr>
                <a:spLocks/>
              </p:cNvSpPr>
              <p:nvPr/>
            </p:nvSpPr>
            <p:spPr bwMode="auto">
              <a:xfrm>
                <a:off x="3720" y="2429"/>
                <a:ext cx="378" cy="616"/>
              </a:xfrm>
              <a:custGeom>
                <a:avLst/>
                <a:gdLst>
                  <a:gd name="T0" fmla="*/ 51 w 378"/>
                  <a:gd name="T1" fmla="*/ 607 h 616"/>
                  <a:gd name="T2" fmla="*/ 54 w 378"/>
                  <a:gd name="T3" fmla="*/ 592 h 616"/>
                  <a:gd name="T4" fmla="*/ 75 w 378"/>
                  <a:gd name="T5" fmla="*/ 548 h 616"/>
                  <a:gd name="T6" fmla="*/ 97 w 378"/>
                  <a:gd name="T7" fmla="*/ 605 h 616"/>
                  <a:gd name="T8" fmla="*/ 92 w 378"/>
                  <a:gd name="T9" fmla="*/ 607 h 616"/>
                  <a:gd name="T10" fmla="*/ 81 w 378"/>
                  <a:gd name="T11" fmla="*/ 611 h 616"/>
                  <a:gd name="T12" fmla="*/ 73 w 378"/>
                  <a:gd name="T13" fmla="*/ 614 h 616"/>
                  <a:gd name="T14" fmla="*/ 70 w 378"/>
                  <a:gd name="T15" fmla="*/ 616 h 616"/>
                  <a:gd name="T16" fmla="*/ 83 w 378"/>
                  <a:gd name="T17" fmla="*/ 614 h 616"/>
                  <a:gd name="T18" fmla="*/ 98 w 378"/>
                  <a:gd name="T19" fmla="*/ 611 h 616"/>
                  <a:gd name="T20" fmla="*/ 110 w 378"/>
                  <a:gd name="T21" fmla="*/ 607 h 616"/>
                  <a:gd name="T22" fmla="*/ 115 w 378"/>
                  <a:gd name="T23" fmla="*/ 607 h 616"/>
                  <a:gd name="T24" fmla="*/ 114 w 378"/>
                  <a:gd name="T25" fmla="*/ 604 h 616"/>
                  <a:gd name="T26" fmla="*/ 112 w 378"/>
                  <a:gd name="T27" fmla="*/ 600 h 616"/>
                  <a:gd name="T28" fmla="*/ 122 w 378"/>
                  <a:gd name="T29" fmla="*/ 590 h 616"/>
                  <a:gd name="T30" fmla="*/ 125 w 378"/>
                  <a:gd name="T31" fmla="*/ 585 h 616"/>
                  <a:gd name="T32" fmla="*/ 125 w 378"/>
                  <a:gd name="T33" fmla="*/ 582 h 616"/>
                  <a:gd name="T34" fmla="*/ 125 w 378"/>
                  <a:gd name="T35" fmla="*/ 582 h 616"/>
                  <a:gd name="T36" fmla="*/ 125 w 378"/>
                  <a:gd name="T37" fmla="*/ 580 h 616"/>
                  <a:gd name="T38" fmla="*/ 125 w 378"/>
                  <a:gd name="T39" fmla="*/ 577 h 616"/>
                  <a:gd name="T40" fmla="*/ 124 w 378"/>
                  <a:gd name="T41" fmla="*/ 572 h 616"/>
                  <a:gd name="T42" fmla="*/ 124 w 378"/>
                  <a:gd name="T43" fmla="*/ 570 h 616"/>
                  <a:gd name="T44" fmla="*/ 127 w 378"/>
                  <a:gd name="T45" fmla="*/ 558 h 616"/>
                  <a:gd name="T46" fmla="*/ 119 w 378"/>
                  <a:gd name="T47" fmla="*/ 548 h 616"/>
                  <a:gd name="T48" fmla="*/ 109 w 378"/>
                  <a:gd name="T49" fmla="*/ 539 h 616"/>
                  <a:gd name="T50" fmla="*/ 103 w 378"/>
                  <a:gd name="T51" fmla="*/ 538 h 616"/>
                  <a:gd name="T52" fmla="*/ 378 w 378"/>
                  <a:gd name="T53" fmla="*/ 489 h 616"/>
                  <a:gd name="T54" fmla="*/ 361 w 378"/>
                  <a:gd name="T55" fmla="*/ 455 h 616"/>
                  <a:gd name="T56" fmla="*/ 361 w 378"/>
                  <a:gd name="T57" fmla="*/ 445 h 616"/>
                  <a:gd name="T58" fmla="*/ 361 w 378"/>
                  <a:gd name="T59" fmla="*/ 431 h 616"/>
                  <a:gd name="T60" fmla="*/ 359 w 378"/>
                  <a:gd name="T61" fmla="*/ 421 h 616"/>
                  <a:gd name="T62" fmla="*/ 354 w 378"/>
                  <a:gd name="T63" fmla="*/ 413 h 616"/>
                  <a:gd name="T64" fmla="*/ 349 w 378"/>
                  <a:gd name="T65" fmla="*/ 399 h 616"/>
                  <a:gd name="T66" fmla="*/ 349 w 378"/>
                  <a:gd name="T67" fmla="*/ 385 h 616"/>
                  <a:gd name="T68" fmla="*/ 351 w 378"/>
                  <a:gd name="T69" fmla="*/ 377 h 616"/>
                  <a:gd name="T70" fmla="*/ 351 w 378"/>
                  <a:gd name="T71" fmla="*/ 367 h 616"/>
                  <a:gd name="T72" fmla="*/ 351 w 378"/>
                  <a:gd name="T73" fmla="*/ 355 h 616"/>
                  <a:gd name="T74" fmla="*/ 352 w 378"/>
                  <a:gd name="T75" fmla="*/ 348 h 616"/>
                  <a:gd name="T76" fmla="*/ 354 w 378"/>
                  <a:gd name="T77" fmla="*/ 345 h 616"/>
                  <a:gd name="T78" fmla="*/ 361 w 378"/>
                  <a:gd name="T79" fmla="*/ 336 h 616"/>
                  <a:gd name="T80" fmla="*/ 364 w 378"/>
                  <a:gd name="T81" fmla="*/ 328 h 616"/>
                  <a:gd name="T82" fmla="*/ 361 w 378"/>
                  <a:gd name="T83" fmla="*/ 323 h 616"/>
                  <a:gd name="T84" fmla="*/ 357 w 378"/>
                  <a:gd name="T85" fmla="*/ 321 h 616"/>
                  <a:gd name="T86" fmla="*/ 356 w 378"/>
                  <a:gd name="T87" fmla="*/ 314 h 616"/>
                  <a:gd name="T88" fmla="*/ 352 w 378"/>
                  <a:gd name="T89" fmla="*/ 304 h 616"/>
                  <a:gd name="T90" fmla="*/ 349 w 378"/>
                  <a:gd name="T91" fmla="*/ 297 h 616"/>
                  <a:gd name="T92" fmla="*/ 347 w 378"/>
                  <a:gd name="T93" fmla="*/ 296 h 616"/>
                  <a:gd name="T94" fmla="*/ 329 w 378"/>
                  <a:gd name="T95" fmla="*/ 257 h 616"/>
                  <a:gd name="T96" fmla="*/ 257 w 378"/>
                  <a:gd name="T97" fmla="*/ 0 h 616"/>
                  <a:gd name="T98" fmla="*/ 0 w 378"/>
                  <a:gd name="T99" fmla="*/ 414 h 616"/>
                  <a:gd name="T100" fmla="*/ 44 w 378"/>
                  <a:gd name="T101" fmla="*/ 599 h 61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w 378"/>
                  <a:gd name="T154" fmla="*/ 0 h 616"/>
                  <a:gd name="T155" fmla="*/ 378 w 378"/>
                  <a:gd name="T156" fmla="*/ 616 h 616"/>
                </a:gdLst>
                <a:ahLst/>
                <a:cxnLst>
                  <a:cxn ang="T102">
                    <a:pos x="T0" y="T1"/>
                  </a:cxn>
                  <a:cxn ang="T103">
                    <a:pos x="T2" y="T3"/>
                  </a:cxn>
                  <a:cxn ang="T104">
                    <a:pos x="T4" y="T5"/>
                  </a:cxn>
                  <a:cxn ang="T105">
                    <a:pos x="T6" y="T7"/>
                  </a:cxn>
                  <a:cxn ang="T106">
                    <a:pos x="T8" y="T9"/>
                  </a:cxn>
                  <a:cxn ang="T107">
                    <a:pos x="T10" y="T11"/>
                  </a:cxn>
                  <a:cxn ang="T108">
                    <a:pos x="T12" y="T13"/>
                  </a:cxn>
                  <a:cxn ang="T109">
                    <a:pos x="T14" y="T15"/>
                  </a:cxn>
                  <a:cxn ang="T110">
                    <a:pos x="T16" y="T17"/>
                  </a:cxn>
                  <a:cxn ang="T111">
                    <a:pos x="T18" y="T19"/>
                  </a:cxn>
                  <a:cxn ang="T112">
                    <a:pos x="T20" y="T21"/>
                  </a:cxn>
                  <a:cxn ang="T113">
                    <a:pos x="T22" y="T23"/>
                  </a:cxn>
                  <a:cxn ang="T114">
                    <a:pos x="T24" y="T25"/>
                  </a:cxn>
                  <a:cxn ang="T115">
                    <a:pos x="T26" y="T27"/>
                  </a:cxn>
                  <a:cxn ang="T116">
                    <a:pos x="T28" y="T29"/>
                  </a:cxn>
                  <a:cxn ang="T117">
                    <a:pos x="T30" y="T31"/>
                  </a:cxn>
                  <a:cxn ang="T118">
                    <a:pos x="T32" y="T33"/>
                  </a:cxn>
                  <a:cxn ang="T119">
                    <a:pos x="T34" y="T35"/>
                  </a:cxn>
                  <a:cxn ang="T120">
                    <a:pos x="T36" y="T37"/>
                  </a:cxn>
                  <a:cxn ang="T121">
                    <a:pos x="T38" y="T39"/>
                  </a:cxn>
                  <a:cxn ang="T122">
                    <a:pos x="T40" y="T41"/>
                  </a:cxn>
                  <a:cxn ang="T123">
                    <a:pos x="T42" y="T43"/>
                  </a:cxn>
                  <a:cxn ang="T124">
                    <a:pos x="T44" y="T45"/>
                  </a:cxn>
                  <a:cxn ang="T125">
                    <a:pos x="T46" y="T47"/>
                  </a:cxn>
                  <a:cxn ang="T126">
                    <a:pos x="T48" y="T49"/>
                  </a:cxn>
                  <a:cxn ang="T127">
                    <a:pos x="T50" y="T51"/>
                  </a:cxn>
                  <a:cxn ang="T128">
                    <a:pos x="T52" y="T53"/>
                  </a:cxn>
                  <a:cxn ang="T129">
                    <a:pos x="T54" y="T55"/>
                  </a:cxn>
                  <a:cxn ang="T130">
                    <a:pos x="T56" y="T57"/>
                  </a:cxn>
                  <a:cxn ang="T131">
                    <a:pos x="T58" y="T59"/>
                  </a:cxn>
                  <a:cxn ang="T132">
                    <a:pos x="T60" y="T61"/>
                  </a:cxn>
                  <a:cxn ang="T133">
                    <a:pos x="T62" y="T63"/>
                  </a:cxn>
                  <a:cxn ang="T134">
                    <a:pos x="T64" y="T65"/>
                  </a:cxn>
                  <a:cxn ang="T135">
                    <a:pos x="T66" y="T67"/>
                  </a:cxn>
                  <a:cxn ang="T136">
                    <a:pos x="T68" y="T69"/>
                  </a:cxn>
                  <a:cxn ang="T137">
                    <a:pos x="T70" y="T71"/>
                  </a:cxn>
                  <a:cxn ang="T138">
                    <a:pos x="T72" y="T73"/>
                  </a:cxn>
                  <a:cxn ang="T139">
                    <a:pos x="T74" y="T75"/>
                  </a:cxn>
                  <a:cxn ang="T140">
                    <a:pos x="T76" y="T77"/>
                  </a:cxn>
                  <a:cxn ang="T141">
                    <a:pos x="T78" y="T79"/>
                  </a:cxn>
                  <a:cxn ang="T142">
                    <a:pos x="T80" y="T81"/>
                  </a:cxn>
                  <a:cxn ang="T143">
                    <a:pos x="T82" y="T83"/>
                  </a:cxn>
                  <a:cxn ang="T144">
                    <a:pos x="T84" y="T85"/>
                  </a:cxn>
                  <a:cxn ang="T145">
                    <a:pos x="T86" y="T87"/>
                  </a:cxn>
                  <a:cxn ang="T146">
                    <a:pos x="T88" y="T89"/>
                  </a:cxn>
                  <a:cxn ang="T147">
                    <a:pos x="T90" y="T91"/>
                  </a:cxn>
                  <a:cxn ang="T148">
                    <a:pos x="T92" y="T93"/>
                  </a:cxn>
                  <a:cxn ang="T149">
                    <a:pos x="T94" y="T95"/>
                  </a:cxn>
                  <a:cxn ang="T150">
                    <a:pos x="T96" y="T97"/>
                  </a:cxn>
                  <a:cxn ang="T151">
                    <a:pos x="T98" y="T99"/>
                  </a:cxn>
                  <a:cxn ang="T152">
                    <a:pos x="T100" y="T101"/>
                  </a:cxn>
                </a:cxnLst>
                <a:rect l="T153" t="T154" r="T155" b="T156"/>
                <a:pathLst>
                  <a:path w="378" h="616">
                    <a:moveTo>
                      <a:pt x="44" y="599"/>
                    </a:moveTo>
                    <a:lnTo>
                      <a:pt x="51" y="607"/>
                    </a:lnTo>
                    <a:lnTo>
                      <a:pt x="58" y="600"/>
                    </a:lnTo>
                    <a:lnTo>
                      <a:pt x="54" y="592"/>
                    </a:lnTo>
                    <a:lnTo>
                      <a:pt x="61" y="550"/>
                    </a:lnTo>
                    <a:lnTo>
                      <a:pt x="75" y="548"/>
                    </a:lnTo>
                    <a:lnTo>
                      <a:pt x="73" y="587"/>
                    </a:lnTo>
                    <a:lnTo>
                      <a:pt x="97" y="605"/>
                    </a:lnTo>
                    <a:lnTo>
                      <a:pt x="95" y="605"/>
                    </a:lnTo>
                    <a:lnTo>
                      <a:pt x="92" y="607"/>
                    </a:lnTo>
                    <a:lnTo>
                      <a:pt x="87" y="609"/>
                    </a:lnTo>
                    <a:lnTo>
                      <a:pt x="81" y="611"/>
                    </a:lnTo>
                    <a:lnTo>
                      <a:pt x="76" y="612"/>
                    </a:lnTo>
                    <a:lnTo>
                      <a:pt x="73" y="614"/>
                    </a:lnTo>
                    <a:lnTo>
                      <a:pt x="70" y="616"/>
                    </a:lnTo>
                    <a:lnTo>
                      <a:pt x="76" y="616"/>
                    </a:lnTo>
                    <a:lnTo>
                      <a:pt x="83" y="614"/>
                    </a:lnTo>
                    <a:lnTo>
                      <a:pt x="92" y="612"/>
                    </a:lnTo>
                    <a:lnTo>
                      <a:pt x="98" y="611"/>
                    </a:lnTo>
                    <a:lnTo>
                      <a:pt x="105" y="609"/>
                    </a:lnTo>
                    <a:lnTo>
                      <a:pt x="110" y="607"/>
                    </a:lnTo>
                    <a:lnTo>
                      <a:pt x="114" y="607"/>
                    </a:lnTo>
                    <a:lnTo>
                      <a:pt x="115" y="607"/>
                    </a:lnTo>
                    <a:lnTo>
                      <a:pt x="115" y="605"/>
                    </a:lnTo>
                    <a:lnTo>
                      <a:pt x="114" y="604"/>
                    </a:lnTo>
                    <a:lnTo>
                      <a:pt x="112" y="602"/>
                    </a:lnTo>
                    <a:lnTo>
                      <a:pt x="112" y="600"/>
                    </a:lnTo>
                    <a:lnTo>
                      <a:pt x="117" y="595"/>
                    </a:lnTo>
                    <a:lnTo>
                      <a:pt x="122" y="590"/>
                    </a:lnTo>
                    <a:lnTo>
                      <a:pt x="124" y="587"/>
                    </a:lnTo>
                    <a:lnTo>
                      <a:pt x="125" y="585"/>
                    </a:lnTo>
                    <a:lnTo>
                      <a:pt x="125" y="583"/>
                    </a:lnTo>
                    <a:lnTo>
                      <a:pt x="125" y="582"/>
                    </a:lnTo>
                    <a:lnTo>
                      <a:pt x="125" y="580"/>
                    </a:lnTo>
                    <a:lnTo>
                      <a:pt x="125" y="578"/>
                    </a:lnTo>
                    <a:lnTo>
                      <a:pt x="125" y="577"/>
                    </a:lnTo>
                    <a:lnTo>
                      <a:pt x="124" y="573"/>
                    </a:lnTo>
                    <a:lnTo>
                      <a:pt x="124" y="572"/>
                    </a:lnTo>
                    <a:lnTo>
                      <a:pt x="124" y="570"/>
                    </a:lnTo>
                    <a:lnTo>
                      <a:pt x="127" y="565"/>
                    </a:lnTo>
                    <a:lnTo>
                      <a:pt x="127" y="558"/>
                    </a:lnTo>
                    <a:lnTo>
                      <a:pt x="124" y="553"/>
                    </a:lnTo>
                    <a:lnTo>
                      <a:pt x="119" y="548"/>
                    </a:lnTo>
                    <a:lnTo>
                      <a:pt x="114" y="545"/>
                    </a:lnTo>
                    <a:lnTo>
                      <a:pt x="109" y="539"/>
                    </a:lnTo>
                    <a:lnTo>
                      <a:pt x="105" y="538"/>
                    </a:lnTo>
                    <a:lnTo>
                      <a:pt x="103" y="538"/>
                    </a:lnTo>
                    <a:lnTo>
                      <a:pt x="102" y="516"/>
                    </a:lnTo>
                    <a:lnTo>
                      <a:pt x="378" y="489"/>
                    </a:lnTo>
                    <a:lnTo>
                      <a:pt x="361" y="457"/>
                    </a:lnTo>
                    <a:lnTo>
                      <a:pt x="361" y="455"/>
                    </a:lnTo>
                    <a:lnTo>
                      <a:pt x="361" y="450"/>
                    </a:lnTo>
                    <a:lnTo>
                      <a:pt x="361" y="445"/>
                    </a:lnTo>
                    <a:lnTo>
                      <a:pt x="361" y="438"/>
                    </a:lnTo>
                    <a:lnTo>
                      <a:pt x="361" y="431"/>
                    </a:lnTo>
                    <a:lnTo>
                      <a:pt x="359" y="424"/>
                    </a:lnTo>
                    <a:lnTo>
                      <a:pt x="359" y="421"/>
                    </a:lnTo>
                    <a:lnTo>
                      <a:pt x="359" y="418"/>
                    </a:lnTo>
                    <a:lnTo>
                      <a:pt x="354" y="413"/>
                    </a:lnTo>
                    <a:lnTo>
                      <a:pt x="351" y="406"/>
                    </a:lnTo>
                    <a:lnTo>
                      <a:pt x="349" y="399"/>
                    </a:lnTo>
                    <a:lnTo>
                      <a:pt x="349" y="391"/>
                    </a:lnTo>
                    <a:lnTo>
                      <a:pt x="349" y="385"/>
                    </a:lnTo>
                    <a:lnTo>
                      <a:pt x="349" y="380"/>
                    </a:lnTo>
                    <a:lnTo>
                      <a:pt x="351" y="377"/>
                    </a:lnTo>
                    <a:lnTo>
                      <a:pt x="351" y="374"/>
                    </a:lnTo>
                    <a:lnTo>
                      <a:pt x="351" y="367"/>
                    </a:lnTo>
                    <a:lnTo>
                      <a:pt x="351" y="360"/>
                    </a:lnTo>
                    <a:lnTo>
                      <a:pt x="351" y="355"/>
                    </a:lnTo>
                    <a:lnTo>
                      <a:pt x="352" y="350"/>
                    </a:lnTo>
                    <a:lnTo>
                      <a:pt x="352" y="348"/>
                    </a:lnTo>
                    <a:lnTo>
                      <a:pt x="352" y="345"/>
                    </a:lnTo>
                    <a:lnTo>
                      <a:pt x="354" y="345"/>
                    </a:lnTo>
                    <a:lnTo>
                      <a:pt x="354" y="343"/>
                    </a:lnTo>
                    <a:lnTo>
                      <a:pt x="361" y="336"/>
                    </a:lnTo>
                    <a:lnTo>
                      <a:pt x="364" y="331"/>
                    </a:lnTo>
                    <a:lnTo>
                      <a:pt x="364" y="328"/>
                    </a:lnTo>
                    <a:lnTo>
                      <a:pt x="364" y="325"/>
                    </a:lnTo>
                    <a:lnTo>
                      <a:pt x="361" y="323"/>
                    </a:lnTo>
                    <a:lnTo>
                      <a:pt x="359" y="323"/>
                    </a:lnTo>
                    <a:lnTo>
                      <a:pt x="357" y="321"/>
                    </a:lnTo>
                    <a:lnTo>
                      <a:pt x="356" y="319"/>
                    </a:lnTo>
                    <a:lnTo>
                      <a:pt x="356" y="314"/>
                    </a:lnTo>
                    <a:lnTo>
                      <a:pt x="356" y="308"/>
                    </a:lnTo>
                    <a:lnTo>
                      <a:pt x="352" y="304"/>
                    </a:lnTo>
                    <a:lnTo>
                      <a:pt x="351" y="301"/>
                    </a:lnTo>
                    <a:lnTo>
                      <a:pt x="349" y="297"/>
                    </a:lnTo>
                    <a:lnTo>
                      <a:pt x="347" y="296"/>
                    </a:lnTo>
                    <a:lnTo>
                      <a:pt x="345" y="294"/>
                    </a:lnTo>
                    <a:lnTo>
                      <a:pt x="329" y="257"/>
                    </a:lnTo>
                    <a:lnTo>
                      <a:pt x="256" y="0"/>
                    </a:lnTo>
                    <a:lnTo>
                      <a:pt x="257" y="0"/>
                    </a:lnTo>
                    <a:lnTo>
                      <a:pt x="5" y="22"/>
                    </a:lnTo>
                    <a:lnTo>
                      <a:pt x="0" y="414"/>
                    </a:lnTo>
                    <a:lnTo>
                      <a:pt x="24" y="599"/>
                    </a:lnTo>
                    <a:lnTo>
                      <a:pt x="44" y="59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52" name="Freeform 179"/>
              <p:cNvSpPr>
                <a:spLocks/>
              </p:cNvSpPr>
              <p:nvPr/>
            </p:nvSpPr>
            <p:spPr bwMode="auto">
              <a:xfrm>
                <a:off x="3720" y="2429"/>
                <a:ext cx="378" cy="616"/>
              </a:xfrm>
              <a:custGeom>
                <a:avLst/>
                <a:gdLst>
                  <a:gd name="T0" fmla="*/ 51 w 378"/>
                  <a:gd name="T1" fmla="*/ 607 h 616"/>
                  <a:gd name="T2" fmla="*/ 54 w 378"/>
                  <a:gd name="T3" fmla="*/ 592 h 616"/>
                  <a:gd name="T4" fmla="*/ 75 w 378"/>
                  <a:gd name="T5" fmla="*/ 548 h 616"/>
                  <a:gd name="T6" fmla="*/ 97 w 378"/>
                  <a:gd name="T7" fmla="*/ 605 h 616"/>
                  <a:gd name="T8" fmla="*/ 95 w 378"/>
                  <a:gd name="T9" fmla="*/ 605 h 616"/>
                  <a:gd name="T10" fmla="*/ 87 w 378"/>
                  <a:gd name="T11" fmla="*/ 609 h 616"/>
                  <a:gd name="T12" fmla="*/ 76 w 378"/>
                  <a:gd name="T13" fmla="*/ 612 h 616"/>
                  <a:gd name="T14" fmla="*/ 70 w 378"/>
                  <a:gd name="T15" fmla="*/ 616 h 616"/>
                  <a:gd name="T16" fmla="*/ 70 w 378"/>
                  <a:gd name="T17" fmla="*/ 616 h 616"/>
                  <a:gd name="T18" fmla="*/ 83 w 378"/>
                  <a:gd name="T19" fmla="*/ 614 h 616"/>
                  <a:gd name="T20" fmla="*/ 98 w 378"/>
                  <a:gd name="T21" fmla="*/ 611 h 616"/>
                  <a:gd name="T22" fmla="*/ 110 w 378"/>
                  <a:gd name="T23" fmla="*/ 607 h 616"/>
                  <a:gd name="T24" fmla="*/ 115 w 378"/>
                  <a:gd name="T25" fmla="*/ 607 h 616"/>
                  <a:gd name="T26" fmla="*/ 115 w 378"/>
                  <a:gd name="T27" fmla="*/ 605 h 616"/>
                  <a:gd name="T28" fmla="*/ 112 w 378"/>
                  <a:gd name="T29" fmla="*/ 602 h 616"/>
                  <a:gd name="T30" fmla="*/ 112 w 378"/>
                  <a:gd name="T31" fmla="*/ 600 h 616"/>
                  <a:gd name="T32" fmla="*/ 122 w 378"/>
                  <a:gd name="T33" fmla="*/ 590 h 616"/>
                  <a:gd name="T34" fmla="*/ 125 w 378"/>
                  <a:gd name="T35" fmla="*/ 585 h 616"/>
                  <a:gd name="T36" fmla="*/ 125 w 378"/>
                  <a:gd name="T37" fmla="*/ 582 h 616"/>
                  <a:gd name="T38" fmla="*/ 125 w 378"/>
                  <a:gd name="T39" fmla="*/ 582 h 616"/>
                  <a:gd name="T40" fmla="*/ 125 w 378"/>
                  <a:gd name="T41" fmla="*/ 582 h 616"/>
                  <a:gd name="T42" fmla="*/ 125 w 378"/>
                  <a:gd name="T43" fmla="*/ 578 h 616"/>
                  <a:gd name="T44" fmla="*/ 124 w 378"/>
                  <a:gd name="T45" fmla="*/ 573 h 616"/>
                  <a:gd name="T46" fmla="*/ 124 w 378"/>
                  <a:gd name="T47" fmla="*/ 570 h 616"/>
                  <a:gd name="T48" fmla="*/ 124 w 378"/>
                  <a:gd name="T49" fmla="*/ 570 h 616"/>
                  <a:gd name="T50" fmla="*/ 127 w 378"/>
                  <a:gd name="T51" fmla="*/ 558 h 616"/>
                  <a:gd name="T52" fmla="*/ 119 w 378"/>
                  <a:gd name="T53" fmla="*/ 548 h 616"/>
                  <a:gd name="T54" fmla="*/ 109 w 378"/>
                  <a:gd name="T55" fmla="*/ 539 h 616"/>
                  <a:gd name="T56" fmla="*/ 103 w 378"/>
                  <a:gd name="T57" fmla="*/ 538 h 616"/>
                  <a:gd name="T58" fmla="*/ 378 w 378"/>
                  <a:gd name="T59" fmla="*/ 489 h 616"/>
                  <a:gd name="T60" fmla="*/ 361 w 378"/>
                  <a:gd name="T61" fmla="*/ 457 h 616"/>
                  <a:gd name="T62" fmla="*/ 361 w 378"/>
                  <a:gd name="T63" fmla="*/ 450 h 616"/>
                  <a:gd name="T64" fmla="*/ 361 w 378"/>
                  <a:gd name="T65" fmla="*/ 438 h 616"/>
                  <a:gd name="T66" fmla="*/ 359 w 378"/>
                  <a:gd name="T67" fmla="*/ 424 h 616"/>
                  <a:gd name="T68" fmla="*/ 359 w 378"/>
                  <a:gd name="T69" fmla="*/ 418 h 616"/>
                  <a:gd name="T70" fmla="*/ 354 w 378"/>
                  <a:gd name="T71" fmla="*/ 413 h 616"/>
                  <a:gd name="T72" fmla="*/ 349 w 378"/>
                  <a:gd name="T73" fmla="*/ 399 h 616"/>
                  <a:gd name="T74" fmla="*/ 349 w 378"/>
                  <a:gd name="T75" fmla="*/ 385 h 616"/>
                  <a:gd name="T76" fmla="*/ 351 w 378"/>
                  <a:gd name="T77" fmla="*/ 377 h 616"/>
                  <a:gd name="T78" fmla="*/ 351 w 378"/>
                  <a:gd name="T79" fmla="*/ 374 h 616"/>
                  <a:gd name="T80" fmla="*/ 351 w 378"/>
                  <a:gd name="T81" fmla="*/ 360 h 616"/>
                  <a:gd name="T82" fmla="*/ 352 w 378"/>
                  <a:gd name="T83" fmla="*/ 350 h 616"/>
                  <a:gd name="T84" fmla="*/ 352 w 378"/>
                  <a:gd name="T85" fmla="*/ 345 h 616"/>
                  <a:gd name="T86" fmla="*/ 354 w 378"/>
                  <a:gd name="T87" fmla="*/ 343 h 616"/>
                  <a:gd name="T88" fmla="*/ 361 w 378"/>
                  <a:gd name="T89" fmla="*/ 336 h 616"/>
                  <a:gd name="T90" fmla="*/ 364 w 378"/>
                  <a:gd name="T91" fmla="*/ 328 h 616"/>
                  <a:gd name="T92" fmla="*/ 361 w 378"/>
                  <a:gd name="T93" fmla="*/ 323 h 616"/>
                  <a:gd name="T94" fmla="*/ 357 w 378"/>
                  <a:gd name="T95" fmla="*/ 321 h 616"/>
                  <a:gd name="T96" fmla="*/ 356 w 378"/>
                  <a:gd name="T97" fmla="*/ 319 h 616"/>
                  <a:gd name="T98" fmla="*/ 356 w 378"/>
                  <a:gd name="T99" fmla="*/ 308 h 616"/>
                  <a:gd name="T100" fmla="*/ 351 w 378"/>
                  <a:gd name="T101" fmla="*/ 301 h 616"/>
                  <a:gd name="T102" fmla="*/ 347 w 378"/>
                  <a:gd name="T103" fmla="*/ 296 h 616"/>
                  <a:gd name="T104" fmla="*/ 345 w 378"/>
                  <a:gd name="T105" fmla="*/ 294 h 616"/>
                  <a:gd name="T106" fmla="*/ 256 w 378"/>
                  <a:gd name="T107" fmla="*/ 0 h 616"/>
                  <a:gd name="T108" fmla="*/ 5 w 378"/>
                  <a:gd name="T109" fmla="*/ 22 h 616"/>
                  <a:gd name="T110" fmla="*/ 24 w 378"/>
                  <a:gd name="T111" fmla="*/ 599 h 61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378"/>
                  <a:gd name="T169" fmla="*/ 0 h 616"/>
                  <a:gd name="T170" fmla="*/ 378 w 378"/>
                  <a:gd name="T171" fmla="*/ 616 h 616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378" h="616">
                    <a:moveTo>
                      <a:pt x="44" y="599"/>
                    </a:moveTo>
                    <a:lnTo>
                      <a:pt x="51" y="607"/>
                    </a:lnTo>
                    <a:lnTo>
                      <a:pt x="58" y="600"/>
                    </a:lnTo>
                    <a:lnTo>
                      <a:pt x="54" y="592"/>
                    </a:lnTo>
                    <a:lnTo>
                      <a:pt x="61" y="550"/>
                    </a:lnTo>
                    <a:lnTo>
                      <a:pt x="75" y="548"/>
                    </a:lnTo>
                    <a:lnTo>
                      <a:pt x="73" y="587"/>
                    </a:lnTo>
                    <a:lnTo>
                      <a:pt x="97" y="605"/>
                    </a:lnTo>
                    <a:lnTo>
                      <a:pt x="95" y="605"/>
                    </a:lnTo>
                    <a:lnTo>
                      <a:pt x="92" y="607"/>
                    </a:lnTo>
                    <a:lnTo>
                      <a:pt x="87" y="609"/>
                    </a:lnTo>
                    <a:lnTo>
                      <a:pt x="81" y="611"/>
                    </a:lnTo>
                    <a:lnTo>
                      <a:pt x="76" y="612"/>
                    </a:lnTo>
                    <a:lnTo>
                      <a:pt x="73" y="614"/>
                    </a:lnTo>
                    <a:lnTo>
                      <a:pt x="70" y="616"/>
                    </a:lnTo>
                    <a:lnTo>
                      <a:pt x="76" y="616"/>
                    </a:lnTo>
                    <a:lnTo>
                      <a:pt x="83" y="614"/>
                    </a:lnTo>
                    <a:lnTo>
                      <a:pt x="92" y="612"/>
                    </a:lnTo>
                    <a:lnTo>
                      <a:pt x="98" y="611"/>
                    </a:lnTo>
                    <a:lnTo>
                      <a:pt x="105" y="609"/>
                    </a:lnTo>
                    <a:lnTo>
                      <a:pt x="110" y="607"/>
                    </a:lnTo>
                    <a:lnTo>
                      <a:pt x="114" y="607"/>
                    </a:lnTo>
                    <a:lnTo>
                      <a:pt x="115" y="607"/>
                    </a:lnTo>
                    <a:lnTo>
                      <a:pt x="115" y="605"/>
                    </a:lnTo>
                    <a:lnTo>
                      <a:pt x="114" y="604"/>
                    </a:lnTo>
                    <a:lnTo>
                      <a:pt x="112" y="602"/>
                    </a:lnTo>
                    <a:lnTo>
                      <a:pt x="112" y="600"/>
                    </a:lnTo>
                    <a:lnTo>
                      <a:pt x="117" y="595"/>
                    </a:lnTo>
                    <a:lnTo>
                      <a:pt x="122" y="590"/>
                    </a:lnTo>
                    <a:lnTo>
                      <a:pt x="124" y="587"/>
                    </a:lnTo>
                    <a:lnTo>
                      <a:pt x="125" y="585"/>
                    </a:lnTo>
                    <a:lnTo>
                      <a:pt x="125" y="583"/>
                    </a:lnTo>
                    <a:lnTo>
                      <a:pt x="125" y="582"/>
                    </a:lnTo>
                    <a:lnTo>
                      <a:pt x="125" y="580"/>
                    </a:lnTo>
                    <a:lnTo>
                      <a:pt x="125" y="578"/>
                    </a:lnTo>
                    <a:lnTo>
                      <a:pt x="125" y="577"/>
                    </a:lnTo>
                    <a:lnTo>
                      <a:pt x="124" y="573"/>
                    </a:lnTo>
                    <a:lnTo>
                      <a:pt x="124" y="572"/>
                    </a:lnTo>
                    <a:lnTo>
                      <a:pt x="124" y="570"/>
                    </a:lnTo>
                    <a:lnTo>
                      <a:pt x="127" y="565"/>
                    </a:lnTo>
                    <a:lnTo>
                      <a:pt x="127" y="558"/>
                    </a:lnTo>
                    <a:lnTo>
                      <a:pt x="124" y="553"/>
                    </a:lnTo>
                    <a:lnTo>
                      <a:pt x="119" y="548"/>
                    </a:lnTo>
                    <a:lnTo>
                      <a:pt x="114" y="545"/>
                    </a:lnTo>
                    <a:lnTo>
                      <a:pt x="109" y="539"/>
                    </a:lnTo>
                    <a:lnTo>
                      <a:pt x="105" y="538"/>
                    </a:lnTo>
                    <a:lnTo>
                      <a:pt x="103" y="538"/>
                    </a:lnTo>
                    <a:lnTo>
                      <a:pt x="102" y="516"/>
                    </a:lnTo>
                    <a:lnTo>
                      <a:pt x="378" y="489"/>
                    </a:lnTo>
                    <a:lnTo>
                      <a:pt x="361" y="457"/>
                    </a:lnTo>
                    <a:lnTo>
                      <a:pt x="361" y="455"/>
                    </a:lnTo>
                    <a:lnTo>
                      <a:pt x="361" y="450"/>
                    </a:lnTo>
                    <a:lnTo>
                      <a:pt x="361" y="445"/>
                    </a:lnTo>
                    <a:lnTo>
                      <a:pt x="361" y="438"/>
                    </a:lnTo>
                    <a:lnTo>
                      <a:pt x="361" y="431"/>
                    </a:lnTo>
                    <a:lnTo>
                      <a:pt x="359" y="424"/>
                    </a:lnTo>
                    <a:lnTo>
                      <a:pt x="359" y="421"/>
                    </a:lnTo>
                    <a:lnTo>
                      <a:pt x="359" y="418"/>
                    </a:lnTo>
                    <a:lnTo>
                      <a:pt x="354" y="413"/>
                    </a:lnTo>
                    <a:lnTo>
                      <a:pt x="351" y="406"/>
                    </a:lnTo>
                    <a:lnTo>
                      <a:pt x="349" y="399"/>
                    </a:lnTo>
                    <a:lnTo>
                      <a:pt x="349" y="391"/>
                    </a:lnTo>
                    <a:lnTo>
                      <a:pt x="349" y="385"/>
                    </a:lnTo>
                    <a:lnTo>
                      <a:pt x="349" y="380"/>
                    </a:lnTo>
                    <a:lnTo>
                      <a:pt x="351" y="377"/>
                    </a:lnTo>
                    <a:lnTo>
                      <a:pt x="351" y="374"/>
                    </a:lnTo>
                    <a:lnTo>
                      <a:pt x="351" y="367"/>
                    </a:lnTo>
                    <a:lnTo>
                      <a:pt x="351" y="360"/>
                    </a:lnTo>
                    <a:lnTo>
                      <a:pt x="351" y="355"/>
                    </a:lnTo>
                    <a:lnTo>
                      <a:pt x="352" y="350"/>
                    </a:lnTo>
                    <a:lnTo>
                      <a:pt x="352" y="348"/>
                    </a:lnTo>
                    <a:lnTo>
                      <a:pt x="352" y="345"/>
                    </a:lnTo>
                    <a:lnTo>
                      <a:pt x="354" y="345"/>
                    </a:lnTo>
                    <a:lnTo>
                      <a:pt x="354" y="343"/>
                    </a:lnTo>
                    <a:lnTo>
                      <a:pt x="361" y="336"/>
                    </a:lnTo>
                    <a:lnTo>
                      <a:pt x="364" y="331"/>
                    </a:lnTo>
                    <a:lnTo>
                      <a:pt x="364" y="328"/>
                    </a:lnTo>
                    <a:lnTo>
                      <a:pt x="364" y="325"/>
                    </a:lnTo>
                    <a:lnTo>
                      <a:pt x="361" y="323"/>
                    </a:lnTo>
                    <a:lnTo>
                      <a:pt x="359" y="323"/>
                    </a:lnTo>
                    <a:lnTo>
                      <a:pt x="357" y="321"/>
                    </a:lnTo>
                    <a:lnTo>
                      <a:pt x="356" y="319"/>
                    </a:lnTo>
                    <a:lnTo>
                      <a:pt x="356" y="314"/>
                    </a:lnTo>
                    <a:lnTo>
                      <a:pt x="356" y="308"/>
                    </a:lnTo>
                    <a:lnTo>
                      <a:pt x="352" y="304"/>
                    </a:lnTo>
                    <a:lnTo>
                      <a:pt x="351" y="301"/>
                    </a:lnTo>
                    <a:lnTo>
                      <a:pt x="349" y="297"/>
                    </a:lnTo>
                    <a:lnTo>
                      <a:pt x="347" y="296"/>
                    </a:lnTo>
                    <a:lnTo>
                      <a:pt x="345" y="294"/>
                    </a:lnTo>
                    <a:lnTo>
                      <a:pt x="329" y="257"/>
                    </a:lnTo>
                    <a:lnTo>
                      <a:pt x="256" y="0"/>
                    </a:lnTo>
                    <a:lnTo>
                      <a:pt x="257" y="0"/>
                    </a:lnTo>
                    <a:lnTo>
                      <a:pt x="5" y="22"/>
                    </a:lnTo>
                    <a:lnTo>
                      <a:pt x="0" y="414"/>
                    </a:lnTo>
                    <a:lnTo>
                      <a:pt x="24" y="599"/>
                    </a:lnTo>
                    <a:lnTo>
                      <a:pt x="44" y="599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240" name="Group 180"/>
            <p:cNvGrpSpPr>
              <a:grpSpLocks/>
            </p:cNvGrpSpPr>
            <p:nvPr/>
          </p:nvGrpSpPr>
          <p:grpSpPr bwMode="auto">
            <a:xfrm>
              <a:off x="3751" y="2759"/>
              <a:ext cx="502" cy="541"/>
              <a:chOff x="3976" y="2396"/>
              <a:chExt cx="516" cy="557"/>
            </a:xfrm>
          </p:grpSpPr>
          <p:sp>
            <p:nvSpPr>
              <p:cNvPr id="249" name="Freeform 181"/>
              <p:cNvSpPr>
                <a:spLocks/>
              </p:cNvSpPr>
              <p:nvPr/>
            </p:nvSpPr>
            <p:spPr bwMode="auto">
              <a:xfrm>
                <a:off x="3976" y="2396"/>
                <a:ext cx="516" cy="557"/>
              </a:xfrm>
              <a:custGeom>
                <a:avLst/>
                <a:gdLst>
                  <a:gd name="T0" fmla="*/ 490 w 516"/>
                  <a:gd name="T1" fmla="*/ 488 h 557"/>
                  <a:gd name="T2" fmla="*/ 490 w 516"/>
                  <a:gd name="T3" fmla="*/ 464 h 557"/>
                  <a:gd name="T4" fmla="*/ 487 w 516"/>
                  <a:gd name="T5" fmla="*/ 468 h 557"/>
                  <a:gd name="T6" fmla="*/ 485 w 516"/>
                  <a:gd name="T7" fmla="*/ 464 h 557"/>
                  <a:gd name="T8" fmla="*/ 480 w 516"/>
                  <a:gd name="T9" fmla="*/ 444 h 557"/>
                  <a:gd name="T10" fmla="*/ 489 w 516"/>
                  <a:gd name="T11" fmla="*/ 451 h 557"/>
                  <a:gd name="T12" fmla="*/ 485 w 516"/>
                  <a:gd name="T13" fmla="*/ 425 h 557"/>
                  <a:gd name="T14" fmla="*/ 494 w 516"/>
                  <a:gd name="T15" fmla="*/ 427 h 557"/>
                  <a:gd name="T16" fmla="*/ 497 w 516"/>
                  <a:gd name="T17" fmla="*/ 418 h 557"/>
                  <a:gd name="T18" fmla="*/ 497 w 516"/>
                  <a:gd name="T19" fmla="*/ 400 h 557"/>
                  <a:gd name="T20" fmla="*/ 504 w 516"/>
                  <a:gd name="T21" fmla="*/ 398 h 557"/>
                  <a:gd name="T22" fmla="*/ 507 w 516"/>
                  <a:gd name="T23" fmla="*/ 391 h 557"/>
                  <a:gd name="T24" fmla="*/ 499 w 516"/>
                  <a:gd name="T25" fmla="*/ 386 h 557"/>
                  <a:gd name="T26" fmla="*/ 499 w 516"/>
                  <a:gd name="T27" fmla="*/ 380 h 557"/>
                  <a:gd name="T28" fmla="*/ 501 w 516"/>
                  <a:gd name="T29" fmla="*/ 371 h 557"/>
                  <a:gd name="T30" fmla="*/ 506 w 516"/>
                  <a:gd name="T31" fmla="*/ 354 h 557"/>
                  <a:gd name="T32" fmla="*/ 509 w 516"/>
                  <a:gd name="T33" fmla="*/ 344 h 557"/>
                  <a:gd name="T34" fmla="*/ 502 w 516"/>
                  <a:gd name="T35" fmla="*/ 324 h 557"/>
                  <a:gd name="T36" fmla="*/ 502 w 516"/>
                  <a:gd name="T37" fmla="*/ 319 h 557"/>
                  <a:gd name="T38" fmla="*/ 502 w 516"/>
                  <a:gd name="T39" fmla="*/ 312 h 557"/>
                  <a:gd name="T40" fmla="*/ 490 w 516"/>
                  <a:gd name="T41" fmla="*/ 280 h 557"/>
                  <a:gd name="T42" fmla="*/ 467 w 516"/>
                  <a:gd name="T43" fmla="*/ 259 h 557"/>
                  <a:gd name="T44" fmla="*/ 453 w 516"/>
                  <a:gd name="T45" fmla="*/ 224 h 557"/>
                  <a:gd name="T46" fmla="*/ 430 w 516"/>
                  <a:gd name="T47" fmla="*/ 212 h 557"/>
                  <a:gd name="T48" fmla="*/ 419 w 516"/>
                  <a:gd name="T49" fmla="*/ 204 h 557"/>
                  <a:gd name="T50" fmla="*/ 402 w 516"/>
                  <a:gd name="T51" fmla="*/ 187 h 557"/>
                  <a:gd name="T52" fmla="*/ 389 w 516"/>
                  <a:gd name="T53" fmla="*/ 163 h 557"/>
                  <a:gd name="T54" fmla="*/ 374 w 516"/>
                  <a:gd name="T55" fmla="*/ 160 h 557"/>
                  <a:gd name="T56" fmla="*/ 367 w 516"/>
                  <a:gd name="T57" fmla="*/ 153 h 557"/>
                  <a:gd name="T58" fmla="*/ 355 w 516"/>
                  <a:gd name="T59" fmla="*/ 134 h 557"/>
                  <a:gd name="T60" fmla="*/ 343 w 516"/>
                  <a:gd name="T61" fmla="*/ 132 h 557"/>
                  <a:gd name="T62" fmla="*/ 328 w 516"/>
                  <a:gd name="T63" fmla="*/ 124 h 557"/>
                  <a:gd name="T64" fmla="*/ 318 w 516"/>
                  <a:gd name="T65" fmla="*/ 107 h 557"/>
                  <a:gd name="T66" fmla="*/ 301 w 516"/>
                  <a:gd name="T67" fmla="*/ 88 h 557"/>
                  <a:gd name="T68" fmla="*/ 287 w 516"/>
                  <a:gd name="T69" fmla="*/ 65 h 557"/>
                  <a:gd name="T70" fmla="*/ 282 w 516"/>
                  <a:gd name="T71" fmla="*/ 61 h 557"/>
                  <a:gd name="T72" fmla="*/ 262 w 516"/>
                  <a:gd name="T73" fmla="*/ 56 h 557"/>
                  <a:gd name="T74" fmla="*/ 252 w 516"/>
                  <a:gd name="T75" fmla="*/ 50 h 557"/>
                  <a:gd name="T76" fmla="*/ 235 w 516"/>
                  <a:gd name="T77" fmla="*/ 34 h 557"/>
                  <a:gd name="T78" fmla="*/ 252 w 516"/>
                  <a:gd name="T79" fmla="*/ 2 h 557"/>
                  <a:gd name="T80" fmla="*/ 73 w 516"/>
                  <a:gd name="T81" fmla="*/ 290 h 557"/>
                  <a:gd name="T82" fmla="*/ 93 w 516"/>
                  <a:gd name="T83" fmla="*/ 330 h 557"/>
                  <a:gd name="T84" fmla="*/ 100 w 516"/>
                  <a:gd name="T85" fmla="*/ 347 h 557"/>
                  <a:gd name="T86" fmla="*/ 105 w 516"/>
                  <a:gd name="T87" fmla="*/ 356 h 557"/>
                  <a:gd name="T88" fmla="*/ 105 w 516"/>
                  <a:gd name="T89" fmla="*/ 369 h 557"/>
                  <a:gd name="T90" fmla="*/ 96 w 516"/>
                  <a:gd name="T91" fmla="*/ 381 h 557"/>
                  <a:gd name="T92" fmla="*/ 95 w 516"/>
                  <a:gd name="T93" fmla="*/ 400 h 557"/>
                  <a:gd name="T94" fmla="*/ 93 w 516"/>
                  <a:gd name="T95" fmla="*/ 418 h 557"/>
                  <a:gd name="T96" fmla="*/ 98 w 516"/>
                  <a:gd name="T97" fmla="*/ 446 h 557"/>
                  <a:gd name="T98" fmla="*/ 105 w 516"/>
                  <a:gd name="T99" fmla="*/ 464 h 557"/>
                  <a:gd name="T100" fmla="*/ 105 w 516"/>
                  <a:gd name="T101" fmla="*/ 488 h 557"/>
                  <a:gd name="T102" fmla="*/ 418 w 516"/>
                  <a:gd name="T103" fmla="*/ 535 h 557"/>
                  <a:gd name="T104" fmla="*/ 441 w 516"/>
                  <a:gd name="T105" fmla="*/ 552 h 557"/>
                  <a:gd name="T106" fmla="*/ 440 w 516"/>
                  <a:gd name="T107" fmla="*/ 534 h 557"/>
                  <a:gd name="T108" fmla="*/ 435 w 516"/>
                  <a:gd name="T109" fmla="*/ 512 h 557"/>
                  <a:gd name="T110" fmla="*/ 443 w 516"/>
                  <a:gd name="T111" fmla="*/ 498 h 557"/>
                  <a:gd name="T112" fmla="*/ 462 w 516"/>
                  <a:gd name="T113" fmla="*/ 503 h 557"/>
                  <a:gd name="T114" fmla="*/ 485 w 516"/>
                  <a:gd name="T115" fmla="*/ 506 h 557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516"/>
                  <a:gd name="T175" fmla="*/ 0 h 557"/>
                  <a:gd name="T176" fmla="*/ 516 w 516"/>
                  <a:gd name="T177" fmla="*/ 557 h 557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516" h="557">
                    <a:moveTo>
                      <a:pt x="492" y="498"/>
                    </a:moveTo>
                    <a:lnTo>
                      <a:pt x="487" y="493"/>
                    </a:lnTo>
                    <a:lnTo>
                      <a:pt x="485" y="490"/>
                    </a:lnTo>
                    <a:lnTo>
                      <a:pt x="490" y="488"/>
                    </a:lnTo>
                    <a:lnTo>
                      <a:pt x="492" y="474"/>
                    </a:lnTo>
                    <a:lnTo>
                      <a:pt x="489" y="474"/>
                    </a:lnTo>
                    <a:lnTo>
                      <a:pt x="489" y="471"/>
                    </a:lnTo>
                    <a:lnTo>
                      <a:pt x="490" y="464"/>
                    </a:lnTo>
                    <a:lnTo>
                      <a:pt x="485" y="462"/>
                    </a:lnTo>
                    <a:lnTo>
                      <a:pt x="487" y="464"/>
                    </a:lnTo>
                    <a:lnTo>
                      <a:pt x="487" y="466"/>
                    </a:lnTo>
                    <a:lnTo>
                      <a:pt x="487" y="468"/>
                    </a:lnTo>
                    <a:lnTo>
                      <a:pt x="487" y="469"/>
                    </a:lnTo>
                    <a:lnTo>
                      <a:pt x="487" y="468"/>
                    </a:lnTo>
                    <a:lnTo>
                      <a:pt x="485" y="464"/>
                    </a:lnTo>
                    <a:lnTo>
                      <a:pt x="482" y="457"/>
                    </a:lnTo>
                    <a:lnTo>
                      <a:pt x="480" y="449"/>
                    </a:lnTo>
                    <a:lnTo>
                      <a:pt x="480" y="446"/>
                    </a:lnTo>
                    <a:lnTo>
                      <a:pt x="480" y="444"/>
                    </a:lnTo>
                    <a:lnTo>
                      <a:pt x="482" y="444"/>
                    </a:lnTo>
                    <a:lnTo>
                      <a:pt x="485" y="446"/>
                    </a:lnTo>
                    <a:lnTo>
                      <a:pt x="487" y="449"/>
                    </a:lnTo>
                    <a:lnTo>
                      <a:pt x="489" y="451"/>
                    </a:lnTo>
                    <a:lnTo>
                      <a:pt x="489" y="432"/>
                    </a:lnTo>
                    <a:lnTo>
                      <a:pt x="485" y="425"/>
                    </a:lnTo>
                    <a:lnTo>
                      <a:pt x="487" y="427"/>
                    </a:lnTo>
                    <a:lnTo>
                      <a:pt x="489" y="427"/>
                    </a:lnTo>
                    <a:lnTo>
                      <a:pt x="490" y="427"/>
                    </a:lnTo>
                    <a:lnTo>
                      <a:pt x="494" y="427"/>
                    </a:lnTo>
                    <a:lnTo>
                      <a:pt x="496" y="427"/>
                    </a:lnTo>
                    <a:lnTo>
                      <a:pt x="497" y="427"/>
                    </a:lnTo>
                    <a:lnTo>
                      <a:pt x="497" y="418"/>
                    </a:lnTo>
                    <a:lnTo>
                      <a:pt x="497" y="412"/>
                    </a:lnTo>
                    <a:lnTo>
                      <a:pt x="497" y="407"/>
                    </a:lnTo>
                    <a:lnTo>
                      <a:pt x="497" y="403"/>
                    </a:lnTo>
                    <a:lnTo>
                      <a:pt x="497" y="400"/>
                    </a:lnTo>
                    <a:lnTo>
                      <a:pt x="499" y="398"/>
                    </a:lnTo>
                    <a:lnTo>
                      <a:pt x="504" y="398"/>
                    </a:lnTo>
                    <a:lnTo>
                      <a:pt x="506" y="396"/>
                    </a:lnTo>
                    <a:lnTo>
                      <a:pt x="507" y="395"/>
                    </a:lnTo>
                    <a:lnTo>
                      <a:pt x="507" y="393"/>
                    </a:lnTo>
                    <a:lnTo>
                      <a:pt x="507" y="391"/>
                    </a:lnTo>
                    <a:lnTo>
                      <a:pt x="506" y="391"/>
                    </a:lnTo>
                    <a:lnTo>
                      <a:pt x="506" y="390"/>
                    </a:lnTo>
                    <a:lnTo>
                      <a:pt x="504" y="390"/>
                    </a:lnTo>
                    <a:lnTo>
                      <a:pt x="499" y="386"/>
                    </a:lnTo>
                    <a:lnTo>
                      <a:pt x="497" y="385"/>
                    </a:lnTo>
                    <a:lnTo>
                      <a:pt x="496" y="383"/>
                    </a:lnTo>
                    <a:lnTo>
                      <a:pt x="497" y="381"/>
                    </a:lnTo>
                    <a:lnTo>
                      <a:pt x="499" y="380"/>
                    </a:lnTo>
                    <a:lnTo>
                      <a:pt x="501" y="380"/>
                    </a:lnTo>
                    <a:lnTo>
                      <a:pt x="502" y="380"/>
                    </a:lnTo>
                    <a:lnTo>
                      <a:pt x="504" y="378"/>
                    </a:lnTo>
                    <a:lnTo>
                      <a:pt x="501" y="371"/>
                    </a:lnTo>
                    <a:lnTo>
                      <a:pt x="501" y="364"/>
                    </a:lnTo>
                    <a:lnTo>
                      <a:pt x="502" y="361"/>
                    </a:lnTo>
                    <a:lnTo>
                      <a:pt x="504" y="356"/>
                    </a:lnTo>
                    <a:lnTo>
                      <a:pt x="506" y="354"/>
                    </a:lnTo>
                    <a:lnTo>
                      <a:pt x="507" y="352"/>
                    </a:lnTo>
                    <a:lnTo>
                      <a:pt x="509" y="352"/>
                    </a:lnTo>
                    <a:lnTo>
                      <a:pt x="509" y="351"/>
                    </a:lnTo>
                    <a:lnTo>
                      <a:pt x="509" y="344"/>
                    </a:lnTo>
                    <a:lnTo>
                      <a:pt x="516" y="339"/>
                    </a:lnTo>
                    <a:lnTo>
                      <a:pt x="514" y="330"/>
                    </a:lnTo>
                    <a:lnTo>
                      <a:pt x="506" y="329"/>
                    </a:lnTo>
                    <a:lnTo>
                      <a:pt x="502" y="324"/>
                    </a:lnTo>
                    <a:lnTo>
                      <a:pt x="504" y="324"/>
                    </a:lnTo>
                    <a:lnTo>
                      <a:pt x="504" y="322"/>
                    </a:lnTo>
                    <a:lnTo>
                      <a:pt x="502" y="320"/>
                    </a:lnTo>
                    <a:lnTo>
                      <a:pt x="502" y="319"/>
                    </a:lnTo>
                    <a:lnTo>
                      <a:pt x="502" y="317"/>
                    </a:lnTo>
                    <a:lnTo>
                      <a:pt x="502" y="315"/>
                    </a:lnTo>
                    <a:lnTo>
                      <a:pt x="502" y="314"/>
                    </a:lnTo>
                    <a:lnTo>
                      <a:pt x="502" y="312"/>
                    </a:lnTo>
                    <a:lnTo>
                      <a:pt x="501" y="298"/>
                    </a:lnTo>
                    <a:lnTo>
                      <a:pt x="496" y="288"/>
                    </a:lnTo>
                    <a:lnTo>
                      <a:pt x="490" y="280"/>
                    </a:lnTo>
                    <a:lnTo>
                      <a:pt x="484" y="271"/>
                    </a:lnTo>
                    <a:lnTo>
                      <a:pt x="477" y="266"/>
                    </a:lnTo>
                    <a:lnTo>
                      <a:pt x="470" y="263"/>
                    </a:lnTo>
                    <a:lnTo>
                      <a:pt x="467" y="259"/>
                    </a:lnTo>
                    <a:lnTo>
                      <a:pt x="465" y="258"/>
                    </a:lnTo>
                    <a:lnTo>
                      <a:pt x="463" y="242"/>
                    </a:lnTo>
                    <a:lnTo>
                      <a:pt x="460" y="232"/>
                    </a:lnTo>
                    <a:lnTo>
                      <a:pt x="453" y="224"/>
                    </a:lnTo>
                    <a:lnTo>
                      <a:pt x="446" y="219"/>
                    </a:lnTo>
                    <a:lnTo>
                      <a:pt x="440" y="215"/>
                    </a:lnTo>
                    <a:lnTo>
                      <a:pt x="435" y="214"/>
                    </a:lnTo>
                    <a:lnTo>
                      <a:pt x="430" y="212"/>
                    </a:lnTo>
                    <a:lnTo>
                      <a:pt x="428" y="212"/>
                    </a:lnTo>
                    <a:lnTo>
                      <a:pt x="428" y="210"/>
                    </a:lnTo>
                    <a:lnTo>
                      <a:pt x="424" y="209"/>
                    </a:lnTo>
                    <a:lnTo>
                      <a:pt x="419" y="204"/>
                    </a:lnTo>
                    <a:lnTo>
                      <a:pt x="414" y="200"/>
                    </a:lnTo>
                    <a:lnTo>
                      <a:pt x="409" y="195"/>
                    </a:lnTo>
                    <a:lnTo>
                      <a:pt x="406" y="190"/>
                    </a:lnTo>
                    <a:lnTo>
                      <a:pt x="402" y="187"/>
                    </a:lnTo>
                    <a:lnTo>
                      <a:pt x="401" y="183"/>
                    </a:lnTo>
                    <a:lnTo>
                      <a:pt x="397" y="175"/>
                    </a:lnTo>
                    <a:lnTo>
                      <a:pt x="392" y="168"/>
                    </a:lnTo>
                    <a:lnTo>
                      <a:pt x="389" y="163"/>
                    </a:lnTo>
                    <a:lnTo>
                      <a:pt x="384" y="161"/>
                    </a:lnTo>
                    <a:lnTo>
                      <a:pt x="380" y="160"/>
                    </a:lnTo>
                    <a:lnTo>
                      <a:pt x="377" y="160"/>
                    </a:lnTo>
                    <a:lnTo>
                      <a:pt x="374" y="160"/>
                    </a:lnTo>
                    <a:lnTo>
                      <a:pt x="372" y="158"/>
                    </a:lnTo>
                    <a:lnTo>
                      <a:pt x="370" y="154"/>
                    </a:lnTo>
                    <a:lnTo>
                      <a:pt x="367" y="153"/>
                    </a:lnTo>
                    <a:lnTo>
                      <a:pt x="365" y="149"/>
                    </a:lnTo>
                    <a:lnTo>
                      <a:pt x="362" y="143"/>
                    </a:lnTo>
                    <a:lnTo>
                      <a:pt x="358" y="138"/>
                    </a:lnTo>
                    <a:lnTo>
                      <a:pt x="355" y="134"/>
                    </a:lnTo>
                    <a:lnTo>
                      <a:pt x="352" y="132"/>
                    </a:lnTo>
                    <a:lnTo>
                      <a:pt x="348" y="131"/>
                    </a:lnTo>
                    <a:lnTo>
                      <a:pt x="347" y="132"/>
                    </a:lnTo>
                    <a:lnTo>
                      <a:pt x="343" y="132"/>
                    </a:lnTo>
                    <a:lnTo>
                      <a:pt x="336" y="131"/>
                    </a:lnTo>
                    <a:lnTo>
                      <a:pt x="331" y="129"/>
                    </a:lnTo>
                    <a:lnTo>
                      <a:pt x="328" y="124"/>
                    </a:lnTo>
                    <a:lnTo>
                      <a:pt x="325" y="119"/>
                    </a:lnTo>
                    <a:lnTo>
                      <a:pt x="321" y="114"/>
                    </a:lnTo>
                    <a:lnTo>
                      <a:pt x="320" y="110"/>
                    </a:lnTo>
                    <a:lnTo>
                      <a:pt x="318" y="107"/>
                    </a:lnTo>
                    <a:lnTo>
                      <a:pt x="318" y="105"/>
                    </a:lnTo>
                    <a:lnTo>
                      <a:pt x="313" y="102"/>
                    </a:lnTo>
                    <a:lnTo>
                      <a:pt x="306" y="95"/>
                    </a:lnTo>
                    <a:lnTo>
                      <a:pt x="301" y="88"/>
                    </a:lnTo>
                    <a:lnTo>
                      <a:pt x="296" y="82"/>
                    </a:lnTo>
                    <a:lnTo>
                      <a:pt x="292" y="75"/>
                    </a:lnTo>
                    <a:lnTo>
                      <a:pt x="291" y="68"/>
                    </a:lnTo>
                    <a:lnTo>
                      <a:pt x="287" y="65"/>
                    </a:lnTo>
                    <a:lnTo>
                      <a:pt x="287" y="63"/>
                    </a:lnTo>
                    <a:lnTo>
                      <a:pt x="287" y="61"/>
                    </a:lnTo>
                    <a:lnTo>
                      <a:pt x="284" y="61"/>
                    </a:lnTo>
                    <a:lnTo>
                      <a:pt x="282" y="61"/>
                    </a:lnTo>
                    <a:lnTo>
                      <a:pt x="281" y="60"/>
                    </a:lnTo>
                    <a:lnTo>
                      <a:pt x="274" y="60"/>
                    </a:lnTo>
                    <a:lnTo>
                      <a:pt x="267" y="58"/>
                    </a:lnTo>
                    <a:lnTo>
                      <a:pt x="262" y="56"/>
                    </a:lnTo>
                    <a:lnTo>
                      <a:pt x="259" y="55"/>
                    </a:lnTo>
                    <a:lnTo>
                      <a:pt x="255" y="53"/>
                    </a:lnTo>
                    <a:lnTo>
                      <a:pt x="254" y="51"/>
                    </a:lnTo>
                    <a:lnTo>
                      <a:pt x="252" y="50"/>
                    </a:lnTo>
                    <a:lnTo>
                      <a:pt x="240" y="48"/>
                    </a:lnTo>
                    <a:lnTo>
                      <a:pt x="235" y="43"/>
                    </a:lnTo>
                    <a:lnTo>
                      <a:pt x="235" y="34"/>
                    </a:lnTo>
                    <a:lnTo>
                      <a:pt x="237" y="24"/>
                    </a:lnTo>
                    <a:lnTo>
                      <a:pt x="242" y="16"/>
                    </a:lnTo>
                    <a:lnTo>
                      <a:pt x="248" y="7"/>
                    </a:lnTo>
                    <a:lnTo>
                      <a:pt x="252" y="2"/>
                    </a:lnTo>
                    <a:lnTo>
                      <a:pt x="254" y="0"/>
                    </a:lnTo>
                    <a:lnTo>
                      <a:pt x="130" y="19"/>
                    </a:lnTo>
                    <a:lnTo>
                      <a:pt x="0" y="33"/>
                    </a:lnTo>
                    <a:lnTo>
                      <a:pt x="73" y="290"/>
                    </a:lnTo>
                    <a:lnTo>
                      <a:pt x="89" y="327"/>
                    </a:lnTo>
                    <a:lnTo>
                      <a:pt x="91" y="329"/>
                    </a:lnTo>
                    <a:lnTo>
                      <a:pt x="93" y="330"/>
                    </a:lnTo>
                    <a:lnTo>
                      <a:pt x="95" y="334"/>
                    </a:lnTo>
                    <a:lnTo>
                      <a:pt x="96" y="337"/>
                    </a:lnTo>
                    <a:lnTo>
                      <a:pt x="100" y="341"/>
                    </a:lnTo>
                    <a:lnTo>
                      <a:pt x="100" y="347"/>
                    </a:lnTo>
                    <a:lnTo>
                      <a:pt x="100" y="352"/>
                    </a:lnTo>
                    <a:lnTo>
                      <a:pt x="101" y="354"/>
                    </a:lnTo>
                    <a:lnTo>
                      <a:pt x="103" y="356"/>
                    </a:lnTo>
                    <a:lnTo>
                      <a:pt x="105" y="356"/>
                    </a:lnTo>
                    <a:lnTo>
                      <a:pt x="108" y="358"/>
                    </a:lnTo>
                    <a:lnTo>
                      <a:pt x="108" y="361"/>
                    </a:lnTo>
                    <a:lnTo>
                      <a:pt x="108" y="364"/>
                    </a:lnTo>
                    <a:lnTo>
                      <a:pt x="105" y="369"/>
                    </a:lnTo>
                    <a:lnTo>
                      <a:pt x="98" y="376"/>
                    </a:lnTo>
                    <a:lnTo>
                      <a:pt x="98" y="378"/>
                    </a:lnTo>
                    <a:lnTo>
                      <a:pt x="96" y="378"/>
                    </a:lnTo>
                    <a:lnTo>
                      <a:pt x="96" y="381"/>
                    </a:lnTo>
                    <a:lnTo>
                      <a:pt x="96" y="383"/>
                    </a:lnTo>
                    <a:lnTo>
                      <a:pt x="95" y="388"/>
                    </a:lnTo>
                    <a:lnTo>
                      <a:pt x="95" y="393"/>
                    </a:lnTo>
                    <a:lnTo>
                      <a:pt x="95" y="400"/>
                    </a:lnTo>
                    <a:lnTo>
                      <a:pt x="95" y="407"/>
                    </a:lnTo>
                    <a:lnTo>
                      <a:pt x="95" y="410"/>
                    </a:lnTo>
                    <a:lnTo>
                      <a:pt x="93" y="413"/>
                    </a:lnTo>
                    <a:lnTo>
                      <a:pt x="93" y="418"/>
                    </a:lnTo>
                    <a:lnTo>
                      <a:pt x="93" y="424"/>
                    </a:lnTo>
                    <a:lnTo>
                      <a:pt x="93" y="432"/>
                    </a:lnTo>
                    <a:lnTo>
                      <a:pt x="95" y="439"/>
                    </a:lnTo>
                    <a:lnTo>
                      <a:pt x="98" y="446"/>
                    </a:lnTo>
                    <a:lnTo>
                      <a:pt x="103" y="451"/>
                    </a:lnTo>
                    <a:lnTo>
                      <a:pt x="103" y="454"/>
                    </a:lnTo>
                    <a:lnTo>
                      <a:pt x="103" y="457"/>
                    </a:lnTo>
                    <a:lnTo>
                      <a:pt x="105" y="464"/>
                    </a:lnTo>
                    <a:lnTo>
                      <a:pt x="105" y="471"/>
                    </a:lnTo>
                    <a:lnTo>
                      <a:pt x="105" y="478"/>
                    </a:lnTo>
                    <a:lnTo>
                      <a:pt x="105" y="483"/>
                    </a:lnTo>
                    <a:lnTo>
                      <a:pt x="105" y="488"/>
                    </a:lnTo>
                    <a:lnTo>
                      <a:pt x="105" y="490"/>
                    </a:lnTo>
                    <a:lnTo>
                      <a:pt x="122" y="522"/>
                    </a:lnTo>
                    <a:lnTo>
                      <a:pt x="139" y="554"/>
                    </a:lnTo>
                    <a:lnTo>
                      <a:pt x="418" y="535"/>
                    </a:lnTo>
                    <a:lnTo>
                      <a:pt x="428" y="557"/>
                    </a:lnTo>
                    <a:lnTo>
                      <a:pt x="443" y="557"/>
                    </a:lnTo>
                    <a:lnTo>
                      <a:pt x="443" y="556"/>
                    </a:lnTo>
                    <a:lnTo>
                      <a:pt x="441" y="552"/>
                    </a:lnTo>
                    <a:lnTo>
                      <a:pt x="441" y="549"/>
                    </a:lnTo>
                    <a:lnTo>
                      <a:pt x="441" y="544"/>
                    </a:lnTo>
                    <a:lnTo>
                      <a:pt x="440" y="539"/>
                    </a:lnTo>
                    <a:lnTo>
                      <a:pt x="440" y="534"/>
                    </a:lnTo>
                    <a:lnTo>
                      <a:pt x="440" y="530"/>
                    </a:lnTo>
                    <a:lnTo>
                      <a:pt x="440" y="528"/>
                    </a:lnTo>
                    <a:lnTo>
                      <a:pt x="435" y="520"/>
                    </a:lnTo>
                    <a:lnTo>
                      <a:pt x="435" y="512"/>
                    </a:lnTo>
                    <a:lnTo>
                      <a:pt x="435" y="506"/>
                    </a:lnTo>
                    <a:lnTo>
                      <a:pt x="438" y="503"/>
                    </a:lnTo>
                    <a:lnTo>
                      <a:pt x="441" y="500"/>
                    </a:lnTo>
                    <a:lnTo>
                      <a:pt x="443" y="498"/>
                    </a:lnTo>
                    <a:lnTo>
                      <a:pt x="446" y="498"/>
                    </a:lnTo>
                    <a:lnTo>
                      <a:pt x="448" y="498"/>
                    </a:lnTo>
                    <a:lnTo>
                      <a:pt x="453" y="501"/>
                    </a:lnTo>
                    <a:lnTo>
                      <a:pt x="462" y="503"/>
                    </a:lnTo>
                    <a:lnTo>
                      <a:pt x="468" y="505"/>
                    </a:lnTo>
                    <a:lnTo>
                      <a:pt x="475" y="506"/>
                    </a:lnTo>
                    <a:lnTo>
                      <a:pt x="482" y="506"/>
                    </a:lnTo>
                    <a:lnTo>
                      <a:pt x="485" y="506"/>
                    </a:lnTo>
                    <a:lnTo>
                      <a:pt x="489" y="506"/>
                    </a:lnTo>
                    <a:lnTo>
                      <a:pt x="490" y="506"/>
                    </a:lnTo>
                    <a:lnTo>
                      <a:pt x="492" y="49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50" name="Freeform 182"/>
              <p:cNvSpPr>
                <a:spLocks/>
              </p:cNvSpPr>
              <p:nvPr/>
            </p:nvSpPr>
            <p:spPr bwMode="auto">
              <a:xfrm>
                <a:off x="3976" y="2396"/>
                <a:ext cx="516" cy="557"/>
              </a:xfrm>
              <a:custGeom>
                <a:avLst/>
                <a:gdLst>
                  <a:gd name="T0" fmla="*/ 492 w 516"/>
                  <a:gd name="T1" fmla="*/ 474 h 557"/>
                  <a:gd name="T2" fmla="*/ 485 w 516"/>
                  <a:gd name="T3" fmla="*/ 462 h 557"/>
                  <a:gd name="T4" fmla="*/ 487 w 516"/>
                  <a:gd name="T5" fmla="*/ 469 h 557"/>
                  <a:gd name="T6" fmla="*/ 480 w 516"/>
                  <a:gd name="T7" fmla="*/ 449 h 557"/>
                  <a:gd name="T8" fmla="*/ 487 w 516"/>
                  <a:gd name="T9" fmla="*/ 449 h 557"/>
                  <a:gd name="T10" fmla="*/ 485 w 516"/>
                  <a:gd name="T11" fmla="*/ 425 h 557"/>
                  <a:gd name="T12" fmla="*/ 494 w 516"/>
                  <a:gd name="T13" fmla="*/ 427 h 557"/>
                  <a:gd name="T14" fmla="*/ 497 w 516"/>
                  <a:gd name="T15" fmla="*/ 418 h 557"/>
                  <a:gd name="T16" fmla="*/ 499 w 516"/>
                  <a:gd name="T17" fmla="*/ 398 h 557"/>
                  <a:gd name="T18" fmla="*/ 506 w 516"/>
                  <a:gd name="T19" fmla="*/ 396 h 557"/>
                  <a:gd name="T20" fmla="*/ 506 w 516"/>
                  <a:gd name="T21" fmla="*/ 390 h 557"/>
                  <a:gd name="T22" fmla="*/ 496 w 516"/>
                  <a:gd name="T23" fmla="*/ 383 h 557"/>
                  <a:gd name="T24" fmla="*/ 504 w 516"/>
                  <a:gd name="T25" fmla="*/ 378 h 557"/>
                  <a:gd name="T26" fmla="*/ 504 w 516"/>
                  <a:gd name="T27" fmla="*/ 356 h 557"/>
                  <a:gd name="T28" fmla="*/ 509 w 516"/>
                  <a:gd name="T29" fmla="*/ 344 h 557"/>
                  <a:gd name="T30" fmla="*/ 504 w 516"/>
                  <a:gd name="T31" fmla="*/ 324 h 557"/>
                  <a:gd name="T32" fmla="*/ 502 w 516"/>
                  <a:gd name="T33" fmla="*/ 317 h 557"/>
                  <a:gd name="T34" fmla="*/ 502 w 516"/>
                  <a:gd name="T35" fmla="*/ 312 h 557"/>
                  <a:gd name="T36" fmla="*/ 477 w 516"/>
                  <a:gd name="T37" fmla="*/ 266 h 557"/>
                  <a:gd name="T38" fmla="*/ 463 w 516"/>
                  <a:gd name="T39" fmla="*/ 242 h 557"/>
                  <a:gd name="T40" fmla="*/ 435 w 516"/>
                  <a:gd name="T41" fmla="*/ 214 h 557"/>
                  <a:gd name="T42" fmla="*/ 424 w 516"/>
                  <a:gd name="T43" fmla="*/ 209 h 557"/>
                  <a:gd name="T44" fmla="*/ 402 w 516"/>
                  <a:gd name="T45" fmla="*/ 187 h 557"/>
                  <a:gd name="T46" fmla="*/ 389 w 516"/>
                  <a:gd name="T47" fmla="*/ 163 h 557"/>
                  <a:gd name="T48" fmla="*/ 374 w 516"/>
                  <a:gd name="T49" fmla="*/ 160 h 557"/>
                  <a:gd name="T50" fmla="*/ 365 w 516"/>
                  <a:gd name="T51" fmla="*/ 149 h 557"/>
                  <a:gd name="T52" fmla="*/ 352 w 516"/>
                  <a:gd name="T53" fmla="*/ 132 h 557"/>
                  <a:gd name="T54" fmla="*/ 343 w 516"/>
                  <a:gd name="T55" fmla="*/ 132 h 557"/>
                  <a:gd name="T56" fmla="*/ 321 w 516"/>
                  <a:gd name="T57" fmla="*/ 114 h 557"/>
                  <a:gd name="T58" fmla="*/ 313 w 516"/>
                  <a:gd name="T59" fmla="*/ 102 h 557"/>
                  <a:gd name="T60" fmla="*/ 291 w 516"/>
                  <a:gd name="T61" fmla="*/ 68 h 557"/>
                  <a:gd name="T62" fmla="*/ 284 w 516"/>
                  <a:gd name="T63" fmla="*/ 61 h 557"/>
                  <a:gd name="T64" fmla="*/ 267 w 516"/>
                  <a:gd name="T65" fmla="*/ 58 h 557"/>
                  <a:gd name="T66" fmla="*/ 252 w 516"/>
                  <a:gd name="T67" fmla="*/ 50 h 557"/>
                  <a:gd name="T68" fmla="*/ 235 w 516"/>
                  <a:gd name="T69" fmla="*/ 34 h 557"/>
                  <a:gd name="T70" fmla="*/ 254 w 516"/>
                  <a:gd name="T71" fmla="*/ 0 h 557"/>
                  <a:gd name="T72" fmla="*/ 89 w 516"/>
                  <a:gd name="T73" fmla="*/ 327 h 557"/>
                  <a:gd name="T74" fmla="*/ 96 w 516"/>
                  <a:gd name="T75" fmla="*/ 337 h 557"/>
                  <a:gd name="T76" fmla="*/ 101 w 516"/>
                  <a:gd name="T77" fmla="*/ 354 h 557"/>
                  <a:gd name="T78" fmla="*/ 108 w 516"/>
                  <a:gd name="T79" fmla="*/ 364 h 557"/>
                  <a:gd name="T80" fmla="*/ 96 w 516"/>
                  <a:gd name="T81" fmla="*/ 378 h 557"/>
                  <a:gd name="T82" fmla="*/ 95 w 516"/>
                  <a:gd name="T83" fmla="*/ 400 h 557"/>
                  <a:gd name="T84" fmla="*/ 93 w 516"/>
                  <a:gd name="T85" fmla="*/ 418 h 557"/>
                  <a:gd name="T86" fmla="*/ 103 w 516"/>
                  <a:gd name="T87" fmla="*/ 451 h 557"/>
                  <a:gd name="T88" fmla="*/ 105 w 516"/>
                  <a:gd name="T89" fmla="*/ 471 h 557"/>
                  <a:gd name="T90" fmla="*/ 122 w 516"/>
                  <a:gd name="T91" fmla="*/ 522 h 557"/>
                  <a:gd name="T92" fmla="*/ 443 w 516"/>
                  <a:gd name="T93" fmla="*/ 557 h 557"/>
                  <a:gd name="T94" fmla="*/ 440 w 516"/>
                  <a:gd name="T95" fmla="*/ 539 h 557"/>
                  <a:gd name="T96" fmla="*/ 435 w 516"/>
                  <a:gd name="T97" fmla="*/ 520 h 557"/>
                  <a:gd name="T98" fmla="*/ 443 w 516"/>
                  <a:gd name="T99" fmla="*/ 498 h 557"/>
                  <a:gd name="T100" fmla="*/ 462 w 516"/>
                  <a:gd name="T101" fmla="*/ 503 h 557"/>
                  <a:gd name="T102" fmla="*/ 489 w 516"/>
                  <a:gd name="T103" fmla="*/ 506 h 557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w 516"/>
                  <a:gd name="T157" fmla="*/ 0 h 557"/>
                  <a:gd name="T158" fmla="*/ 516 w 516"/>
                  <a:gd name="T159" fmla="*/ 557 h 557"/>
                </a:gdLst>
                <a:ahLst/>
                <a:cxnLst>
                  <a:cxn ang="T104">
                    <a:pos x="T0" y="T1"/>
                  </a:cxn>
                  <a:cxn ang="T105">
                    <a:pos x="T2" y="T3"/>
                  </a:cxn>
                  <a:cxn ang="T106">
                    <a:pos x="T4" y="T5"/>
                  </a:cxn>
                  <a:cxn ang="T107">
                    <a:pos x="T6" y="T7"/>
                  </a:cxn>
                  <a:cxn ang="T108">
                    <a:pos x="T8" y="T9"/>
                  </a:cxn>
                  <a:cxn ang="T109">
                    <a:pos x="T10" y="T11"/>
                  </a:cxn>
                  <a:cxn ang="T110">
                    <a:pos x="T12" y="T13"/>
                  </a:cxn>
                  <a:cxn ang="T111">
                    <a:pos x="T14" y="T15"/>
                  </a:cxn>
                  <a:cxn ang="T112">
                    <a:pos x="T16" y="T17"/>
                  </a:cxn>
                  <a:cxn ang="T113">
                    <a:pos x="T18" y="T19"/>
                  </a:cxn>
                  <a:cxn ang="T114">
                    <a:pos x="T20" y="T21"/>
                  </a:cxn>
                  <a:cxn ang="T115">
                    <a:pos x="T22" y="T23"/>
                  </a:cxn>
                  <a:cxn ang="T116">
                    <a:pos x="T24" y="T25"/>
                  </a:cxn>
                  <a:cxn ang="T117">
                    <a:pos x="T26" y="T27"/>
                  </a:cxn>
                  <a:cxn ang="T118">
                    <a:pos x="T28" y="T29"/>
                  </a:cxn>
                  <a:cxn ang="T119">
                    <a:pos x="T30" y="T31"/>
                  </a:cxn>
                  <a:cxn ang="T120">
                    <a:pos x="T32" y="T33"/>
                  </a:cxn>
                  <a:cxn ang="T121">
                    <a:pos x="T34" y="T35"/>
                  </a:cxn>
                  <a:cxn ang="T122">
                    <a:pos x="T36" y="T37"/>
                  </a:cxn>
                  <a:cxn ang="T123">
                    <a:pos x="T38" y="T39"/>
                  </a:cxn>
                  <a:cxn ang="T124">
                    <a:pos x="T40" y="T41"/>
                  </a:cxn>
                  <a:cxn ang="T125">
                    <a:pos x="T42" y="T43"/>
                  </a:cxn>
                  <a:cxn ang="T126">
                    <a:pos x="T44" y="T45"/>
                  </a:cxn>
                  <a:cxn ang="T127">
                    <a:pos x="T46" y="T47"/>
                  </a:cxn>
                  <a:cxn ang="T128">
                    <a:pos x="T48" y="T49"/>
                  </a:cxn>
                  <a:cxn ang="T129">
                    <a:pos x="T50" y="T51"/>
                  </a:cxn>
                  <a:cxn ang="T130">
                    <a:pos x="T52" y="T53"/>
                  </a:cxn>
                  <a:cxn ang="T131">
                    <a:pos x="T54" y="T55"/>
                  </a:cxn>
                  <a:cxn ang="T132">
                    <a:pos x="T56" y="T57"/>
                  </a:cxn>
                  <a:cxn ang="T133">
                    <a:pos x="T58" y="T59"/>
                  </a:cxn>
                  <a:cxn ang="T134">
                    <a:pos x="T60" y="T61"/>
                  </a:cxn>
                  <a:cxn ang="T135">
                    <a:pos x="T62" y="T63"/>
                  </a:cxn>
                  <a:cxn ang="T136">
                    <a:pos x="T64" y="T65"/>
                  </a:cxn>
                  <a:cxn ang="T137">
                    <a:pos x="T66" y="T67"/>
                  </a:cxn>
                  <a:cxn ang="T138">
                    <a:pos x="T68" y="T69"/>
                  </a:cxn>
                  <a:cxn ang="T139">
                    <a:pos x="T70" y="T71"/>
                  </a:cxn>
                  <a:cxn ang="T140">
                    <a:pos x="T72" y="T73"/>
                  </a:cxn>
                  <a:cxn ang="T141">
                    <a:pos x="T74" y="T75"/>
                  </a:cxn>
                  <a:cxn ang="T142">
                    <a:pos x="T76" y="T77"/>
                  </a:cxn>
                  <a:cxn ang="T143">
                    <a:pos x="T78" y="T79"/>
                  </a:cxn>
                  <a:cxn ang="T144">
                    <a:pos x="T80" y="T81"/>
                  </a:cxn>
                  <a:cxn ang="T145">
                    <a:pos x="T82" y="T83"/>
                  </a:cxn>
                  <a:cxn ang="T146">
                    <a:pos x="T84" y="T85"/>
                  </a:cxn>
                  <a:cxn ang="T147">
                    <a:pos x="T86" y="T87"/>
                  </a:cxn>
                  <a:cxn ang="T148">
                    <a:pos x="T88" y="T89"/>
                  </a:cxn>
                  <a:cxn ang="T149">
                    <a:pos x="T90" y="T91"/>
                  </a:cxn>
                  <a:cxn ang="T150">
                    <a:pos x="T92" y="T93"/>
                  </a:cxn>
                  <a:cxn ang="T151">
                    <a:pos x="T94" y="T95"/>
                  </a:cxn>
                  <a:cxn ang="T152">
                    <a:pos x="T96" y="T97"/>
                  </a:cxn>
                  <a:cxn ang="T153">
                    <a:pos x="T98" y="T99"/>
                  </a:cxn>
                  <a:cxn ang="T154">
                    <a:pos x="T100" y="T101"/>
                  </a:cxn>
                  <a:cxn ang="T155">
                    <a:pos x="T102" y="T103"/>
                  </a:cxn>
                </a:cxnLst>
                <a:rect l="T156" t="T157" r="T158" b="T159"/>
                <a:pathLst>
                  <a:path w="516" h="557">
                    <a:moveTo>
                      <a:pt x="492" y="498"/>
                    </a:moveTo>
                    <a:lnTo>
                      <a:pt x="487" y="493"/>
                    </a:lnTo>
                    <a:lnTo>
                      <a:pt x="485" y="490"/>
                    </a:lnTo>
                    <a:lnTo>
                      <a:pt x="490" y="488"/>
                    </a:lnTo>
                    <a:lnTo>
                      <a:pt x="492" y="474"/>
                    </a:lnTo>
                    <a:lnTo>
                      <a:pt x="489" y="474"/>
                    </a:lnTo>
                    <a:lnTo>
                      <a:pt x="489" y="471"/>
                    </a:lnTo>
                    <a:lnTo>
                      <a:pt x="490" y="464"/>
                    </a:lnTo>
                    <a:lnTo>
                      <a:pt x="485" y="462"/>
                    </a:lnTo>
                    <a:lnTo>
                      <a:pt x="487" y="464"/>
                    </a:lnTo>
                    <a:lnTo>
                      <a:pt x="487" y="466"/>
                    </a:lnTo>
                    <a:lnTo>
                      <a:pt x="487" y="468"/>
                    </a:lnTo>
                    <a:lnTo>
                      <a:pt x="487" y="469"/>
                    </a:lnTo>
                    <a:lnTo>
                      <a:pt x="487" y="468"/>
                    </a:lnTo>
                    <a:lnTo>
                      <a:pt x="485" y="464"/>
                    </a:lnTo>
                    <a:lnTo>
                      <a:pt x="482" y="457"/>
                    </a:lnTo>
                    <a:lnTo>
                      <a:pt x="480" y="449"/>
                    </a:lnTo>
                    <a:lnTo>
                      <a:pt x="480" y="446"/>
                    </a:lnTo>
                    <a:lnTo>
                      <a:pt x="480" y="444"/>
                    </a:lnTo>
                    <a:lnTo>
                      <a:pt x="482" y="444"/>
                    </a:lnTo>
                    <a:lnTo>
                      <a:pt x="485" y="446"/>
                    </a:lnTo>
                    <a:lnTo>
                      <a:pt x="487" y="449"/>
                    </a:lnTo>
                    <a:lnTo>
                      <a:pt x="489" y="451"/>
                    </a:lnTo>
                    <a:lnTo>
                      <a:pt x="489" y="432"/>
                    </a:lnTo>
                    <a:lnTo>
                      <a:pt x="485" y="425"/>
                    </a:lnTo>
                    <a:lnTo>
                      <a:pt x="487" y="427"/>
                    </a:lnTo>
                    <a:lnTo>
                      <a:pt x="489" y="427"/>
                    </a:lnTo>
                    <a:lnTo>
                      <a:pt x="490" y="427"/>
                    </a:lnTo>
                    <a:lnTo>
                      <a:pt x="494" y="427"/>
                    </a:lnTo>
                    <a:lnTo>
                      <a:pt x="496" y="427"/>
                    </a:lnTo>
                    <a:lnTo>
                      <a:pt x="497" y="427"/>
                    </a:lnTo>
                    <a:lnTo>
                      <a:pt x="497" y="418"/>
                    </a:lnTo>
                    <a:lnTo>
                      <a:pt x="497" y="412"/>
                    </a:lnTo>
                    <a:lnTo>
                      <a:pt x="497" y="407"/>
                    </a:lnTo>
                    <a:lnTo>
                      <a:pt x="497" y="403"/>
                    </a:lnTo>
                    <a:lnTo>
                      <a:pt x="497" y="400"/>
                    </a:lnTo>
                    <a:lnTo>
                      <a:pt x="499" y="398"/>
                    </a:lnTo>
                    <a:lnTo>
                      <a:pt x="504" y="398"/>
                    </a:lnTo>
                    <a:lnTo>
                      <a:pt x="506" y="396"/>
                    </a:lnTo>
                    <a:lnTo>
                      <a:pt x="507" y="395"/>
                    </a:lnTo>
                    <a:lnTo>
                      <a:pt x="507" y="393"/>
                    </a:lnTo>
                    <a:lnTo>
                      <a:pt x="507" y="391"/>
                    </a:lnTo>
                    <a:lnTo>
                      <a:pt x="506" y="391"/>
                    </a:lnTo>
                    <a:lnTo>
                      <a:pt x="506" y="390"/>
                    </a:lnTo>
                    <a:lnTo>
                      <a:pt x="504" y="390"/>
                    </a:lnTo>
                    <a:lnTo>
                      <a:pt x="499" y="386"/>
                    </a:lnTo>
                    <a:lnTo>
                      <a:pt x="497" y="385"/>
                    </a:lnTo>
                    <a:lnTo>
                      <a:pt x="496" y="383"/>
                    </a:lnTo>
                    <a:lnTo>
                      <a:pt x="497" y="381"/>
                    </a:lnTo>
                    <a:lnTo>
                      <a:pt x="499" y="380"/>
                    </a:lnTo>
                    <a:lnTo>
                      <a:pt x="501" y="380"/>
                    </a:lnTo>
                    <a:lnTo>
                      <a:pt x="502" y="380"/>
                    </a:lnTo>
                    <a:lnTo>
                      <a:pt x="504" y="378"/>
                    </a:lnTo>
                    <a:lnTo>
                      <a:pt x="501" y="371"/>
                    </a:lnTo>
                    <a:lnTo>
                      <a:pt x="501" y="364"/>
                    </a:lnTo>
                    <a:lnTo>
                      <a:pt x="502" y="361"/>
                    </a:lnTo>
                    <a:lnTo>
                      <a:pt x="504" y="356"/>
                    </a:lnTo>
                    <a:lnTo>
                      <a:pt x="506" y="354"/>
                    </a:lnTo>
                    <a:lnTo>
                      <a:pt x="507" y="352"/>
                    </a:lnTo>
                    <a:lnTo>
                      <a:pt x="509" y="352"/>
                    </a:lnTo>
                    <a:lnTo>
                      <a:pt x="509" y="351"/>
                    </a:lnTo>
                    <a:lnTo>
                      <a:pt x="509" y="344"/>
                    </a:lnTo>
                    <a:lnTo>
                      <a:pt x="516" y="339"/>
                    </a:lnTo>
                    <a:lnTo>
                      <a:pt x="514" y="330"/>
                    </a:lnTo>
                    <a:lnTo>
                      <a:pt x="506" y="329"/>
                    </a:lnTo>
                    <a:lnTo>
                      <a:pt x="502" y="324"/>
                    </a:lnTo>
                    <a:lnTo>
                      <a:pt x="504" y="324"/>
                    </a:lnTo>
                    <a:lnTo>
                      <a:pt x="504" y="322"/>
                    </a:lnTo>
                    <a:lnTo>
                      <a:pt x="502" y="320"/>
                    </a:lnTo>
                    <a:lnTo>
                      <a:pt x="502" y="319"/>
                    </a:lnTo>
                    <a:lnTo>
                      <a:pt x="502" y="317"/>
                    </a:lnTo>
                    <a:lnTo>
                      <a:pt x="502" y="315"/>
                    </a:lnTo>
                    <a:lnTo>
                      <a:pt x="502" y="314"/>
                    </a:lnTo>
                    <a:lnTo>
                      <a:pt x="502" y="312"/>
                    </a:lnTo>
                    <a:lnTo>
                      <a:pt x="501" y="298"/>
                    </a:lnTo>
                    <a:lnTo>
                      <a:pt x="496" y="288"/>
                    </a:lnTo>
                    <a:lnTo>
                      <a:pt x="490" y="280"/>
                    </a:lnTo>
                    <a:lnTo>
                      <a:pt x="484" y="271"/>
                    </a:lnTo>
                    <a:lnTo>
                      <a:pt x="477" y="266"/>
                    </a:lnTo>
                    <a:lnTo>
                      <a:pt x="470" y="263"/>
                    </a:lnTo>
                    <a:lnTo>
                      <a:pt x="467" y="259"/>
                    </a:lnTo>
                    <a:lnTo>
                      <a:pt x="465" y="258"/>
                    </a:lnTo>
                    <a:lnTo>
                      <a:pt x="463" y="242"/>
                    </a:lnTo>
                    <a:lnTo>
                      <a:pt x="460" y="232"/>
                    </a:lnTo>
                    <a:lnTo>
                      <a:pt x="453" y="224"/>
                    </a:lnTo>
                    <a:lnTo>
                      <a:pt x="446" y="219"/>
                    </a:lnTo>
                    <a:lnTo>
                      <a:pt x="440" y="215"/>
                    </a:lnTo>
                    <a:lnTo>
                      <a:pt x="435" y="214"/>
                    </a:lnTo>
                    <a:lnTo>
                      <a:pt x="430" y="212"/>
                    </a:lnTo>
                    <a:lnTo>
                      <a:pt x="428" y="212"/>
                    </a:lnTo>
                    <a:lnTo>
                      <a:pt x="428" y="210"/>
                    </a:lnTo>
                    <a:lnTo>
                      <a:pt x="424" y="209"/>
                    </a:lnTo>
                    <a:lnTo>
                      <a:pt x="419" y="204"/>
                    </a:lnTo>
                    <a:lnTo>
                      <a:pt x="414" y="200"/>
                    </a:lnTo>
                    <a:lnTo>
                      <a:pt x="409" y="195"/>
                    </a:lnTo>
                    <a:lnTo>
                      <a:pt x="406" y="190"/>
                    </a:lnTo>
                    <a:lnTo>
                      <a:pt x="402" y="187"/>
                    </a:lnTo>
                    <a:lnTo>
                      <a:pt x="401" y="183"/>
                    </a:lnTo>
                    <a:lnTo>
                      <a:pt x="397" y="175"/>
                    </a:lnTo>
                    <a:lnTo>
                      <a:pt x="392" y="168"/>
                    </a:lnTo>
                    <a:lnTo>
                      <a:pt x="389" y="163"/>
                    </a:lnTo>
                    <a:lnTo>
                      <a:pt x="384" y="161"/>
                    </a:lnTo>
                    <a:lnTo>
                      <a:pt x="380" y="160"/>
                    </a:lnTo>
                    <a:lnTo>
                      <a:pt x="377" y="160"/>
                    </a:lnTo>
                    <a:lnTo>
                      <a:pt x="374" y="160"/>
                    </a:lnTo>
                    <a:lnTo>
                      <a:pt x="372" y="158"/>
                    </a:lnTo>
                    <a:lnTo>
                      <a:pt x="370" y="154"/>
                    </a:lnTo>
                    <a:lnTo>
                      <a:pt x="367" y="153"/>
                    </a:lnTo>
                    <a:lnTo>
                      <a:pt x="365" y="149"/>
                    </a:lnTo>
                    <a:lnTo>
                      <a:pt x="362" y="143"/>
                    </a:lnTo>
                    <a:lnTo>
                      <a:pt x="358" y="138"/>
                    </a:lnTo>
                    <a:lnTo>
                      <a:pt x="355" y="134"/>
                    </a:lnTo>
                    <a:lnTo>
                      <a:pt x="352" y="132"/>
                    </a:lnTo>
                    <a:lnTo>
                      <a:pt x="348" y="131"/>
                    </a:lnTo>
                    <a:lnTo>
                      <a:pt x="347" y="132"/>
                    </a:lnTo>
                    <a:lnTo>
                      <a:pt x="343" y="132"/>
                    </a:lnTo>
                    <a:lnTo>
                      <a:pt x="336" y="131"/>
                    </a:lnTo>
                    <a:lnTo>
                      <a:pt x="331" y="129"/>
                    </a:lnTo>
                    <a:lnTo>
                      <a:pt x="328" y="124"/>
                    </a:lnTo>
                    <a:lnTo>
                      <a:pt x="325" y="119"/>
                    </a:lnTo>
                    <a:lnTo>
                      <a:pt x="321" y="114"/>
                    </a:lnTo>
                    <a:lnTo>
                      <a:pt x="320" y="110"/>
                    </a:lnTo>
                    <a:lnTo>
                      <a:pt x="318" y="107"/>
                    </a:lnTo>
                    <a:lnTo>
                      <a:pt x="318" y="105"/>
                    </a:lnTo>
                    <a:lnTo>
                      <a:pt x="313" y="102"/>
                    </a:lnTo>
                    <a:lnTo>
                      <a:pt x="306" y="95"/>
                    </a:lnTo>
                    <a:lnTo>
                      <a:pt x="301" y="88"/>
                    </a:lnTo>
                    <a:lnTo>
                      <a:pt x="296" y="82"/>
                    </a:lnTo>
                    <a:lnTo>
                      <a:pt x="292" y="75"/>
                    </a:lnTo>
                    <a:lnTo>
                      <a:pt x="291" y="68"/>
                    </a:lnTo>
                    <a:lnTo>
                      <a:pt x="287" y="65"/>
                    </a:lnTo>
                    <a:lnTo>
                      <a:pt x="287" y="63"/>
                    </a:lnTo>
                    <a:lnTo>
                      <a:pt x="287" y="61"/>
                    </a:lnTo>
                    <a:lnTo>
                      <a:pt x="284" y="61"/>
                    </a:lnTo>
                    <a:lnTo>
                      <a:pt x="282" y="61"/>
                    </a:lnTo>
                    <a:lnTo>
                      <a:pt x="281" y="60"/>
                    </a:lnTo>
                    <a:lnTo>
                      <a:pt x="274" y="60"/>
                    </a:lnTo>
                    <a:lnTo>
                      <a:pt x="267" y="58"/>
                    </a:lnTo>
                    <a:lnTo>
                      <a:pt x="262" y="56"/>
                    </a:lnTo>
                    <a:lnTo>
                      <a:pt x="259" y="55"/>
                    </a:lnTo>
                    <a:lnTo>
                      <a:pt x="255" y="53"/>
                    </a:lnTo>
                    <a:lnTo>
                      <a:pt x="254" y="51"/>
                    </a:lnTo>
                    <a:lnTo>
                      <a:pt x="252" y="50"/>
                    </a:lnTo>
                    <a:lnTo>
                      <a:pt x="240" y="48"/>
                    </a:lnTo>
                    <a:lnTo>
                      <a:pt x="235" y="43"/>
                    </a:lnTo>
                    <a:lnTo>
                      <a:pt x="235" y="34"/>
                    </a:lnTo>
                    <a:lnTo>
                      <a:pt x="237" y="24"/>
                    </a:lnTo>
                    <a:lnTo>
                      <a:pt x="242" y="16"/>
                    </a:lnTo>
                    <a:lnTo>
                      <a:pt x="248" y="7"/>
                    </a:lnTo>
                    <a:lnTo>
                      <a:pt x="252" y="2"/>
                    </a:lnTo>
                    <a:lnTo>
                      <a:pt x="254" y="0"/>
                    </a:lnTo>
                    <a:lnTo>
                      <a:pt x="130" y="19"/>
                    </a:lnTo>
                    <a:lnTo>
                      <a:pt x="0" y="33"/>
                    </a:lnTo>
                    <a:lnTo>
                      <a:pt x="73" y="290"/>
                    </a:lnTo>
                    <a:lnTo>
                      <a:pt x="89" y="327"/>
                    </a:lnTo>
                    <a:lnTo>
                      <a:pt x="91" y="329"/>
                    </a:lnTo>
                    <a:lnTo>
                      <a:pt x="93" y="330"/>
                    </a:lnTo>
                    <a:lnTo>
                      <a:pt x="95" y="334"/>
                    </a:lnTo>
                    <a:lnTo>
                      <a:pt x="96" y="337"/>
                    </a:lnTo>
                    <a:lnTo>
                      <a:pt x="100" y="341"/>
                    </a:lnTo>
                    <a:lnTo>
                      <a:pt x="100" y="347"/>
                    </a:lnTo>
                    <a:lnTo>
                      <a:pt x="100" y="352"/>
                    </a:lnTo>
                    <a:lnTo>
                      <a:pt x="101" y="354"/>
                    </a:lnTo>
                    <a:lnTo>
                      <a:pt x="103" y="356"/>
                    </a:lnTo>
                    <a:lnTo>
                      <a:pt x="105" y="356"/>
                    </a:lnTo>
                    <a:lnTo>
                      <a:pt x="108" y="358"/>
                    </a:lnTo>
                    <a:lnTo>
                      <a:pt x="108" y="361"/>
                    </a:lnTo>
                    <a:lnTo>
                      <a:pt x="108" y="364"/>
                    </a:lnTo>
                    <a:lnTo>
                      <a:pt x="105" y="369"/>
                    </a:lnTo>
                    <a:lnTo>
                      <a:pt x="98" y="376"/>
                    </a:lnTo>
                    <a:lnTo>
                      <a:pt x="98" y="378"/>
                    </a:lnTo>
                    <a:lnTo>
                      <a:pt x="96" y="378"/>
                    </a:lnTo>
                    <a:lnTo>
                      <a:pt x="96" y="381"/>
                    </a:lnTo>
                    <a:lnTo>
                      <a:pt x="96" y="383"/>
                    </a:lnTo>
                    <a:lnTo>
                      <a:pt x="95" y="388"/>
                    </a:lnTo>
                    <a:lnTo>
                      <a:pt x="95" y="393"/>
                    </a:lnTo>
                    <a:lnTo>
                      <a:pt x="95" y="400"/>
                    </a:lnTo>
                    <a:lnTo>
                      <a:pt x="95" y="407"/>
                    </a:lnTo>
                    <a:lnTo>
                      <a:pt x="95" y="410"/>
                    </a:lnTo>
                    <a:lnTo>
                      <a:pt x="93" y="413"/>
                    </a:lnTo>
                    <a:lnTo>
                      <a:pt x="93" y="418"/>
                    </a:lnTo>
                    <a:lnTo>
                      <a:pt x="93" y="424"/>
                    </a:lnTo>
                    <a:lnTo>
                      <a:pt x="93" y="432"/>
                    </a:lnTo>
                    <a:lnTo>
                      <a:pt x="95" y="439"/>
                    </a:lnTo>
                    <a:lnTo>
                      <a:pt x="98" y="446"/>
                    </a:lnTo>
                    <a:lnTo>
                      <a:pt x="103" y="451"/>
                    </a:lnTo>
                    <a:lnTo>
                      <a:pt x="103" y="454"/>
                    </a:lnTo>
                    <a:lnTo>
                      <a:pt x="103" y="457"/>
                    </a:lnTo>
                    <a:lnTo>
                      <a:pt x="105" y="464"/>
                    </a:lnTo>
                    <a:lnTo>
                      <a:pt x="105" y="471"/>
                    </a:lnTo>
                    <a:lnTo>
                      <a:pt x="105" y="478"/>
                    </a:lnTo>
                    <a:lnTo>
                      <a:pt x="105" y="483"/>
                    </a:lnTo>
                    <a:lnTo>
                      <a:pt x="105" y="488"/>
                    </a:lnTo>
                    <a:lnTo>
                      <a:pt x="105" y="490"/>
                    </a:lnTo>
                    <a:lnTo>
                      <a:pt x="122" y="522"/>
                    </a:lnTo>
                    <a:lnTo>
                      <a:pt x="139" y="554"/>
                    </a:lnTo>
                    <a:lnTo>
                      <a:pt x="418" y="535"/>
                    </a:lnTo>
                    <a:lnTo>
                      <a:pt x="428" y="557"/>
                    </a:lnTo>
                    <a:lnTo>
                      <a:pt x="443" y="557"/>
                    </a:lnTo>
                    <a:lnTo>
                      <a:pt x="443" y="556"/>
                    </a:lnTo>
                    <a:lnTo>
                      <a:pt x="441" y="552"/>
                    </a:lnTo>
                    <a:lnTo>
                      <a:pt x="441" y="549"/>
                    </a:lnTo>
                    <a:lnTo>
                      <a:pt x="441" y="544"/>
                    </a:lnTo>
                    <a:lnTo>
                      <a:pt x="440" y="539"/>
                    </a:lnTo>
                    <a:lnTo>
                      <a:pt x="440" y="534"/>
                    </a:lnTo>
                    <a:lnTo>
                      <a:pt x="440" y="530"/>
                    </a:lnTo>
                    <a:lnTo>
                      <a:pt x="440" y="528"/>
                    </a:lnTo>
                    <a:lnTo>
                      <a:pt x="435" y="520"/>
                    </a:lnTo>
                    <a:lnTo>
                      <a:pt x="435" y="512"/>
                    </a:lnTo>
                    <a:lnTo>
                      <a:pt x="435" y="506"/>
                    </a:lnTo>
                    <a:lnTo>
                      <a:pt x="438" y="503"/>
                    </a:lnTo>
                    <a:lnTo>
                      <a:pt x="441" y="500"/>
                    </a:lnTo>
                    <a:lnTo>
                      <a:pt x="443" y="498"/>
                    </a:lnTo>
                    <a:lnTo>
                      <a:pt x="446" y="498"/>
                    </a:lnTo>
                    <a:lnTo>
                      <a:pt x="448" y="498"/>
                    </a:lnTo>
                    <a:lnTo>
                      <a:pt x="453" y="501"/>
                    </a:lnTo>
                    <a:lnTo>
                      <a:pt x="462" y="503"/>
                    </a:lnTo>
                    <a:lnTo>
                      <a:pt x="468" y="505"/>
                    </a:lnTo>
                    <a:lnTo>
                      <a:pt x="475" y="506"/>
                    </a:lnTo>
                    <a:lnTo>
                      <a:pt x="482" y="506"/>
                    </a:lnTo>
                    <a:lnTo>
                      <a:pt x="485" y="506"/>
                    </a:lnTo>
                    <a:lnTo>
                      <a:pt x="489" y="506"/>
                    </a:lnTo>
                    <a:lnTo>
                      <a:pt x="490" y="506"/>
                    </a:lnTo>
                    <a:lnTo>
                      <a:pt x="492" y="498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241" name="Group 183"/>
            <p:cNvGrpSpPr>
              <a:grpSpLocks/>
            </p:cNvGrpSpPr>
            <p:nvPr/>
          </p:nvGrpSpPr>
          <p:grpSpPr bwMode="auto">
            <a:xfrm>
              <a:off x="4720" y="1593"/>
              <a:ext cx="332" cy="182"/>
              <a:chOff x="4972" y="1195"/>
              <a:chExt cx="342" cy="188"/>
            </a:xfrm>
          </p:grpSpPr>
          <p:sp>
            <p:nvSpPr>
              <p:cNvPr id="244" name="Freeform 184"/>
              <p:cNvSpPr>
                <a:spLocks/>
              </p:cNvSpPr>
              <p:nvPr/>
            </p:nvSpPr>
            <p:spPr bwMode="auto">
              <a:xfrm>
                <a:off x="5289" y="1356"/>
                <a:ext cx="25" cy="17"/>
              </a:xfrm>
              <a:custGeom>
                <a:avLst/>
                <a:gdLst>
                  <a:gd name="T0" fmla="*/ 0 w 25"/>
                  <a:gd name="T1" fmla="*/ 17 h 17"/>
                  <a:gd name="T2" fmla="*/ 2 w 25"/>
                  <a:gd name="T3" fmla="*/ 17 h 17"/>
                  <a:gd name="T4" fmla="*/ 7 w 25"/>
                  <a:gd name="T5" fmla="*/ 17 h 17"/>
                  <a:gd name="T6" fmla="*/ 12 w 25"/>
                  <a:gd name="T7" fmla="*/ 17 h 17"/>
                  <a:gd name="T8" fmla="*/ 19 w 25"/>
                  <a:gd name="T9" fmla="*/ 15 h 17"/>
                  <a:gd name="T10" fmla="*/ 24 w 25"/>
                  <a:gd name="T11" fmla="*/ 13 h 17"/>
                  <a:gd name="T12" fmla="*/ 25 w 25"/>
                  <a:gd name="T13" fmla="*/ 10 h 17"/>
                  <a:gd name="T14" fmla="*/ 24 w 25"/>
                  <a:gd name="T15" fmla="*/ 6 h 17"/>
                  <a:gd name="T16" fmla="*/ 19 w 25"/>
                  <a:gd name="T17" fmla="*/ 1 h 17"/>
                  <a:gd name="T18" fmla="*/ 19 w 25"/>
                  <a:gd name="T19" fmla="*/ 0 h 17"/>
                  <a:gd name="T20" fmla="*/ 17 w 25"/>
                  <a:gd name="T21" fmla="*/ 0 h 17"/>
                  <a:gd name="T22" fmla="*/ 15 w 25"/>
                  <a:gd name="T23" fmla="*/ 3 h 17"/>
                  <a:gd name="T24" fmla="*/ 15 w 25"/>
                  <a:gd name="T25" fmla="*/ 8 h 17"/>
                  <a:gd name="T26" fmla="*/ 13 w 25"/>
                  <a:gd name="T27" fmla="*/ 8 h 17"/>
                  <a:gd name="T28" fmla="*/ 12 w 25"/>
                  <a:gd name="T29" fmla="*/ 8 h 17"/>
                  <a:gd name="T30" fmla="*/ 8 w 25"/>
                  <a:gd name="T31" fmla="*/ 8 h 17"/>
                  <a:gd name="T32" fmla="*/ 7 w 25"/>
                  <a:gd name="T33" fmla="*/ 8 h 17"/>
                  <a:gd name="T34" fmla="*/ 3 w 25"/>
                  <a:gd name="T35" fmla="*/ 10 h 17"/>
                  <a:gd name="T36" fmla="*/ 0 w 25"/>
                  <a:gd name="T37" fmla="*/ 12 h 17"/>
                  <a:gd name="T38" fmla="*/ 0 w 25"/>
                  <a:gd name="T39" fmla="*/ 13 h 17"/>
                  <a:gd name="T40" fmla="*/ 0 w 25"/>
                  <a:gd name="T41" fmla="*/ 17 h 17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25"/>
                  <a:gd name="T64" fmla="*/ 0 h 17"/>
                  <a:gd name="T65" fmla="*/ 25 w 25"/>
                  <a:gd name="T66" fmla="*/ 17 h 17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25" h="17">
                    <a:moveTo>
                      <a:pt x="0" y="17"/>
                    </a:moveTo>
                    <a:lnTo>
                      <a:pt x="2" y="17"/>
                    </a:lnTo>
                    <a:lnTo>
                      <a:pt x="7" y="17"/>
                    </a:lnTo>
                    <a:lnTo>
                      <a:pt x="12" y="17"/>
                    </a:lnTo>
                    <a:lnTo>
                      <a:pt x="19" y="15"/>
                    </a:lnTo>
                    <a:lnTo>
                      <a:pt x="24" y="13"/>
                    </a:lnTo>
                    <a:lnTo>
                      <a:pt x="25" y="10"/>
                    </a:lnTo>
                    <a:lnTo>
                      <a:pt x="24" y="6"/>
                    </a:lnTo>
                    <a:lnTo>
                      <a:pt x="19" y="1"/>
                    </a:lnTo>
                    <a:lnTo>
                      <a:pt x="19" y="0"/>
                    </a:lnTo>
                    <a:lnTo>
                      <a:pt x="17" y="0"/>
                    </a:lnTo>
                    <a:lnTo>
                      <a:pt x="15" y="3"/>
                    </a:lnTo>
                    <a:lnTo>
                      <a:pt x="15" y="8"/>
                    </a:lnTo>
                    <a:lnTo>
                      <a:pt x="13" y="8"/>
                    </a:lnTo>
                    <a:lnTo>
                      <a:pt x="12" y="8"/>
                    </a:lnTo>
                    <a:lnTo>
                      <a:pt x="8" y="8"/>
                    </a:lnTo>
                    <a:lnTo>
                      <a:pt x="7" y="8"/>
                    </a:lnTo>
                    <a:lnTo>
                      <a:pt x="3" y="10"/>
                    </a:lnTo>
                    <a:lnTo>
                      <a:pt x="0" y="12"/>
                    </a:lnTo>
                    <a:lnTo>
                      <a:pt x="0" y="13"/>
                    </a:lnTo>
                    <a:lnTo>
                      <a:pt x="0" y="1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45" name="Freeform 185"/>
              <p:cNvSpPr>
                <a:spLocks/>
              </p:cNvSpPr>
              <p:nvPr/>
            </p:nvSpPr>
            <p:spPr bwMode="auto">
              <a:xfrm>
                <a:off x="5289" y="1356"/>
                <a:ext cx="25" cy="17"/>
              </a:xfrm>
              <a:custGeom>
                <a:avLst/>
                <a:gdLst>
                  <a:gd name="T0" fmla="*/ 0 w 25"/>
                  <a:gd name="T1" fmla="*/ 17 h 17"/>
                  <a:gd name="T2" fmla="*/ 0 w 25"/>
                  <a:gd name="T3" fmla="*/ 17 h 17"/>
                  <a:gd name="T4" fmla="*/ 2 w 25"/>
                  <a:gd name="T5" fmla="*/ 17 h 17"/>
                  <a:gd name="T6" fmla="*/ 7 w 25"/>
                  <a:gd name="T7" fmla="*/ 17 h 17"/>
                  <a:gd name="T8" fmla="*/ 12 w 25"/>
                  <a:gd name="T9" fmla="*/ 17 h 17"/>
                  <a:gd name="T10" fmla="*/ 19 w 25"/>
                  <a:gd name="T11" fmla="*/ 15 h 17"/>
                  <a:gd name="T12" fmla="*/ 24 w 25"/>
                  <a:gd name="T13" fmla="*/ 13 h 17"/>
                  <a:gd name="T14" fmla="*/ 25 w 25"/>
                  <a:gd name="T15" fmla="*/ 10 h 17"/>
                  <a:gd name="T16" fmla="*/ 24 w 25"/>
                  <a:gd name="T17" fmla="*/ 6 h 17"/>
                  <a:gd name="T18" fmla="*/ 19 w 25"/>
                  <a:gd name="T19" fmla="*/ 1 h 17"/>
                  <a:gd name="T20" fmla="*/ 19 w 25"/>
                  <a:gd name="T21" fmla="*/ 1 h 17"/>
                  <a:gd name="T22" fmla="*/ 19 w 25"/>
                  <a:gd name="T23" fmla="*/ 0 h 17"/>
                  <a:gd name="T24" fmla="*/ 17 w 25"/>
                  <a:gd name="T25" fmla="*/ 0 h 17"/>
                  <a:gd name="T26" fmla="*/ 15 w 25"/>
                  <a:gd name="T27" fmla="*/ 3 h 17"/>
                  <a:gd name="T28" fmla="*/ 15 w 25"/>
                  <a:gd name="T29" fmla="*/ 8 h 17"/>
                  <a:gd name="T30" fmla="*/ 15 w 25"/>
                  <a:gd name="T31" fmla="*/ 8 h 17"/>
                  <a:gd name="T32" fmla="*/ 13 w 25"/>
                  <a:gd name="T33" fmla="*/ 8 h 17"/>
                  <a:gd name="T34" fmla="*/ 12 w 25"/>
                  <a:gd name="T35" fmla="*/ 8 h 17"/>
                  <a:gd name="T36" fmla="*/ 8 w 25"/>
                  <a:gd name="T37" fmla="*/ 8 h 17"/>
                  <a:gd name="T38" fmla="*/ 7 w 25"/>
                  <a:gd name="T39" fmla="*/ 8 h 17"/>
                  <a:gd name="T40" fmla="*/ 3 w 25"/>
                  <a:gd name="T41" fmla="*/ 10 h 17"/>
                  <a:gd name="T42" fmla="*/ 0 w 25"/>
                  <a:gd name="T43" fmla="*/ 12 h 17"/>
                  <a:gd name="T44" fmla="*/ 0 w 25"/>
                  <a:gd name="T45" fmla="*/ 13 h 17"/>
                  <a:gd name="T46" fmla="*/ 0 w 25"/>
                  <a:gd name="T47" fmla="*/ 17 h 17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25"/>
                  <a:gd name="T73" fmla="*/ 0 h 17"/>
                  <a:gd name="T74" fmla="*/ 25 w 25"/>
                  <a:gd name="T75" fmla="*/ 17 h 17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25" h="17">
                    <a:moveTo>
                      <a:pt x="0" y="17"/>
                    </a:moveTo>
                    <a:lnTo>
                      <a:pt x="0" y="17"/>
                    </a:lnTo>
                    <a:lnTo>
                      <a:pt x="2" y="17"/>
                    </a:lnTo>
                    <a:lnTo>
                      <a:pt x="7" y="17"/>
                    </a:lnTo>
                    <a:lnTo>
                      <a:pt x="12" y="17"/>
                    </a:lnTo>
                    <a:lnTo>
                      <a:pt x="19" y="15"/>
                    </a:lnTo>
                    <a:lnTo>
                      <a:pt x="24" y="13"/>
                    </a:lnTo>
                    <a:lnTo>
                      <a:pt x="25" y="10"/>
                    </a:lnTo>
                    <a:lnTo>
                      <a:pt x="24" y="6"/>
                    </a:lnTo>
                    <a:lnTo>
                      <a:pt x="19" y="1"/>
                    </a:lnTo>
                    <a:lnTo>
                      <a:pt x="19" y="0"/>
                    </a:lnTo>
                    <a:lnTo>
                      <a:pt x="17" y="0"/>
                    </a:lnTo>
                    <a:lnTo>
                      <a:pt x="15" y="3"/>
                    </a:lnTo>
                    <a:lnTo>
                      <a:pt x="15" y="8"/>
                    </a:lnTo>
                    <a:lnTo>
                      <a:pt x="13" y="8"/>
                    </a:lnTo>
                    <a:lnTo>
                      <a:pt x="12" y="8"/>
                    </a:lnTo>
                    <a:lnTo>
                      <a:pt x="8" y="8"/>
                    </a:lnTo>
                    <a:lnTo>
                      <a:pt x="7" y="8"/>
                    </a:lnTo>
                    <a:lnTo>
                      <a:pt x="3" y="10"/>
                    </a:lnTo>
                    <a:lnTo>
                      <a:pt x="0" y="12"/>
                    </a:lnTo>
                    <a:lnTo>
                      <a:pt x="0" y="13"/>
                    </a:lnTo>
                    <a:lnTo>
                      <a:pt x="0" y="1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46" name="Freeform 186"/>
              <p:cNvSpPr>
                <a:spLocks/>
              </p:cNvSpPr>
              <p:nvPr/>
            </p:nvSpPr>
            <p:spPr bwMode="auto">
              <a:xfrm>
                <a:off x="5235" y="1357"/>
                <a:ext cx="29" cy="26"/>
              </a:xfrm>
              <a:custGeom>
                <a:avLst/>
                <a:gdLst>
                  <a:gd name="T0" fmla="*/ 0 w 29"/>
                  <a:gd name="T1" fmla="*/ 19 h 26"/>
                  <a:gd name="T2" fmla="*/ 3 w 29"/>
                  <a:gd name="T3" fmla="*/ 26 h 26"/>
                  <a:gd name="T4" fmla="*/ 5 w 29"/>
                  <a:gd name="T5" fmla="*/ 26 h 26"/>
                  <a:gd name="T6" fmla="*/ 7 w 29"/>
                  <a:gd name="T7" fmla="*/ 24 h 26"/>
                  <a:gd name="T8" fmla="*/ 8 w 29"/>
                  <a:gd name="T9" fmla="*/ 21 h 26"/>
                  <a:gd name="T10" fmla="*/ 12 w 29"/>
                  <a:gd name="T11" fmla="*/ 19 h 26"/>
                  <a:gd name="T12" fmla="*/ 17 w 29"/>
                  <a:gd name="T13" fmla="*/ 16 h 26"/>
                  <a:gd name="T14" fmla="*/ 20 w 29"/>
                  <a:gd name="T15" fmla="*/ 12 h 26"/>
                  <a:gd name="T16" fmla="*/ 25 w 29"/>
                  <a:gd name="T17" fmla="*/ 12 h 26"/>
                  <a:gd name="T18" fmla="*/ 29 w 29"/>
                  <a:gd name="T19" fmla="*/ 11 h 26"/>
                  <a:gd name="T20" fmla="*/ 29 w 29"/>
                  <a:gd name="T21" fmla="*/ 9 h 26"/>
                  <a:gd name="T22" fmla="*/ 29 w 29"/>
                  <a:gd name="T23" fmla="*/ 5 h 26"/>
                  <a:gd name="T24" fmla="*/ 27 w 29"/>
                  <a:gd name="T25" fmla="*/ 4 h 26"/>
                  <a:gd name="T26" fmla="*/ 22 w 29"/>
                  <a:gd name="T27" fmla="*/ 4 h 26"/>
                  <a:gd name="T28" fmla="*/ 20 w 29"/>
                  <a:gd name="T29" fmla="*/ 4 h 26"/>
                  <a:gd name="T30" fmla="*/ 18 w 29"/>
                  <a:gd name="T31" fmla="*/ 2 h 26"/>
                  <a:gd name="T32" fmla="*/ 15 w 29"/>
                  <a:gd name="T33" fmla="*/ 0 h 26"/>
                  <a:gd name="T34" fmla="*/ 13 w 29"/>
                  <a:gd name="T35" fmla="*/ 0 h 26"/>
                  <a:gd name="T36" fmla="*/ 10 w 29"/>
                  <a:gd name="T37" fmla="*/ 4 h 26"/>
                  <a:gd name="T38" fmla="*/ 10 w 29"/>
                  <a:gd name="T39" fmla="*/ 7 h 26"/>
                  <a:gd name="T40" fmla="*/ 8 w 29"/>
                  <a:gd name="T41" fmla="*/ 11 h 26"/>
                  <a:gd name="T42" fmla="*/ 8 w 29"/>
                  <a:gd name="T43" fmla="*/ 14 h 26"/>
                  <a:gd name="T44" fmla="*/ 3 w 29"/>
                  <a:gd name="T45" fmla="*/ 17 h 26"/>
                  <a:gd name="T46" fmla="*/ 0 w 29"/>
                  <a:gd name="T47" fmla="*/ 19 h 2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29"/>
                  <a:gd name="T73" fmla="*/ 0 h 26"/>
                  <a:gd name="T74" fmla="*/ 29 w 29"/>
                  <a:gd name="T75" fmla="*/ 26 h 26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29" h="26">
                    <a:moveTo>
                      <a:pt x="0" y="19"/>
                    </a:moveTo>
                    <a:lnTo>
                      <a:pt x="3" y="26"/>
                    </a:lnTo>
                    <a:lnTo>
                      <a:pt x="5" y="26"/>
                    </a:lnTo>
                    <a:lnTo>
                      <a:pt x="7" y="24"/>
                    </a:lnTo>
                    <a:lnTo>
                      <a:pt x="8" y="21"/>
                    </a:lnTo>
                    <a:lnTo>
                      <a:pt x="12" y="19"/>
                    </a:lnTo>
                    <a:lnTo>
                      <a:pt x="17" y="16"/>
                    </a:lnTo>
                    <a:lnTo>
                      <a:pt x="20" y="12"/>
                    </a:lnTo>
                    <a:lnTo>
                      <a:pt x="25" y="12"/>
                    </a:lnTo>
                    <a:lnTo>
                      <a:pt x="29" y="11"/>
                    </a:lnTo>
                    <a:lnTo>
                      <a:pt x="29" y="9"/>
                    </a:lnTo>
                    <a:lnTo>
                      <a:pt x="29" y="5"/>
                    </a:lnTo>
                    <a:lnTo>
                      <a:pt x="27" y="4"/>
                    </a:lnTo>
                    <a:lnTo>
                      <a:pt x="22" y="4"/>
                    </a:lnTo>
                    <a:lnTo>
                      <a:pt x="20" y="4"/>
                    </a:lnTo>
                    <a:lnTo>
                      <a:pt x="18" y="2"/>
                    </a:lnTo>
                    <a:lnTo>
                      <a:pt x="15" y="0"/>
                    </a:lnTo>
                    <a:lnTo>
                      <a:pt x="13" y="0"/>
                    </a:lnTo>
                    <a:lnTo>
                      <a:pt x="10" y="4"/>
                    </a:lnTo>
                    <a:lnTo>
                      <a:pt x="10" y="7"/>
                    </a:lnTo>
                    <a:lnTo>
                      <a:pt x="8" y="11"/>
                    </a:lnTo>
                    <a:lnTo>
                      <a:pt x="8" y="14"/>
                    </a:lnTo>
                    <a:lnTo>
                      <a:pt x="3" y="17"/>
                    </a:lnTo>
                    <a:lnTo>
                      <a:pt x="0" y="1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47" name="Freeform 187"/>
              <p:cNvSpPr>
                <a:spLocks/>
              </p:cNvSpPr>
              <p:nvPr/>
            </p:nvSpPr>
            <p:spPr bwMode="auto">
              <a:xfrm>
                <a:off x="5235" y="1357"/>
                <a:ext cx="29" cy="26"/>
              </a:xfrm>
              <a:custGeom>
                <a:avLst/>
                <a:gdLst>
                  <a:gd name="T0" fmla="*/ 0 w 29"/>
                  <a:gd name="T1" fmla="*/ 19 h 26"/>
                  <a:gd name="T2" fmla="*/ 3 w 29"/>
                  <a:gd name="T3" fmla="*/ 26 h 26"/>
                  <a:gd name="T4" fmla="*/ 3 w 29"/>
                  <a:gd name="T5" fmla="*/ 26 h 26"/>
                  <a:gd name="T6" fmla="*/ 5 w 29"/>
                  <a:gd name="T7" fmla="*/ 26 h 26"/>
                  <a:gd name="T8" fmla="*/ 7 w 29"/>
                  <a:gd name="T9" fmla="*/ 24 h 26"/>
                  <a:gd name="T10" fmla="*/ 8 w 29"/>
                  <a:gd name="T11" fmla="*/ 21 h 26"/>
                  <a:gd name="T12" fmla="*/ 12 w 29"/>
                  <a:gd name="T13" fmla="*/ 19 h 26"/>
                  <a:gd name="T14" fmla="*/ 17 w 29"/>
                  <a:gd name="T15" fmla="*/ 16 h 26"/>
                  <a:gd name="T16" fmla="*/ 20 w 29"/>
                  <a:gd name="T17" fmla="*/ 12 h 26"/>
                  <a:gd name="T18" fmla="*/ 25 w 29"/>
                  <a:gd name="T19" fmla="*/ 12 h 26"/>
                  <a:gd name="T20" fmla="*/ 29 w 29"/>
                  <a:gd name="T21" fmla="*/ 11 h 26"/>
                  <a:gd name="T22" fmla="*/ 29 w 29"/>
                  <a:gd name="T23" fmla="*/ 11 h 26"/>
                  <a:gd name="T24" fmla="*/ 29 w 29"/>
                  <a:gd name="T25" fmla="*/ 9 h 26"/>
                  <a:gd name="T26" fmla="*/ 29 w 29"/>
                  <a:gd name="T27" fmla="*/ 5 h 26"/>
                  <a:gd name="T28" fmla="*/ 27 w 29"/>
                  <a:gd name="T29" fmla="*/ 4 h 26"/>
                  <a:gd name="T30" fmla="*/ 22 w 29"/>
                  <a:gd name="T31" fmla="*/ 4 h 26"/>
                  <a:gd name="T32" fmla="*/ 22 w 29"/>
                  <a:gd name="T33" fmla="*/ 4 h 26"/>
                  <a:gd name="T34" fmla="*/ 20 w 29"/>
                  <a:gd name="T35" fmla="*/ 4 h 26"/>
                  <a:gd name="T36" fmla="*/ 18 w 29"/>
                  <a:gd name="T37" fmla="*/ 2 h 26"/>
                  <a:gd name="T38" fmla="*/ 15 w 29"/>
                  <a:gd name="T39" fmla="*/ 0 h 26"/>
                  <a:gd name="T40" fmla="*/ 13 w 29"/>
                  <a:gd name="T41" fmla="*/ 0 h 26"/>
                  <a:gd name="T42" fmla="*/ 10 w 29"/>
                  <a:gd name="T43" fmla="*/ 4 h 26"/>
                  <a:gd name="T44" fmla="*/ 10 w 29"/>
                  <a:gd name="T45" fmla="*/ 7 h 26"/>
                  <a:gd name="T46" fmla="*/ 8 w 29"/>
                  <a:gd name="T47" fmla="*/ 11 h 26"/>
                  <a:gd name="T48" fmla="*/ 8 w 29"/>
                  <a:gd name="T49" fmla="*/ 14 h 26"/>
                  <a:gd name="T50" fmla="*/ 3 w 29"/>
                  <a:gd name="T51" fmla="*/ 17 h 26"/>
                  <a:gd name="T52" fmla="*/ 0 w 29"/>
                  <a:gd name="T53" fmla="*/ 19 h 2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w 29"/>
                  <a:gd name="T82" fmla="*/ 0 h 26"/>
                  <a:gd name="T83" fmla="*/ 29 w 29"/>
                  <a:gd name="T84" fmla="*/ 26 h 2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T81" t="T82" r="T83" b="T84"/>
                <a:pathLst>
                  <a:path w="29" h="26">
                    <a:moveTo>
                      <a:pt x="0" y="19"/>
                    </a:moveTo>
                    <a:lnTo>
                      <a:pt x="3" y="26"/>
                    </a:lnTo>
                    <a:lnTo>
                      <a:pt x="5" y="26"/>
                    </a:lnTo>
                    <a:lnTo>
                      <a:pt x="7" y="24"/>
                    </a:lnTo>
                    <a:lnTo>
                      <a:pt x="8" y="21"/>
                    </a:lnTo>
                    <a:lnTo>
                      <a:pt x="12" y="19"/>
                    </a:lnTo>
                    <a:lnTo>
                      <a:pt x="17" y="16"/>
                    </a:lnTo>
                    <a:lnTo>
                      <a:pt x="20" y="12"/>
                    </a:lnTo>
                    <a:lnTo>
                      <a:pt x="25" y="12"/>
                    </a:lnTo>
                    <a:lnTo>
                      <a:pt x="29" y="11"/>
                    </a:lnTo>
                    <a:lnTo>
                      <a:pt x="29" y="9"/>
                    </a:lnTo>
                    <a:lnTo>
                      <a:pt x="29" y="5"/>
                    </a:lnTo>
                    <a:lnTo>
                      <a:pt x="27" y="4"/>
                    </a:lnTo>
                    <a:lnTo>
                      <a:pt x="22" y="4"/>
                    </a:lnTo>
                    <a:lnTo>
                      <a:pt x="20" y="4"/>
                    </a:lnTo>
                    <a:lnTo>
                      <a:pt x="18" y="2"/>
                    </a:lnTo>
                    <a:lnTo>
                      <a:pt x="15" y="0"/>
                    </a:lnTo>
                    <a:lnTo>
                      <a:pt x="13" y="0"/>
                    </a:lnTo>
                    <a:lnTo>
                      <a:pt x="10" y="4"/>
                    </a:lnTo>
                    <a:lnTo>
                      <a:pt x="10" y="7"/>
                    </a:lnTo>
                    <a:lnTo>
                      <a:pt x="8" y="11"/>
                    </a:lnTo>
                    <a:lnTo>
                      <a:pt x="8" y="14"/>
                    </a:lnTo>
                    <a:lnTo>
                      <a:pt x="3" y="17"/>
                    </a:lnTo>
                    <a:lnTo>
                      <a:pt x="0" y="19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248" name="Freeform 188"/>
              <p:cNvSpPr>
                <a:spLocks/>
              </p:cNvSpPr>
              <p:nvPr/>
            </p:nvSpPr>
            <p:spPr bwMode="auto">
              <a:xfrm>
                <a:off x="4972" y="1195"/>
                <a:ext cx="329" cy="167"/>
              </a:xfrm>
              <a:custGeom>
                <a:avLst/>
                <a:gdLst>
                  <a:gd name="T0" fmla="*/ 2 w 329"/>
                  <a:gd name="T1" fmla="*/ 69 h 167"/>
                  <a:gd name="T2" fmla="*/ 17 w 329"/>
                  <a:gd name="T3" fmla="*/ 68 h 167"/>
                  <a:gd name="T4" fmla="*/ 43 w 329"/>
                  <a:gd name="T5" fmla="*/ 61 h 167"/>
                  <a:gd name="T6" fmla="*/ 63 w 329"/>
                  <a:gd name="T7" fmla="*/ 56 h 167"/>
                  <a:gd name="T8" fmla="*/ 171 w 329"/>
                  <a:gd name="T9" fmla="*/ 32 h 167"/>
                  <a:gd name="T10" fmla="*/ 182 w 329"/>
                  <a:gd name="T11" fmla="*/ 20 h 167"/>
                  <a:gd name="T12" fmla="*/ 197 w 329"/>
                  <a:gd name="T13" fmla="*/ 3 h 167"/>
                  <a:gd name="T14" fmla="*/ 210 w 329"/>
                  <a:gd name="T15" fmla="*/ 0 h 167"/>
                  <a:gd name="T16" fmla="*/ 210 w 329"/>
                  <a:gd name="T17" fmla="*/ 2 h 167"/>
                  <a:gd name="T18" fmla="*/ 215 w 329"/>
                  <a:gd name="T19" fmla="*/ 13 h 167"/>
                  <a:gd name="T20" fmla="*/ 227 w 329"/>
                  <a:gd name="T21" fmla="*/ 22 h 167"/>
                  <a:gd name="T22" fmla="*/ 232 w 329"/>
                  <a:gd name="T23" fmla="*/ 27 h 167"/>
                  <a:gd name="T24" fmla="*/ 220 w 329"/>
                  <a:gd name="T25" fmla="*/ 41 h 167"/>
                  <a:gd name="T26" fmla="*/ 217 w 329"/>
                  <a:gd name="T27" fmla="*/ 52 h 167"/>
                  <a:gd name="T28" fmla="*/ 214 w 329"/>
                  <a:gd name="T29" fmla="*/ 73 h 167"/>
                  <a:gd name="T30" fmla="*/ 242 w 329"/>
                  <a:gd name="T31" fmla="*/ 78 h 167"/>
                  <a:gd name="T32" fmla="*/ 254 w 329"/>
                  <a:gd name="T33" fmla="*/ 91 h 167"/>
                  <a:gd name="T34" fmla="*/ 259 w 329"/>
                  <a:gd name="T35" fmla="*/ 107 h 167"/>
                  <a:gd name="T36" fmla="*/ 268 w 329"/>
                  <a:gd name="T37" fmla="*/ 107 h 167"/>
                  <a:gd name="T38" fmla="*/ 268 w 329"/>
                  <a:gd name="T39" fmla="*/ 112 h 167"/>
                  <a:gd name="T40" fmla="*/ 280 w 329"/>
                  <a:gd name="T41" fmla="*/ 120 h 167"/>
                  <a:gd name="T42" fmla="*/ 305 w 329"/>
                  <a:gd name="T43" fmla="*/ 120 h 167"/>
                  <a:gd name="T44" fmla="*/ 319 w 329"/>
                  <a:gd name="T45" fmla="*/ 105 h 167"/>
                  <a:gd name="T46" fmla="*/ 312 w 329"/>
                  <a:gd name="T47" fmla="*/ 91 h 167"/>
                  <a:gd name="T48" fmla="*/ 298 w 329"/>
                  <a:gd name="T49" fmla="*/ 81 h 167"/>
                  <a:gd name="T50" fmla="*/ 293 w 329"/>
                  <a:gd name="T51" fmla="*/ 85 h 167"/>
                  <a:gd name="T52" fmla="*/ 292 w 329"/>
                  <a:gd name="T53" fmla="*/ 78 h 167"/>
                  <a:gd name="T54" fmla="*/ 310 w 329"/>
                  <a:gd name="T55" fmla="*/ 81 h 167"/>
                  <a:gd name="T56" fmla="*/ 329 w 329"/>
                  <a:gd name="T57" fmla="*/ 113 h 167"/>
                  <a:gd name="T58" fmla="*/ 329 w 329"/>
                  <a:gd name="T59" fmla="*/ 122 h 167"/>
                  <a:gd name="T60" fmla="*/ 329 w 329"/>
                  <a:gd name="T61" fmla="*/ 125 h 167"/>
                  <a:gd name="T62" fmla="*/ 322 w 329"/>
                  <a:gd name="T63" fmla="*/ 123 h 167"/>
                  <a:gd name="T64" fmla="*/ 308 w 329"/>
                  <a:gd name="T65" fmla="*/ 132 h 167"/>
                  <a:gd name="T66" fmla="*/ 297 w 329"/>
                  <a:gd name="T67" fmla="*/ 135 h 167"/>
                  <a:gd name="T68" fmla="*/ 286 w 329"/>
                  <a:gd name="T69" fmla="*/ 147 h 167"/>
                  <a:gd name="T70" fmla="*/ 273 w 329"/>
                  <a:gd name="T71" fmla="*/ 157 h 167"/>
                  <a:gd name="T72" fmla="*/ 270 w 329"/>
                  <a:gd name="T73" fmla="*/ 134 h 167"/>
                  <a:gd name="T74" fmla="*/ 259 w 329"/>
                  <a:gd name="T75" fmla="*/ 130 h 167"/>
                  <a:gd name="T76" fmla="*/ 258 w 329"/>
                  <a:gd name="T77" fmla="*/ 152 h 167"/>
                  <a:gd name="T78" fmla="*/ 258 w 329"/>
                  <a:gd name="T79" fmla="*/ 145 h 167"/>
                  <a:gd name="T80" fmla="*/ 246 w 329"/>
                  <a:gd name="T81" fmla="*/ 151 h 167"/>
                  <a:gd name="T82" fmla="*/ 246 w 329"/>
                  <a:gd name="T83" fmla="*/ 159 h 167"/>
                  <a:gd name="T84" fmla="*/ 232 w 329"/>
                  <a:gd name="T85" fmla="*/ 167 h 167"/>
                  <a:gd name="T86" fmla="*/ 229 w 329"/>
                  <a:gd name="T87" fmla="*/ 161 h 167"/>
                  <a:gd name="T88" fmla="*/ 227 w 329"/>
                  <a:gd name="T89" fmla="*/ 156 h 167"/>
                  <a:gd name="T90" fmla="*/ 200 w 329"/>
                  <a:gd name="T91" fmla="*/ 129 h 167"/>
                  <a:gd name="T92" fmla="*/ 154 w 329"/>
                  <a:gd name="T93" fmla="*/ 122 h 167"/>
                  <a:gd name="T94" fmla="*/ 66 w 329"/>
                  <a:gd name="T95" fmla="*/ 144 h 167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w 329"/>
                  <a:gd name="T145" fmla="*/ 0 h 167"/>
                  <a:gd name="T146" fmla="*/ 329 w 329"/>
                  <a:gd name="T147" fmla="*/ 167 h 167"/>
                </a:gdLst>
                <a:ahLst/>
                <a:cxnLst>
                  <a:cxn ang="T96">
                    <a:pos x="T0" y="T1"/>
                  </a:cxn>
                  <a:cxn ang="T97">
                    <a:pos x="T2" y="T3"/>
                  </a:cxn>
                  <a:cxn ang="T98">
                    <a:pos x="T4" y="T5"/>
                  </a:cxn>
                  <a:cxn ang="T99">
                    <a:pos x="T6" y="T7"/>
                  </a:cxn>
                  <a:cxn ang="T100">
                    <a:pos x="T8" y="T9"/>
                  </a:cxn>
                  <a:cxn ang="T101">
                    <a:pos x="T10" y="T11"/>
                  </a:cxn>
                  <a:cxn ang="T102">
                    <a:pos x="T12" y="T13"/>
                  </a:cxn>
                  <a:cxn ang="T103">
                    <a:pos x="T14" y="T15"/>
                  </a:cxn>
                  <a:cxn ang="T104">
                    <a:pos x="T16" y="T17"/>
                  </a:cxn>
                  <a:cxn ang="T105">
                    <a:pos x="T18" y="T19"/>
                  </a:cxn>
                  <a:cxn ang="T106">
                    <a:pos x="T20" y="T21"/>
                  </a:cxn>
                  <a:cxn ang="T107">
                    <a:pos x="T22" y="T23"/>
                  </a:cxn>
                  <a:cxn ang="T108">
                    <a:pos x="T24" y="T25"/>
                  </a:cxn>
                  <a:cxn ang="T109">
                    <a:pos x="T26" y="T27"/>
                  </a:cxn>
                  <a:cxn ang="T110">
                    <a:pos x="T28" y="T29"/>
                  </a:cxn>
                  <a:cxn ang="T111">
                    <a:pos x="T30" y="T31"/>
                  </a:cxn>
                  <a:cxn ang="T112">
                    <a:pos x="T32" y="T33"/>
                  </a:cxn>
                  <a:cxn ang="T113">
                    <a:pos x="T34" y="T35"/>
                  </a:cxn>
                  <a:cxn ang="T114">
                    <a:pos x="T36" y="T37"/>
                  </a:cxn>
                  <a:cxn ang="T115">
                    <a:pos x="T38" y="T39"/>
                  </a:cxn>
                  <a:cxn ang="T116">
                    <a:pos x="T40" y="T41"/>
                  </a:cxn>
                  <a:cxn ang="T117">
                    <a:pos x="T42" y="T43"/>
                  </a:cxn>
                  <a:cxn ang="T118">
                    <a:pos x="T44" y="T45"/>
                  </a:cxn>
                  <a:cxn ang="T119">
                    <a:pos x="T46" y="T47"/>
                  </a:cxn>
                  <a:cxn ang="T120">
                    <a:pos x="T48" y="T49"/>
                  </a:cxn>
                  <a:cxn ang="T121">
                    <a:pos x="T50" y="T51"/>
                  </a:cxn>
                  <a:cxn ang="T122">
                    <a:pos x="T52" y="T53"/>
                  </a:cxn>
                  <a:cxn ang="T123">
                    <a:pos x="T54" y="T55"/>
                  </a:cxn>
                  <a:cxn ang="T124">
                    <a:pos x="T56" y="T57"/>
                  </a:cxn>
                  <a:cxn ang="T125">
                    <a:pos x="T58" y="T59"/>
                  </a:cxn>
                  <a:cxn ang="T126">
                    <a:pos x="T60" y="T61"/>
                  </a:cxn>
                  <a:cxn ang="T127">
                    <a:pos x="T62" y="T63"/>
                  </a:cxn>
                  <a:cxn ang="T128">
                    <a:pos x="T64" y="T65"/>
                  </a:cxn>
                  <a:cxn ang="T129">
                    <a:pos x="T66" y="T67"/>
                  </a:cxn>
                  <a:cxn ang="T130">
                    <a:pos x="T68" y="T69"/>
                  </a:cxn>
                  <a:cxn ang="T131">
                    <a:pos x="T70" y="T71"/>
                  </a:cxn>
                  <a:cxn ang="T132">
                    <a:pos x="T72" y="T73"/>
                  </a:cxn>
                  <a:cxn ang="T133">
                    <a:pos x="T74" y="T75"/>
                  </a:cxn>
                  <a:cxn ang="T134">
                    <a:pos x="T76" y="T77"/>
                  </a:cxn>
                  <a:cxn ang="T135">
                    <a:pos x="T78" y="T79"/>
                  </a:cxn>
                  <a:cxn ang="T136">
                    <a:pos x="T80" y="T81"/>
                  </a:cxn>
                  <a:cxn ang="T137">
                    <a:pos x="T82" y="T83"/>
                  </a:cxn>
                  <a:cxn ang="T138">
                    <a:pos x="T84" y="T85"/>
                  </a:cxn>
                  <a:cxn ang="T139">
                    <a:pos x="T86" y="T87"/>
                  </a:cxn>
                  <a:cxn ang="T140">
                    <a:pos x="T88" y="T89"/>
                  </a:cxn>
                  <a:cxn ang="T141">
                    <a:pos x="T90" y="T91"/>
                  </a:cxn>
                  <a:cxn ang="T142">
                    <a:pos x="T92" y="T93"/>
                  </a:cxn>
                  <a:cxn ang="T143">
                    <a:pos x="T94" y="T95"/>
                  </a:cxn>
                </a:cxnLst>
                <a:rect l="T144" t="T145" r="T146" b="T147"/>
                <a:pathLst>
                  <a:path w="329" h="167">
                    <a:moveTo>
                      <a:pt x="6" y="157"/>
                    </a:moveTo>
                    <a:lnTo>
                      <a:pt x="0" y="157"/>
                    </a:lnTo>
                    <a:lnTo>
                      <a:pt x="2" y="71"/>
                    </a:lnTo>
                    <a:lnTo>
                      <a:pt x="2" y="69"/>
                    </a:lnTo>
                    <a:lnTo>
                      <a:pt x="6" y="69"/>
                    </a:lnTo>
                    <a:lnTo>
                      <a:pt x="9" y="69"/>
                    </a:lnTo>
                    <a:lnTo>
                      <a:pt x="12" y="68"/>
                    </a:lnTo>
                    <a:lnTo>
                      <a:pt x="17" y="68"/>
                    </a:lnTo>
                    <a:lnTo>
                      <a:pt x="24" y="66"/>
                    </a:lnTo>
                    <a:lnTo>
                      <a:pt x="29" y="64"/>
                    </a:lnTo>
                    <a:lnTo>
                      <a:pt x="36" y="63"/>
                    </a:lnTo>
                    <a:lnTo>
                      <a:pt x="43" y="61"/>
                    </a:lnTo>
                    <a:lnTo>
                      <a:pt x="48" y="59"/>
                    </a:lnTo>
                    <a:lnTo>
                      <a:pt x="55" y="57"/>
                    </a:lnTo>
                    <a:lnTo>
                      <a:pt x="60" y="56"/>
                    </a:lnTo>
                    <a:lnTo>
                      <a:pt x="63" y="56"/>
                    </a:lnTo>
                    <a:lnTo>
                      <a:pt x="66" y="54"/>
                    </a:lnTo>
                    <a:lnTo>
                      <a:pt x="68" y="54"/>
                    </a:lnTo>
                    <a:lnTo>
                      <a:pt x="70" y="54"/>
                    </a:lnTo>
                    <a:lnTo>
                      <a:pt x="171" y="32"/>
                    </a:lnTo>
                    <a:lnTo>
                      <a:pt x="178" y="25"/>
                    </a:lnTo>
                    <a:lnTo>
                      <a:pt x="180" y="25"/>
                    </a:lnTo>
                    <a:lnTo>
                      <a:pt x="180" y="22"/>
                    </a:lnTo>
                    <a:lnTo>
                      <a:pt x="182" y="20"/>
                    </a:lnTo>
                    <a:lnTo>
                      <a:pt x="183" y="19"/>
                    </a:lnTo>
                    <a:lnTo>
                      <a:pt x="187" y="12"/>
                    </a:lnTo>
                    <a:lnTo>
                      <a:pt x="192" y="7"/>
                    </a:lnTo>
                    <a:lnTo>
                      <a:pt x="197" y="3"/>
                    </a:lnTo>
                    <a:lnTo>
                      <a:pt x="202" y="0"/>
                    </a:lnTo>
                    <a:lnTo>
                      <a:pt x="205" y="0"/>
                    </a:lnTo>
                    <a:lnTo>
                      <a:pt x="209" y="0"/>
                    </a:lnTo>
                    <a:lnTo>
                      <a:pt x="210" y="0"/>
                    </a:lnTo>
                    <a:lnTo>
                      <a:pt x="212" y="0"/>
                    </a:lnTo>
                    <a:lnTo>
                      <a:pt x="210" y="0"/>
                    </a:lnTo>
                    <a:lnTo>
                      <a:pt x="210" y="2"/>
                    </a:lnTo>
                    <a:lnTo>
                      <a:pt x="210" y="3"/>
                    </a:lnTo>
                    <a:lnTo>
                      <a:pt x="212" y="7"/>
                    </a:lnTo>
                    <a:lnTo>
                      <a:pt x="214" y="10"/>
                    </a:lnTo>
                    <a:lnTo>
                      <a:pt x="215" y="13"/>
                    </a:lnTo>
                    <a:lnTo>
                      <a:pt x="220" y="17"/>
                    </a:lnTo>
                    <a:lnTo>
                      <a:pt x="226" y="22"/>
                    </a:lnTo>
                    <a:lnTo>
                      <a:pt x="227" y="22"/>
                    </a:lnTo>
                    <a:lnTo>
                      <a:pt x="231" y="22"/>
                    </a:lnTo>
                    <a:lnTo>
                      <a:pt x="232" y="24"/>
                    </a:lnTo>
                    <a:lnTo>
                      <a:pt x="234" y="24"/>
                    </a:lnTo>
                    <a:lnTo>
                      <a:pt x="232" y="27"/>
                    </a:lnTo>
                    <a:lnTo>
                      <a:pt x="229" y="30"/>
                    </a:lnTo>
                    <a:lnTo>
                      <a:pt x="220" y="35"/>
                    </a:lnTo>
                    <a:lnTo>
                      <a:pt x="220" y="37"/>
                    </a:lnTo>
                    <a:lnTo>
                      <a:pt x="220" y="41"/>
                    </a:lnTo>
                    <a:lnTo>
                      <a:pt x="220" y="46"/>
                    </a:lnTo>
                    <a:lnTo>
                      <a:pt x="219" y="47"/>
                    </a:lnTo>
                    <a:lnTo>
                      <a:pt x="217" y="52"/>
                    </a:lnTo>
                    <a:lnTo>
                      <a:pt x="214" y="57"/>
                    </a:lnTo>
                    <a:lnTo>
                      <a:pt x="212" y="64"/>
                    </a:lnTo>
                    <a:lnTo>
                      <a:pt x="212" y="69"/>
                    </a:lnTo>
                    <a:lnTo>
                      <a:pt x="214" y="73"/>
                    </a:lnTo>
                    <a:lnTo>
                      <a:pt x="219" y="73"/>
                    </a:lnTo>
                    <a:lnTo>
                      <a:pt x="227" y="71"/>
                    </a:lnTo>
                    <a:lnTo>
                      <a:pt x="234" y="73"/>
                    </a:lnTo>
                    <a:lnTo>
                      <a:pt x="242" y="78"/>
                    </a:lnTo>
                    <a:lnTo>
                      <a:pt x="248" y="86"/>
                    </a:lnTo>
                    <a:lnTo>
                      <a:pt x="253" y="86"/>
                    </a:lnTo>
                    <a:lnTo>
                      <a:pt x="253" y="88"/>
                    </a:lnTo>
                    <a:lnTo>
                      <a:pt x="254" y="91"/>
                    </a:lnTo>
                    <a:lnTo>
                      <a:pt x="254" y="95"/>
                    </a:lnTo>
                    <a:lnTo>
                      <a:pt x="256" y="100"/>
                    </a:lnTo>
                    <a:lnTo>
                      <a:pt x="258" y="103"/>
                    </a:lnTo>
                    <a:lnTo>
                      <a:pt x="259" y="107"/>
                    </a:lnTo>
                    <a:lnTo>
                      <a:pt x="261" y="107"/>
                    </a:lnTo>
                    <a:lnTo>
                      <a:pt x="264" y="105"/>
                    </a:lnTo>
                    <a:lnTo>
                      <a:pt x="266" y="105"/>
                    </a:lnTo>
                    <a:lnTo>
                      <a:pt x="268" y="107"/>
                    </a:lnTo>
                    <a:lnTo>
                      <a:pt x="268" y="108"/>
                    </a:lnTo>
                    <a:lnTo>
                      <a:pt x="268" y="110"/>
                    </a:lnTo>
                    <a:lnTo>
                      <a:pt x="268" y="112"/>
                    </a:lnTo>
                    <a:lnTo>
                      <a:pt x="270" y="113"/>
                    </a:lnTo>
                    <a:lnTo>
                      <a:pt x="271" y="115"/>
                    </a:lnTo>
                    <a:lnTo>
                      <a:pt x="275" y="118"/>
                    </a:lnTo>
                    <a:lnTo>
                      <a:pt x="280" y="120"/>
                    </a:lnTo>
                    <a:lnTo>
                      <a:pt x="288" y="122"/>
                    </a:lnTo>
                    <a:lnTo>
                      <a:pt x="298" y="122"/>
                    </a:lnTo>
                    <a:lnTo>
                      <a:pt x="302" y="120"/>
                    </a:lnTo>
                    <a:lnTo>
                      <a:pt x="305" y="120"/>
                    </a:lnTo>
                    <a:lnTo>
                      <a:pt x="308" y="117"/>
                    </a:lnTo>
                    <a:lnTo>
                      <a:pt x="314" y="113"/>
                    </a:lnTo>
                    <a:lnTo>
                      <a:pt x="317" y="110"/>
                    </a:lnTo>
                    <a:lnTo>
                      <a:pt x="319" y="105"/>
                    </a:lnTo>
                    <a:lnTo>
                      <a:pt x="319" y="101"/>
                    </a:lnTo>
                    <a:lnTo>
                      <a:pt x="315" y="96"/>
                    </a:lnTo>
                    <a:lnTo>
                      <a:pt x="314" y="95"/>
                    </a:lnTo>
                    <a:lnTo>
                      <a:pt x="312" y="91"/>
                    </a:lnTo>
                    <a:lnTo>
                      <a:pt x="308" y="90"/>
                    </a:lnTo>
                    <a:lnTo>
                      <a:pt x="305" y="85"/>
                    </a:lnTo>
                    <a:lnTo>
                      <a:pt x="302" y="83"/>
                    </a:lnTo>
                    <a:lnTo>
                      <a:pt x="298" y="81"/>
                    </a:lnTo>
                    <a:lnTo>
                      <a:pt x="297" y="81"/>
                    </a:lnTo>
                    <a:lnTo>
                      <a:pt x="293" y="85"/>
                    </a:lnTo>
                    <a:lnTo>
                      <a:pt x="292" y="86"/>
                    </a:lnTo>
                    <a:lnTo>
                      <a:pt x="292" y="78"/>
                    </a:lnTo>
                    <a:lnTo>
                      <a:pt x="295" y="76"/>
                    </a:lnTo>
                    <a:lnTo>
                      <a:pt x="298" y="76"/>
                    </a:lnTo>
                    <a:lnTo>
                      <a:pt x="305" y="78"/>
                    </a:lnTo>
                    <a:lnTo>
                      <a:pt x="310" y="81"/>
                    </a:lnTo>
                    <a:lnTo>
                      <a:pt x="317" y="88"/>
                    </a:lnTo>
                    <a:lnTo>
                      <a:pt x="324" y="98"/>
                    </a:lnTo>
                    <a:lnTo>
                      <a:pt x="329" y="113"/>
                    </a:lnTo>
                    <a:lnTo>
                      <a:pt x="329" y="115"/>
                    </a:lnTo>
                    <a:lnTo>
                      <a:pt x="329" y="117"/>
                    </a:lnTo>
                    <a:lnTo>
                      <a:pt x="329" y="120"/>
                    </a:lnTo>
                    <a:lnTo>
                      <a:pt x="329" y="122"/>
                    </a:lnTo>
                    <a:lnTo>
                      <a:pt x="329" y="123"/>
                    </a:lnTo>
                    <a:lnTo>
                      <a:pt x="329" y="125"/>
                    </a:lnTo>
                    <a:lnTo>
                      <a:pt x="327" y="125"/>
                    </a:lnTo>
                    <a:lnTo>
                      <a:pt x="325" y="123"/>
                    </a:lnTo>
                    <a:lnTo>
                      <a:pt x="324" y="123"/>
                    </a:lnTo>
                    <a:lnTo>
                      <a:pt x="322" y="123"/>
                    </a:lnTo>
                    <a:lnTo>
                      <a:pt x="319" y="125"/>
                    </a:lnTo>
                    <a:lnTo>
                      <a:pt x="314" y="127"/>
                    </a:lnTo>
                    <a:lnTo>
                      <a:pt x="310" y="130"/>
                    </a:lnTo>
                    <a:lnTo>
                      <a:pt x="308" y="132"/>
                    </a:lnTo>
                    <a:lnTo>
                      <a:pt x="307" y="132"/>
                    </a:lnTo>
                    <a:lnTo>
                      <a:pt x="303" y="132"/>
                    </a:lnTo>
                    <a:lnTo>
                      <a:pt x="300" y="134"/>
                    </a:lnTo>
                    <a:lnTo>
                      <a:pt x="297" y="135"/>
                    </a:lnTo>
                    <a:lnTo>
                      <a:pt x="293" y="139"/>
                    </a:lnTo>
                    <a:lnTo>
                      <a:pt x="290" y="142"/>
                    </a:lnTo>
                    <a:lnTo>
                      <a:pt x="286" y="145"/>
                    </a:lnTo>
                    <a:lnTo>
                      <a:pt x="286" y="147"/>
                    </a:lnTo>
                    <a:lnTo>
                      <a:pt x="285" y="147"/>
                    </a:lnTo>
                    <a:lnTo>
                      <a:pt x="283" y="147"/>
                    </a:lnTo>
                    <a:lnTo>
                      <a:pt x="283" y="149"/>
                    </a:lnTo>
                    <a:lnTo>
                      <a:pt x="273" y="157"/>
                    </a:lnTo>
                    <a:lnTo>
                      <a:pt x="268" y="154"/>
                    </a:lnTo>
                    <a:lnTo>
                      <a:pt x="270" y="140"/>
                    </a:lnTo>
                    <a:lnTo>
                      <a:pt x="270" y="137"/>
                    </a:lnTo>
                    <a:lnTo>
                      <a:pt x="270" y="134"/>
                    </a:lnTo>
                    <a:lnTo>
                      <a:pt x="268" y="132"/>
                    </a:lnTo>
                    <a:lnTo>
                      <a:pt x="264" y="129"/>
                    </a:lnTo>
                    <a:lnTo>
                      <a:pt x="263" y="129"/>
                    </a:lnTo>
                    <a:lnTo>
                      <a:pt x="259" y="130"/>
                    </a:lnTo>
                    <a:lnTo>
                      <a:pt x="258" y="135"/>
                    </a:lnTo>
                    <a:lnTo>
                      <a:pt x="258" y="142"/>
                    </a:lnTo>
                    <a:lnTo>
                      <a:pt x="258" y="151"/>
                    </a:lnTo>
                    <a:lnTo>
                      <a:pt x="258" y="152"/>
                    </a:lnTo>
                    <a:lnTo>
                      <a:pt x="258" y="154"/>
                    </a:lnTo>
                    <a:lnTo>
                      <a:pt x="258" y="152"/>
                    </a:lnTo>
                    <a:lnTo>
                      <a:pt x="258" y="149"/>
                    </a:lnTo>
                    <a:lnTo>
                      <a:pt x="258" y="145"/>
                    </a:lnTo>
                    <a:lnTo>
                      <a:pt x="258" y="144"/>
                    </a:lnTo>
                    <a:lnTo>
                      <a:pt x="258" y="142"/>
                    </a:lnTo>
                    <a:lnTo>
                      <a:pt x="249" y="151"/>
                    </a:lnTo>
                    <a:lnTo>
                      <a:pt x="246" y="151"/>
                    </a:lnTo>
                    <a:lnTo>
                      <a:pt x="246" y="152"/>
                    </a:lnTo>
                    <a:lnTo>
                      <a:pt x="246" y="156"/>
                    </a:lnTo>
                    <a:lnTo>
                      <a:pt x="246" y="159"/>
                    </a:lnTo>
                    <a:lnTo>
                      <a:pt x="244" y="162"/>
                    </a:lnTo>
                    <a:lnTo>
                      <a:pt x="241" y="166"/>
                    </a:lnTo>
                    <a:lnTo>
                      <a:pt x="237" y="167"/>
                    </a:lnTo>
                    <a:lnTo>
                      <a:pt x="232" y="167"/>
                    </a:lnTo>
                    <a:lnTo>
                      <a:pt x="231" y="167"/>
                    </a:lnTo>
                    <a:lnTo>
                      <a:pt x="231" y="166"/>
                    </a:lnTo>
                    <a:lnTo>
                      <a:pt x="231" y="164"/>
                    </a:lnTo>
                    <a:lnTo>
                      <a:pt x="229" y="161"/>
                    </a:lnTo>
                    <a:lnTo>
                      <a:pt x="227" y="159"/>
                    </a:lnTo>
                    <a:lnTo>
                      <a:pt x="227" y="157"/>
                    </a:lnTo>
                    <a:lnTo>
                      <a:pt x="227" y="156"/>
                    </a:lnTo>
                    <a:lnTo>
                      <a:pt x="220" y="151"/>
                    </a:lnTo>
                    <a:lnTo>
                      <a:pt x="212" y="145"/>
                    </a:lnTo>
                    <a:lnTo>
                      <a:pt x="205" y="144"/>
                    </a:lnTo>
                    <a:lnTo>
                      <a:pt x="200" y="129"/>
                    </a:lnTo>
                    <a:lnTo>
                      <a:pt x="193" y="129"/>
                    </a:lnTo>
                    <a:lnTo>
                      <a:pt x="188" y="115"/>
                    </a:lnTo>
                    <a:lnTo>
                      <a:pt x="154" y="123"/>
                    </a:lnTo>
                    <a:lnTo>
                      <a:pt x="154" y="122"/>
                    </a:lnTo>
                    <a:lnTo>
                      <a:pt x="70" y="144"/>
                    </a:lnTo>
                    <a:lnTo>
                      <a:pt x="72" y="147"/>
                    </a:lnTo>
                    <a:lnTo>
                      <a:pt x="66" y="149"/>
                    </a:lnTo>
                    <a:lnTo>
                      <a:pt x="66" y="144"/>
                    </a:lnTo>
                    <a:lnTo>
                      <a:pt x="6" y="15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242" name="Freeform 189"/>
            <p:cNvSpPr>
              <a:spLocks/>
            </p:cNvSpPr>
            <p:nvPr/>
          </p:nvSpPr>
          <p:spPr bwMode="auto">
            <a:xfrm>
              <a:off x="4725" y="1711"/>
              <a:ext cx="165" cy="162"/>
            </a:xfrm>
            <a:custGeom>
              <a:avLst/>
              <a:gdLst>
                <a:gd name="T0" fmla="*/ 114 w 169"/>
                <a:gd name="T1" fmla="*/ 57 h 167"/>
                <a:gd name="T2" fmla="*/ 112 w 169"/>
                <a:gd name="T3" fmla="*/ 58 h 167"/>
                <a:gd name="T4" fmla="*/ 110 w 169"/>
                <a:gd name="T5" fmla="*/ 59 h 167"/>
                <a:gd name="T6" fmla="*/ 105 w 169"/>
                <a:gd name="T7" fmla="*/ 60 h 167"/>
                <a:gd name="T8" fmla="*/ 101 w 169"/>
                <a:gd name="T9" fmla="*/ 63 h 167"/>
                <a:gd name="T10" fmla="*/ 97 w 169"/>
                <a:gd name="T11" fmla="*/ 65 h 167"/>
                <a:gd name="T12" fmla="*/ 93 w 169"/>
                <a:gd name="T13" fmla="*/ 66 h 167"/>
                <a:gd name="T14" fmla="*/ 90 w 169"/>
                <a:gd name="T15" fmla="*/ 68 h 167"/>
                <a:gd name="T16" fmla="*/ 89 w 169"/>
                <a:gd name="T17" fmla="*/ 68 h 167"/>
                <a:gd name="T18" fmla="*/ 82 w 169"/>
                <a:gd name="T19" fmla="*/ 71 h 167"/>
                <a:gd name="T20" fmla="*/ 75 w 169"/>
                <a:gd name="T21" fmla="*/ 73 h 167"/>
                <a:gd name="T22" fmla="*/ 66 w 169"/>
                <a:gd name="T23" fmla="*/ 76 h 167"/>
                <a:gd name="T24" fmla="*/ 60 w 169"/>
                <a:gd name="T25" fmla="*/ 77 h 167"/>
                <a:gd name="T26" fmla="*/ 57 w 169"/>
                <a:gd name="T27" fmla="*/ 77 h 167"/>
                <a:gd name="T28" fmla="*/ 54 w 169"/>
                <a:gd name="T29" fmla="*/ 79 h 167"/>
                <a:gd name="T30" fmla="*/ 53 w 169"/>
                <a:gd name="T31" fmla="*/ 79 h 167"/>
                <a:gd name="T32" fmla="*/ 53 w 169"/>
                <a:gd name="T33" fmla="*/ 79 h 167"/>
                <a:gd name="T34" fmla="*/ 30 w 169"/>
                <a:gd name="T35" fmla="*/ 93 h 167"/>
                <a:gd name="T36" fmla="*/ 28 w 169"/>
                <a:gd name="T37" fmla="*/ 93 h 167"/>
                <a:gd name="T38" fmla="*/ 20 w 169"/>
                <a:gd name="T39" fmla="*/ 106 h 167"/>
                <a:gd name="T40" fmla="*/ 13 w 169"/>
                <a:gd name="T41" fmla="*/ 109 h 167"/>
                <a:gd name="T42" fmla="*/ 13 w 169"/>
                <a:gd name="T43" fmla="*/ 109 h 167"/>
                <a:gd name="T44" fmla="*/ 6 w 169"/>
                <a:gd name="T45" fmla="*/ 102 h 167"/>
                <a:gd name="T46" fmla="*/ 20 w 169"/>
                <a:gd name="T47" fmla="*/ 91 h 167"/>
                <a:gd name="T48" fmla="*/ 13 w 169"/>
                <a:gd name="T49" fmla="*/ 84 h 167"/>
                <a:gd name="T50" fmla="*/ 0 w 169"/>
                <a:gd name="T51" fmla="*/ 21 h 167"/>
                <a:gd name="T52" fmla="*/ 46 w 169"/>
                <a:gd name="T53" fmla="*/ 16 h 167"/>
                <a:gd name="T54" fmla="*/ 46 w 169"/>
                <a:gd name="T55" fmla="*/ 16 h 167"/>
                <a:gd name="T56" fmla="*/ 50 w 169"/>
                <a:gd name="T57" fmla="*/ 16 h 167"/>
                <a:gd name="T58" fmla="*/ 49 w 169"/>
                <a:gd name="T59" fmla="*/ 16 h 167"/>
                <a:gd name="T60" fmla="*/ 105 w 169"/>
                <a:gd name="T61" fmla="*/ 0 h 167"/>
                <a:gd name="T62" fmla="*/ 105 w 169"/>
                <a:gd name="T63" fmla="*/ 1 h 167"/>
                <a:gd name="T64" fmla="*/ 121 w 169"/>
                <a:gd name="T65" fmla="*/ 47 h 167"/>
                <a:gd name="T66" fmla="*/ 117 w 169"/>
                <a:gd name="T67" fmla="*/ 49 h 167"/>
                <a:gd name="T68" fmla="*/ 117 w 169"/>
                <a:gd name="T69" fmla="*/ 49 h 167"/>
                <a:gd name="T70" fmla="*/ 117 w 169"/>
                <a:gd name="T71" fmla="*/ 50 h 167"/>
                <a:gd name="T72" fmla="*/ 117 w 169"/>
                <a:gd name="T73" fmla="*/ 51 h 167"/>
                <a:gd name="T74" fmla="*/ 117 w 169"/>
                <a:gd name="T75" fmla="*/ 53 h 167"/>
                <a:gd name="T76" fmla="*/ 117 w 169"/>
                <a:gd name="T77" fmla="*/ 55 h 167"/>
                <a:gd name="T78" fmla="*/ 117 w 169"/>
                <a:gd name="T79" fmla="*/ 57 h 167"/>
                <a:gd name="T80" fmla="*/ 117 w 169"/>
                <a:gd name="T81" fmla="*/ 57 h 167"/>
                <a:gd name="T82" fmla="*/ 118 w 169"/>
                <a:gd name="T83" fmla="*/ 58 h 167"/>
                <a:gd name="T84" fmla="*/ 114 w 169"/>
                <a:gd name="T85" fmla="*/ 57 h 167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169"/>
                <a:gd name="T130" fmla="*/ 0 h 167"/>
                <a:gd name="T131" fmla="*/ 169 w 169"/>
                <a:gd name="T132" fmla="*/ 167 h 167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169" h="167">
                  <a:moveTo>
                    <a:pt x="159" y="86"/>
                  </a:moveTo>
                  <a:lnTo>
                    <a:pt x="157" y="88"/>
                  </a:lnTo>
                  <a:lnTo>
                    <a:pt x="154" y="89"/>
                  </a:lnTo>
                  <a:lnTo>
                    <a:pt x="148" y="91"/>
                  </a:lnTo>
                  <a:lnTo>
                    <a:pt x="142" y="95"/>
                  </a:lnTo>
                  <a:lnTo>
                    <a:pt x="135" y="98"/>
                  </a:lnTo>
                  <a:lnTo>
                    <a:pt x="130" y="100"/>
                  </a:lnTo>
                  <a:lnTo>
                    <a:pt x="125" y="103"/>
                  </a:lnTo>
                  <a:lnTo>
                    <a:pt x="123" y="103"/>
                  </a:lnTo>
                  <a:lnTo>
                    <a:pt x="113" y="108"/>
                  </a:lnTo>
                  <a:lnTo>
                    <a:pt x="103" y="111"/>
                  </a:lnTo>
                  <a:lnTo>
                    <a:pt x="94" y="115"/>
                  </a:lnTo>
                  <a:lnTo>
                    <a:pt x="86" y="117"/>
                  </a:lnTo>
                  <a:lnTo>
                    <a:pt x="79" y="118"/>
                  </a:lnTo>
                  <a:lnTo>
                    <a:pt x="74" y="120"/>
                  </a:lnTo>
                  <a:lnTo>
                    <a:pt x="72" y="120"/>
                  </a:lnTo>
                  <a:lnTo>
                    <a:pt x="71" y="120"/>
                  </a:lnTo>
                  <a:lnTo>
                    <a:pt x="44" y="142"/>
                  </a:lnTo>
                  <a:lnTo>
                    <a:pt x="42" y="142"/>
                  </a:lnTo>
                  <a:lnTo>
                    <a:pt x="20" y="162"/>
                  </a:lnTo>
                  <a:lnTo>
                    <a:pt x="13" y="167"/>
                  </a:lnTo>
                  <a:lnTo>
                    <a:pt x="6" y="155"/>
                  </a:lnTo>
                  <a:lnTo>
                    <a:pt x="20" y="139"/>
                  </a:lnTo>
                  <a:lnTo>
                    <a:pt x="13" y="130"/>
                  </a:lnTo>
                  <a:lnTo>
                    <a:pt x="0" y="35"/>
                  </a:lnTo>
                  <a:lnTo>
                    <a:pt x="60" y="22"/>
                  </a:lnTo>
                  <a:lnTo>
                    <a:pt x="60" y="27"/>
                  </a:lnTo>
                  <a:lnTo>
                    <a:pt x="66" y="25"/>
                  </a:lnTo>
                  <a:lnTo>
                    <a:pt x="64" y="22"/>
                  </a:lnTo>
                  <a:lnTo>
                    <a:pt x="148" y="0"/>
                  </a:lnTo>
                  <a:lnTo>
                    <a:pt x="148" y="1"/>
                  </a:lnTo>
                  <a:lnTo>
                    <a:pt x="169" y="73"/>
                  </a:lnTo>
                  <a:lnTo>
                    <a:pt x="164" y="76"/>
                  </a:lnTo>
                  <a:lnTo>
                    <a:pt x="164" y="78"/>
                  </a:lnTo>
                  <a:lnTo>
                    <a:pt x="164" y="79"/>
                  </a:lnTo>
                  <a:lnTo>
                    <a:pt x="164" y="81"/>
                  </a:lnTo>
                  <a:lnTo>
                    <a:pt x="164" y="83"/>
                  </a:lnTo>
                  <a:lnTo>
                    <a:pt x="164" y="86"/>
                  </a:lnTo>
                  <a:lnTo>
                    <a:pt x="165" y="88"/>
                  </a:lnTo>
                  <a:lnTo>
                    <a:pt x="159" y="86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243" name="Freeform 190"/>
            <p:cNvSpPr>
              <a:spLocks/>
            </p:cNvSpPr>
            <p:nvPr/>
          </p:nvSpPr>
          <p:spPr bwMode="auto">
            <a:xfrm>
              <a:off x="4869" y="1704"/>
              <a:ext cx="76" cy="93"/>
            </a:xfrm>
            <a:custGeom>
              <a:avLst/>
              <a:gdLst>
                <a:gd name="T0" fmla="*/ 19 w 78"/>
                <a:gd name="T1" fmla="*/ 61 h 95"/>
                <a:gd name="T2" fmla="*/ 16 w 78"/>
                <a:gd name="T3" fmla="*/ 63 h 95"/>
                <a:gd name="T4" fmla="*/ 16 w 78"/>
                <a:gd name="T5" fmla="*/ 63 h 95"/>
                <a:gd name="T6" fmla="*/ 16 w 78"/>
                <a:gd name="T7" fmla="*/ 63 h 95"/>
                <a:gd name="T8" fmla="*/ 16 w 78"/>
                <a:gd name="T9" fmla="*/ 64 h 95"/>
                <a:gd name="T10" fmla="*/ 16 w 78"/>
                <a:gd name="T11" fmla="*/ 64 h 95"/>
                <a:gd name="T12" fmla="*/ 16 w 78"/>
                <a:gd name="T13" fmla="*/ 65 h 95"/>
                <a:gd name="T14" fmla="*/ 16 w 78"/>
                <a:gd name="T15" fmla="*/ 66 h 95"/>
                <a:gd name="T16" fmla="*/ 16 w 78"/>
                <a:gd name="T17" fmla="*/ 68 h 95"/>
                <a:gd name="T18" fmla="*/ 16 w 78"/>
                <a:gd name="T19" fmla="*/ 68 h 95"/>
                <a:gd name="T20" fmla="*/ 17 w 78"/>
                <a:gd name="T21" fmla="*/ 69 h 95"/>
                <a:gd name="T22" fmla="*/ 17 w 78"/>
                <a:gd name="T23" fmla="*/ 69 h 95"/>
                <a:gd name="T24" fmla="*/ 19 w 78"/>
                <a:gd name="T25" fmla="*/ 69 h 95"/>
                <a:gd name="T26" fmla="*/ 19 w 78"/>
                <a:gd name="T27" fmla="*/ 68 h 95"/>
                <a:gd name="T28" fmla="*/ 19 w 78"/>
                <a:gd name="T29" fmla="*/ 66 h 95"/>
                <a:gd name="T30" fmla="*/ 22 w 78"/>
                <a:gd name="T31" fmla="*/ 64 h 95"/>
                <a:gd name="T32" fmla="*/ 25 w 78"/>
                <a:gd name="T33" fmla="*/ 63 h 95"/>
                <a:gd name="T34" fmla="*/ 27 w 78"/>
                <a:gd name="T35" fmla="*/ 61 h 95"/>
                <a:gd name="T36" fmla="*/ 29 w 78"/>
                <a:gd name="T37" fmla="*/ 60 h 95"/>
                <a:gd name="T38" fmla="*/ 30 w 78"/>
                <a:gd name="T39" fmla="*/ 59 h 95"/>
                <a:gd name="T40" fmla="*/ 36 w 78"/>
                <a:gd name="T41" fmla="*/ 59 h 95"/>
                <a:gd name="T42" fmla="*/ 36 w 78"/>
                <a:gd name="T43" fmla="*/ 50 h 95"/>
                <a:gd name="T44" fmla="*/ 25 w 78"/>
                <a:gd name="T45" fmla="*/ 23 h 95"/>
                <a:gd name="T46" fmla="*/ 34 w 78"/>
                <a:gd name="T47" fmla="*/ 23 h 95"/>
                <a:gd name="T48" fmla="*/ 41 w 78"/>
                <a:gd name="T49" fmla="*/ 23 h 95"/>
                <a:gd name="T50" fmla="*/ 44 w 78"/>
                <a:gd name="T51" fmla="*/ 23 h 95"/>
                <a:gd name="T52" fmla="*/ 44 w 78"/>
                <a:gd name="T53" fmla="*/ 23 h 95"/>
                <a:gd name="T54" fmla="*/ 45 w 78"/>
                <a:gd name="T55" fmla="*/ 23 h 95"/>
                <a:gd name="T56" fmla="*/ 45 w 78"/>
                <a:gd name="T57" fmla="*/ 23 h 95"/>
                <a:gd name="T58" fmla="*/ 47 w 78"/>
                <a:gd name="T59" fmla="*/ 25 h 95"/>
                <a:gd name="T60" fmla="*/ 48 w 78"/>
                <a:gd name="T61" fmla="*/ 28 h 95"/>
                <a:gd name="T62" fmla="*/ 48 w 78"/>
                <a:gd name="T63" fmla="*/ 28 h 95"/>
                <a:gd name="T64" fmla="*/ 49 w 78"/>
                <a:gd name="T65" fmla="*/ 38 h 95"/>
                <a:gd name="T66" fmla="*/ 51 w 78"/>
                <a:gd name="T67" fmla="*/ 44 h 95"/>
                <a:gd name="T68" fmla="*/ 51 w 78"/>
                <a:gd name="T69" fmla="*/ 47 h 95"/>
                <a:gd name="T70" fmla="*/ 52 w 78"/>
                <a:gd name="T71" fmla="*/ 45 h 95"/>
                <a:gd name="T72" fmla="*/ 53 w 78"/>
                <a:gd name="T73" fmla="*/ 44 h 95"/>
                <a:gd name="T74" fmla="*/ 53 w 78"/>
                <a:gd name="T75" fmla="*/ 40 h 95"/>
                <a:gd name="T76" fmla="*/ 54 w 78"/>
                <a:gd name="T77" fmla="*/ 38 h 95"/>
                <a:gd name="T78" fmla="*/ 54 w 78"/>
                <a:gd name="T79" fmla="*/ 37 h 95"/>
                <a:gd name="T80" fmla="*/ 54 w 78"/>
                <a:gd name="T81" fmla="*/ 38 h 95"/>
                <a:gd name="T82" fmla="*/ 54 w 78"/>
                <a:gd name="T83" fmla="*/ 38 h 95"/>
                <a:gd name="T84" fmla="*/ 53 w 78"/>
                <a:gd name="T85" fmla="*/ 38 h 95"/>
                <a:gd name="T86" fmla="*/ 53 w 78"/>
                <a:gd name="T87" fmla="*/ 37 h 95"/>
                <a:gd name="T88" fmla="*/ 53 w 78"/>
                <a:gd name="T89" fmla="*/ 35 h 95"/>
                <a:gd name="T90" fmla="*/ 52 w 78"/>
                <a:gd name="T91" fmla="*/ 32 h 95"/>
                <a:gd name="T92" fmla="*/ 51 w 78"/>
                <a:gd name="T93" fmla="*/ 30 h 95"/>
                <a:gd name="T94" fmla="*/ 51 w 78"/>
                <a:gd name="T95" fmla="*/ 28 h 95"/>
                <a:gd name="T96" fmla="*/ 51 w 78"/>
                <a:gd name="T97" fmla="*/ 27 h 95"/>
                <a:gd name="T98" fmla="*/ 51 w 78"/>
                <a:gd name="T99" fmla="*/ 27 h 95"/>
                <a:gd name="T100" fmla="*/ 48 w 78"/>
                <a:gd name="T101" fmla="*/ 23 h 95"/>
                <a:gd name="T102" fmla="*/ 44 w 78"/>
                <a:gd name="T103" fmla="*/ 23 h 95"/>
                <a:gd name="T104" fmla="*/ 37 w 78"/>
                <a:gd name="T105" fmla="*/ 23 h 95"/>
                <a:gd name="T106" fmla="*/ 32 w 78"/>
                <a:gd name="T107" fmla="*/ 14 h 95"/>
                <a:gd name="T108" fmla="*/ 25 w 78"/>
                <a:gd name="T109" fmla="*/ 14 h 95"/>
                <a:gd name="T110" fmla="*/ 20 w 78"/>
                <a:gd name="T111" fmla="*/ 0 h 95"/>
                <a:gd name="T112" fmla="*/ 0 w 78"/>
                <a:gd name="T113" fmla="*/ 8 h 95"/>
                <a:gd name="T114" fmla="*/ 19 w 78"/>
                <a:gd name="T115" fmla="*/ 61 h 95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78"/>
                <a:gd name="T175" fmla="*/ 0 h 95"/>
                <a:gd name="T176" fmla="*/ 78 w 78"/>
                <a:gd name="T177" fmla="*/ 95 h 95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78" h="95">
                  <a:moveTo>
                    <a:pt x="21" y="80"/>
                  </a:moveTo>
                  <a:lnTo>
                    <a:pt x="16" y="83"/>
                  </a:lnTo>
                  <a:lnTo>
                    <a:pt x="16" y="85"/>
                  </a:lnTo>
                  <a:lnTo>
                    <a:pt x="16" y="86"/>
                  </a:lnTo>
                  <a:lnTo>
                    <a:pt x="16" y="88"/>
                  </a:lnTo>
                  <a:lnTo>
                    <a:pt x="16" y="90"/>
                  </a:lnTo>
                  <a:lnTo>
                    <a:pt x="16" y="93"/>
                  </a:lnTo>
                  <a:lnTo>
                    <a:pt x="17" y="95"/>
                  </a:lnTo>
                  <a:lnTo>
                    <a:pt x="22" y="95"/>
                  </a:lnTo>
                  <a:lnTo>
                    <a:pt x="28" y="93"/>
                  </a:lnTo>
                  <a:lnTo>
                    <a:pt x="31" y="90"/>
                  </a:lnTo>
                  <a:lnTo>
                    <a:pt x="36" y="86"/>
                  </a:lnTo>
                  <a:lnTo>
                    <a:pt x="39" y="83"/>
                  </a:lnTo>
                  <a:lnTo>
                    <a:pt x="41" y="80"/>
                  </a:lnTo>
                  <a:lnTo>
                    <a:pt x="43" y="78"/>
                  </a:lnTo>
                  <a:lnTo>
                    <a:pt x="44" y="76"/>
                  </a:lnTo>
                  <a:lnTo>
                    <a:pt x="50" y="76"/>
                  </a:lnTo>
                  <a:lnTo>
                    <a:pt x="50" y="64"/>
                  </a:lnTo>
                  <a:lnTo>
                    <a:pt x="39" y="30"/>
                  </a:lnTo>
                  <a:lnTo>
                    <a:pt x="48" y="29"/>
                  </a:lnTo>
                  <a:lnTo>
                    <a:pt x="55" y="36"/>
                  </a:lnTo>
                  <a:lnTo>
                    <a:pt x="58" y="36"/>
                  </a:lnTo>
                  <a:lnTo>
                    <a:pt x="60" y="36"/>
                  </a:lnTo>
                  <a:lnTo>
                    <a:pt x="61" y="37"/>
                  </a:lnTo>
                  <a:lnTo>
                    <a:pt x="65" y="39"/>
                  </a:lnTo>
                  <a:lnTo>
                    <a:pt x="66" y="42"/>
                  </a:lnTo>
                  <a:lnTo>
                    <a:pt x="68" y="52"/>
                  </a:lnTo>
                  <a:lnTo>
                    <a:pt x="72" y="58"/>
                  </a:lnTo>
                  <a:lnTo>
                    <a:pt x="73" y="61"/>
                  </a:lnTo>
                  <a:lnTo>
                    <a:pt x="75" y="59"/>
                  </a:lnTo>
                  <a:lnTo>
                    <a:pt x="77" y="58"/>
                  </a:lnTo>
                  <a:lnTo>
                    <a:pt x="77" y="54"/>
                  </a:lnTo>
                  <a:lnTo>
                    <a:pt x="78" y="52"/>
                  </a:lnTo>
                  <a:lnTo>
                    <a:pt x="78" y="51"/>
                  </a:lnTo>
                  <a:lnTo>
                    <a:pt x="78" y="52"/>
                  </a:lnTo>
                  <a:lnTo>
                    <a:pt x="77" y="52"/>
                  </a:lnTo>
                  <a:lnTo>
                    <a:pt x="77" y="51"/>
                  </a:lnTo>
                  <a:lnTo>
                    <a:pt x="77" y="49"/>
                  </a:lnTo>
                  <a:lnTo>
                    <a:pt x="75" y="46"/>
                  </a:lnTo>
                  <a:lnTo>
                    <a:pt x="73" y="44"/>
                  </a:lnTo>
                  <a:lnTo>
                    <a:pt x="73" y="42"/>
                  </a:lnTo>
                  <a:lnTo>
                    <a:pt x="73" y="41"/>
                  </a:lnTo>
                  <a:lnTo>
                    <a:pt x="66" y="36"/>
                  </a:lnTo>
                  <a:lnTo>
                    <a:pt x="58" y="30"/>
                  </a:lnTo>
                  <a:lnTo>
                    <a:pt x="51" y="29"/>
                  </a:lnTo>
                  <a:lnTo>
                    <a:pt x="46" y="14"/>
                  </a:lnTo>
                  <a:lnTo>
                    <a:pt x="39" y="14"/>
                  </a:lnTo>
                  <a:lnTo>
                    <a:pt x="34" y="0"/>
                  </a:lnTo>
                  <a:lnTo>
                    <a:pt x="0" y="8"/>
                  </a:lnTo>
                  <a:lnTo>
                    <a:pt x="21" y="80"/>
                  </a:lnTo>
                </a:path>
              </a:pathLst>
            </a:custGeom>
            <a:solidFill>
              <a:srgbClr val="DDDDDD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</p:grpSp>
      <p:grpSp>
        <p:nvGrpSpPr>
          <p:cNvPr id="372" name="Group 5" descr="Map of the US showing the three Public Reporting States in 2004. "/>
          <p:cNvGrpSpPr>
            <a:grpSpLocks noChangeAspect="1"/>
          </p:cNvGrpSpPr>
          <p:nvPr/>
        </p:nvGrpSpPr>
        <p:grpSpPr bwMode="auto">
          <a:xfrm>
            <a:off x="6299149" y="2619265"/>
            <a:ext cx="2171700" cy="1461681"/>
            <a:chOff x="192" y="850"/>
            <a:chExt cx="4988" cy="3134"/>
          </a:xfrm>
        </p:grpSpPr>
        <p:sp>
          <p:nvSpPr>
            <p:cNvPr id="373" name="Freeform 9"/>
            <p:cNvSpPr>
              <a:spLocks/>
            </p:cNvSpPr>
            <p:nvPr/>
          </p:nvSpPr>
          <p:spPr bwMode="auto">
            <a:xfrm>
              <a:off x="4479" y="2181"/>
              <a:ext cx="22" cy="24"/>
            </a:xfrm>
            <a:custGeom>
              <a:avLst/>
              <a:gdLst>
                <a:gd name="T0" fmla="*/ 0 w 22"/>
                <a:gd name="T1" fmla="*/ 7 h 25"/>
                <a:gd name="T2" fmla="*/ 9 w 22"/>
                <a:gd name="T3" fmla="*/ 0 h 25"/>
                <a:gd name="T4" fmla="*/ 22 w 22"/>
                <a:gd name="T5" fmla="*/ 10 h 25"/>
                <a:gd name="T6" fmla="*/ 12 w 22"/>
                <a:gd name="T7" fmla="*/ 12 h 25"/>
                <a:gd name="T8" fmla="*/ 12 w 22"/>
                <a:gd name="T9" fmla="*/ 12 h 25"/>
                <a:gd name="T10" fmla="*/ 12 w 22"/>
                <a:gd name="T11" fmla="*/ 12 h 25"/>
                <a:gd name="T12" fmla="*/ 12 w 22"/>
                <a:gd name="T13" fmla="*/ 12 h 25"/>
                <a:gd name="T14" fmla="*/ 12 w 22"/>
                <a:gd name="T15" fmla="*/ 12 h 25"/>
                <a:gd name="T16" fmla="*/ 11 w 22"/>
                <a:gd name="T17" fmla="*/ 12 h 25"/>
                <a:gd name="T18" fmla="*/ 9 w 22"/>
                <a:gd name="T19" fmla="*/ 12 h 25"/>
                <a:gd name="T20" fmla="*/ 7 w 22"/>
                <a:gd name="T21" fmla="*/ 12 h 25"/>
                <a:gd name="T22" fmla="*/ 2 w 22"/>
                <a:gd name="T23" fmla="*/ 8 h 25"/>
                <a:gd name="T24" fmla="*/ 2 w 22"/>
                <a:gd name="T25" fmla="*/ 8 h 25"/>
                <a:gd name="T26" fmla="*/ 0 w 22"/>
                <a:gd name="T27" fmla="*/ 8 h 25"/>
                <a:gd name="T28" fmla="*/ 0 w 22"/>
                <a:gd name="T29" fmla="*/ 7 h 25"/>
                <a:gd name="T30" fmla="*/ 0 w 22"/>
                <a:gd name="T31" fmla="*/ 7 h 25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w 22"/>
                <a:gd name="T49" fmla="*/ 0 h 25"/>
                <a:gd name="T50" fmla="*/ 22 w 22"/>
                <a:gd name="T51" fmla="*/ 25 h 25"/>
              </a:gdLst>
              <a:ahLst/>
              <a:cxnLst>
                <a:cxn ang="T32">
                  <a:pos x="T0" y="T1"/>
                </a:cxn>
                <a:cxn ang="T33">
                  <a:pos x="T2" y="T3"/>
                </a:cxn>
                <a:cxn ang="T34">
                  <a:pos x="T4" y="T5"/>
                </a:cxn>
                <a:cxn ang="T35">
                  <a:pos x="T6" y="T7"/>
                </a:cxn>
                <a:cxn ang="T36">
                  <a:pos x="T8" y="T9"/>
                </a:cxn>
                <a:cxn ang="T37">
                  <a:pos x="T10" y="T11"/>
                </a:cxn>
                <a:cxn ang="T38">
                  <a:pos x="T12" y="T13"/>
                </a:cxn>
                <a:cxn ang="T39">
                  <a:pos x="T14" y="T15"/>
                </a:cxn>
                <a:cxn ang="T40">
                  <a:pos x="T16" y="T17"/>
                </a:cxn>
                <a:cxn ang="T41">
                  <a:pos x="T18" y="T19"/>
                </a:cxn>
                <a:cxn ang="T42">
                  <a:pos x="T20" y="T21"/>
                </a:cxn>
                <a:cxn ang="T43">
                  <a:pos x="T22" y="T23"/>
                </a:cxn>
                <a:cxn ang="T44">
                  <a:pos x="T24" y="T25"/>
                </a:cxn>
                <a:cxn ang="T45">
                  <a:pos x="T26" y="T27"/>
                </a:cxn>
                <a:cxn ang="T46">
                  <a:pos x="T28" y="T29"/>
                </a:cxn>
                <a:cxn ang="T47">
                  <a:pos x="T30" y="T31"/>
                </a:cxn>
              </a:cxnLst>
              <a:rect l="T48" t="T49" r="T50" b="T51"/>
              <a:pathLst>
                <a:path w="22" h="25">
                  <a:moveTo>
                    <a:pt x="0" y="7"/>
                  </a:moveTo>
                  <a:lnTo>
                    <a:pt x="9" y="0"/>
                  </a:lnTo>
                  <a:lnTo>
                    <a:pt x="22" y="10"/>
                  </a:lnTo>
                  <a:lnTo>
                    <a:pt x="12" y="25"/>
                  </a:lnTo>
                  <a:lnTo>
                    <a:pt x="12" y="23"/>
                  </a:lnTo>
                  <a:lnTo>
                    <a:pt x="12" y="22"/>
                  </a:lnTo>
                  <a:lnTo>
                    <a:pt x="12" y="20"/>
                  </a:lnTo>
                  <a:lnTo>
                    <a:pt x="12" y="18"/>
                  </a:lnTo>
                  <a:lnTo>
                    <a:pt x="11" y="17"/>
                  </a:lnTo>
                  <a:lnTo>
                    <a:pt x="9" y="13"/>
                  </a:lnTo>
                  <a:lnTo>
                    <a:pt x="7" y="12"/>
                  </a:lnTo>
                  <a:lnTo>
                    <a:pt x="2" y="8"/>
                  </a:lnTo>
                  <a:lnTo>
                    <a:pt x="0" y="8"/>
                  </a:lnTo>
                  <a:lnTo>
                    <a:pt x="0" y="7"/>
                  </a:lnTo>
                  <a:close/>
                </a:path>
              </a:pathLst>
            </a:custGeom>
            <a:solidFill>
              <a:sysClr val="windowText" lastClr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374" name="Group 10"/>
            <p:cNvGrpSpPr>
              <a:grpSpLocks/>
            </p:cNvGrpSpPr>
            <p:nvPr/>
          </p:nvGrpSpPr>
          <p:grpSpPr bwMode="auto">
            <a:xfrm>
              <a:off x="4431" y="2166"/>
              <a:ext cx="169" cy="106"/>
              <a:chOff x="4655" y="1801"/>
              <a:chExt cx="172" cy="109"/>
            </a:xfrm>
          </p:grpSpPr>
          <p:sp>
            <p:nvSpPr>
              <p:cNvPr id="552" name="Freeform 11"/>
              <p:cNvSpPr>
                <a:spLocks/>
              </p:cNvSpPr>
              <p:nvPr/>
            </p:nvSpPr>
            <p:spPr bwMode="auto">
              <a:xfrm>
                <a:off x="4725" y="1801"/>
                <a:ext cx="22" cy="25"/>
              </a:xfrm>
              <a:custGeom>
                <a:avLst/>
                <a:gdLst>
                  <a:gd name="T0" fmla="*/ 0 w 22"/>
                  <a:gd name="T1" fmla="*/ 7 h 25"/>
                  <a:gd name="T2" fmla="*/ 9 w 22"/>
                  <a:gd name="T3" fmla="*/ 0 h 25"/>
                  <a:gd name="T4" fmla="*/ 22 w 22"/>
                  <a:gd name="T5" fmla="*/ 10 h 25"/>
                  <a:gd name="T6" fmla="*/ 12 w 22"/>
                  <a:gd name="T7" fmla="*/ 25 h 25"/>
                  <a:gd name="T8" fmla="*/ 12 w 22"/>
                  <a:gd name="T9" fmla="*/ 25 h 25"/>
                  <a:gd name="T10" fmla="*/ 12 w 22"/>
                  <a:gd name="T11" fmla="*/ 23 h 25"/>
                  <a:gd name="T12" fmla="*/ 12 w 22"/>
                  <a:gd name="T13" fmla="*/ 22 h 25"/>
                  <a:gd name="T14" fmla="*/ 12 w 22"/>
                  <a:gd name="T15" fmla="*/ 20 h 25"/>
                  <a:gd name="T16" fmla="*/ 12 w 22"/>
                  <a:gd name="T17" fmla="*/ 18 h 25"/>
                  <a:gd name="T18" fmla="*/ 11 w 22"/>
                  <a:gd name="T19" fmla="*/ 17 h 25"/>
                  <a:gd name="T20" fmla="*/ 9 w 22"/>
                  <a:gd name="T21" fmla="*/ 13 h 25"/>
                  <a:gd name="T22" fmla="*/ 7 w 22"/>
                  <a:gd name="T23" fmla="*/ 12 h 25"/>
                  <a:gd name="T24" fmla="*/ 2 w 22"/>
                  <a:gd name="T25" fmla="*/ 8 h 25"/>
                  <a:gd name="T26" fmla="*/ 2 w 22"/>
                  <a:gd name="T27" fmla="*/ 8 h 25"/>
                  <a:gd name="T28" fmla="*/ 2 w 22"/>
                  <a:gd name="T29" fmla="*/ 8 h 25"/>
                  <a:gd name="T30" fmla="*/ 0 w 22"/>
                  <a:gd name="T31" fmla="*/ 8 h 25"/>
                  <a:gd name="T32" fmla="*/ 0 w 22"/>
                  <a:gd name="T33" fmla="*/ 7 h 25"/>
                  <a:gd name="T34" fmla="*/ 0 w 22"/>
                  <a:gd name="T35" fmla="*/ 7 h 25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w 22"/>
                  <a:gd name="T55" fmla="*/ 0 h 25"/>
                  <a:gd name="T56" fmla="*/ 22 w 22"/>
                  <a:gd name="T57" fmla="*/ 25 h 25"/>
                </a:gdLst>
                <a:ahLst/>
                <a:cxnLst>
                  <a:cxn ang="T36">
                    <a:pos x="T0" y="T1"/>
                  </a:cxn>
                  <a:cxn ang="T37">
                    <a:pos x="T2" y="T3"/>
                  </a:cxn>
                  <a:cxn ang="T38">
                    <a:pos x="T4" y="T5"/>
                  </a:cxn>
                  <a:cxn ang="T39">
                    <a:pos x="T6" y="T7"/>
                  </a:cxn>
                  <a:cxn ang="T40">
                    <a:pos x="T8" y="T9"/>
                  </a:cxn>
                  <a:cxn ang="T41">
                    <a:pos x="T10" y="T11"/>
                  </a:cxn>
                  <a:cxn ang="T42">
                    <a:pos x="T12" y="T13"/>
                  </a:cxn>
                  <a:cxn ang="T43">
                    <a:pos x="T14" y="T15"/>
                  </a:cxn>
                  <a:cxn ang="T44">
                    <a:pos x="T16" y="T17"/>
                  </a:cxn>
                  <a:cxn ang="T45">
                    <a:pos x="T18" y="T19"/>
                  </a:cxn>
                  <a:cxn ang="T46">
                    <a:pos x="T20" y="T21"/>
                  </a:cxn>
                  <a:cxn ang="T47">
                    <a:pos x="T22" y="T23"/>
                  </a:cxn>
                  <a:cxn ang="T48">
                    <a:pos x="T24" y="T25"/>
                  </a:cxn>
                  <a:cxn ang="T49">
                    <a:pos x="T26" y="T27"/>
                  </a:cxn>
                  <a:cxn ang="T50">
                    <a:pos x="T28" y="T29"/>
                  </a:cxn>
                  <a:cxn ang="T51">
                    <a:pos x="T30" y="T31"/>
                  </a:cxn>
                  <a:cxn ang="T52">
                    <a:pos x="T32" y="T33"/>
                  </a:cxn>
                  <a:cxn ang="T53">
                    <a:pos x="T34" y="T35"/>
                  </a:cxn>
                </a:cxnLst>
                <a:rect l="T54" t="T55" r="T56" b="T57"/>
                <a:pathLst>
                  <a:path w="22" h="25">
                    <a:moveTo>
                      <a:pt x="0" y="7"/>
                    </a:moveTo>
                    <a:lnTo>
                      <a:pt x="9" y="0"/>
                    </a:lnTo>
                    <a:lnTo>
                      <a:pt x="22" y="10"/>
                    </a:lnTo>
                    <a:lnTo>
                      <a:pt x="12" y="25"/>
                    </a:lnTo>
                    <a:lnTo>
                      <a:pt x="12" y="23"/>
                    </a:lnTo>
                    <a:lnTo>
                      <a:pt x="12" y="22"/>
                    </a:lnTo>
                    <a:lnTo>
                      <a:pt x="12" y="20"/>
                    </a:lnTo>
                    <a:lnTo>
                      <a:pt x="12" y="18"/>
                    </a:lnTo>
                    <a:lnTo>
                      <a:pt x="11" y="17"/>
                    </a:lnTo>
                    <a:lnTo>
                      <a:pt x="9" y="13"/>
                    </a:lnTo>
                    <a:lnTo>
                      <a:pt x="7" y="12"/>
                    </a:lnTo>
                    <a:lnTo>
                      <a:pt x="2" y="8"/>
                    </a:lnTo>
                    <a:lnTo>
                      <a:pt x="0" y="8"/>
                    </a:lnTo>
                    <a:lnTo>
                      <a:pt x="0" y="7"/>
                    </a:lnTo>
                  </a:path>
                </a:pathLst>
              </a:custGeom>
              <a:solidFill>
                <a:sysClr val="windowText" lastClr="000000"/>
              </a:solidFill>
              <a:ln w="3175">
                <a:solidFill>
                  <a:srgbClr val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553" name="Rectangle 12"/>
              <p:cNvSpPr>
                <a:spLocks noChangeArrowheads="1"/>
              </p:cNvSpPr>
              <p:nvPr/>
            </p:nvSpPr>
            <p:spPr bwMode="auto">
              <a:xfrm>
                <a:off x="4655" y="1804"/>
                <a:ext cx="172" cy="106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wrap="none" lIns="0" tIns="0" rIns="0" bIns="0">
                <a:spAutoFit/>
              </a:bodyPr>
              <a:lstStyle/>
              <a:p>
                <a:pPr defTabSz="571486">
                  <a:defRPr/>
                </a:pPr>
                <a:r>
                  <a:rPr lang="en-US" sz="313" b="1" kern="0" dirty="0">
                    <a:solidFill>
                      <a:srgbClr val="FFFFFF"/>
                    </a:solidFill>
                    <a:latin typeface="Helvetica" pitchFamily="34" charset="0"/>
                  </a:rPr>
                  <a:t>DC*</a:t>
                </a:r>
                <a:endParaRPr lang="en-US" sz="313" b="1" kern="0" dirty="0">
                  <a:solidFill>
                    <a:srgbClr val="FFFFFF"/>
                  </a:solidFill>
                  <a:latin typeface="Times New Roman" pitchFamily="18" charset="0"/>
                </a:endParaRPr>
              </a:p>
            </p:txBody>
          </p:sp>
        </p:grpSp>
        <p:sp>
          <p:nvSpPr>
            <p:cNvPr id="375" name="Freeform 13"/>
            <p:cNvSpPr>
              <a:spLocks/>
            </p:cNvSpPr>
            <p:nvPr/>
          </p:nvSpPr>
          <p:spPr bwMode="auto">
            <a:xfrm>
              <a:off x="3980" y="2710"/>
              <a:ext cx="478" cy="363"/>
            </a:xfrm>
            <a:custGeom>
              <a:avLst/>
              <a:gdLst>
                <a:gd name="T0" fmla="*/ 178 w 492"/>
                <a:gd name="T1" fmla="*/ 243 h 374"/>
                <a:gd name="T2" fmla="*/ 178 w 492"/>
                <a:gd name="T3" fmla="*/ 240 h 374"/>
                <a:gd name="T4" fmla="*/ 178 w 492"/>
                <a:gd name="T5" fmla="*/ 239 h 374"/>
                <a:gd name="T6" fmla="*/ 171 w 492"/>
                <a:gd name="T7" fmla="*/ 217 h 374"/>
                <a:gd name="T8" fmla="*/ 157 w 492"/>
                <a:gd name="T9" fmla="*/ 207 h 374"/>
                <a:gd name="T10" fmla="*/ 153 w 492"/>
                <a:gd name="T11" fmla="*/ 192 h 374"/>
                <a:gd name="T12" fmla="*/ 142 w 492"/>
                <a:gd name="T13" fmla="*/ 177 h 374"/>
                <a:gd name="T14" fmla="*/ 130 w 492"/>
                <a:gd name="T15" fmla="*/ 173 h 374"/>
                <a:gd name="T16" fmla="*/ 126 w 492"/>
                <a:gd name="T17" fmla="*/ 171 h 374"/>
                <a:gd name="T18" fmla="*/ 116 w 492"/>
                <a:gd name="T19" fmla="*/ 162 h 374"/>
                <a:gd name="T20" fmla="*/ 111 w 492"/>
                <a:gd name="T21" fmla="*/ 153 h 374"/>
                <a:gd name="T22" fmla="*/ 104 w 492"/>
                <a:gd name="T23" fmla="*/ 141 h 374"/>
                <a:gd name="T24" fmla="*/ 95 w 492"/>
                <a:gd name="T25" fmla="*/ 139 h 374"/>
                <a:gd name="T26" fmla="*/ 91 w 492"/>
                <a:gd name="T27" fmla="*/ 137 h 374"/>
                <a:gd name="T28" fmla="*/ 86 w 492"/>
                <a:gd name="T29" fmla="*/ 132 h 374"/>
                <a:gd name="T30" fmla="*/ 81 w 492"/>
                <a:gd name="T31" fmla="*/ 121 h 374"/>
                <a:gd name="T32" fmla="*/ 75 w 492"/>
                <a:gd name="T33" fmla="*/ 120 h 374"/>
                <a:gd name="T34" fmla="*/ 68 w 492"/>
                <a:gd name="T35" fmla="*/ 119 h 374"/>
                <a:gd name="T36" fmla="*/ 61 w 492"/>
                <a:gd name="T37" fmla="*/ 111 h 374"/>
                <a:gd name="T38" fmla="*/ 55 w 492"/>
                <a:gd name="T39" fmla="*/ 104 h 374"/>
                <a:gd name="T40" fmla="*/ 47 w 492"/>
                <a:gd name="T41" fmla="*/ 96 h 374"/>
                <a:gd name="T42" fmla="*/ 40 w 492"/>
                <a:gd name="T43" fmla="*/ 82 h 374"/>
                <a:gd name="T44" fmla="*/ 38 w 492"/>
                <a:gd name="T45" fmla="*/ 75 h 374"/>
                <a:gd name="T46" fmla="*/ 33 w 492"/>
                <a:gd name="T47" fmla="*/ 74 h 374"/>
                <a:gd name="T48" fmla="*/ 18 w 492"/>
                <a:gd name="T49" fmla="*/ 72 h 374"/>
                <a:gd name="T50" fmla="*/ 17 w 492"/>
                <a:gd name="T51" fmla="*/ 69 h 374"/>
                <a:gd name="T52" fmla="*/ 17 w 492"/>
                <a:gd name="T53" fmla="*/ 67 h 374"/>
                <a:gd name="T54" fmla="*/ 0 w 492"/>
                <a:gd name="T55" fmla="*/ 56 h 374"/>
                <a:gd name="T56" fmla="*/ 13 w 492"/>
                <a:gd name="T57" fmla="*/ 39 h 374"/>
                <a:gd name="T58" fmla="*/ 17 w 492"/>
                <a:gd name="T59" fmla="*/ 37 h 374"/>
                <a:gd name="T60" fmla="*/ 17 w 492"/>
                <a:gd name="T61" fmla="*/ 35 h 374"/>
                <a:gd name="T62" fmla="*/ 21 w 492"/>
                <a:gd name="T63" fmla="*/ 25 h 374"/>
                <a:gd name="T64" fmla="*/ 38 w 492"/>
                <a:gd name="T65" fmla="*/ 17 h 374"/>
                <a:gd name="T66" fmla="*/ 50 w 492"/>
                <a:gd name="T67" fmla="*/ 17 h 374"/>
                <a:gd name="T68" fmla="*/ 71 w 492"/>
                <a:gd name="T69" fmla="*/ 10 h 374"/>
                <a:gd name="T70" fmla="*/ 139 w 492"/>
                <a:gd name="T71" fmla="*/ 1 h 374"/>
                <a:gd name="T72" fmla="*/ 149 w 492"/>
                <a:gd name="T73" fmla="*/ 0 h 374"/>
                <a:gd name="T74" fmla="*/ 162 w 492"/>
                <a:gd name="T75" fmla="*/ 12 h 374"/>
                <a:gd name="T76" fmla="*/ 242 w 492"/>
                <a:gd name="T77" fmla="*/ 17 h 374"/>
                <a:gd name="T78" fmla="*/ 328 w 492"/>
                <a:gd name="T79" fmla="*/ 77 h 374"/>
                <a:gd name="T80" fmla="*/ 323 w 492"/>
                <a:gd name="T81" fmla="*/ 81 h 374"/>
                <a:gd name="T82" fmla="*/ 315 w 492"/>
                <a:gd name="T83" fmla="*/ 87 h 374"/>
                <a:gd name="T84" fmla="*/ 306 w 492"/>
                <a:gd name="T85" fmla="*/ 100 h 374"/>
                <a:gd name="T86" fmla="*/ 298 w 492"/>
                <a:gd name="T87" fmla="*/ 114 h 374"/>
                <a:gd name="T88" fmla="*/ 293 w 492"/>
                <a:gd name="T89" fmla="*/ 126 h 374"/>
                <a:gd name="T90" fmla="*/ 290 w 492"/>
                <a:gd name="T91" fmla="*/ 123 h 374"/>
                <a:gd name="T92" fmla="*/ 288 w 492"/>
                <a:gd name="T93" fmla="*/ 126 h 374"/>
                <a:gd name="T94" fmla="*/ 289 w 492"/>
                <a:gd name="T95" fmla="*/ 132 h 374"/>
                <a:gd name="T96" fmla="*/ 294 w 492"/>
                <a:gd name="T97" fmla="*/ 134 h 374"/>
                <a:gd name="T98" fmla="*/ 295 w 492"/>
                <a:gd name="T99" fmla="*/ 139 h 374"/>
                <a:gd name="T100" fmla="*/ 292 w 492"/>
                <a:gd name="T101" fmla="*/ 145 h 374"/>
                <a:gd name="T102" fmla="*/ 286 w 492"/>
                <a:gd name="T103" fmla="*/ 148 h 374"/>
                <a:gd name="T104" fmla="*/ 276 w 492"/>
                <a:gd name="T105" fmla="*/ 154 h 374"/>
                <a:gd name="T106" fmla="*/ 266 w 492"/>
                <a:gd name="T107" fmla="*/ 171 h 374"/>
                <a:gd name="T108" fmla="*/ 263 w 492"/>
                <a:gd name="T109" fmla="*/ 173 h 374"/>
                <a:gd name="T110" fmla="*/ 259 w 492"/>
                <a:gd name="T111" fmla="*/ 177 h 374"/>
                <a:gd name="T112" fmla="*/ 251 w 492"/>
                <a:gd name="T113" fmla="*/ 179 h 374"/>
                <a:gd name="T114" fmla="*/ 240 w 492"/>
                <a:gd name="T115" fmla="*/ 196 h 374"/>
                <a:gd name="T116" fmla="*/ 236 w 492"/>
                <a:gd name="T117" fmla="*/ 201 h 374"/>
                <a:gd name="T118" fmla="*/ 214 w 492"/>
                <a:gd name="T119" fmla="*/ 207 h 374"/>
                <a:gd name="T120" fmla="*/ 194 w 492"/>
                <a:gd name="T121" fmla="*/ 221 h 374"/>
                <a:gd name="T122" fmla="*/ 187 w 492"/>
                <a:gd name="T123" fmla="*/ 245 h 374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w 492"/>
                <a:gd name="T187" fmla="*/ 0 h 374"/>
                <a:gd name="T188" fmla="*/ 492 w 492"/>
                <a:gd name="T189" fmla="*/ 374 h 374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T186" t="T187" r="T188" b="T189"/>
              <a:pathLst>
                <a:path w="492" h="374">
                  <a:moveTo>
                    <a:pt x="269" y="374"/>
                  </a:moveTo>
                  <a:lnTo>
                    <a:pt x="269" y="372"/>
                  </a:lnTo>
                  <a:lnTo>
                    <a:pt x="267" y="370"/>
                  </a:lnTo>
                  <a:lnTo>
                    <a:pt x="267" y="369"/>
                  </a:lnTo>
                  <a:lnTo>
                    <a:pt x="267" y="367"/>
                  </a:lnTo>
                  <a:lnTo>
                    <a:pt x="267" y="365"/>
                  </a:lnTo>
                  <a:lnTo>
                    <a:pt x="267" y="364"/>
                  </a:lnTo>
                  <a:lnTo>
                    <a:pt x="267" y="362"/>
                  </a:lnTo>
                  <a:lnTo>
                    <a:pt x="266" y="348"/>
                  </a:lnTo>
                  <a:lnTo>
                    <a:pt x="261" y="338"/>
                  </a:lnTo>
                  <a:lnTo>
                    <a:pt x="255" y="330"/>
                  </a:lnTo>
                  <a:lnTo>
                    <a:pt x="249" y="321"/>
                  </a:lnTo>
                  <a:lnTo>
                    <a:pt x="242" y="316"/>
                  </a:lnTo>
                  <a:lnTo>
                    <a:pt x="235" y="313"/>
                  </a:lnTo>
                  <a:lnTo>
                    <a:pt x="232" y="309"/>
                  </a:lnTo>
                  <a:lnTo>
                    <a:pt x="230" y="308"/>
                  </a:lnTo>
                  <a:lnTo>
                    <a:pt x="228" y="292"/>
                  </a:lnTo>
                  <a:lnTo>
                    <a:pt x="225" y="282"/>
                  </a:lnTo>
                  <a:lnTo>
                    <a:pt x="218" y="274"/>
                  </a:lnTo>
                  <a:lnTo>
                    <a:pt x="211" y="269"/>
                  </a:lnTo>
                  <a:lnTo>
                    <a:pt x="205" y="265"/>
                  </a:lnTo>
                  <a:lnTo>
                    <a:pt x="200" y="264"/>
                  </a:lnTo>
                  <a:lnTo>
                    <a:pt x="195" y="262"/>
                  </a:lnTo>
                  <a:lnTo>
                    <a:pt x="193" y="262"/>
                  </a:lnTo>
                  <a:lnTo>
                    <a:pt x="193" y="260"/>
                  </a:lnTo>
                  <a:lnTo>
                    <a:pt x="189" y="259"/>
                  </a:lnTo>
                  <a:lnTo>
                    <a:pt x="184" y="254"/>
                  </a:lnTo>
                  <a:lnTo>
                    <a:pt x="179" y="250"/>
                  </a:lnTo>
                  <a:lnTo>
                    <a:pt x="174" y="245"/>
                  </a:lnTo>
                  <a:lnTo>
                    <a:pt x="171" y="240"/>
                  </a:lnTo>
                  <a:lnTo>
                    <a:pt x="167" y="237"/>
                  </a:lnTo>
                  <a:lnTo>
                    <a:pt x="166" y="233"/>
                  </a:lnTo>
                  <a:lnTo>
                    <a:pt x="162" y="225"/>
                  </a:lnTo>
                  <a:lnTo>
                    <a:pt x="157" y="218"/>
                  </a:lnTo>
                  <a:lnTo>
                    <a:pt x="154" y="213"/>
                  </a:lnTo>
                  <a:lnTo>
                    <a:pt x="149" y="211"/>
                  </a:lnTo>
                  <a:lnTo>
                    <a:pt x="145" y="210"/>
                  </a:lnTo>
                  <a:lnTo>
                    <a:pt x="142" y="210"/>
                  </a:lnTo>
                  <a:lnTo>
                    <a:pt x="139" y="210"/>
                  </a:lnTo>
                  <a:lnTo>
                    <a:pt x="137" y="208"/>
                  </a:lnTo>
                  <a:lnTo>
                    <a:pt x="135" y="204"/>
                  </a:lnTo>
                  <a:lnTo>
                    <a:pt x="132" y="203"/>
                  </a:lnTo>
                  <a:lnTo>
                    <a:pt x="130" y="199"/>
                  </a:lnTo>
                  <a:lnTo>
                    <a:pt x="127" y="193"/>
                  </a:lnTo>
                  <a:lnTo>
                    <a:pt x="123" y="188"/>
                  </a:lnTo>
                  <a:lnTo>
                    <a:pt x="120" y="184"/>
                  </a:lnTo>
                  <a:lnTo>
                    <a:pt x="117" y="182"/>
                  </a:lnTo>
                  <a:lnTo>
                    <a:pt x="113" y="181"/>
                  </a:lnTo>
                  <a:lnTo>
                    <a:pt x="112" y="182"/>
                  </a:lnTo>
                  <a:lnTo>
                    <a:pt x="108" y="182"/>
                  </a:lnTo>
                  <a:lnTo>
                    <a:pt x="101" y="181"/>
                  </a:lnTo>
                  <a:lnTo>
                    <a:pt x="96" y="179"/>
                  </a:lnTo>
                  <a:lnTo>
                    <a:pt x="93" y="174"/>
                  </a:lnTo>
                  <a:lnTo>
                    <a:pt x="90" y="169"/>
                  </a:lnTo>
                  <a:lnTo>
                    <a:pt x="86" y="164"/>
                  </a:lnTo>
                  <a:lnTo>
                    <a:pt x="85" y="160"/>
                  </a:lnTo>
                  <a:lnTo>
                    <a:pt x="83" y="157"/>
                  </a:lnTo>
                  <a:lnTo>
                    <a:pt x="83" y="155"/>
                  </a:lnTo>
                  <a:lnTo>
                    <a:pt x="78" y="152"/>
                  </a:lnTo>
                  <a:lnTo>
                    <a:pt x="71" y="145"/>
                  </a:lnTo>
                  <a:lnTo>
                    <a:pt x="66" y="138"/>
                  </a:lnTo>
                  <a:lnTo>
                    <a:pt x="61" y="132"/>
                  </a:lnTo>
                  <a:lnTo>
                    <a:pt x="57" y="125"/>
                  </a:lnTo>
                  <a:lnTo>
                    <a:pt x="56" y="118"/>
                  </a:lnTo>
                  <a:lnTo>
                    <a:pt x="52" y="115"/>
                  </a:lnTo>
                  <a:lnTo>
                    <a:pt x="52" y="113"/>
                  </a:lnTo>
                  <a:lnTo>
                    <a:pt x="52" y="111"/>
                  </a:lnTo>
                  <a:lnTo>
                    <a:pt x="49" y="111"/>
                  </a:lnTo>
                  <a:lnTo>
                    <a:pt x="47" y="111"/>
                  </a:lnTo>
                  <a:lnTo>
                    <a:pt x="46" y="110"/>
                  </a:lnTo>
                  <a:lnTo>
                    <a:pt x="39" y="110"/>
                  </a:lnTo>
                  <a:lnTo>
                    <a:pt x="32" y="108"/>
                  </a:lnTo>
                  <a:lnTo>
                    <a:pt x="27" y="106"/>
                  </a:lnTo>
                  <a:lnTo>
                    <a:pt x="24" y="105"/>
                  </a:lnTo>
                  <a:lnTo>
                    <a:pt x="20" y="103"/>
                  </a:lnTo>
                  <a:lnTo>
                    <a:pt x="19" y="101"/>
                  </a:lnTo>
                  <a:lnTo>
                    <a:pt x="17" y="100"/>
                  </a:lnTo>
                  <a:lnTo>
                    <a:pt x="5" y="98"/>
                  </a:lnTo>
                  <a:lnTo>
                    <a:pt x="0" y="93"/>
                  </a:lnTo>
                  <a:lnTo>
                    <a:pt x="0" y="84"/>
                  </a:lnTo>
                  <a:lnTo>
                    <a:pt x="2" y="74"/>
                  </a:lnTo>
                  <a:lnTo>
                    <a:pt x="7" y="66"/>
                  </a:lnTo>
                  <a:lnTo>
                    <a:pt x="13" y="57"/>
                  </a:lnTo>
                  <a:lnTo>
                    <a:pt x="17" y="52"/>
                  </a:lnTo>
                  <a:lnTo>
                    <a:pt x="19" y="50"/>
                  </a:lnTo>
                  <a:lnTo>
                    <a:pt x="20" y="52"/>
                  </a:lnTo>
                  <a:lnTo>
                    <a:pt x="22" y="50"/>
                  </a:lnTo>
                  <a:lnTo>
                    <a:pt x="24" y="49"/>
                  </a:lnTo>
                  <a:lnTo>
                    <a:pt x="27" y="45"/>
                  </a:lnTo>
                  <a:lnTo>
                    <a:pt x="30" y="42"/>
                  </a:lnTo>
                  <a:lnTo>
                    <a:pt x="35" y="39"/>
                  </a:lnTo>
                  <a:lnTo>
                    <a:pt x="41" y="35"/>
                  </a:lnTo>
                  <a:lnTo>
                    <a:pt x="47" y="32"/>
                  </a:lnTo>
                  <a:lnTo>
                    <a:pt x="52" y="28"/>
                  </a:lnTo>
                  <a:lnTo>
                    <a:pt x="61" y="23"/>
                  </a:lnTo>
                  <a:lnTo>
                    <a:pt x="68" y="20"/>
                  </a:lnTo>
                  <a:lnTo>
                    <a:pt x="76" y="17"/>
                  </a:lnTo>
                  <a:lnTo>
                    <a:pt x="85" y="15"/>
                  </a:lnTo>
                  <a:lnTo>
                    <a:pt x="95" y="13"/>
                  </a:lnTo>
                  <a:lnTo>
                    <a:pt x="105" y="10"/>
                  </a:lnTo>
                  <a:lnTo>
                    <a:pt x="113" y="10"/>
                  </a:lnTo>
                  <a:lnTo>
                    <a:pt x="206" y="1"/>
                  </a:lnTo>
                  <a:lnTo>
                    <a:pt x="208" y="1"/>
                  </a:lnTo>
                  <a:lnTo>
                    <a:pt x="210" y="0"/>
                  </a:lnTo>
                  <a:lnTo>
                    <a:pt x="215" y="0"/>
                  </a:lnTo>
                  <a:lnTo>
                    <a:pt x="222" y="0"/>
                  </a:lnTo>
                  <a:lnTo>
                    <a:pt x="228" y="1"/>
                  </a:lnTo>
                  <a:lnTo>
                    <a:pt x="235" y="5"/>
                  </a:lnTo>
                  <a:lnTo>
                    <a:pt x="242" y="12"/>
                  </a:lnTo>
                  <a:lnTo>
                    <a:pt x="250" y="23"/>
                  </a:lnTo>
                  <a:lnTo>
                    <a:pt x="254" y="37"/>
                  </a:lnTo>
                  <a:lnTo>
                    <a:pt x="362" y="20"/>
                  </a:lnTo>
                  <a:lnTo>
                    <a:pt x="492" y="115"/>
                  </a:lnTo>
                  <a:lnTo>
                    <a:pt x="491" y="115"/>
                  </a:lnTo>
                  <a:lnTo>
                    <a:pt x="489" y="118"/>
                  </a:lnTo>
                  <a:lnTo>
                    <a:pt x="486" y="120"/>
                  </a:lnTo>
                  <a:lnTo>
                    <a:pt x="484" y="122"/>
                  </a:lnTo>
                  <a:lnTo>
                    <a:pt x="481" y="125"/>
                  </a:lnTo>
                  <a:lnTo>
                    <a:pt x="475" y="130"/>
                  </a:lnTo>
                  <a:lnTo>
                    <a:pt x="472" y="133"/>
                  </a:lnTo>
                  <a:lnTo>
                    <a:pt x="467" y="140"/>
                  </a:lnTo>
                  <a:lnTo>
                    <a:pt x="464" y="145"/>
                  </a:lnTo>
                  <a:lnTo>
                    <a:pt x="459" y="150"/>
                  </a:lnTo>
                  <a:lnTo>
                    <a:pt x="455" y="159"/>
                  </a:lnTo>
                  <a:lnTo>
                    <a:pt x="450" y="166"/>
                  </a:lnTo>
                  <a:lnTo>
                    <a:pt x="447" y="174"/>
                  </a:lnTo>
                  <a:lnTo>
                    <a:pt x="443" y="182"/>
                  </a:lnTo>
                  <a:lnTo>
                    <a:pt x="440" y="191"/>
                  </a:lnTo>
                  <a:lnTo>
                    <a:pt x="437" y="189"/>
                  </a:lnTo>
                  <a:lnTo>
                    <a:pt x="435" y="188"/>
                  </a:lnTo>
                  <a:lnTo>
                    <a:pt x="435" y="186"/>
                  </a:lnTo>
                  <a:lnTo>
                    <a:pt x="433" y="186"/>
                  </a:lnTo>
                  <a:lnTo>
                    <a:pt x="433" y="188"/>
                  </a:lnTo>
                  <a:lnTo>
                    <a:pt x="431" y="191"/>
                  </a:lnTo>
                  <a:lnTo>
                    <a:pt x="431" y="194"/>
                  </a:lnTo>
                  <a:lnTo>
                    <a:pt x="431" y="198"/>
                  </a:lnTo>
                  <a:lnTo>
                    <a:pt x="433" y="199"/>
                  </a:lnTo>
                  <a:lnTo>
                    <a:pt x="435" y="201"/>
                  </a:lnTo>
                  <a:lnTo>
                    <a:pt x="440" y="203"/>
                  </a:lnTo>
                  <a:lnTo>
                    <a:pt x="442" y="203"/>
                  </a:lnTo>
                  <a:lnTo>
                    <a:pt x="442" y="204"/>
                  </a:lnTo>
                  <a:lnTo>
                    <a:pt x="443" y="206"/>
                  </a:lnTo>
                  <a:lnTo>
                    <a:pt x="443" y="210"/>
                  </a:lnTo>
                  <a:lnTo>
                    <a:pt x="443" y="213"/>
                  </a:lnTo>
                  <a:lnTo>
                    <a:pt x="440" y="216"/>
                  </a:lnTo>
                  <a:lnTo>
                    <a:pt x="437" y="221"/>
                  </a:lnTo>
                  <a:lnTo>
                    <a:pt x="431" y="225"/>
                  </a:lnTo>
                  <a:lnTo>
                    <a:pt x="430" y="225"/>
                  </a:lnTo>
                  <a:lnTo>
                    <a:pt x="428" y="225"/>
                  </a:lnTo>
                  <a:lnTo>
                    <a:pt x="423" y="228"/>
                  </a:lnTo>
                  <a:lnTo>
                    <a:pt x="418" y="230"/>
                  </a:lnTo>
                  <a:lnTo>
                    <a:pt x="413" y="235"/>
                  </a:lnTo>
                  <a:lnTo>
                    <a:pt x="408" y="240"/>
                  </a:lnTo>
                  <a:lnTo>
                    <a:pt x="403" y="248"/>
                  </a:lnTo>
                  <a:lnTo>
                    <a:pt x="398" y="259"/>
                  </a:lnTo>
                  <a:lnTo>
                    <a:pt x="396" y="260"/>
                  </a:lnTo>
                  <a:lnTo>
                    <a:pt x="394" y="262"/>
                  </a:lnTo>
                  <a:lnTo>
                    <a:pt x="393" y="265"/>
                  </a:lnTo>
                  <a:lnTo>
                    <a:pt x="391" y="267"/>
                  </a:lnTo>
                  <a:lnTo>
                    <a:pt x="389" y="269"/>
                  </a:lnTo>
                  <a:lnTo>
                    <a:pt x="387" y="270"/>
                  </a:lnTo>
                  <a:lnTo>
                    <a:pt x="376" y="272"/>
                  </a:lnTo>
                  <a:lnTo>
                    <a:pt x="376" y="277"/>
                  </a:lnTo>
                  <a:lnTo>
                    <a:pt x="384" y="279"/>
                  </a:lnTo>
                  <a:lnTo>
                    <a:pt x="359" y="299"/>
                  </a:lnTo>
                  <a:lnTo>
                    <a:pt x="354" y="291"/>
                  </a:lnTo>
                  <a:lnTo>
                    <a:pt x="349" y="299"/>
                  </a:lnTo>
                  <a:lnTo>
                    <a:pt x="354" y="304"/>
                  </a:lnTo>
                  <a:lnTo>
                    <a:pt x="343" y="316"/>
                  </a:lnTo>
                  <a:lnTo>
                    <a:pt x="335" y="314"/>
                  </a:lnTo>
                  <a:lnTo>
                    <a:pt x="320" y="314"/>
                  </a:lnTo>
                  <a:lnTo>
                    <a:pt x="305" y="316"/>
                  </a:lnTo>
                  <a:lnTo>
                    <a:pt x="296" y="320"/>
                  </a:lnTo>
                  <a:lnTo>
                    <a:pt x="291" y="336"/>
                  </a:lnTo>
                  <a:lnTo>
                    <a:pt x="303" y="348"/>
                  </a:lnTo>
                  <a:lnTo>
                    <a:pt x="289" y="374"/>
                  </a:lnTo>
                  <a:lnTo>
                    <a:pt x="281" y="372"/>
                  </a:lnTo>
                  <a:lnTo>
                    <a:pt x="269" y="374"/>
                  </a:lnTo>
                  <a:close/>
                </a:path>
              </a:pathLst>
            </a:custGeom>
            <a:solidFill>
              <a:srgbClr val="0033CC"/>
            </a:solidFill>
            <a:ln w="9525">
              <a:solidFill>
                <a:sysClr val="window" lastClr="FFFFFF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376" name="Freeform 14"/>
            <p:cNvSpPr>
              <a:spLocks/>
            </p:cNvSpPr>
            <p:nvPr/>
          </p:nvSpPr>
          <p:spPr bwMode="auto">
            <a:xfrm>
              <a:off x="4869" y="1704"/>
              <a:ext cx="76" cy="93"/>
            </a:xfrm>
            <a:custGeom>
              <a:avLst/>
              <a:gdLst>
                <a:gd name="T0" fmla="*/ 19 w 78"/>
                <a:gd name="T1" fmla="*/ 61 h 95"/>
                <a:gd name="T2" fmla="*/ 16 w 78"/>
                <a:gd name="T3" fmla="*/ 63 h 95"/>
                <a:gd name="T4" fmla="*/ 16 w 78"/>
                <a:gd name="T5" fmla="*/ 63 h 95"/>
                <a:gd name="T6" fmla="*/ 16 w 78"/>
                <a:gd name="T7" fmla="*/ 64 h 95"/>
                <a:gd name="T8" fmla="*/ 16 w 78"/>
                <a:gd name="T9" fmla="*/ 64 h 95"/>
                <a:gd name="T10" fmla="*/ 16 w 78"/>
                <a:gd name="T11" fmla="*/ 65 h 95"/>
                <a:gd name="T12" fmla="*/ 16 w 78"/>
                <a:gd name="T13" fmla="*/ 66 h 95"/>
                <a:gd name="T14" fmla="*/ 16 w 78"/>
                <a:gd name="T15" fmla="*/ 68 h 95"/>
                <a:gd name="T16" fmla="*/ 16 w 78"/>
                <a:gd name="T17" fmla="*/ 68 h 95"/>
                <a:gd name="T18" fmla="*/ 17 w 78"/>
                <a:gd name="T19" fmla="*/ 69 h 95"/>
                <a:gd name="T20" fmla="*/ 19 w 78"/>
                <a:gd name="T21" fmla="*/ 69 h 95"/>
                <a:gd name="T22" fmla="*/ 19 w 78"/>
                <a:gd name="T23" fmla="*/ 68 h 95"/>
                <a:gd name="T24" fmla="*/ 19 w 78"/>
                <a:gd name="T25" fmla="*/ 66 h 95"/>
                <a:gd name="T26" fmla="*/ 22 w 78"/>
                <a:gd name="T27" fmla="*/ 64 h 95"/>
                <a:gd name="T28" fmla="*/ 25 w 78"/>
                <a:gd name="T29" fmla="*/ 63 h 95"/>
                <a:gd name="T30" fmla="*/ 27 w 78"/>
                <a:gd name="T31" fmla="*/ 61 h 95"/>
                <a:gd name="T32" fmla="*/ 29 w 78"/>
                <a:gd name="T33" fmla="*/ 60 h 95"/>
                <a:gd name="T34" fmla="*/ 30 w 78"/>
                <a:gd name="T35" fmla="*/ 59 h 95"/>
                <a:gd name="T36" fmla="*/ 36 w 78"/>
                <a:gd name="T37" fmla="*/ 59 h 95"/>
                <a:gd name="T38" fmla="*/ 36 w 78"/>
                <a:gd name="T39" fmla="*/ 50 h 95"/>
                <a:gd name="T40" fmla="*/ 25 w 78"/>
                <a:gd name="T41" fmla="*/ 23 h 95"/>
                <a:gd name="T42" fmla="*/ 34 w 78"/>
                <a:gd name="T43" fmla="*/ 23 h 95"/>
                <a:gd name="T44" fmla="*/ 41 w 78"/>
                <a:gd name="T45" fmla="*/ 23 h 95"/>
                <a:gd name="T46" fmla="*/ 44 w 78"/>
                <a:gd name="T47" fmla="*/ 23 h 95"/>
                <a:gd name="T48" fmla="*/ 45 w 78"/>
                <a:gd name="T49" fmla="*/ 23 h 95"/>
                <a:gd name="T50" fmla="*/ 45 w 78"/>
                <a:gd name="T51" fmla="*/ 23 h 95"/>
                <a:gd name="T52" fmla="*/ 47 w 78"/>
                <a:gd name="T53" fmla="*/ 25 h 95"/>
                <a:gd name="T54" fmla="*/ 48 w 78"/>
                <a:gd name="T55" fmla="*/ 28 h 95"/>
                <a:gd name="T56" fmla="*/ 49 w 78"/>
                <a:gd name="T57" fmla="*/ 38 h 95"/>
                <a:gd name="T58" fmla="*/ 51 w 78"/>
                <a:gd name="T59" fmla="*/ 44 h 95"/>
                <a:gd name="T60" fmla="*/ 51 w 78"/>
                <a:gd name="T61" fmla="*/ 47 h 95"/>
                <a:gd name="T62" fmla="*/ 52 w 78"/>
                <a:gd name="T63" fmla="*/ 45 h 95"/>
                <a:gd name="T64" fmla="*/ 53 w 78"/>
                <a:gd name="T65" fmla="*/ 44 h 95"/>
                <a:gd name="T66" fmla="*/ 53 w 78"/>
                <a:gd name="T67" fmla="*/ 40 h 95"/>
                <a:gd name="T68" fmla="*/ 54 w 78"/>
                <a:gd name="T69" fmla="*/ 38 h 95"/>
                <a:gd name="T70" fmla="*/ 54 w 78"/>
                <a:gd name="T71" fmla="*/ 37 h 95"/>
                <a:gd name="T72" fmla="*/ 54 w 78"/>
                <a:gd name="T73" fmla="*/ 38 h 95"/>
                <a:gd name="T74" fmla="*/ 53 w 78"/>
                <a:gd name="T75" fmla="*/ 38 h 95"/>
                <a:gd name="T76" fmla="*/ 53 w 78"/>
                <a:gd name="T77" fmla="*/ 37 h 95"/>
                <a:gd name="T78" fmla="*/ 53 w 78"/>
                <a:gd name="T79" fmla="*/ 35 h 95"/>
                <a:gd name="T80" fmla="*/ 52 w 78"/>
                <a:gd name="T81" fmla="*/ 32 h 95"/>
                <a:gd name="T82" fmla="*/ 51 w 78"/>
                <a:gd name="T83" fmla="*/ 30 h 95"/>
                <a:gd name="T84" fmla="*/ 51 w 78"/>
                <a:gd name="T85" fmla="*/ 28 h 95"/>
                <a:gd name="T86" fmla="*/ 51 w 78"/>
                <a:gd name="T87" fmla="*/ 27 h 95"/>
                <a:gd name="T88" fmla="*/ 51 w 78"/>
                <a:gd name="T89" fmla="*/ 27 h 95"/>
                <a:gd name="T90" fmla="*/ 48 w 78"/>
                <a:gd name="T91" fmla="*/ 23 h 95"/>
                <a:gd name="T92" fmla="*/ 44 w 78"/>
                <a:gd name="T93" fmla="*/ 23 h 95"/>
                <a:gd name="T94" fmla="*/ 37 w 78"/>
                <a:gd name="T95" fmla="*/ 23 h 95"/>
                <a:gd name="T96" fmla="*/ 32 w 78"/>
                <a:gd name="T97" fmla="*/ 14 h 95"/>
                <a:gd name="T98" fmla="*/ 25 w 78"/>
                <a:gd name="T99" fmla="*/ 14 h 95"/>
                <a:gd name="T100" fmla="*/ 20 w 78"/>
                <a:gd name="T101" fmla="*/ 0 h 95"/>
                <a:gd name="T102" fmla="*/ 0 w 78"/>
                <a:gd name="T103" fmla="*/ 8 h 95"/>
                <a:gd name="T104" fmla="*/ 19 w 78"/>
                <a:gd name="T105" fmla="*/ 61 h 95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w 78"/>
                <a:gd name="T160" fmla="*/ 0 h 95"/>
                <a:gd name="T161" fmla="*/ 78 w 78"/>
                <a:gd name="T162" fmla="*/ 95 h 95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T159" t="T160" r="T161" b="T162"/>
              <a:pathLst>
                <a:path w="78" h="95">
                  <a:moveTo>
                    <a:pt x="21" y="80"/>
                  </a:moveTo>
                  <a:lnTo>
                    <a:pt x="16" y="83"/>
                  </a:lnTo>
                  <a:lnTo>
                    <a:pt x="16" y="85"/>
                  </a:lnTo>
                  <a:lnTo>
                    <a:pt x="16" y="86"/>
                  </a:lnTo>
                  <a:lnTo>
                    <a:pt x="16" y="88"/>
                  </a:lnTo>
                  <a:lnTo>
                    <a:pt x="16" y="90"/>
                  </a:lnTo>
                  <a:lnTo>
                    <a:pt x="16" y="93"/>
                  </a:lnTo>
                  <a:lnTo>
                    <a:pt x="17" y="95"/>
                  </a:lnTo>
                  <a:lnTo>
                    <a:pt x="22" y="95"/>
                  </a:lnTo>
                  <a:lnTo>
                    <a:pt x="28" y="93"/>
                  </a:lnTo>
                  <a:lnTo>
                    <a:pt x="31" y="90"/>
                  </a:lnTo>
                  <a:lnTo>
                    <a:pt x="36" y="86"/>
                  </a:lnTo>
                  <a:lnTo>
                    <a:pt x="39" y="83"/>
                  </a:lnTo>
                  <a:lnTo>
                    <a:pt x="41" y="80"/>
                  </a:lnTo>
                  <a:lnTo>
                    <a:pt x="43" y="78"/>
                  </a:lnTo>
                  <a:lnTo>
                    <a:pt x="44" y="76"/>
                  </a:lnTo>
                  <a:lnTo>
                    <a:pt x="50" y="76"/>
                  </a:lnTo>
                  <a:lnTo>
                    <a:pt x="50" y="64"/>
                  </a:lnTo>
                  <a:lnTo>
                    <a:pt x="39" y="30"/>
                  </a:lnTo>
                  <a:lnTo>
                    <a:pt x="48" y="29"/>
                  </a:lnTo>
                  <a:lnTo>
                    <a:pt x="55" y="36"/>
                  </a:lnTo>
                  <a:lnTo>
                    <a:pt x="58" y="36"/>
                  </a:lnTo>
                  <a:lnTo>
                    <a:pt x="60" y="36"/>
                  </a:lnTo>
                  <a:lnTo>
                    <a:pt x="61" y="37"/>
                  </a:lnTo>
                  <a:lnTo>
                    <a:pt x="65" y="39"/>
                  </a:lnTo>
                  <a:lnTo>
                    <a:pt x="66" y="42"/>
                  </a:lnTo>
                  <a:lnTo>
                    <a:pt x="68" y="52"/>
                  </a:lnTo>
                  <a:lnTo>
                    <a:pt x="72" y="58"/>
                  </a:lnTo>
                  <a:lnTo>
                    <a:pt x="73" y="61"/>
                  </a:lnTo>
                  <a:lnTo>
                    <a:pt x="75" y="59"/>
                  </a:lnTo>
                  <a:lnTo>
                    <a:pt x="77" y="58"/>
                  </a:lnTo>
                  <a:lnTo>
                    <a:pt x="77" y="54"/>
                  </a:lnTo>
                  <a:lnTo>
                    <a:pt x="78" y="52"/>
                  </a:lnTo>
                  <a:lnTo>
                    <a:pt x="78" y="51"/>
                  </a:lnTo>
                  <a:lnTo>
                    <a:pt x="78" y="52"/>
                  </a:lnTo>
                  <a:lnTo>
                    <a:pt x="77" y="52"/>
                  </a:lnTo>
                  <a:lnTo>
                    <a:pt x="77" y="51"/>
                  </a:lnTo>
                  <a:lnTo>
                    <a:pt x="77" y="49"/>
                  </a:lnTo>
                  <a:lnTo>
                    <a:pt x="75" y="46"/>
                  </a:lnTo>
                  <a:lnTo>
                    <a:pt x="73" y="44"/>
                  </a:lnTo>
                  <a:lnTo>
                    <a:pt x="73" y="42"/>
                  </a:lnTo>
                  <a:lnTo>
                    <a:pt x="73" y="41"/>
                  </a:lnTo>
                  <a:lnTo>
                    <a:pt x="66" y="36"/>
                  </a:lnTo>
                  <a:lnTo>
                    <a:pt x="58" y="30"/>
                  </a:lnTo>
                  <a:lnTo>
                    <a:pt x="51" y="29"/>
                  </a:lnTo>
                  <a:lnTo>
                    <a:pt x="46" y="14"/>
                  </a:lnTo>
                  <a:lnTo>
                    <a:pt x="39" y="14"/>
                  </a:lnTo>
                  <a:lnTo>
                    <a:pt x="34" y="0"/>
                  </a:lnTo>
                  <a:lnTo>
                    <a:pt x="0" y="8"/>
                  </a:lnTo>
                  <a:lnTo>
                    <a:pt x="21" y="80"/>
                  </a:lnTo>
                  <a:close/>
                </a:path>
              </a:pathLst>
            </a:custGeom>
            <a:solidFill>
              <a:srgbClr val="00FF00"/>
            </a:solidFill>
            <a:ln w="9525">
              <a:solidFill>
                <a:sysClr val="window" lastClr="FFFFFF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377" name="Group 15"/>
            <p:cNvGrpSpPr>
              <a:grpSpLocks/>
            </p:cNvGrpSpPr>
            <p:nvPr/>
          </p:nvGrpSpPr>
          <p:grpSpPr bwMode="auto">
            <a:xfrm>
              <a:off x="2752" y="1791"/>
              <a:ext cx="1909" cy="2193"/>
              <a:chOff x="2691" y="1840"/>
              <a:chExt cx="1909" cy="2193"/>
            </a:xfrm>
          </p:grpSpPr>
          <p:grpSp>
            <p:nvGrpSpPr>
              <p:cNvPr id="518" name="Group 16"/>
              <p:cNvGrpSpPr>
                <a:grpSpLocks/>
              </p:cNvGrpSpPr>
              <p:nvPr/>
            </p:nvGrpSpPr>
            <p:grpSpPr bwMode="auto">
              <a:xfrm>
                <a:off x="3537" y="3290"/>
                <a:ext cx="873" cy="743"/>
                <a:chOff x="3822" y="2894"/>
                <a:chExt cx="897" cy="765"/>
              </a:xfrm>
            </p:grpSpPr>
            <p:sp>
              <p:nvSpPr>
                <p:cNvPr id="524" name="Freeform 17"/>
                <p:cNvSpPr>
                  <a:spLocks/>
                </p:cNvSpPr>
                <p:nvPr/>
              </p:nvSpPr>
              <p:spPr bwMode="auto">
                <a:xfrm>
                  <a:off x="3822" y="2894"/>
                  <a:ext cx="890" cy="684"/>
                </a:xfrm>
                <a:custGeom>
                  <a:avLst/>
                  <a:gdLst>
                    <a:gd name="T0" fmla="*/ 641 w 890"/>
                    <a:gd name="T1" fmla="*/ 49 h 684"/>
                    <a:gd name="T2" fmla="*/ 641 w 890"/>
                    <a:gd name="T3" fmla="*/ 69 h 684"/>
                    <a:gd name="T4" fmla="*/ 682 w 890"/>
                    <a:gd name="T5" fmla="*/ 112 h 684"/>
                    <a:gd name="T6" fmla="*/ 717 w 890"/>
                    <a:gd name="T7" fmla="*/ 161 h 684"/>
                    <a:gd name="T8" fmla="*/ 732 w 890"/>
                    <a:gd name="T9" fmla="*/ 190 h 684"/>
                    <a:gd name="T10" fmla="*/ 721 w 890"/>
                    <a:gd name="T11" fmla="*/ 183 h 684"/>
                    <a:gd name="T12" fmla="*/ 758 w 890"/>
                    <a:gd name="T13" fmla="*/ 235 h 684"/>
                    <a:gd name="T14" fmla="*/ 773 w 890"/>
                    <a:gd name="T15" fmla="*/ 279 h 684"/>
                    <a:gd name="T16" fmla="*/ 832 w 890"/>
                    <a:gd name="T17" fmla="*/ 381 h 684"/>
                    <a:gd name="T18" fmla="*/ 856 w 890"/>
                    <a:gd name="T19" fmla="*/ 420 h 684"/>
                    <a:gd name="T20" fmla="*/ 875 w 890"/>
                    <a:gd name="T21" fmla="*/ 450 h 684"/>
                    <a:gd name="T22" fmla="*/ 888 w 890"/>
                    <a:gd name="T23" fmla="*/ 479 h 684"/>
                    <a:gd name="T24" fmla="*/ 890 w 890"/>
                    <a:gd name="T25" fmla="*/ 564 h 684"/>
                    <a:gd name="T26" fmla="*/ 876 w 890"/>
                    <a:gd name="T27" fmla="*/ 609 h 684"/>
                    <a:gd name="T28" fmla="*/ 878 w 890"/>
                    <a:gd name="T29" fmla="*/ 641 h 684"/>
                    <a:gd name="T30" fmla="*/ 842 w 890"/>
                    <a:gd name="T31" fmla="*/ 674 h 684"/>
                    <a:gd name="T32" fmla="*/ 800 w 890"/>
                    <a:gd name="T33" fmla="*/ 684 h 684"/>
                    <a:gd name="T34" fmla="*/ 798 w 890"/>
                    <a:gd name="T35" fmla="*/ 668 h 684"/>
                    <a:gd name="T36" fmla="*/ 807 w 890"/>
                    <a:gd name="T37" fmla="*/ 635 h 684"/>
                    <a:gd name="T38" fmla="*/ 797 w 890"/>
                    <a:gd name="T39" fmla="*/ 653 h 684"/>
                    <a:gd name="T40" fmla="*/ 749 w 890"/>
                    <a:gd name="T41" fmla="*/ 606 h 684"/>
                    <a:gd name="T42" fmla="*/ 714 w 890"/>
                    <a:gd name="T43" fmla="*/ 597 h 684"/>
                    <a:gd name="T44" fmla="*/ 697 w 890"/>
                    <a:gd name="T45" fmla="*/ 564 h 684"/>
                    <a:gd name="T46" fmla="*/ 661 w 890"/>
                    <a:gd name="T47" fmla="*/ 498 h 684"/>
                    <a:gd name="T48" fmla="*/ 633 w 890"/>
                    <a:gd name="T49" fmla="*/ 472 h 684"/>
                    <a:gd name="T50" fmla="*/ 631 w 890"/>
                    <a:gd name="T51" fmla="*/ 491 h 684"/>
                    <a:gd name="T52" fmla="*/ 584 w 890"/>
                    <a:gd name="T53" fmla="*/ 425 h 684"/>
                    <a:gd name="T54" fmla="*/ 587 w 890"/>
                    <a:gd name="T55" fmla="*/ 408 h 684"/>
                    <a:gd name="T56" fmla="*/ 578 w 890"/>
                    <a:gd name="T57" fmla="*/ 359 h 684"/>
                    <a:gd name="T58" fmla="*/ 575 w 890"/>
                    <a:gd name="T59" fmla="*/ 399 h 684"/>
                    <a:gd name="T60" fmla="*/ 556 w 890"/>
                    <a:gd name="T61" fmla="*/ 374 h 684"/>
                    <a:gd name="T62" fmla="*/ 562 w 890"/>
                    <a:gd name="T63" fmla="*/ 316 h 684"/>
                    <a:gd name="T64" fmla="*/ 560 w 890"/>
                    <a:gd name="T65" fmla="*/ 267 h 684"/>
                    <a:gd name="T66" fmla="*/ 555 w 890"/>
                    <a:gd name="T67" fmla="*/ 247 h 684"/>
                    <a:gd name="T68" fmla="*/ 521 w 890"/>
                    <a:gd name="T69" fmla="*/ 222 h 684"/>
                    <a:gd name="T70" fmla="*/ 467 w 890"/>
                    <a:gd name="T71" fmla="*/ 179 h 684"/>
                    <a:gd name="T72" fmla="*/ 424 w 890"/>
                    <a:gd name="T73" fmla="*/ 139 h 684"/>
                    <a:gd name="T74" fmla="*/ 355 w 890"/>
                    <a:gd name="T75" fmla="*/ 132 h 684"/>
                    <a:gd name="T76" fmla="*/ 320 w 890"/>
                    <a:gd name="T77" fmla="*/ 164 h 684"/>
                    <a:gd name="T78" fmla="*/ 308 w 890"/>
                    <a:gd name="T79" fmla="*/ 168 h 684"/>
                    <a:gd name="T80" fmla="*/ 277 w 890"/>
                    <a:gd name="T81" fmla="*/ 181 h 684"/>
                    <a:gd name="T82" fmla="*/ 245 w 890"/>
                    <a:gd name="T83" fmla="*/ 179 h 684"/>
                    <a:gd name="T84" fmla="*/ 238 w 890"/>
                    <a:gd name="T85" fmla="*/ 142 h 684"/>
                    <a:gd name="T86" fmla="*/ 206 w 890"/>
                    <a:gd name="T87" fmla="*/ 125 h 684"/>
                    <a:gd name="T88" fmla="*/ 172 w 890"/>
                    <a:gd name="T89" fmla="*/ 118 h 684"/>
                    <a:gd name="T90" fmla="*/ 127 w 890"/>
                    <a:gd name="T91" fmla="*/ 113 h 684"/>
                    <a:gd name="T92" fmla="*/ 157 w 890"/>
                    <a:gd name="T93" fmla="*/ 110 h 684"/>
                    <a:gd name="T94" fmla="*/ 101 w 890"/>
                    <a:gd name="T95" fmla="*/ 113 h 684"/>
                    <a:gd name="T96" fmla="*/ 52 w 890"/>
                    <a:gd name="T97" fmla="*/ 125 h 684"/>
                    <a:gd name="T98" fmla="*/ 67 w 890"/>
                    <a:gd name="T99" fmla="*/ 105 h 684"/>
                    <a:gd name="T100" fmla="*/ 51 w 890"/>
                    <a:gd name="T101" fmla="*/ 113 h 684"/>
                    <a:gd name="T102" fmla="*/ 22 w 890"/>
                    <a:gd name="T103" fmla="*/ 137 h 684"/>
                    <a:gd name="T104" fmla="*/ 23 w 890"/>
                    <a:gd name="T105" fmla="*/ 117 h 684"/>
                    <a:gd name="T106" fmla="*/ 25 w 890"/>
                    <a:gd name="T107" fmla="*/ 93 h 684"/>
                    <a:gd name="T108" fmla="*/ 572 w 890"/>
                    <a:gd name="T109" fmla="*/ 37 h 684"/>
                    <a:gd name="T110" fmla="*/ 594 w 890"/>
                    <a:gd name="T111" fmla="*/ 30 h 684"/>
                    <a:gd name="T112" fmla="*/ 616 w 890"/>
                    <a:gd name="T113" fmla="*/ 5 h 684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w 890"/>
                    <a:gd name="T172" fmla="*/ 0 h 684"/>
                    <a:gd name="T173" fmla="*/ 890 w 890"/>
                    <a:gd name="T174" fmla="*/ 684 h 684"/>
                  </a:gdLst>
                  <a:ahLst/>
                  <a:cxnLst>
                    <a:cxn ang="T114">
                      <a:pos x="T0" y="T1"/>
                    </a:cxn>
                    <a:cxn ang="T115">
                      <a:pos x="T2" y="T3"/>
                    </a:cxn>
                    <a:cxn ang="T116">
                      <a:pos x="T4" y="T5"/>
                    </a:cxn>
                    <a:cxn ang="T117">
                      <a:pos x="T6" y="T7"/>
                    </a:cxn>
                    <a:cxn ang="T118">
                      <a:pos x="T8" y="T9"/>
                    </a:cxn>
                    <a:cxn ang="T119">
                      <a:pos x="T10" y="T11"/>
                    </a:cxn>
                    <a:cxn ang="T120">
                      <a:pos x="T12" y="T13"/>
                    </a:cxn>
                    <a:cxn ang="T121">
                      <a:pos x="T14" y="T15"/>
                    </a:cxn>
                    <a:cxn ang="T122">
                      <a:pos x="T16" y="T17"/>
                    </a:cxn>
                    <a:cxn ang="T123">
                      <a:pos x="T18" y="T19"/>
                    </a:cxn>
                    <a:cxn ang="T124">
                      <a:pos x="T20" y="T21"/>
                    </a:cxn>
                    <a:cxn ang="T125">
                      <a:pos x="T22" y="T23"/>
                    </a:cxn>
                    <a:cxn ang="T126">
                      <a:pos x="T24" y="T25"/>
                    </a:cxn>
                    <a:cxn ang="T127">
                      <a:pos x="T26" y="T27"/>
                    </a:cxn>
                    <a:cxn ang="T128">
                      <a:pos x="T28" y="T29"/>
                    </a:cxn>
                    <a:cxn ang="T129">
                      <a:pos x="T30" y="T31"/>
                    </a:cxn>
                    <a:cxn ang="T130">
                      <a:pos x="T32" y="T33"/>
                    </a:cxn>
                    <a:cxn ang="T131">
                      <a:pos x="T34" y="T35"/>
                    </a:cxn>
                    <a:cxn ang="T132">
                      <a:pos x="T36" y="T37"/>
                    </a:cxn>
                    <a:cxn ang="T133">
                      <a:pos x="T38" y="T39"/>
                    </a:cxn>
                    <a:cxn ang="T134">
                      <a:pos x="T40" y="T41"/>
                    </a:cxn>
                    <a:cxn ang="T135">
                      <a:pos x="T42" y="T43"/>
                    </a:cxn>
                    <a:cxn ang="T136">
                      <a:pos x="T44" y="T45"/>
                    </a:cxn>
                    <a:cxn ang="T137">
                      <a:pos x="T46" y="T47"/>
                    </a:cxn>
                    <a:cxn ang="T138">
                      <a:pos x="T48" y="T49"/>
                    </a:cxn>
                    <a:cxn ang="T139">
                      <a:pos x="T50" y="T51"/>
                    </a:cxn>
                    <a:cxn ang="T140">
                      <a:pos x="T52" y="T53"/>
                    </a:cxn>
                    <a:cxn ang="T141">
                      <a:pos x="T54" y="T55"/>
                    </a:cxn>
                    <a:cxn ang="T142">
                      <a:pos x="T56" y="T57"/>
                    </a:cxn>
                    <a:cxn ang="T143">
                      <a:pos x="T58" y="T59"/>
                    </a:cxn>
                    <a:cxn ang="T144">
                      <a:pos x="T60" y="T61"/>
                    </a:cxn>
                    <a:cxn ang="T145">
                      <a:pos x="T62" y="T63"/>
                    </a:cxn>
                    <a:cxn ang="T146">
                      <a:pos x="T64" y="T65"/>
                    </a:cxn>
                    <a:cxn ang="T147">
                      <a:pos x="T66" y="T67"/>
                    </a:cxn>
                    <a:cxn ang="T148">
                      <a:pos x="T68" y="T69"/>
                    </a:cxn>
                    <a:cxn ang="T149">
                      <a:pos x="T70" y="T71"/>
                    </a:cxn>
                    <a:cxn ang="T150">
                      <a:pos x="T72" y="T73"/>
                    </a:cxn>
                    <a:cxn ang="T151">
                      <a:pos x="T74" y="T75"/>
                    </a:cxn>
                    <a:cxn ang="T152">
                      <a:pos x="T76" y="T77"/>
                    </a:cxn>
                    <a:cxn ang="T153">
                      <a:pos x="T78" y="T79"/>
                    </a:cxn>
                    <a:cxn ang="T154">
                      <a:pos x="T80" y="T81"/>
                    </a:cxn>
                    <a:cxn ang="T155">
                      <a:pos x="T82" y="T83"/>
                    </a:cxn>
                    <a:cxn ang="T156">
                      <a:pos x="T84" y="T85"/>
                    </a:cxn>
                    <a:cxn ang="T157">
                      <a:pos x="T86" y="T87"/>
                    </a:cxn>
                    <a:cxn ang="T158">
                      <a:pos x="T88" y="T89"/>
                    </a:cxn>
                    <a:cxn ang="T159">
                      <a:pos x="T90" y="T91"/>
                    </a:cxn>
                    <a:cxn ang="T160">
                      <a:pos x="T92" y="T93"/>
                    </a:cxn>
                    <a:cxn ang="T161">
                      <a:pos x="T94" y="T95"/>
                    </a:cxn>
                    <a:cxn ang="T162">
                      <a:pos x="T96" y="T97"/>
                    </a:cxn>
                    <a:cxn ang="T163">
                      <a:pos x="T98" y="T99"/>
                    </a:cxn>
                    <a:cxn ang="T164">
                      <a:pos x="T100" y="T101"/>
                    </a:cxn>
                    <a:cxn ang="T165">
                      <a:pos x="T102" y="T103"/>
                    </a:cxn>
                    <a:cxn ang="T166">
                      <a:pos x="T104" y="T105"/>
                    </a:cxn>
                    <a:cxn ang="T167">
                      <a:pos x="T106" y="T107"/>
                    </a:cxn>
                    <a:cxn ang="T168">
                      <a:pos x="T108" y="T109"/>
                    </a:cxn>
                    <a:cxn ang="T169">
                      <a:pos x="T110" y="T111"/>
                    </a:cxn>
                    <a:cxn ang="T170">
                      <a:pos x="T112" y="T113"/>
                    </a:cxn>
                  </a:cxnLst>
                  <a:rect l="T171" t="T172" r="T173" b="T174"/>
                  <a:pathLst>
                    <a:path w="890" h="684">
                      <a:moveTo>
                        <a:pt x="650" y="14"/>
                      </a:moveTo>
                      <a:lnTo>
                        <a:pt x="650" y="32"/>
                      </a:lnTo>
                      <a:lnTo>
                        <a:pt x="655" y="32"/>
                      </a:lnTo>
                      <a:lnTo>
                        <a:pt x="656" y="42"/>
                      </a:lnTo>
                      <a:lnTo>
                        <a:pt x="655" y="42"/>
                      </a:lnTo>
                      <a:lnTo>
                        <a:pt x="653" y="44"/>
                      </a:lnTo>
                      <a:lnTo>
                        <a:pt x="651" y="44"/>
                      </a:lnTo>
                      <a:lnTo>
                        <a:pt x="648" y="46"/>
                      </a:lnTo>
                      <a:lnTo>
                        <a:pt x="643" y="46"/>
                      </a:lnTo>
                      <a:lnTo>
                        <a:pt x="641" y="49"/>
                      </a:lnTo>
                      <a:lnTo>
                        <a:pt x="638" y="52"/>
                      </a:lnTo>
                      <a:lnTo>
                        <a:pt x="636" y="58"/>
                      </a:lnTo>
                      <a:lnTo>
                        <a:pt x="636" y="63"/>
                      </a:lnTo>
                      <a:lnTo>
                        <a:pt x="636" y="68"/>
                      </a:lnTo>
                      <a:lnTo>
                        <a:pt x="636" y="69"/>
                      </a:lnTo>
                      <a:lnTo>
                        <a:pt x="636" y="71"/>
                      </a:lnTo>
                      <a:lnTo>
                        <a:pt x="638" y="71"/>
                      </a:lnTo>
                      <a:lnTo>
                        <a:pt x="641" y="71"/>
                      </a:lnTo>
                      <a:lnTo>
                        <a:pt x="641" y="69"/>
                      </a:lnTo>
                      <a:lnTo>
                        <a:pt x="643" y="61"/>
                      </a:lnTo>
                      <a:lnTo>
                        <a:pt x="644" y="54"/>
                      </a:lnTo>
                      <a:lnTo>
                        <a:pt x="648" y="51"/>
                      </a:lnTo>
                      <a:lnTo>
                        <a:pt x="651" y="47"/>
                      </a:lnTo>
                      <a:lnTo>
                        <a:pt x="656" y="47"/>
                      </a:lnTo>
                      <a:lnTo>
                        <a:pt x="660" y="47"/>
                      </a:lnTo>
                      <a:lnTo>
                        <a:pt x="661" y="47"/>
                      </a:lnTo>
                      <a:lnTo>
                        <a:pt x="663" y="49"/>
                      </a:lnTo>
                      <a:lnTo>
                        <a:pt x="683" y="95"/>
                      </a:lnTo>
                      <a:lnTo>
                        <a:pt x="682" y="112"/>
                      </a:lnTo>
                      <a:lnTo>
                        <a:pt x="692" y="132"/>
                      </a:lnTo>
                      <a:lnTo>
                        <a:pt x="697" y="127"/>
                      </a:lnTo>
                      <a:lnTo>
                        <a:pt x="699" y="129"/>
                      </a:lnTo>
                      <a:lnTo>
                        <a:pt x="700" y="132"/>
                      </a:lnTo>
                      <a:lnTo>
                        <a:pt x="704" y="137"/>
                      </a:lnTo>
                      <a:lnTo>
                        <a:pt x="707" y="144"/>
                      </a:lnTo>
                      <a:lnTo>
                        <a:pt x="710" y="149"/>
                      </a:lnTo>
                      <a:lnTo>
                        <a:pt x="714" y="154"/>
                      </a:lnTo>
                      <a:lnTo>
                        <a:pt x="716" y="159"/>
                      </a:lnTo>
                      <a:lnTo>
                        <a:pt x="717" y="161"/>
                      </a:lnTo>
                      <a:lnTo>
                        <a:pt x="726" y="174"/>
                      </a:lnTo>
                      <a:lnTo>
                        <a:pt x="732" y="184"/>
                      </a:lnTo>
                      <a:lnTo>
                        <a:pt x="738" y="191"/>
                      </a:lnTo>
                      <a:lnTo>
                        <a:pt x="741" y="196"/>
                      </a:lnTo>
                      <a:lnTo>
                        <a:pt x="741" y="200"/>
                      </a:lnTo>
                      <a:lnTo>
                        <a:pt x="738" y="196"/>
                      </a:lnTo>
                      <a:lnTo>
                        <a:pt x="736" y="193"/>
                      </a:lnTo>
                      <a:lnTo>
                        <a:pt x="732" y="190"/>
                      </a:lnTo>
                      <a:lnTo>
                        <a:pt x="729" y="186"/>
                      </a:lnTo>
                      <a:lnTo>
                        <a:pt x="726" y="181"/>
                      </a:lnTo>
                      <a:lnTo>
                        <a:pt x="722" y="178"/>
                      </a:lnTo>
                      <a:lnTo>
                        <a:pt x="721" y="174"/>
                      </a:lnTo>
                      <a:lnTo>
                        <a:pt x="719" y="173"/>
                      </a:lnTo>
                      <a:lnTo>
                        <a:pt x="714" y="174"/>
                      </a:lnTo>
                      <a:lnTo>
                        <a:pt x="716" y="174"/>
                      </a:lnTo>
                      <a:lnTo>
                        <a:pt x="717" y="178"/>
                      </a:lnTo>
                      <a:lnTo>
                        <a:pt x="721" y="183"/>
                      </a:lnTo>
                      <a:lnTo>
                        <a:pt x="724" y="188"/>
                      </a:lnTo>
                      <a:lnTo>
                        <a:pt x="729" y="195"/>
                      </a:lnTo>
                      <a:lnTo>
                        <a:pt x="732" y="200"/>
                      </a:lnTo>
                      <a:lnTo>
                        <a:pt x="734" y="203"/>
                      </a:lnTo>
                      <a:lnTo>
                        <a:pt x="736" y="205"/>
                      </a:lnTo>
                      <a:lnTo>
                        <a:pt x="748" y="217"/>
                      </a:lnTo>
                      <a:lnTo>
                        <a:pt x="754" y="225"/>
                      </a:lnTo>
                      <a:lnTo>
                        <a:pt x="760" y="232"/>
                      </a:lnTo>
                      <a:lnTo>
                        <a:pt x="760" y="235"/>
                      </a:lnTo>
                      <a:lnTo>
                        <a:pt x="758" y="235"/>
                      </a:lnTo>
                      <a:lnTo>
                        <a:pt x="756" y="235"/>
                      </a:lnTo>
                      <a:lnTo>
                        <a:pt x="754" y="235"/>
                      </a:lnTo>
                      <a:lnTo>
                        <a:pt x="753" y="235"/>
                      </a:lnTo>
                      <a:lnTo>
                        <a:pt x="754" y="235"/>
                      </a:lnTo>
                      <a:lnTo>
                        <a:pt x="760" y="250"/>
                      </a:lnTo>
                      <a:lnTo>
                        <a:pt x="766" y="266"/>
                      </a:lnTo>
                      <a:lnTo>
                        <a:pt x="773" y="279"/>
                      </a:lnTo>
                      <a:lnTo>
                        <a:pt x="780" y="293"/>
                      </a:lnTo>
                      <a:lnTo>
                        <a:pt x="787" y="305"/>
                      </a:lnTo>
                      <a:lnTo>
                        <a:pt x="793" y="318"/>
                      </a:lnTo>
                      <a:lnTo>
                        <a:pt x="800" y="328"/>
                      </a:lnTo>
                      <a:lnTo>
                        <a:pt x="805" y="338"/>
                      </a:lnTo>
                      <a:lnTo>
                        <a:pt x="812" y="349"/>
                      </a:lnTo>
                      <a:lnTo>
                        <a:pt x="817" y="357"/>
                      </a:lnTo>
                      <a:lnTo>
                        <a:pt x="822" y="366"/>
                      </a:lnTo>
                      <a:lnTo>
                        <a:pt x="827" y="374"/>
                      </a:lnTo>
                      <a:lnTo>
                        <a:pt x="832" y="381"/>
                      </a:lnTo>
                      <a:lnTo>
                        <a:pt x="836" y="386"/>
                      </a:lnTo>
                      <a:lnTo>
                        <a:pt x="837" y="391"/>
                      </a:lnTo>
                      <a:lnTo>
                        <a:pt x="839" y="394"/>
                      </a:lnTo>
                      <a:lnTo>
                        <a:pt x="842" y="398"/>
                      </a:lnTo>
                      <a:lnTo>
                        <a:pt x="846" y="403"/>
                      </a:lnTo>
                      <a:lnTo>
                        <a:pt x="849" y="406"/>
                      </a:lnTo>
                      <a:lnTo>
                        <a:pt x="851" y="411"/>
                      </a:lnTo>
                      <a:lnTo>
                        <a:pt x="853" y="415"/>
                      </a:lnTo>
                      <a:lnTo>
                        <a:pt x="854" y="418"/>
                      </a:lnTo>
                      <a:lnTo>
                        <a:pt x="856" y="420"/>
                      </a:lnTo>
                      <a:lnTo>
                        <a:pt x="858" y="420"/>
                      </a:lnTo>
                      <a:lnTo>
                        <a:pt x="863" y="425"/>
                      </a:lnTo>
                      <a:lnTo>
                        <a:pt x="868" y="428"/>
                      </a:lnTo>
                      <a:lnTo>
                        <a:pt x="870" y="432"/>
                      </a:lnTo>
                      <a:lnTo>
                        <a:pt x="871" y="435"/>
                      </a:lnTo>
                      <a:lnTo>
                        <a:pt x="871" y="438"/>
                      </a:lnTo>
                      <a:lnTo>
                        <a:pt x="870" y="442"/>
                      </a:lnTo>
                      <a:lnTo>
                        <a:pt x="870" y="443"/>
                      </a:lnTo>
                      <a:lnTo>
                        <a:pt x="870" y="445"/>
                      </a:lnTo>
                      <a:lnTo>
                        <a:pt x="875" y="450"/>
                      </a:lnTo>
                      <a:lnTo>
                        <a:pt x="878" y="454"/>
                      </a:lnTo>
                      <a:lnTo>
                        <a:pt x="880" y="457"/>
                      </a:lnTo>
                      <a:lnTo>
                        <a:pt x="880" y="460"/>
                      </a:lnTo>
                      <a:lnTo>
                        <a:pt x="880" y="462"/>
                      </a:lnTo>
                      <a:lnTo>
                        <a:pt x="880" y="464"/>
                      </a:lnTo>
                      <a:lnTo>
                        <a:pt x="878" y="464"/>
                      </a:lnTo>
                      <a:lnTo>
                        <a:pt x="888" y="474"/>
                      </a:lnTo>
                      <a:lnTo>
                        <a:pt x="888" y="476"/>
                      </a:lnTo>
                      <a:lnTo>
                        <a:pt x="888" y="479"/>
                      </a:lnTo>
                      <a:lnTo>
                        <a:pt x="890" y="484"/>
                      </a:lnTo>
                      <a:lnTo>
                        <a:pt x="890" y="491"/>
                      </a:lnTo>
                      <a:lnTo>
                        <a:pt x="890" y="498"/>
                      </a:lnTo>
                      <a:lnTo>
                        <a:pt x="890" y="508"/>
                      </a:lnTo>
                      <a:lnTo>
                        <a:pt x="890" y="518"/>
                      </a:lnTo>
                      <a:lnTo>
                        <a:pt x="890" y="526"/>
                      </a:lnTo>
                      <a:lnTo>
                        <a:pt x="890" y="536"/>
                      </a:lnTo>
                      <a:lnTo>
                        <a:pt x="890" y="547"/>
                      </a:lnTo>
                      <a:lnTo>
                        <a:pt x="890" y="555"/>
                      </a:lnTo>
                      <a:lnTo>
                        <a:pt x="890" y="564"/>
                      </a:lnTo>
                      <a:lnTo>
                        <a:pt x="890" y="570"/>
                      </a:lnTo>
                      <a:lnTo>
                        <a:pt x="890" y="575"/>
                      </a:lnTo>
                      <a:lnTo>
                        <a:pt x="890" y="580"/>
                      </a:lnTo>
                      <a:lnTo>
                        <a:pt x="886" y="586"/>
                      </a:lnTo>
                      <a:lnTo>
                        <a:pt x="883" y="589"/>
                      </a:lnTo>
                      <a:lnTo>
                        <a:pt x="881" y="594"/>
                      </a:lnTo>
                      <a:lnTo>
                        <a:pt x="880" y="599"/>
                      </a:lnTo>
                      <a:lnTo>
                        <a:pt x="878" y="604"/>
                      </a:lnTo>
                      <a:lnTo>
                        <a:pt x="876" y="609"/>
                      </a:lnTo>
                      <a:lnTo>
                        <a:pt x="876" y="614"/>
                      </a:lnTo>
                      <a:lnTo>
                        <a:pt x="876" y="619"/>
                      </a:lnTo>
                      <a:lnTo>
                        <a:pt x="876" y="623"/>
                      </a:lnTo>
                      <a:lnTo>
                        <a:pt x="876" y="628"/>
                      </a:lnTo>
                      <a:lnTo>
                        <a:pt x="876" y="631"/>
                      </a:lnTo>
                      <a:lnTo>
                        <a:pt x="876" y="635"/>
                      </a:lnTo>
                      <a:lnTo>
                        <a:pt x="876" y="638"/>
                      </a:lnTo>
                      <a:lnTo>
                        <a:pt x="876" y="640"/>
                      </a:lnTo>
                      <a:lnTo>
                        <a:pt x="878" y="641"/>
                      </a:lnTo>
                      <a:lnTo>
                        <a:pt x="876" y="650"/>
                      </a:lnTo>
                      <a:lnTo>
                        <a:pt x="875" y="657"/>
                      </a:lnTo>
                      <a:lnTo>
                        <a:pt x="871" y="660"/>
                      </a:lnTo>
                      <a:lnTo>
                        <a:pt x="868" y="662"/>
                      </a:lnTo>
                      <a:lnTo>
                        <a:pt x="864" y="663"/>
                      </a:lnTo>
                      <a:lnTo>
                        <a:pt x="861" y="663"/>
                      </a:lnTo>
                      <a:lnTo>
                        <a:pt x="858" y="663"/>
                      </a:lnTo>
                      <a:lnTo>
                        <a:pt x="856" y="663"/>
                      </a:lnTo>
                      <a:lnTo>
                        <a:pt x="849" y="668"/>
                      </a:lnTo>
                      <a:lnTo>
                        <a:pt x="842" y="674"/>
                      </a:lnTo>
                      <a:lnTo>
                        <a:pt x="837" y="675"/>
                      </a:lnTo>
                      <a:lnTo>
                        <a:pt x="834" y="675"/>
                      </a:lnTo>
                      <a:lnTo>
                        <a:pt x="831" y="675"/>
                      </a:lnTo>
                      <a:lnTo>
                        <a:pt x="827" y="674"/>
                      </a:lnTo>
                      <a:lnTo>
                        <a:pt x="826" y="674"/>
                      </a:lnTo>
                      <a:lnTo>
                        <a:pt x="817" y="680"/>
                      </a:lnTo>
                      <a:lnTo>
                        <a:pt x="810" y="684"/>
                      </a:lnTo>
                      <a:lnTo>
                        <a:pt x="805" y="684"/>
                      </a:lnTo>
                      <a:lnTo>
                        <a:pt x="800" y="684"/>
                      </a:lnTo>
                      <a:lnTo>
                        <a:pt x="797" y="684"/>
                      </a:lnTo>
                      <a:lnTo>
                        <a:pt x="793" y="680"/>
                      </a:lnTo>
                      <a:lnTo>
                        <a:pt x="792" y="680"/>
                      </a:lnTo>
                      <a:lnTo>
                        <a:pt x="792" y="679"/>
                      </a:lnTo>
                      <a:lnTo>
                        <a:pt x="787" y="670"/>
                      </a:lnTo>
                      <a:lnTo>
                        <a:pt x="787" y="667"/>
                      </a:lnTo>
                      <a:lnTo>
                        <a:pt x="788" y="663"/>
                      </a:lnTo>
                      <a:lnTo>
                        <a:pt x="790" y="665"/>
                      </a:lnTo>
                      <a:lnTo>
                        <a:pt x="795" y="667"/>
                      </a:lnTo>
                      <a:lnTo>
                        <a:pt x="798" y="668"/>
                      </a:lnTo>
                      <a:lnTo>
                        <a:pt x="802" y="670"/>
                      </a:lnTo>
                      <a:lnTo>
                        <a:pt x="802" y="672"/>
                      </a:lnTo>
                      <a:lnTo>
                        <a:pt x="820" y="665"/>
                      </a:lnTo>
                      <a:lnTo>
                        <a:pt x="810" y="653"/>
                      </a:lnTo>
                      <a:lnTo>
                        <a:pt x="812" y="652"/>
                      </a:lnTo>
                      <a:lnTo>
                        <a:pt x="814" y="650"/>
                      </a:lnTo>
                      <a:lnTo>
                        <a:pt x="815" y="648"/>
                      </a:lnTo>
                      <a:lnTo>
                        <a:pt x="810" y="640"/>
                      </a:lnTo>
                      <a:lnTo>
                        <a:pt x="807" y="635"/>
                      </a:lnTo>
                      <a:lnTo>
                        <a:pt x="804" y="633"/>
                      </a:lnTo>
                      <a:lnTo>
                        <a:pt x="802" y="631"/>
                      </a:lnTo>
                      <a:lnTo>
                        <a:pt x="800" y="633"/>
                      </a:lnTo>
                      <a:lnTo>
                        <a:pt x="798" y="635"/>
                      </a:lnTo>
                      <a:lnTo>
                        <a:pt x="798" y="636"/>
                      </a:lnTo>
                      <a:lnTo>
                        <a:pt x="798" y="638"/>
                      </a:lnTo>
                      <a:lnTo>
                        <a:pt x="802" y="645"/>
                      </a:lnTo>
                      <a:lnTo>
                        <a:pt x="802" y="650"/>
                      </a:lnTo>
                      <a:lnTo>
                        <a:pt x="800" y="652"/>
                      </a:lnTo>
                      <a:lnTo>
                        <a:pt x="797" y="653"/>
                      </a:lnTo>
                      <a:lnTo>
                        <a:pt x="793" y="653"/>
                      </a:lnTo>
                      <a:lnTo>
                        <a:pt x="790" y="653"/>
                      </a:lnTo>
                      <a:lnTo>
                        <a:pt x="788" y="652"/>
                      </a:lnTo>
                      <a:lnTo>
                        <a:pt x="787" y="652"/>
                      </a:lnTo>
                      <a:lnTo>
                        <a:pt x="780" y="640"/>
                      </a:lnTo>
                      <a:lnTo>
                        <a:pt x="775" y="630"/>
                      </a:lnTo>
                      <a:lnTo>
                        <a:pt x="768" y="621"/>
                      </a:lnTo>
                      <a:lnTo>
                        <a:pt x="763" y="614"/>
                      </a:lnTo>
                      <a:lnTo>
                        <a:pt x="756" y="609"/>
                      </a:lnTo>
                      <a:lnTo>
                        <a:pt x="749" y="606"/>
                      </a:lnTo>
                      <a:lnTo>
                        <a:pt x="744" y="602"/>
                      </a:lnTo>
                      <a:lnTo>
                        <a:pt x="739" y="599"/>
                      </a:lnTo>
                      <a:lnTo>
                        <a:pt x="734" y="597"/>
                      </a:lnTo>
                      <a:lnTo>
                        <a:pt x="729" y="597"/>
                      </a:lnTo>
                      <a:lnTo>
                        <a:pt x="724" y="597"/>
                      </a:lnTo>
                      <a:lnTo>
                        <a:pt x="721" y="597"/>
                      </a:lnTo>
                      <a:lnTo>
                        <a:pt x="719" y="597"/>
                      </a:lnTo>
                      <a:lnTo>
                        <a:pt x="716" y="597"/>
                      </a:lnTo>
                      <a:lnTo>
                        <a:pt x="714" y="597"/>
                      </a:lnTo>
                      <a:lnTo>
                        <a:pt x="714" y="599"/>
                      </a:lnTo>
                      <a:lnTo>
                        <a:pt x="712" y="597"/>
                      </a:lnTo>
                      <a:lnTo>
                        <a:pt x="710" y="594"/>
                      </a:lnTo>
                      <a:lnTo>
                        <a:pt x="707" y="592"/>
                      </a:lnTo>
                      <a:lnTo>
                        <a:pt x="705" y="589"/>
                      </a:lnTo>
                      <a:lnTo>
                        <a:pt x="704" y="586"/>
                      </a:lnTo>
                      <a:lnTo>
                        <a:pt x="702" y="584"/>
                      </a:lnTo>
                      <a:lnTo>
                        <a:pt x="700" y="580"/>
                      </a:lnTo>
                      <a:lnTo>
                        <a:pt x="697" y="564"/>
                      </a:lnTo>
                      <a:lnTo>
                        <a:pt x="692" y="550"/>
                      </a:lnTo>
                      <a:lnTo>
                        <a:pt x="687" y="542"/>
                      </a:lnTo>
                      <a:lnTo>
                        <a:pt x="683" y="536"/>
                      </a:lnTo>
                      <a:lnTo>
                        <a:pt x="680" y="535"/>
                      </a:lnTo>
                      <a:lnTo>
                        <a:pt x="677" y="535"/>
                      </a:lnTo>
                      <a:lnTo>
                        <a:pt x="675" y="535"/>
                      </a:lnTo>
                      <a:lnTo>
                        <a:pt x="666" y="526"/>
                      </a:lnTo>
                      <a:lnTo>
                        <a:pt x="661" y="514"/>
                      </a:lnTo>
                      <a:lnTo>
                        <a:pt x="661" y="498"/>
                      </a:lnTo>
                      <a:lnTo>
                        <a:pt x="653" y="486"/>
                      </a:lnTo>
                      <a:lnTo>
                        <a:pt x="661" y="472"/>
                      </a:lnTo>
                      <a:lnTo>
                        <a:pt x="646" y="481"/>
                      </a:lnTo>
                      <a:lnTo>
                        <a:pt x="646" y="479"/>
                      </a:lnTo>
                      <a:lnTo>
                        <a:pt x="644" y="479"/>
                      </a:lnTo>
                      <a:lnTo>
                        <a:pt x="641" y="477"/>
                      </a:lnTo>
                      <a:lnTo>
                        <a:pt x="639" y="476"/>
                      </a:lnTo>
                      <a:lnTo>
                        <a:pt x="636" y="474"/>
                      </a:lnTo>
                      <a:lnTo>
                        <a:pt x="634" y="474"/>
                      </a:lnTo>
                      <a:lnTo>
                        <a:pt x="633" y="472"/>
                      </a:lnTo>
                      <a:lnTo>
                        <a:pt x="633" y="474"/>
                      </a:lnTo>
                      <a:lnTo>
                        <a:pt x="638" y="482"/>
                      </a:lnTo>
                      <a:lnTo>
                        <a:pt x="643" y="489"/>
                      </a:lnTo>
                      <a:lnTo>
                        <a:pt x="644" y="494"/>
                      </a:lnTo>
                      <a:lnTo>
                        <a:pt x="644" y="498"/>
                      </a:lnTo>
                      <a:lnTo>
                        <a:pt x="643" y="498"/>
                      </a:lnTo>
                      <a:lnTo>
                        <a:pt x="641" y="498"/>
                      </a:lnTo>
                      <a:lnTo>
                        <a:pt x="638" y="496"/>
                      </a:lnTo>
                      <a:lnTo>
                        <a:pt x="636" y="494"/>
                      </a:lnTo>
                      <a:lnTo>
                        <a:pt x="631" y="491"/>
                      </a:lnTo>
                      <a:lnTo>
                        <a:pt x="628" y="487"/>
                      </a:lnTo>
                      <a:lnTo>
                        <a:pt x="622" y="484"/>
                      </a:lnTo>
                      <a:lnTo>
                        <a:pt x="619" y="481"/>
                      </a:lnTo>
                      <a:lnTo>
                        <a:pt x="616" y="477"/>
                      </a:lnTo>
                      <a:lnTo>
                        <a:pt x="612" y="474"/>
                      </a:lnTo>
                      <a:lnTo>
                        <a:pt x="611" y="472"/>
                      </a:lnTo>
                      <a:lnTo>
                        <a:pt x="607" y="457"/>
                      </a:lnTo>
                      <a:lnTo>
                        <a:pt x="582" y="425"/>
                      </a:lnTo>
                      <a:lnTo>
                        <a:pt x="584" y="425"/>
                      </a:lnTo>
                      <a:lnTo>
                        <a:pt x="585" y="423"/>
                      </a:lnTo>
                      <a:lnTo>
                        <a:pt x="587" y="423"/>
                      </a:lnTo>
                      <a:lnTo>
                        <a:pt x="589" y="421"/>
                      </a:lnTo>
                      <a:lnTo>
                        <a:pt x="590" y="421"/>
                      </a:lnTo>
                      <a:lnTo>
                        <a:pt x="592" y="420"/>
                      </a:lnTo>
                      <a:lnTo>
                        <a:pt x="594" y="420"/>
                      </a:lnTo>
                      <a:lnTo>
                        <a:pt x="589" y="418"/>
                      </a:lnTo>
                      <a:lnTo>
                        <a:pt x="587" y="413"/>
                      </a:lnTo>
                      <a:lnTo>
                        <a:pt x="587" y="408"/>
                      </a:lnTo>
                      <a:lnTo>
                        <a:pt x="587" y="401"/>
                      </a:lnTo>
                      <a:lnTo>
                        <a:pt x="589" y="394"/>
                      </a:lnTo>
                      <a:lnTo>
                        <a:pt x="590" y="388"/>
                      </a:lnTo>
                      <a:lnTo>
                        <a:pt x="590" y="382"/>
                      </a:lnTo>
                      <a:lnTo>
                        <a:pt x="590" y="379"/>
                      </a:lnTo>
                      <a:lnTo>
                        <a:pt x="587" y="371"/>
                      </a:lnTo>
                      <a:lnTo>
                        <a:pt x="585" y="364"/>
                      </a:lnTo>
                      <a:lnTo>
                        <a:pt x="582" y="360"/>
                      </a:lnTo>
                      <a:lnTo>
                        <a:pt x="580" y="359"/>
                      </a:lnTo>
                      <a:lnTo>
                        <a:pt x="578" y="359"/>
                      </a:lnTo>
                      <a:lnTo>
                        <a:pt x="577" y="360"/>
                      </a:lnTo>
                      <a:lnTo>
                        <a:pt x="577" y="364"/>
                      </a:lnTo>
                      <a:lnTo>
                        <a:pt x="575" y="367"/>
                      </a:lnTo>
                      <a:lnTo>
                        <a:pt x="575" y="372"/>
                      </a:lnTo>
                      <a:lnTo>
                        <a:pt x="575" y="377"/>
                      </a:lnTo>
                      <a:lnTo>
                        <a:pt x="575" y="382"/>
                      </a:lnTo>
                      <a:lnTo>
                        <a:pt x="575" y="388"/>
                      </a:lnTo>
                      <a:lnTo>
                        <a:pt x="575" y="393"/>
                      </a:lnTo>
                      <a:lnTo>
                        <a:pt x="575" y="396"/>
                      </a:lnTo>
                      <a:lnTo>
                        <a:pt x="575" y="399"/>
                      </a:lnTo>
                      <a:lnTo>
                        <a:pt x="572" y="398"/>
                      </a:lnTo>
                      <a:lnTo>
                        <a:pt x="568" y="394"/>
                      </a:lnTo>
                      <a:lnTo>
                        <a:pt x="565" y="391"/>
                      </a:lnTo>
                      <a:lnTo>
                        <a:pt x="560" y="388"/>
                      </a:lnTo>
                      <a:lnTo>
                        <a:pt x="558" y="384"/>
                      </a:lnTo>
                      <a:lnTo>
                        <a:pt x="555" y="382"/>
                      </a:lnTo>
                      <a:lnTo>
                        <a:pt x="555" y="381"/>
                      </a:lnTo>
                      <a:lnTo>
                        <a:pt x="556" y="374"/>
                      </a:lnTo>
                      <a:lnTo>
                        <a:pt x="558" y="366"/>
                      </a:lnTo>
                      <a:lnTo>
                        <a:pt x="558" y="359"/>
                      </a:lnTo>
                      <a:lnTo>
                        <a:pt x="558" y="352"/>
                      </a:lnTo>
                      <a:lnTo>
                        <a:pt x="556" y="345"/>
                      </a:lnTo>
                      <a:lnTo>
                        <a:pt x="556" y="340"/>
                      </a:lnTo>
                      <a:lnTo>
                        <a:pt x="555" y="337"/>
                      </a:lnTo>
                      <a:lnTo>
                        <a:pt x="555" y="335"/>
                      </a:lnTo>
                      <a:lnTo>
                        <a:pt x="558" y="328"/>
                      </a:lnTo>
                      <a:lnTo>
                        <a:pt x="560" y="323"/>
                      </a:lnTo>
                      <a:lnTo>
                        <a:pt x="562" y="316"/>
                      </a:lnTo>
                      <a:lnTo>
                        <a:pt x="562" y="311"/>
                      </a:lnTo>
                      <a:lnTo>
                        <a:pt x="563" y="305"/>
                      </a:lnTo>
                      <a:lnTo>
                        <a:pt x="563" y="300"/>
                      </a:lnTo>
                      <a:lnTo>
                        <a:pt x="563" y="293"/>
                      </a:lnTo>
                      <a:lnTo>
                        <a:pt x="563" y="288"/>
                      </a:lnTo>
                      <a:lnTo>
                        <a:pt x="562" y="283"/>
                      </a:lnTo>
                      <a:lnTo>
                        <a:pt x="562" y="278"/>
                      </a:lnTo>
                      <a:lnTo>
                        <a:pt x="560" y="274"/>
                      </a:lnTo>
                      <a:lnTo>
                        <a:pt x="560" y="269"/>
                      </a:lnTo>
                      <a:lnTo>
                        <a:pt x="560" y="267"/>
                      </a:lnTo>
                      <a:lnTo>
                        <a:pt x="558" y="264"/>
                      </a:lnTo>
                      <a:lnTo>
                        <a:pt x="558" y="262"/>
                      </a:lnTo>
                      <a:lnTo>
                        <a:pt x="558" y="261"/>
                      </a:lnTo>
                      <a:lnTo>
                        <a:pt x="558" y="257"/>
                      </a:lnTo>
                      <a:lnTo>
                        <a:pt x="558" y="256"/>
                      </a:lnTo>
                      <a:lnTo>
                        <a:pt x="556" y="252"/>
                      </a:lnTo>
                      <a:lnTo>
                        <a:pt x="556" y="249"/>
                      </a:lnTo>
                      <a:lnTo>
                        <a:pt x="555" y="247"/>
                      </a:lnTo>
                      <a:lnTo>
                        <a:pt x="551" y="245"/>
                      </a:lnTo>
                      <a:lnTo>
                        <a:pt x="548" y="242"/>
                      </a:lnTo>
                      <a:lnTo>
                        <a:pt x="545" y="239"/>
                      </a:lnTo>
                      <a:lnTo>
                        <a:pt x="541" y="232"/>
                      </a:lnTo>
                      <a:lnTo>
                        <a:pt x="538" y="227"/>
                      </a:lnTo>
                      <a:lnTo>
                        <a:pt x="534" y="223"/>
                      </a:lnTo>
                      <a:lnTo>
                        <a:pt x="533" y="220"/>
                      </a:lnTo>
                      <a:lnTo>
                        <a:pt x="533" y="218"/>
                      </a:lnTo>
                      <a:lnTo>
                        <a:pt x="521" y="222"/>
                      </a:lnTo>
                      <a:lnTo>
                        <a:pt x="514" y="222"/>
                      </a:lnTo>
                      <a:lnTo>
                        <a:pt x="509" y="222"/>
                      </a:lnTo>
                      <a:lnTo>
                        <a:pt x="507" y="220"/>
                      </a:lnTo>
                      <a:lnTo>
                        <a:pt x="506" y="217"/>
                      </a:lnTo>
                      <a:lnTo>
                        <a:pt x="506" y="215"/>
                      </a:lnTo>
                      <a:lnTo>
                        <a:pt x="507" y="215"/>
                      </a:lnTo>
                      <a:lnTo>
                        <a:pt x="507" y="213"/>
                      </a:lnTo>
                      <a:lnTo>
                        <a:pt x="497" y="206"/>
                      </a:lnTo>
                      <a:lnTo>
                        <a:pt x="484" y="191"/>
                      </a:lnTo>
                      <a:lnTo>
                        <a:pt x="467" y="179"/>
                      </a:lnTo>
                      <a:lnTo>
                        <a:pt x="465" y="179"/>
                      </a:lnTo>
                      <a:lnTo>
                        <a:pt x="463" y="176"/>
                      </a:lnTo>
                      <a:lnTo>
                        <a:pt x="458" y="173"/>
                      </a:lnTo>
                      <a:lnTo>
                        <a:pt x="455" y="168"/>
                      </a:lnTo>
                      <a:lnTo>
                        <a:pt x="450" y="162"/>
                      </a:lnTo>
                      <a:lnTo>
                        <a:pt x="446" y="157"/>
                      </a:lnTo>
                      <a:lnTo>
                        <a:pt x="445" y="154"/>
                      </a:lnTo>
                      <a:lnTo>
                        <a:pt x="443" y="152"/>
                      </a:lnTo>
                      <a:lnTo>
                        <a:pt x="433" y="144"/>
                      </a:lnTo>
                      <a:lnTo>
                        <a:pt x="424" y="139"/>
                      </a:lnTo>
                      <a:lnTo>
                        <a:pt x="418" y="132"/>
                      </a:lnTo>
                      <a:lnTo>
                        <a:pt x="411" y="129"/>
                      </a:lnTo>
                      <a:lnTo>
                        <a:pt x="404" y="125"/>
                      </a:lnTo>
                      <a:lnTo>
                        <a:pt x="399" y="124"/>
                      </a:lnTo>
                      <a:lnTo>
                        <a:pt x="396" y="124"/>
                      </a:lnTo>
                      <a:lnTo>
                        <a:pt x="394" y="122"/>
                      </a:lnTo>
                      <a:lnTo>
                        <a:pt x="377" y="122"/>
                      </a:lnTo>
                      <a:lnTo>
                        <a:pt x="367" y="122"/>
                      </a:lnTo>
                      <a:lnTo>
                        <a:pt x="360" y="127"/>
                      </a:lnTo>
                      <a:lnTo>
                        <a:pt x="355" y="132"/>
                      </a:lnTo>
                      <a:lnTo>
                        <a:pt x="355" y="139"/>
                      </a:lnTo>
                      <a:lnTo>
                        <a:pt x="355" y="144"/>
                      </a:lnTo>
                      <a:lnTo>
                        <a:pt x="357" y="147"/>
                      </a:lnTo>
                      <a:lnTo>
                        <a:pt x="357" y="149"/>
                      </a:lnTo>
                      <a:lnTo>
                        <a:pt x="350" y="147"/>
                      </a:lnTo>
                      <a:lnTo>
                        <a:pt x="342" y="149"/>
                      </a:lnTo>
                      <a:lnTo>
                        <a:pt x="335" y="152"/>
                      </a:lnTo>
                      <a:lnTo>
                        <a:pt x="330" y="156"/>
                      </a:lnTo>
                      <a:lnTo>
                        <a:pt x="325" y="161"/>
                      </a:lnTo>
                      <a:lnTo>
                        <a:pt x="320" y="164"/>
                      </a:lnTo>
                      <a:lnTo>
                        <a:pt x="316" y="168"/>
                      </a:lnTo>
                      <a:lnTo>
                        <a:pt x="316" y="169"/>
                      </a:lnTo>
                      <a:lnTo>
                        <a:pt x="309" y="176"/>
                      </a:lnTo>
                      <a:lnTo>
                        <a:pt x="306" y="178"/>
                      </a:lnTo>
                      <a:lnTo>
                        <a:pt x="304" y="178"/>
                      </a:lnTo>
                      <a:lnTo>
                        <a:pt x="304" y="176"/>
                      </a:lnTo>
                      <a:lnTo>
                        <a:pt x="304" y="174"/>
                      </a:lnTo>
                      <a:lnTo>
                        <a:pt x="306" y="171"/>
                      </a:lnTo>
                      <a:lnTo>
                        <a:pt x="308" y="169"/>
                      </a:lnTo>
                      <a:lnTo>
                        <a:pt x="308" y="168"/>
                      </a:lnTo>
                      <a:lnTo>
                        <a:pt x="306" y="168"/>
                      </a:lnTo>
                      <a:lnTo>
                        <a:pt x="306" y="169"/>
                      </a:lnTo>
                      <a:lnTo>
                        <a:pt x="303" y="173"/>
                      </a:lnTo>
                      <a:lnTo>
                        <a:pt x="299" y="174"/>
                      </a:lnTo>
                      <a:lnTo>
                        <a:pt x="298" y="178"/>
                      </a:lnTo>
                      <a:lnTo>
                        <a:pt x="294" y="179"/>
                      </a:lnTo>
                      <a:lnTo>
                        <a:pt x="293" y="181"/>
                      </a:lnTo>
                      <a:lnTo>
                        <a:pt x="291" y="183"/>
                      </a:lnTo>
                      <a:lnTo>
                        <a:pt x="284" y="181"/>
                      </a:lnTo>
                      <a:lnTo>
                        <a:pt x="277" y="181"/>
                      </a:lnTo>
                      <a:lnTo>
                        <a:pt x="271" y="183"/>
                      </a:lnTo>
                      <a:lnTo>
                        <a:pt x="265" y="186"/>
                      </a:lnTo>
                      <a:lnTo>
                        <a:pt x="260" y="188"/>
                      </a:lnTo>
                      <a:lnTo>
                        <a:pt x="257" y="190"/>
                      </a:lnTo>
                      <a:lnTo>
                        <a:pt x="254" y="191"/>
                      </a:lnTo>
                      <a:lnTo>
                        <a:pt x="247" y="184"/>
                      </a:lnTo>
                      <a:lnTo>
                        <a:pt x="243" y="179"/>
                      </a:lnTo>
                      <a:lnTo>
                        <a:pt x="245" y="179"/>
                      </a:lnTo>
                      <a:lnTo>
                        <a:pt x="249" y="181"/>
                      </a:lnTo>
                      <a:lnTo>
                        <a:pt x="252" y="184"/>
                      </a:lnTo>
                      <a:lnTo>
                        <a:pt x="255" y="186"/>
                      </a:lnTo>
                      <a:lnTo>
                        <a:pt x="257" y="186"/>
                      </a:lnTo>
                      <a:lnTo>
                        <a:pt x="257" y="176"/>
                      </a:lnTo>
                      <a:lnTo>
                        <a:pt x="247" y="162"/>
                      </a:lnTo>
                      <a:lnTo>
                        <a:pt x="218" y="140"/>
                      </a:lnTo>
                      <a:lnTo>
                        <a:pt x="232" y="142"/>
                      </a:lnTo>
                      <a:lnTo>
                        <a:pt x="238" y="144"/>
                      </a:lnTo>
                      <a:lnTo>
                        <a:pt x="238" y="142"/>
                      </a:lnTo>
                      <a:lnTo>
                        <a:pt x="235" y="140"/>
                      </a:lnTo>
                      <a:lnTo>
                        <a:pt x="230" y="137"/>
                      </a:lnTo>
                      <a:lnTo>
                        <a:pt x="223" y="135"/>
                      </a:lnTo>
                      <a:lnTo>
                        <a:pt x="218" y="132"/>
                      </a:lnTo>
                      <a:lnTo>
                        <a:pt x="216" y="132"/>
                      </a:lnTo>
                      <a:lnTo>
                        <a:pt x="223" y="117"/>
                      </a:lnTo>
                      <a:lnTo>
                        <a:pt x="205" y="120"/>
                      </a:lnTo>
                      <a:lnTo>
                        <a:pt x="205" y="122"/>
                      </a:lnTo>
                      <a:lnTo>
                        <a:pt x="206" y="125"/>
                      </a:lnTo>
                      <a:lnTo>
                        <a:pt x="206" y="127"/>
                      </a:lnTo>
                      <a:lnTo>
                        <a:pt x="206" y="130"/>
                      </a:lnTo>
                      <a:lnTo>
                        <a:pt x="208" y="134"/>
                      </a:lnTo>
                      <a:lnTo>
                        <a:pt x="208" y="135"/>
                      </a:lnTo>
                      <a:lnTo>
                        <a:pt x="201" y="130"/>
                      </a:lnTo>
                      <a:lnTo>
                        <a:pt x="193" y="127"/>
                      </a:lnTo>
                      <a:lnTo>
                        <a:pt x="186" y="124"/>
                      </a:lnTo>
                      <a:lnTo>
                        <a:pt x="179" y="122"/>
                      </a:lnTo>
                      <a:lnTo>
                        <a:pt x="172" y="118"/>
                      </a:lnTo>
                      <a:lnTo>
                        <a:pt x="164" y="117"/>
                      </a:lnTo>
                      <a:lnTo>
                        <a:pt x="159" y="115"/>
                      </a:lnTo>
                      <a:lnTo>
                        <a:pt x="152" y="115"/>
                      </a:lnTo>
                      <a:lnTo>
                        <a:pt x="147" y="113"/>
                      </a:lnTo>
                      <a:lnTo>
                        <a:pt x="142" y="113"/>
                      </a:lnTo>
                      <a:lnTo>
                        <a:pt x="137" y="113"/>
                      </a:lnTo>
                      <a:lnTo>
                        <a:pt x="133" y="113"/>
                      </a:lnTo>
                      <a:lnTo>
                        <a:pt x="130" y="113"/>
                      </a:lnTo>
                      <a:lnTo>
                        <a:pt x="128" y="113"/>
                      </a:lnTo>
                      <a:lnTo>
                        <a:pt x="127" y="113"/>
                      </a:lnTo>
                      <a:lnTo>
                        <a:pt x="128" y="113"/>
                      </a:lnTo>
                      <a:lnTo>
                        <a:pt x="130" y="112"/>
                      </a:lnTo>
                      <a:lnTo>
                        <a:pt x="133" y="112"/>
                      </a:lnTo>
                      <a:lnTo>
                        <a:pt x="137" y="112"/>
                      </a:lnTo>
                      <a:lnTo>
                        <a:pt x="140" y="110"/>
                      </a:lnTo>
                      <a:lnTo>
                        <a:pt x="142" y="110"/>
                      </a:lnTo>
                      <a:lnTo>
                        <a:pt x="144" y="110"/>
                      </a:lnTo>
                      <a:lnTo>
                        <a:pt x="157" y="110"/>
                      </a:lnTo>
                      <a:lnTo>
                        <a:pt x="164" y="108"/>
                      </a:lnTo>
                      <a:lnTo>
                        <a:pt x="162" y="105"/>
                      </a:lnTo>
                      <a:lnTo>
                        <a:pt x="155" y="105"/>
                      </a:lnTo>
                      <a:lnTo>
                        <a:pt x="149" y="103"/>
                      </a:lnTo>
                      <a:lnTo>
                        <a:pt x="145" y="102"/>
                      </a:lnTo>
                      <a:lnTo>
                        <a:pt x="142" y="102"/>
                      </a:lnTo>
                      <a:lnTo>
                        <a:pt x="111" y="108"/>
                      </a:lnTo>
                      <a:lnTo>
                        <a:pt x="101" y="113"/>
                      </a:lnTo>
                      <a:lnTo>
                        <a:pt x="98" y="115"/>
                      </a:lnTo>
                      <a:lnTo>
                        <a:pt x="95" y="115"/>
                      </a:lnTo>
                      <a:lnTo>
                        <a:pt x="89" y="115"/>
                      </a:lnTo>
                      <a:lnTo>
                        <a:pt x="86" y="115"/>
                      </a:lnTo>
                      <a:lnTo>
                        <a:pt x="81" y="115"/>
                      </a:lnTo>
                      <a:lnTo>
                        <a:pt x="79" y="117"/>
                      </a:lnTo>
                      <a:lnTo>
                        <a:pt x="78" y="117"/>
                      </a:lnTo>
                      <a:lnTo>
                        <a:pt x="64" y="122"/>
                      </a:lnTo>
                      <a:lnTo>
                        <a:pt x="56" y="125"/>
                      </a:lnTo>
                      <a:lnTo>
                        <a:pt x="52" y="125"/>
                      </a:lnTo>
                      <a:lnTo>
                        <a:pt x="54" y="124"/>
                      </a:lnTo>
                      <a:lnTo>
                        <a:pt x="57" y="122"/>
                      </a:lnTo>
                      <a:lnTo>
                        <a:pt x="62" y="118"/>
                      </a:lnTo>
                      <a:lnTo>
                        <a:pt x="66" y="117"/>
                      </a:lnTo>
                      <a:lnTo>
                        <a:pt x="67" y="115"/>
                      </a:lnTo>
                      <a:lnTo>
                        <a:pt x="73" y="110"/>
                      </a:lnTo>
                      <a:lnTo>
                        <a:pt x="74" y="107"/>
                      </a:lnTo>
                      <a:lnTo>
                        <a:pt x="74" y="105"/>
                      </a:lnTo>
                      <a:lnTo>
                        <a:pt x="71" y="105"/>
                      </a:lnTo>
                      <a:lnTo>
                        <a:pt x="67" y="105"/>
                      </a:lnTo>
                      <a:lnTo>
                        <a:pt x="64" y="107"/>
                      </a:lnTo>
                      <a:lnTo>
                        <a:pt x="61" y="107"/>
                      </a:lnTo>
                      <a:lnTo>
                        <a:pt x="59" y="107"/>
                      </a:lnTo>
                      <a:lnTo>
                        <a:pt x="51" y="100"/>
                      </a:lnTo>
                      <a:lnTo>
                        <a:pt x="45" y="96"/>
                      </a:lnTo>
                      <a:lnTo>
                        <a:pt x="44" y="98"/>
                      </a:lnTo>
                      <a:lnTo>
                        <a:pt x="44" y="102"/>
                      </a:lnTo>
                      <a:lnTo>
                        <a:pt x="45" y="105"/>
                      </a:lnTo>
                      <a:lnTo>
                        <a:pt x="49" y="110"/>
                      </a:lnTo>
                      <a:lnTo>
                        <a:pt x="51" y="113"/>
                      </a:lnTo>
                      <a:lnTo>
                        <a:pt x="51" y="115"/>
                      </a:lnTo>
                      <a:lnTo>
                        <a:pt x="44" y="122"/>
                      </a:lnTo>
                      <a:lnTo>
                        <a:pt x="37" y="130"/>
                      </a:lnTo>
                      <a:lnTo>
                        <a:pt x="35" y="132"/>
                      </a:lnTo>
                      <a:lnTo>
                        <a:pt x="32" y="132"/>
                      </a:lnTo>
                      <a:lnTo>
                        <a:pt x="29" y="134"/>
                      </a:lnTo>
                      <a:lnTo>
                        <a:pt x="27" y="135"/>
                      </a:lnTo>
                      <a:lnTo>
                        <a:pt x="23" y="137"/>
                      </a:lnTo>
                      <a:lnTo>
                        <a:pt x="22" y="137"/>
                      </a:lnTo>
                      <a:lnTo>
                        <a:pt x="27" y="130"/>
                      </a:lnTo>
                      <a:lnTo>
                        <a:pt x="29" y="127"/>
                      </a:lnTo>
                      <a:lnTo>
                        <a:pt x="30" y="122"/>
                      </a:lnTo>
                      <a:lnTo>
                        <a:pt x="29" y="120"/>
                      </a:lnTo>
                      <a:lnTo>
                        <a:pt x="27" y="117"/>
                      </a:lnTo>
                      <a:lnTo>
                        <a:pt x="25" y="117"/>
                      </a:lnTo>
                      <a:lnTo>
                        <a:pt x="23" y="115"/>
                      </a:lnTo>
                      <a:lnTo>
                        <a:pt x="23" y="117"/>
                      </a:lnTo>
                      <a:lnTo>
                        <a:pt x="23" y="115"/>
                      </a:lnTo>
                      <a:lnTo>
                        <a:pt x="23" y="113"/>
                      </a:lnTo>
                      <a:lnTo>
                        <a:pt x="23" y="112"/>
                      </a:lnTo>
                      <a:lnTo>
                        <a:pt x="22" y="108"/>
                      </a:lnTo>
                      <a:lnTo>
                        <a:pt x="22" y="107"/>
                      </a:lnTo>
                      <a:lnTo>
                        <a:pt x="22" y="105"/>
                      </a:lnTo>
                      <a:lnTo>
                        <a:pt x="25" y="100"/>
                      </a:lnTo>
                      <a:lnTo>
                        <a:pt x="25" y="93"/>
                      </a:lnTo>
                      <a:lnTo>
                        <a:pt x="22" y="88"/>
                      </a:lnTo>
                      <a:lnTo>
                        <a:pt x="17" y="83"/>
                      </a:lnTo>
                      <a:lnTo>
                        <a:pt x="12" y="80"/>
                      </a:lnTo>
                      <a:lnTo>
                        <a:pt x="7" y="74"/>
                      </a:lnTo>
                      <a:lnTo>
                        <a:pt x="3" y="73"/>
                      </a:lnTo>
                      <a:lnTo>
                        <a:pt x="1" y="73"/>
                      </a:lnTo>
                      <a:lnTo>
                        <a:pt x="0" y="51"/>
                      </a:lnTo>
                      <a:lnTo>
                        <a:pt x="276" y="24"/>
                      </a:lnTo>
                      <a:lnTo>
                        <a:pt x="293" y="56"/>
                      </a:lnTo>
                      <a:lnTo>
                        <a:pt x="572" y="37"/>
                      </a:lnTo>
                      <a:lnTo>
                        <a:pt x="582" y="59"/>
                      </a:lnTo>
                      <a:lnTo>
                        <a:pt x="597" y="59"/>
                      </a:lnTo>
                      <a:lnTo>
                        <a:pt x="597" y="58"/>
                      </a:lnTo>
                      <a:lnTo>
                        <a:pt x="595" y="54"/>
                      </a:lnTo>
                      <a:lnTo>
                        <a:pt x="595" y="51"/>
                      </a:lnTo>
                      <a:lnTo>
                        <a:pt x="595" y="46"/>
                      </a:lnTo>
                      <a:lnTo>
                        <a:pt x="594" y="41"/>
                      </a:lnTo>
                      <a:lnTo>
                        <a:pt x="594" y="36"/>
                      </a:lnTo>
                      <a:lnTo>
                        <a:pt x="594" y="32"/>
                      </a:lnTo>
                      <a:lnTo>
                        <a:pt x="594" y="30"/>
                      </a:lnTo>
                      <a:lnTo>
                        <a:pt x="589" y="22"/>
                      </a:lnTo>
                      <a:lnTo>
                        <a:pt x="589" y="14"/>
                      </a:lnTo>
                      <a:lnTo>
                        <a:pt x="589" y="8"/>
                      </a:lnTo>
                      <a:lnTo>
                        <a:pt x="592" y="5"/>
                      </a:lnTo>
                      <a:lnTo>
                        <a:pt x="595" y="2"/>
                      </a:lnTo>
                      <a:lnTo>
                        <a:pt x="597" y="0"/>
                      </a:lnTo>
                      <a:lnTo>
                        <a:pt x="600" y="0"/>
                      </a:lnTo>
                      <a:lnTo>
                        <a:pt x="602" y="0"/>
                      </a:lnTo>
                      <a:lnTo>
                        <a:pt x="607" y="3"/>
                      </a:lnTo>
                      <a:lnTo>
                        <a:pt x="616" y="5"/>
                      </a:lnTo>
                      <a:lnTo>
                        <a:pt x="622" y="7"/>
                      </a:lnTo>
                      <a:lnTo>
                        <a:pt x="629" y="8"/>
                      </a:lnTo>
                      <a:lnTo>
                        <a:pt x="636" y="8"/>
                      </a:lnTo>
                      <a:lnTo>
                        <a:pt x="639" y="8"/>
                      </a:lnTo>
                      <a:lnTo>
                        <a:pt x="643" y="8"/>
                      </a:lnTo>
                      <a:lnTo>
                        <a:pt x="644" y="8"/>
                      </a:lnTo>
                      <a:lnTo>
                        <a:pt x="650" y="14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25" name="Freeform 18"/>
                <p:cNvSpPr>
                  <a:spLocks/>
                </p:cNvSpPr>
                <p:nvPr/>
              </p:nvSpPr>
              <p:spPr bwMode="auto">
                <a:xfrm>
                  <a:off x="3822" y="2894"/>
                  <a:ext cx="890" cy="684"/>
                </a:xfrm>
                <a:custGeom>
                  <a:avLst/>
                  <a:gdLst>
                    <a:gd name="T0" fmla="*/ 648 w 890"/>
                    <a:gd name="T1" fmla="*/ 46 h 684"/>
                    <a:gd name="T2" fmla="*/ 636 w 890"/>
                    <a:gd name="T3" fmla="*/ 71 h 684"/>
                    <a:gd name="T4" fmla="*/ 660 w 890"/>
                    <a:gd name="T5" fmla="*/ 47 h 684"/>
                    <a:gd name="T6" fmla="*/ 704 w 890"/>
                    <a:gd name="T7" fmla="*/ 137 h 684"/>
                    <a:gd name="T8" fmla="*/ 741 w 890"/>
                    <a:gd name="T9" fmla="*/ 196 h 684"/>
                    <a:gd name="T10" fmla="*/ 721 w 890"/>
                    <a:gd name="T11" fmla="*/ 174 h 684"/>
                    <a:gd name="T12" fmla="*/ 732 w 890"/>
                    <a:gd name="T13" fmla="*/ 200 h 684"/>
                    <a:gd name="T14" fmla="*/ 754 w 890"/>
                    <a:gd name="T15" fmla="*/ 235 h 684"/>
                    <a:gd name="T16" fmla="*/ 773 w 890"/>
                    <a:gd name="T17" fmla="*/ 279 h 684"/>
                    <a:gd name="T18" fmla="*/ 832 w 890"/>
                    <a:gd name="T19" fmla="*/ 381 h 684"/>
                    <a:gd name="T20" fmla="*/ 854 w 890"/>
                    <a:gd name="T21" fmla="*/ 418 h 684"/>
                    <a:gd name="T22" fmla="*/ 870 w 890"/>
                    <a:gd name="T23" fmla="*/ 443 h 684"/>
                    <a:gd name="T24" fmla="*/ 878 w 890"/>
                    <a:gd name="T25" fmla="*/ 464 h 684"/>
                    <a:gd name="T26" fmla="*/ 890 w 890"/>
                    <a:gd name="T27" fmla="*/ 526 h 684"/>
                    <a:gd name="T28" fmla="*/ 886 w 890"/>
                    <a:gd name="T29" fmla="*/ 586 h 684"/>
                    <a:gd name="T30" fmla="*/ 876 w 890"/>
                    <a:gd name="T31" fmla="*/ 631 h 684"/>
                    <a:gd name="T32" fmla="*/ 868 w 890"/>
                    <a:gd name="T33" fmla="*/ 662 h 684"/>
                    <a:gd name="T34" fmla="*/ 831 w 890"/>
                    <a:gd name="T35" fmla="*/ 675 h 684"/>
                    <a:gd name="T36" fmla="*/ 793 w 890"/>
                    <a:gd name="T37" fmla="*/ 680 h 684"/>
                    <a:gd name="T38" fmla="*/ 802 w 890"/>
                    <a:gd name="T39" fmla="*/ 670 h 684"/>
                    <a:gd name="T40" fmla="*/ 810 w 890"/>
                    <a:gd name="T41" fmla="*/ 640 h 684"/>
                    <a:gd name="T42" fmla="*/ 802 w 890"/>
                    <a:gd name="T43" fmla="*/ 650 h 684"/>
                    <a:gd name="T44" fmla="*/ 768 w 890"/>
                    <a:gd name="T45" fmla="*/ 621 h 684"/>
                    <a:gd name="T46" fmla="*/ 719 w 890"/>
                    <a:gd name="T47" fmla="*/ 597 h 684"/>
                    <a:gd name="T48" fmla="*/ 705 w 890"/>
                    <a:gd name="T49" fmla="*/ 589 h 684"/>
                    <a:gd name="T50" fmla="*/ 677 w 890"/>
                    <a:gd name="T51" fmla="*/ 535 h 684"/>
                    <a:gd name="T52" fmla="*/ 646 w 890"/>
                    <a:gd name="T53" fmla="*/ 479 h 684"/>
                    <a:gd name="T54" fmla="*/ 643 w 890"/>
                    <a:gd name="T55" fmla="*/ 489 h 684"/>
                    <a:gd name="T56" fmla="*/ 619 w 890"/>
                    <a:gd name="T57" fmla="*/ 481 h 684"/>
                    <a:gd name="T58" fmla="*/ 587 w 890"/>
                    <a:gd name="T59" fmla="*/ 423 h 684"/>
                    <a:gd name="T60" fmla="*/ 587 w 890"/>
                    <a:gd name="T61" fmla="*/ 401 h 684"/>
                    <a:gd name="T62" fmla="*/ 578 w 890"/>
                    <a:gd name="T63" fmla="*/ 359 h 684"/>
                    <a:gd name="T64" fmla="*/ 575 w 890"/>
                    <a:gd name="T65" fmla="*/ 399 h 684"/>
                    <a:gd name="T66" fmla="*/ 555 w 890"/>
                    <a:gd name="T67" fmla="*/ 381 h 684"/>
                    <a:gd name="T68" fmla="*/ 555 w 890"/>
                    <a:gd name="T69" fmla="*/ 335 h 684"/>
                    <a:gd name="T70" fmla="*/ 562 w 890"/>
                    <a:gd name="T71" fmla="*/ 278 h 684"/>
                    <a:gd name="T72" fmla="*/ 558 w 890"/>
                    <a:gd name="T73" fmla="*/ 257 h 684"/>
                    <a:gd name="T74" fmla="*/ 541 w 890"/>
                    <a:gd name="T75" fmla="*/ 232 h 684"/>
                    <a:gd name="T76" fmla="*/ 506 w 890"/>
                    <a:gd name="T77" fmla="*/ 217 h 684"/>
                    <a:gd name="T78" fmla="*/ 458 w 890"/>
                    <a:gd name="T79" fmla="*/ 173 h 684"/>
                    <a:gd name="T80" fmla="*/ 411 w 890"/>
                    <a:gd name="T81" fmla="*/ 129 h 684"/>
                    <a:gd name="T82" fmla="*/ 355 w 890"/>
                    <a:gd name="T83" fmla="*/ 139 h 684"/>
                    <a:gd name="T84" fmla="*/ 320 w 890"/>
                    <a:gd name="T85" fmla="*/ 164 h 684"/>
                    <a:gd name="T86" fmla="*/ 308 w 890"/>
                    <a:gd name="T87" fmla="*/ 169 h 684"/>
                    <a:gd name="T88" fmla="*/ 291 w 890"/>
                    <a:gd name="T89" fmla="*/ 183 h 684"/>
                    <a:gd name="T90" fmla="*/ 254 w 890"/>
                    <a:gd name="T91" fmla="*/ 191 h 684"/>
                    <a:gd name="T92" fmla="*/ 247 w 890"/>
                    <a:gd name="T93" fmla="*/ 162 h 684"/>
                    <a:gd name="T94" fmla="*/ 216 w 890"/>
                    <a:gd name="T95" fmla="*/ 132 h 684"/>
                    <a:gd name="T96" fmla="*/ 208 w 890"/>
                    <a:gd name="T97" fmla="*/ 135 h 684"/>
                    <a:gd name="T98" fmla="*/ 152 w 890"/>
                    <a:gd name="T99" fmla="*/ 115 h 684"/>
                    <a:gd name="T100" fmla="*/ 127 w 890"/>
                    <a:gd name="T101" fmla="*/ 113 h 684"/>
                    <a:gd name="T102" fmla="*/ 164 w 890"/>
                    <a:gd name="T103" fmla="*/ 108 h 684"/>
                    <a:gd name="T104" fmla="*/ 101 w 890"/>
                    <a:gd name="T105" fmla="*/ 113 h 684"/>
                    <a:gd name="T106" fmla="*/ 56 w 890"/>
                    <a:gd name="T107" fmla="*/ 125 h 684"/>
                    <a:gd name="T108" fmla="*/ 74 w 890"/>
                    <a:gd name="T109" fmla="*/ 105 h 684"/>
                    <a:gd name="T110" fmla="*/ 44 w 890"/>
                    <a:gd name="T111" fmla="*/ 102 h 684"/>
                    <a:gd name="T112" fmla="*/ 32 w 890"/>
                    <a:gd name="T113" fmla="*/ 132 h 684"/>
                    <a:gd name="T114" fmla="*/ 29 w 890"/>
                    <a:gd name="T115" fmla="*/ 120 h 684"/>
                    <a:gd name="T116" fmla="*/ 23 w 890"/>
                    <a:gd name="T117" fmla="*/ 112 h 684"/>
                    <a:gd name="T118" fmla="*/ 12 w 890"/>
                    <a:gd name="T119" fmla="*/ 80 h 684"/>
                    <a:gd name="T120" fmla="*/ 597 w 890"/>
                    <a:gd name="T121" fmla="*/ 59 h 684"/>
                    <a:gd name="T122" fmla="*/ 589 w 890"/>
                    <a:gd name="T123" fmla="*/ 22 h 684"/>
                    <a:gd name="T124" fmla="*/ 616 w 890"/>
                    <a:gd name="T125" fmla="*/ 5 h 684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60000 65536"/>
                    <a:gd name="T187" fmla="*/ 0 60000 65536"/>
                    <a:gd name="T188" fmla="*/ 0 60000 65536"/>
                    <a:gd name="T189" fmla="*/ 0 w 890"/>
                    <a:gd name="T190" fmla="*/ 0 h 684"/>
                    <a:gd name="T191" fmla="*/ 890 w 890"/>
                    <a:gd name="T192" fmla="*/ 684 h 684"/>
                  </a:gdLst>
                  <a:ahLst/>
                  <a:cxnLst>
                    <a:cxn ang="T126">
                      <a:pos x="T0" y="T1"/>
                    </a:cxn>
                    <a:cxn ang="T127">
                      <a:pos x="T2" y="T3"/>
                    </a:cxn>
                    <a:cxn ang="T128">
                      <a:pos x="T4" y="T5"/>
                    </a:cxn>
                    <a:cxn ang="T129">
                      <a:pos x="T6" y="T7"/>
                    </a:cxn>
                    <a:cxn ang="T130">
                      <a:pos x="T8" y="T9"/>
                    </a:cxn>
                    <a:cxn ang="T131">
                      <a:pos x="T10" y="T11"/>
                    </a:cxn>
                    <a:cxn ang="T132">
                      <a:pos x="T12" y="T13"/>
                    </a:cxn>
                    <a:cxn ang="T133">
                      <a:pos x="T14" y="T15"/>
                    </a:cxn>
                    <a:cxn ang="T134">
                      <a:pos x="T16" y="T17"/>
                    </a:cxn>
                    <a:cxn ang="T135">
                      <a:pos x="T18" y="T19"/>
                    </a:cxn>
                    <a:cxn ang="T136">
                      <a:pos x="T20" y="T21"/>
                    </a:cxn>
                    <a:cxn ang="T137">
                      <a:pos x="T22" y="T23"/>
                    </a:cxn>
                    <a:cxn ang="T138">
                      <a:pos x="T24" y="T25"/>
                    </a:cxn>
                    <a:cxn ang="T139">
                      <a:pos x="T26" y="T27"/>
                    </a:cxn>
                    <a:cxn ang="T140">
                      <a:pos x="T28" y="T29"/>
                    </a:cxn>
                    <a:cxn ang="T141">
                      <a:pos x="T30" y="T31"/>
                    </a:cxn>
                    <a:cxn ang="T142">
                      <a:pos x="T32" y="T33"/>
                    </a:cxn>
                    <a:cxn ang="T143">
                      <a:pos x="T34" y="T35"/>
                    </a:cxn>
                    <a:cxn ang="T144">
                      <a:pos x="T36" y="T37"/>
                    </a:cxn>
                    <a:cxn ang="T145">
                      <a:pos x="T38" y="T39"/>
                    </a:cxn>
                    <a:cxn ang="T146">
                      <a:pos x="T40" y="T41"/>
                    </a:cxn>
                    <a:cxn ang="T147">
                      <a:pos x="T42" y="T43"/>
                    </a:cxn>
                    <a:cxn ang="T148">
                      <a:pos x="T44" y="T45"/>
                    </a:cxn>
                    <a:cxn ang="T149">
                      <a:pos x="T46" y="T47"/>
                    </a:cxn>
                    <a:cxn ang="T150">
                      <a:pos x="T48" y="T49"/>
                    </a:cxn>
                    <a:cxn ang="T151">
                      <a:pos x="T50" y="T51"/>
                    </a:cxn>
                    <a:cxn ang="T152">
                      <a:pos x="T52" y="T53"/>
                    </a:cxn>
                    <a:cxn ang="T153">
                      <a:pos x="T54" y="T55"/>
                    </a:cxn>
                    <a:cxn ang="T154">
                      <a:pos x="T56" y="T57"/>
                    </a:cxn>
                    <a:cxn ang="T155">
                      <a:pos x="T58" y="T59"/>
                    </a:cxn>
                    <a:cxn ang="T156">
                      <a:pos x="T60" y="T61"/>
                    </a:cxn>
                    <a:cxn ang="T157">
                      <a:pos x="T62" y="T63"/>
                    </a:cxn>
                    <a:cxn ang="T158">
                      <a:pos x="T64" y="T65"/>
                    </a:cxn>
                    <a:cxn ang="T159">
                      <a:pos x="T66" y="T67"/>
                    </a:cxn>
                    <a:cxn ang="T160">
                      <a:pos x="T68" y="T69"/>
                    </a:cxn>
                    <a:cxn ang="T161">
                      <a:pos x="T70" y="T71"/>
                    </a:cxn>
                    <a:cxn ang="T162">
                      <a:pos x="T72" y="T73"/>
                    </a:cxn>
                    <a:cxn ang="T163">
                      <a:pos x="T74" y="T75"/>
                    </a:cxn>
                    <a:cxn ang="T164">
                      <a:pos x="T76" y="T77"/>
                    </a:cxn>
                    <a:cxn ang="T165">
                      <a:pos x="T78" y="T79"/>
                    </a:cxn>
                    <a:cxn ang="T166">
                      <a:pos x="T80" y="T81"/>
                    </a:cxn>
                    <a:cxn ang="T167">
                      <a:pos x="T82" y="T83"/>
                    </a:cxn>
                    <a:cxn ang="T168">
                      <a:pos x="T84" y="T85"/>
                    </a:cxn>
                    <a:cxn ang="T169">
                      <a:pos x="T86" y="T87"/>
                    </a:cxn>
                    <a:cxn ang="T170">
                      <a:pos x="T88" y="T89"/>
                    </a:cxn>
                    <a:cxn ang="T171">
                      <a:pos x="T90" y="T91"/>
                    </a:cxn>
                    <a:cxn ang="T172">
                      <a:pos x="T92" y="T93"/>
                    </a:cxn>
                    <a:cxn ang="T173">
                      <a:pos x="T94" y="T95"/>
                    </a:cxn>
                    <a:cxn ang="T174">
                      <a:pos x="T96" y="T97"/>
                    </a:cxn>
                    <a:cxn ang="T175">
                      <a:pos x="T98" y="T99"/>
                    </a:cxn>
                    <a:cxn ang="T176">
                      <a:pos x="T100" y="T101"/>
                    </a:cxn>
                    <a:cxn ang="T177">
                      <a:pos x="T102" y="T103"/>
                    </a:cxn>
                    <a:cxn ang="T178">
                      <a:pos x="T104" y="T105"/>
                    </a:cxn>
                    <a:cxn ang="T179">
                      <a:pos x="T106" y="T107"/>
                    </a:cxn>
                    <a:cxn ang="T180">
                      <a:pos x="T108" y="T109"/>
                    </a:cxn>
                    <a:cxn ang="T181">
                      <a:pos x="T110" y="T111"/>
                    </a:cxn>
                    <a:cxn ang="T182">
                      <a:pos x="T112" y="T113"/>
                    </a:cxn>
                    <a:cxn ang="T183">
                      <a:pos x="T114" y="T115"/>
                    </a:cxn>
                    <a:cxn ang="T184">
                      <a:pos x="T116" y="T117"/>
                    </a:cxn>
                    <a:cxn ang="T185">
                      <a:pos x="T118" y="T119"/>
                    </a:cxn>
                    <a:cxn ang="T186">
                      <a:pos x="T120" y="T121"/>
                    </a:cxn>
                    <a:cxn ang="T187">
                      <a:pos x="T122" y="T123"/>
                    </a:cxn>
                    <a:cxn ang="T188">
                      <a:pos x="T124" y="T125"/>
                    </a:cxn>
                  </a:cxnLst>
                  <a:rect l="T189" t="T190" r="T191" b="T192"/>
                  <a:pathLst>
                    <a:path w="890" h="684">
                      <a:moveTo>
                        <a:pt x="650" y="14"/>
                      </a:moveTo>
                      <a:lnTo>
                        <a:pt x="650" y="32"/>
                      </a:lnTo>
                      <a:lnTo>
                        <a:pt x="655" y="32"/>
                      </a:lnTo>
                      <a:lnTo>
                        <a:pt x="656" y="42"/>
                      </a:lnTo>
                      <a:lnTo>
                        <a:pt x="655" y="42"/>
                      </a:lnTo>
                      <a:lnTo>
                        <a:pt x="653" y="44"/>
                      </a:lnTo>
                      <a:lnTo>
                        <a:pt x="651" y="44"/>
                      </a:lnTo>
                      <a:lnTo>
                        <a:pt x="648" y="46"/>
                      </a:lnTo>
                      <a:lnTo>
                        <a:pt x="643" y="46"/>
                      </a:lnTo>
                      <a:lnTo>
                        <a:pt x="641" y="49"/>
                      </a:lnTo>
                      <a:lnTo>
                        <a:pt x="638" y="52"/>
                      </a:lnTo>
                      <a:lnTo>
                        <a:pt x="636" y="58"/>
                      </a:lnTo>
                      <a:lnTo>
                        <a:pt x="636" y="63"/>
                      </a:lnTo>
                      <a:lnTo>
                        <a:pt x="636" y="68"/>
                      </a:lnTo>
                      <a:lnTo>
                        <a:pt x="636" y="69"/>
                      </a:lnTo>
                      <a:lnTo>
                        <a:pt x="636" y="71"/>
                      </a:lnTo>
                      <a:lnTo>
                        <a:pt x="638" y="71"/>
                      </a:lnTo>
                      <a:lnTo>
                        <a:pt x="641" y="71"/>
                      </a:lnTo>
                      <a:lnTo>
                        <a:pt x="641" y="69"/>
                      </a:lnTo>
                      <a:lnTo>
                        <a:pt x="643" y="61"/>
                      </a:lnTo>
                      <a:lnTo>
                        <a:pt x="644" y="54"/>
                      </a:lnTo>
                      <a:lnTo>
                        <a:pt x="648" y="51"/>
                      </a:lnTo>
                      <a:lnTo>
                        <a:pt x="651" y="47"/>
                      </a:lnTo>
                      <a:lnTo>
                        <a:pt x="656" y="47"/>
                      </a:lnTo>
                      <a:lnTo>
                        <a:pt x="660" y="47"/>
                      </a:lnTo>
                      <a:lnTo>
                        <a:pt x="661" y="47"/>
                      </a:lnTo>
                      <a:lnTo>
                        <a:pt x="663" y="49"/>
                      </a:lnTo>
                      <a:lnTo>
                        <a:pt x="683" y="95"/>
                      </a:lnTo>
                      <a:lnTo>
                        <a:pt x="682" y="112"/>
                      </a:lnTo>
                      <a:lnTo>
                        <a:pt x="692" y="132"/>
                      </a:lnTo>
                      <a:lnTo>
                        <a:pt x="697" y="127"/>
                      </a:lnTo>
                      <a:lnTo>
                        <a:pt x="699" y="129"/>
                      </a:lnTo>
                      <a:lnTo>
                        <a:pt x="700" y="132"/>
                      </a:lnTo>
                      <a:lnTo>
                        <a:pt x="704" y="137"/>
                      </a:lnTo>
                      <a:lnTo>
                        <a:pt x="707" y="144"/>
                      </a:lnTo>
                      <a:lnTo>
                        <a:pt x="710" y="149"/>
                      </a:lnTo>
                      <a:lnTo>
                        <a:pt x="714" y="154"/>
                      </a:lnTo>
                      <a:lnTo>
                        <a:pt x="716" y="159"/>
                      </a:lnTo>
                      <a:lnTo>
                        <a:pt x="717" y="161"/>
                      </a:lnTo>
                      <a:lnTo>
                        <a:pt x="726" y="174"/>
                      </a:lnTo>
                      <a:lnTo>
                        <a:pt x="732" y="184"/>
                      </a:lnTo>
                      <a:lnTo>
                        <a:pt x="738" y="191"/>
                      </a:lnTo>
                      <a:lnTo>
                        <a:pt x="741" y="196"/>
                      </a:lnTo>
                      <a:lnTo>
                        <a:pt x="741" y="200"/>
                      </a:lnTo>
                      <a:lnTo>
                        <a:pt x="738" y="196"/>
                      </a:lnTo>
                      <a:lnTo>
                        <a:pt x="736" y="193"/>
                      </a:lnTo>
                      <a:lnTo>
                        <a:pt x="732" y="190"/>
                      </a:lnTo>
                      <a:lnTo>
                        <a:pt x="729" y="186"/>
                      </a:lnTo>
                      <a:lnTo>
                        <a:pt x="726" y="181"/>
                      </a:lnTo>
                      <a:lnTo>
                        <a:pt x="722" y="178"/>
                      </a:lnTo>
                      <a:lnTo>
                        <a:pt x="721" y="174"/>
                      </a:lnTo>
                      <a:lnTo>
                        <a:pt x="719" y="173"/>
                      </a:lnTo>
                      <a:lnTo>
                        <a:pt x="714" y="174"/>
                      </a:lnTo>
                      <a:lnTo>
                        <a:pt x="716" y="174"/>
                      </a:lnTo>
                      <a:lnTo>
                        <a:pt x="717" y="178"/>
                      </a:lnTo>
                      <a:lnTo>
                        <a:pt x="721" y="183"/>
                      </a:lnTo>
                      <a:lnTo>
                        <a:pt x="724" y="188"/>
                      </a:lnTo>
                      <a:lnTo>
                        <a:pt x="729" y="195"/>
                      </a:lnTo>
                      <a:lnTo>
                        <a:pt x="732" y="200"/>
                      </a:lnTo>
                      <a:lnTo>
                        <a:pt x="734" y="203"/>
                      </a:lnTo>
                      <a:lnTo>
                        <a:pt x="736" y="205"/>
                      </a:lnTo>
                      <a:lnTo>
                        <a:pt x="748" y="217"/>
                      </a:lnTo>
                      <a:lnTo>
                        <a:pt x="754" y="225"/>
                      </a:lnTo>
                      <a:lnTo>
                        <a:pt x="760" y="232"/>
                      </a:lnTo>
                      <a:lnTo>
                        <a:pt x="760" y="235"/>
                      </a:lnTo>
                      <a:lnTo>
                        <a:pt x="758" y="235"/>
                      </a:lnTo>
                      <a:lnTo>
                        <a:pt x="756" y="235"/>
                      </a:lnTo>
                      <a:lnTo>
                        <a:pt x="754" y="235"/>
                      </a:lnTo>
                      <a:lnTo>
                        <a:pt x="753" y="235"/>
                      </a:lnTo>
                      <a:lnTo>
                        <a:pt x="754" y="235"/>
                      </a:lnTo>
                      <a:lnTo>
                        <a:pt x="760" y="250"/>
                      </a:lnTo>
                      <a:lnTo>
                        <a:pt x="766" y="266"/>
                      </a:lnTo>
                      <a:lnTo>
                        <a:pt x="773" y="279"/>
                      </a:lnTo>
                      <a:lnTo>
                        <a:pt x="780" y="293"/>
                      </a:lnTo>
                      <a:lnTo>
                        <a:pt x="787" y="305"/>
                      </a:lnTo>
                      <a:lnTo>
                        <a:pt x="793" y="318"/>
                      </a:lnTo>
                      <a:lnTo>
                        <a:pt x="800" y="328"/>
                      </a:lnTo>
                      <a:lnTo>
                        <a:pt x="805" y="338"/>
                      </a:lnTo>
                      <a:lnTo>
                        <a:pt x="812" y="349"/>
                      </a:lnTo>
                      <a:lnTo>
                        <a:pt x="817" y="357"/>
                      </a:lnTo>
                      <a:lnTo>
                        <a:pt x="822" y="366"/>
                      </a:lnTo>
                      <a:lnTo>
                        <a:pt x="827" y="374"/>
                      </a:lnTo>
                      <a:lnTo>
                        <a:pt x="832" y="381"/>
                      </a:lnTo>
                      <a:lnTo>
                        <a:pt x="836" y="386"/>
                      </a:lnTo>
                      <a:lnTo>
                        <a:pt x="837" y="391"/>
                      </a:lnTo>
                      <a:lnTo>
                        <a:pt x="839" y="394"/>
                      </a:lnTo>
                      <a:lnTo>
                        <a:pt x="842" y="398"/>
                      </a:lnTo>
                      <a:lnTo>
                        <a:pt x="846" y="403"/>
                      </a:lnTo>
                      <a:lnTo>
                        <a:pt x="849" y="406"/>
                      </a:lnTo>
                      <a:lnTo>
                        <a:pt x="851" y="411"/>
                      </a:lnTo>
                      <a:lnTo>
                        <a:pt x="853" y="415"/>
                      </a:lnTo>
                      <a:lnTo>
                        <a:pt x="854" y="418"/>
                      </a:lnTo>
                      <a:lnTo>
                        <a:pt x="856" y="420"/>
                      </a:lnTo>
                      <a:lnTo>
                        <a:pt x="858" y="420"/>
                      </a:lnTo>
                      <a:lnTo>
                        <a:pt x="863" y="425"/>
                      </a:lnTo>
                      <a:lnTo>
                        <a:pt x="868" y="428"/>
                      </a:lnTo>
                      <a:lnTo>
                        <a:pt x="870" y="432"/>
                      </a:lnTo>
                      <a:lnTo>
                        <a:pt x="871" y="435"/>
                      </a:lnTo>
                      <a:lnTo>
                        <a:pt x="871" y="438"/>
                      </a:lnTo>
                      <a:lnTo>
                        <a:pt x="870" y="442"/>
                      </a:lnTo>
                      <a:lnTo>
                        <a:pt x="870" y="443"/>
                      </a:lnTo>
                      <a:lnTo>
                        <a:pt x="870" y="445"/>
                      </a:lnTo>
                      <a:lnTo>
                        <a:pt x="875" y="450"/>
                      </a:lnTo>
                      <a:lnTo>
                        <a:pt x="878" y="454"/>
                      </a:lnTo>
                      <a:lnTo>
                        <a:pt x="880" y="457"/>
                      </a:lnTo>
                      <a:lnTo>
                        <a:pt x="880" y="460"/>
                      </a:lnTo>
                      <a:lnTo>
                        <a:pt x="880" y="462"/>
                      </a:lnTo>
                      <a:lnTo>
                        <a:pt x="880" y="464"/>
                      </a:lnTo>
                      <a:lnTo>
                        <a:pt x="878" y="464"/>
                      </a:lnTo>
                      <a:lnTo>
                        <a:pt x="888" y="474"/>
                      </a:lnTo>
                      <a:lnTo>
                        <a:pt x="888" y="476"/>
                      </a:lnTo>
                      <a:lnTo>
                        <a:pt x="888" y="479"/>
                      </a:lnTo>
                      <a:lnTo>
                        <a:pt x="890" y="484"/>
                      </a:lnTo>
                      <a:lnTo>
                        <a:pt x="890" y="491"/>
                      </a:lnTo>
                      <a:lnTo>
                        <a:pt x="890" y="498"/>
                      </a:lnTo>
                      <a:lnTo>
                        <a:pt x="890" y="508"/>
                      </a:lnTo>
                      <a:lnTo>
                        <a:pt x="890" y="518"/>
                      </a:lnTo>
                      <a:lnTo>
                        <a:pt x="890" y="526"/>
                      </a:lnTo>
                      <a:lnTo>
                        <a:pt x="890" y="536"/>
                      </a:lnTo>
                      <a:lnTo>
                        <a:pt x="890" y="547"/>
                      </a:lnTo>
                      <a:lnTo>
                        <a:pt x="890" y="555"/>
                      </a:lnTo>
                      <a:lnTo>
                        <a:pt x="890" y="564"/>
                      </a:lnTo>
                      <a:lnTo>
                        <a:pt x="890" y="570"/>
                      </a:lnTo>
                      <a:lnTo>
                        <a:pt x="890" y="575"/>
                      </a:lnTo>
                      <a:lnTo>
                        <a:pt x="890" y="580"/>
                      </a:lnTo>
                      <a:lnTo>
                        <a:pt x="886" y="586"/>
                      </a:lnTo>
                      <a:lnTo>
                        <a:pt x="883" y="589"/>
                      </a:lnTo>
                      <a:lnTo>
                        <a:pt x="881" y="594"/>
                      </a:lnTo>
                      <a:lnTo>
                        <a:pt x="880" y="599"/>
                      </a:lnTo>
                      <a:lnTo>
                        <a:pt x="878" y="604"/>
                      </a:lnTo>
                      <a:lnTo>
                        <a:pt x="876" y="609"/>
                      </a:lnTo>
                      <a:lnTo>
                        <a:pt x="876" y="614"/>
                      </a:lnTo>
                      <a:lnTo>
                        <a:pt x="876" y="619"/>
                      </a:lnTo>
                      <a:lnTo>
                        <a:pt x="876" y="623"/>
                      </a:lnTo>
                      <a:lnTo>
                        <a:pt x="876" y="628"/>
                      </a:lnTo>
                      <a:lnTo>
                        <a:pt x="876" y="631"/>
                      </a:lnTo>
                      <a:lnTo>
                        <a:pt x="876" y="635"/>
                      </a:lnTo>
                      <a:lnTo>
                        <a:pt x="876" y="638"/>
                      </a:lnTo>
                      <a:lnTo>
                        <a:pt x="876" y="640"/>
                      </a:lnTo>
                      <a:lnTo>
                        <a:pt x="878" y="641"/>
                      </a:lnTo>
                      <a:lnTo>
                        <a:pt x="876" y="650"/>
                      </a:lnTo>
                      <a:lnTo>
                        <a:pt x="875" y="657"/>
                      </a:lnTo>
                      <a:lnTo>
                        <a:pt x="871" y="660"/>
                      </a:lnTo>
                      <a:lnTo>
                        <a:pt x="868" y="662"/>
                      </a:lnTo>
                      <a:lnTo>
                        <a:pt x="864" y="663"/>
                      </a:lnTo>
                      <a:lnTo>
                        <a:pt x="861" y="663"/>
                      </a:lnTo>
                      <a:lnTo>
                        <a:pt x="858" y="663"/>
                      </a:lnTo>
                      <a:lnTo>
                        <a:pt x="856" y="663"/>
                      </a:lnTo>
                      <a:lnTo>
                        <a:pt x="849" y="668"/>
                      </a:lnTo>
                      <a:lnTo>
                        <a:pt x="842" y="674"/>
                      </a:lnTo>
                      <a:lnTo>
                        <a:pt x="837" y="675"/>
                      </a:lnTo>
                      <a:lnTo>
                        <a:pt x="834" y="675"/>
                      </a:lnTo>
                      <a:lnTo>
                        <a:pt x="831" y="675"/>
                      </a:lnTo>
                      <a:lnTo>
                        <a:pt x="827" y="674"/>
                      </a:lnTo>
                      <a:lnTo>
                        <a:pt x="826" y="674"/>
                      </a:lnTo>
                      <a:lnTo>
                        <a:pt x="817" y="680"/>
                      </a:lnTo>
                      <a:lnTo>
                        <a:pt x="810" y="684"/>
                      </a:lnTo>
                      <a:lnTo>
                        <a:pt x="805" y="684"/>
                      </a:lnTo>
                      <a:lnTo>
                        <a:pt x="800" y="684"/>
                      </a:lnTo>
                      <a:lnTo>
                        <a:pt x="797" y="684"/>
                      </a:lnTo>
                      <a:lnTo>
                        <a:pt x="793" y="680"/>
                      </a:lnTo>
                      <a:lnTo>
                        <a:pt x="792" y="680"/>
                      </a:lnTo>
                      <a:lnTo>
                        <a:pt x="792" y="679"/>
                      </a:lnTo>
                      <a:lnTo>
                        <a:pt x="787" y="670"/>
                      </a:lnTo>
                      <a:lnTo>
                        <a:pt x="787" y="667"/>
                      </a:lnTo>
                      <a:lnTo>
                        <a:pt x="788" y="663"/>
                      </a:lnTo>
                      <a:lnTo>
                        <a:pt x="790" y="665"/>
                      </a:lnTo>
                      <a:lnTo>
                        <a:pt x="795" y="667"/>
                      </a:lnTo>
                      <a:lnTo>
                        <a:pt x="798" y="668"/>
                      </a:lnTo>
                      <a:lnTo>
                        <a:pt x="802" y="670"/>
                      </a:lnTo>
                      <a:lnTo>
                        <a:pt x="802" y="672"/>
                      </a:lnTo>
                      <a:lnTo>
                        <a:pt x="820" y="665"/>
                      </a:lnTo>
                      <a:lnTo>
                        <a:pt x="810" y="653"/>
                      </a:lnTo>
                      <a:lnTo>
                        <a:pt x="812" y="652"/>
                      </a:lnTo>
                      <a:lnTo>
                        <a:pt x="814" y="650"/>
                      </a:lnTo>
                      <a:lnTo>
                        <a:pt x="815" y="648"/>
                      </a:lnTo>
                      <a:lnTo>
                        <a:pt x="810" y="640"/>
                      </a:lnTo>
                      <a:lnTo>
                        <a:pt x="807" y="635"/>
                      </a:lnTo>
                      <a:lnTo>
                        <a:pt x="804" y="633"/>
                      </a:lnTo>
                      <a:lnTo>
                        <a:pt x="802" y="631"/>
                      </a:lnTo>
                      <a:lnTo>
                        <a:pt x="800" y="633"/>
                      </a:lnTo>
                      <a:lnTo>
                        <a:pt x="798" y="635"/>
                      </a:lnTo>
                      <a:lnTo>
                        <a:pt x="798" y="636"/>
                      </a:lnTo>
                      <a:lnTo>
                        <a:pt x="798" y="638"/>
                      </a:lnTo>
                      <a:lnTo>
                        <a:pt x="802" y="645"/>
                      </a:lnTo>
                      <a:lnTo>
                        <a:pt x="802" y="650"/>
                      </a:lnTo>
                      <a:lnTo>
                        <a:pt x="800" y="652"/>
                      </a:lnTo>
                      <a:lnTo>
                        <a:pt x="797" y="653"/>
                      </a:lnTo>
                      <a:lnTo>
                        <a:pt x="793" y="653"/>
                      </a:lnTo>
                      <a:lnTo>
                        <a:pt x="790" y="653"/>
                      </a:lnTo>
                      <a:lnTo>
                        <a:pt x="788" y="652"/>
                      </a:lnTo>
                      <a:lnTo>
                        <a:pt x="787" y="652"/>
                      </a:lnTo>
                      <a:lnTo>
                        <a:pt x="780" y="640"/>
                      </a:lnTo>
                      <a:lnTo>
                        <a:pt x="775" y="630"/>
                      </a:lnTo>
                      <a:lnTo>
                        <a:pt x="768" y="621"/>
                      </a:lnTo>
                      <a:lnTo>
                        <a:pt x="763" y="614"/>
                      </a:lnTo>
                      <a:lnTo>
                        <a:pt x="756" y="609"/>
                      </a:lnTo>
                      <a:lnTo>
                        <a:pt x="749" y="606"/>
                      </a:lnTo>
                      <a:lnTo>
                        <a:pt x="744" y="602"/>
                      </a:lnTo>
                      <a:lnTo>
                        <a:pt x="739" y="599"/>
                      </a:lnTo>
                      <a:lnTo>
                        <a:pt x="734" y="597"/>
                      </a:lnTo>
                      <a:lnTo>
                        <a:pt x="729" y="597"/>
                      </a:lnTo>
                      <a:lnTo>
                        <a:pt x="724" y="597"/>
                      </a:lnTo>
                      <a:lnTo>
                        <a:pt x="721" y="597"/>
                      </a:lnTo>
                      <a:lnTo>
                        <a:pt x="719" y="597"/>
                      </a:lnTo>
                      <a:lnTo>
                        <a:pt x="716" y="597"/>
                      </a:lnTo>
                      <a:lnTo>
                        <a:pt x="714" y="597"/>
                      </a:lnTo>
                      <a:lnTo>
                        <a:pt x="714" y="599"/>
                      </a:lnTo>
                      <a:lnTo>
                        <a:pt x="712" y="597"/>
                      </a:lnTo>
                      <a:lnTo>
                        <a:pt x="710" y="594"/>
                      </a:lnTo>
                      <a:lnTo>
                        <a:pt x="707" y="592"/>
                      </a:lnTo>
                      <a:lnTo>
                        <a:pt x="705" y="589"/>
                      </a:lnTo>
                      <a:lnTo>
                        <a:pt x="704" y="586"/>
                      </a:lnTo>
                      <a:lnTo>
                        <a:pt x="702" y="584"/>
                      </a:lnTo>
                      <a:lnTo>
                        <a:pt x="700" y="580"/>
                      </a:lnTo>
                      <a:lnTo>
                        <a:pt x="697" y="564"/>
                      </a:lnTo>
                      <a:lnTo>
                        <a:pt x="692" y="550"/>
                      </a:lnTo>
                      <a:lnTo>
                        <a:pt x="687" y="542"/>
                      </a:lnTo>
                      <a:lnTo>
                        <a:pt x="683" y="536"/>
                      </a:lnTo>
                      <a:lnTo>
                        <a:pt x="680" y="535"/>
                      </a:lnTo>
                      <a:lnTo>
                        <a:pt x="677" y="535"/>
                      </a:lnTo>
                      <a:lnTo>
                        <a:pt x="675" y="535"/>
                      </a:lnTo>
                      <a:lnTo>
                        <a:pt x="666" y="526"/>
                      </a:lnTo>
                      <a:lnTo>
                        <a:pt x="661" y="514"/>
                      </a:lnTo>
                      <a:lnTo>
                        <a:pt x="661" y="498"/>
                      </a:lnTo>
                      <a:lnTo>
                        <a:pt x="653" y="486"/>
                      </a:lnTo>
                      <a:lnTo>
                        <a:pt x="661" y="472"/>
                      </a:lnTo>
                      <a:lnTo>
                        <a:pt x="646" y="481"/>
                      </a:lnTo>
                      <a:lnTo>
                        <a:pt x="646" y="479"/>
                      </a:lnTo>
                      <a:lnTo>
                        <a:pt x="644" y="479"/>
                      </a:lnTo>
                      <a:lnTo>
                        <a:pt x="641" y="477"/>
                      </a:lnTo>
                      <a:lnTo>
                        <a:pt x="639" y="476"/>
                      </a:lnTo>
                      <a:lnTo>
                        <a:pt x="636" y="474"/>
                      </a:lnTo>
                      <a:lnTo>
                        <a:pt x="634" y="474"/>
                      </a:lnTo>
                      <a:lnTo>
                        <a:pt x="633" y="472"/>
                      </a:lnTo>
                      <a:lnTo>
                        <a:pt x="633" y="474"/>
                      </a:lnTo>
                      <a:lnTo>
                        <a:pt x="638" y="482"/>
                      </a:lnTo>
                      <a:lnTo>
                        <a:pt x="643" y="489"/>
                      </a:lnTo>
                      <a:lnTo>
                        <a:pt x="644" y="494"/>
                      </a:lnTo>
                      <a:lnTo>
                        <a:pt x="644" y="498"/>
                      </a:lnTo>
                      <a:lnTo>
                        <a:pt x="643" y="498"/>
                      </a:lnTo>
                      <a:lnTo>
                        <a:pt x="641" y="498"/>
                      </a:lnTo>
                      <a:lnTo>
                        <a:pt x="638" y="496"/>
                      </a:lnTo>
                      <a:lnTo>
                        <a:pt x="636" y="494"/>
                      </a:lnTo>
                      <a:lnTo>
                        <a:pt x="631" y="491"/>
                      </a:lnTo>
                      <a:lnTo>
                        <a:pt x="628" y="487"/>
                      </a:lnTo>
                      <a:lnTo>
                        <a:pt x="622" y="484"/>
                      </a:lnTo>
                      <a:lnTo>
                        <a:pt x="619" y="481"/>
                      </a:lnTo>
                      <a:lnTo>
                        <a:pt x="616" y="477"/>
                      </a:lnTo>
                      <a:lnTo>
                        <a:pt x="612" y="474"/>
                      </a:lnTo>
                      <a:lnTo>
                        <a:pt x="611" y="472"/>
                      </a:lnTo>
                      <a:lnTo>
                        <a:pt x="607" y="457"/>
                      </a:lnTo>
                      <a:lnTo>
                        <a:pt x="582" y="425"/>
                      </a:lnTo>
                      <a:lnTo>
                        <a:pt x="584" y="425"/>
                      </a:lnTo>
                      <a:lnTo>
                        <a:pt x="585" y="423"/>
                      </a:lnTo>
                      <a:lnTo>
                        <a:pt x="587" y="423"/>
                      </a:lnTo>
                      <a:lnTo>
                        <a:pt x="589" y="421"/>
                      </a:lnTo>
                      <a:lnTo>
                        <a:pt x="590" y="421"/>
                      </a:lnTo>
                      <a:lnTo>
                        <a:pt x="592" y="420"/>
                      </a:lnTo>
                      <a:lnTo>
                        <a:pt x="594" y="420"/>
                      </a:lnTo>
                      <a:lnTo>
                        <a:pt x="589" y="418"/>
                      </a:lnTo>
                      <a:lnTo>
                        <a:pt x="587" y="413"/>
                      </a:lnTo>
                      <a:lnTo>
                        <a:pt x="587" y="408"/>
                      </a:lnTo>
                      <a:lnTo>
                        <a:pt x="587" y="401"/>
                      </a:lnTo>
                      <a:lnTo>
                        <a:pt x="589" y="394"/>
                      </a:lnTo>
                      <a:lnTo>
                        <a:pt x="590" y="388"/>
                      </a:lnTo>
                      <a:lnTo>
                        <a:pt x="590" y="382"/>
                      </a:lnTo>
                      <a:lnTo>
                        <a:pt x="590" y="379"/>
                      </a:lnTo>
                      <a:lnTo>
                        <a:pt x="587" y="371"/>
                      </a:lnTo>
                      <a:lnTo>
                        <a:pt x="585" y="364"/>
                      </a:lnTo>
                      <a:lnTo>
                        <a:pt x="582" y="360"/>
                      </a:lnTo>
                      <a:lnTo>
                        <a:pt x="580" y="359"/>
                      </a:lnTo>
                      <a:lnTo>
                        <a:pt x="578" y="359"/>
                      </a:lnTo>
                      <a:lnTo>
                        <a:pt x="577" y="360"/>
                      </a:lnTo>
                      <a:lnTo>
                        <a:pt x="577" y="364"/>
                      </a:lnTo>
                      <a:lnTo>
                        <a:pt x="575" y="367"/>
                      </a:lnTo>
                      <a:lnTo>
                        <a:pt x="575" y="372"/>
                      </a:lnTo>
                      <a:lnTo>
                        <a:pt x="575" y="377"/>
                      </a:lnTo>
                      <a:lnTo>
                        <a:pt x="575" y="382"/>
                      </a:lnTo>
                      <a:lnTo>
                        <a:pt x="575" y="388"/>
                      </a:lnTo>
                      <a:lnTo>
                        <a:pt x="575" y="393"/>
                      </a:lnTo>
                      <a:lnTo>
                        <a:pt x="575" y="396"/>
                      </a:lnTo>
                      <a:lnTo>
                        <a:pt x="575" y="399"/>
                      </a:lnTo>
                      <a:lnTo>
                        <a:pt x="572" y="398"/>
                      </a:lnTo>
                      <a:lnTo>
                        <a:pt x="568" y="394"/>
                      </a:lnTo>
                      <a:lnTo>
                        <a:pt x="565" y="391"/>
                      </a:lnTo>
                      <a:lnTo>
                        <a:pt x="560" y="388"/>
                      </a:lnTo>
                      <a:lnTo>
                        <a:pt x="558" y="384"/>
                      </a:lnTo>
                      <a:lnTo>
                        <a:pt x="555" y="382"/>
                      </a:lnTo>
                      <a:lnTo>
                        <a:pt x="555" y="381"/>
                      </a:lnTo>
                      <a:lnTo>
                        <a:pt x="556" y="374"/>
                      </a:lnTo>
                      <a:lnTo>
                        <a:pt x="558" y="366"/>
                      </a:lnTo>
                      <a:lnTo>
                        <a:pt x="558" y="359"/>
                      </a:lnTo>
                      <a:lnTo>
                        <a:pt x="558" y="352"/>
                      </a:lnTo>
                      <a:lnTo>
                        <a:pt x="556" y="345"/>
                      </a:lnTo>
                      <a:lnTo>
                        <a:pt x="556" y="340"/>
                      </a:lnTo>
                      <a:lnTo>
                        <a:pt x="555" y="337"/>
                      </a:lnTo>
                      <a:lnTo>
                        <a:pt x="555" y="335"/>
                      </a:lnTo>
                      <a:lnTo>
                        <a:pt x="558" y="328"/>
                      </a:lnTo>
                      <a:lnTo>
                        <a:pt x="560" y="323"/>
                      </a:lnTo>
                      <a:lnTo>
                        <a:pt x="562" y="316"/>
                      </a:lnTo>
                      <a:lnTo>
                        <a:pt x="562" y="311"/>
                      </a:lnTo>
                      <a:lnTo>
                        <a:pt x="563" y="305"/>
                      </a:lnTo>
                      <a:lnTo>
                        <a:pt x="563" y="300"/>
                      </a:lnTo>
                      <a:lnTo>
                        <a:pt x="563" y="293"/>
                      </a:lnTo>
                      <a:lnTo>
                        <a:pt x="563" y="288"/>
                      </a:lnTo>
                      <a:lnTo>
                        <a:pt x="562" y="283"/>
                      </a:lnTo>
                      <a:lnTo>
                        <a:pt x="562" y="278"/>
                      </a:lnTo>
                      <a:lnTo>
                        <a:pt x="560" y="274"/>
                      </a:lnTo>
                      <a:lnTo>
                        <a:pt x="560" y="269"/>
                      </a:lnTo>
                      <a:lnTo>
                        <a:pt x="560" y="267"/>
                      </a:lnTo>
                      <a:lnTo>
                        <a:pt x="558" y="264"/>
                      </a:lnTo>
                      <a:lnTo>
                        <a:pt x="558" y="262"/>
                      </a:lnTo>
                      <a:lnTo>
                        <a:pt x="558" y="261"/>
                      </a:lnTo>
                      <a:lnTo>
                        <a:pt x="558" y="257"/>
                      </a:lnTo>
                      <a:lnTo>
                        <a:pt x="558" y="256"/>
                      </a:lnTo>
                      <a:lnTo>
                        <a:pt x="556" y="252"/>
                      </a:lnTo>
                      <a:lnTo>
                        <a:pt x="556" y="249"/>
                      </a:lnTo>
                      <a:lnTo>
                        <a:pt x="555" y="247"/>
                      </a:lnTo>
                      <a:lnTo>
                        <a:pt x="551" y="245"/>
                      </a:lnTo>
                      <a:lnTo>
                        <a:pt x="548" y="242"/>
                      </a:lnTo>
                      <a:lnTo>
                        <a:pt x="545" y="239"/>
                      </a:lnTo>
                      <a:lnTo>
                        <a:pt x="541" y="232"/>
                      </a:lnTo>
                      <a:lnTo>
                        <a:pt x="538" y="227"/>
                      </a:lnTo>
                      <a:lnTo>
                        <a:pt x="534" y="223"/>
                      </a:lnTo>
                      <a:lnTo>
                        <a:pt x="533" y="220"/>
                      </a:lnTo>
                      <a:lnTo>
                        <a:pt x="533" y="218"/>
                      </a:lnTo>
                      <a:lnTo>
                        <a:pt x="521" y="222"/>
                      </a:lnTo>
                      <a:lnTo>
                        <a:pt x="514" y="222"/>
                      </a:lnTo>
                      <a:lnTo>
                        <a:pt x="509" y="222"/>
                      </a:lnTo>
                      <a:lnTo>
                        <a:pt x="507" y="220"/>
                      </a:lnTo>
                      <a:lnTo>
                        <a:pt x="506" y="217"/>
                      </a:lnTo>
                      <a:lnTo>
                        <a:pt x="506" y="215"/>
                      </a:lnTo>
                      <a:lnTo>
                        <a:pt x="507" y="215"/>
                      </a:lnTo>
                      <a:lnTo>
                        <a:pt x="507" y="213"/>
                      </a:lnTo>
                      <a:lnTo>
                        <a:pt x="497" y="206"/>
                      </a:lnTo>
                      <a:lnTo>
                        <a:pt x="484" y="191"/>
                      </a:lnTo>
                      <a:lnTo>
                        <a:pt x="467" y="179"/>
                      </a:lnTo>
                      <a:lnTo>
                        <a:pt x="465" y="179"/>
                      </a:lnTo>
                      <a:lnTo>
                        <a:pt x="463" y="176"/>
                      </a:lnTo>
                      <a:lnTo>
                        <a:pt x="458" y="173"/>
                      </a:lnTo>
                      <a:lnTo>
                        <a:pt x="455" y="168"/>
                      </a:lnTo>
                      <a:lnTo>
                        <a:pt x="450" y="162"/>
                      </a:lnTo>
                      <a:lnTo>
                        <a:pt x="446" y="157"/>
                      </a:lnTo>
                      <a:lnTo>
                        <a:pt x="445" y="154"/>
                      </a:lnTo>
                      <a:lnTo>
                        <a:pt x="443" y="152"/>
                      </a:lnTo>
                      <a:lnTo>
                        <a:pt x="433" y="144"/>
                      </a:lnTo>
                      <a:lnTo>
                        <a:pt x="424" y="139"/>
                      </a:lnTo>
                      <a:lnTo>
                        <a:pt x="418" y="132"/>
                      </a:lnTo>
                      <a:lnTo>
                        <a:pt x="411" y="129"/>
                      </a:lnTo>
                      <a:lnTo>
                        <a:pt x="404" y="125"/>
                      </a:lnTo>
                      <a:lnTo>
                        <a:pt x="399" y="124"/>
                      </a:lnTo>
                      <a:lnTo>
                        <a:pt x="396" y="124"/>
                      </a:lnTo>
                      <a:lnTo>
                        <a:pt x="394" y="122"/>
                      </a:lnTo>
                      <a:lnTo>
                        <a:pt x="377" y="122"/>
                      </a:lnTo>
                      <a:lnTo>
                        <a:pt x="367" y="122"/>
                      </a:lnTo>
                      <a:lnTo>
                        <a:pt x="360" y="127"/>
                      </a:lnTo>
                      <a:lnTo>
                        <a:pt x="355" y="132"/>
                      </a:lnTo>
                      <a:lnTo>
                        <a:pt x="355" y="139"/>
                      </a:lnTo>
                      <a:lnTo>
                        <a:pt x="355" y="144"/>
                      </a:lnTo>
                      <a:lnTo>
                        <a:pt x="357" y="147"/>
                      </a:lnTo>
                      <a:lnTo>
                        <a:pt x="357" y="149"/>
                      </a:lnTo>
                      <a:lnTo>
                        <a:pt x="350" y="147"/>
                      </a:lnTo>
                      <a:lnTo>
                        <a:pt x="342" y="149"/>
                      </a:lnTo>
                      <a:lnTo>
                        <a:pt x="335" y="152"/>
                      </a:lnTo>
                      <a:lnTo>
                        <a:pt x="330" y="156"/>
                      </a:lnTo>
                      <a:lnTo>
                        <a:pt x="325" y="161"/>
                      </a:lnTo>
                      <a:lnTo>
                        <a:pt x="320" y="164"/>
                      </a:lnTo>
                      <a:lnTo>
                        <a:pt x="316" y="168"/>
                      </a:lnTo>
                      <a:lnTo>
                        <a:pt x="316" y="169"/>
                      </a:lnTo>
                      <a:lnTo>
                        <a:pt x="309" y="176"/>
                      </a:lnTo>
                      <a:lnTo>
                        <a:pt x="306" y="178"/>
                      </a:lnTo>
                      <a:lnTo>
                        <a:pt x="304" y="178"/>
                      </a:lnTo>
                      <a:lnTo>
                        <a:pt x="304" y="176"/>
                      </a:lnTo>
                      <a:lnTo>
                        <a:pt x="304" y="174"/>
                      </a:lnTo>
                      <a:lnTo>
                        <a:pt x="306" y="171"/>
                      </a:lnTo>
                      <a:lnTo>
                        <a:pt x="308" y="169"/>
                      </a:lnTo>
                      <a:lnTo>
                        <a:pt x="308" y="168"/>
                      </a:lnTo>
                      <a:lnTo>
                        <a:pt x="306" y="168"/>
                      </a:lnTo>
                      <a:lnTo>
                        <a:pt x="306" y="169"/>
                      </a:lnTo>
                      <a:lnTo>
                        <a:pt x="303" y="173"/>
                      </a:lnTo>
                      <a:lnTo>
                        <a:pt x="299" y="174"/>
                      </a:lnTo>
                      <a:lnTo>
                        <a:pt x="298" y="178"/>
                      </a:lnTo>
                      <a:lnTo>
                        <a:pt x="294" y="179"/>
                      </a:lnTo>
                      <a:lnTo>
                        <a:pt x="293" y="181"/>
                      </a:lnTo>
                      <a:lnTo>
                        <a:pt x="291" y="183"/>
                      </a:lnTo>
                      <a:lnTo>
                        <a:pt x="284" y="181"/>
                      </a:lnTo>
                      <a:lnTo>
                        <a:pt x="277" y="181"/>
                      </a:lnTo>
                      <a:lnTo>
                        <a:pt x="271" y="183"/>
                      </a:lnTo>
                      <a:lnTo>
                        <a:pt x="265" y="186"/>
                      </a:lnTo>
                      <a:lnTo>
                        <a:pt x="260" y="188"/>
                      </a:lnTo>
                      <a:lnTo>
                        <a:pt x="257" y="190"/>
                      </a:lnTo>
                      <a:lnTo>
                        <a:pt x="254" y="191"/>
                      </a:lnTo>
                      <a:lnTo>
                        <a:pt x="247" y="184"/>
                      </a:lnTo>
                      <a:lnTo>
                        <a:pt x="243" y="179"/>
                      </a:lnTo>
                      <a:lnTo>
                        <a:pt x="245" y="179"/>
                      </a:lnTo>
                      <a:lnTo>
                        <a:pt x="249" y="181"/>
                      </a:lnTo>
                      <a:lnTo>
                        <a:pt x="252" y="184"/>
                      </a:lnTo>
                      <a:lnTo>
                        <a:pt x="255" y="186"/>
                      </a:lnTo>
                      <a:lnTo>
                        <a:pt x="257" y="186"/>
                      </a:lnTo>
                      <a:lnTo>
                        <a:pt x="257" y="176"/>
                      </a:lnTo>
                      <a:lnTo>
                        <a:pt x="247" y="162"/>
                      </a:lnTo>
                      <a:lnTo>
                        <a:pt x="218" y="140"/>
                      </a:lnTo>
                      <a:lnTo>
                        <a:pt x="232" y="142"/>
                      </a:lnTo>
                      <a:lnTo>
                        <a:pt x="238" y="144"/>
                      </a:lnTo>
                      <a:lnTo>
                        <a:pt x="238" y="142"/>
                      </a:lnTo>
                      <a:lnTo>
                        <a:pt x="235" y="140"/>
                      </a:lnTo>
                      <a:lnTo>
                        <a:pt x="230" y="137"/>
                      </a:lnTo>
                      <a:lnTo>
                        <a:pt x="223" y="135"/>
                      </a:lnTo>
                      <a:lnTo>
                        <a:pt x="218" y="132"/>
                      </a:lnTo>
                      <a:lnTo>
                        <a:pt x="216" y="132"/>
                      </a:lnTo>
                      <a:lnTo>
                        <a:pt x="223" y="117"/>
                      </a:lnTo>
                      <a:lnTo>
                        <a:pt x="205" y="120"/>
                      </a:lnTo>
                      <a:lnTo>
                        <a:pt x="205" y="122"/>
                      </a:lnTo>
                      <a:lnTo>
                        <a:pt x="206" y="125"/>
                      </a:lnTo>
                      <a:lnTo>
                        <a:pt x="206" y="127"/>
                      </a:lnTo>
                      <a:lnTo>
                        <a:pt x="206" y="130"/>
                      </a:lnTo>
                      <a:lnTo>
                        <a:pt x="208" y="134"/>
                      </a:lnTo>
                      <a:lnTo>
                        <a:pt x="208" y="135"/>
                      </a:lnTo>
                      <a:lnTo>
                        <a:pt x="201" y="130"/>
                      </a:lnTo>
                      <a:lnTo>
                        <a:pt x="193" y="127"/>
                      </a:lnTo>
                      <a:lnTo>
                        <a:pt x="186" y="124"/>
                      </a:lnTo>
                      <a:lnTo>
                        <a:pt x="179" y="122"/>
                      </a:lnTo>
                      <a:lnTo>
                        <a:pt x="172" y="118"/>
                      </a:lnTo>
                      <a:lnTo>
                        <a:pt x="164" y="117"/>
                      </a:lnTo>
                      <a:lnTo>
                        <a:pt x="159" y="115"/>
                      </a:lnTo>
                      <a:lnTo>
                        <a:pt x="152" y="115"/>
                      </a:lnTo>
                      <a:lnTo>
                        <a:pt x="147" y="113"/>
                      </a:lnTo>
                      <a:lnTo>
                        <a:pt x="142" y="113"/>
                      </a:lnTo>
                      <a:lnTo>
                        <a:pt x="137" y="113"/>
                      </a:lnTo>
                      <a:lnTo>
                        <a:pt x="133" y="113"/>
                      </a:lnTo>
                      <a:lnTo>
                        <a:pt x="130" y="113"/>
                      </a:lnTo>
                      <a:lnTo>
                        <a:pt x="128" y="113"/>
                      </a:lnTo>
                      <a:lnTo>
                        <a:pt x="127" y="113"/>
                      </a:lnTo>
                      <a:lnTo>
                        <a:pt x="128" y="113"/>
                      </a:lnTo>
                      <a:lnTo>
                        <a:pt x="130" y="112"/>
                      </a:lnTo>
                      <a:lnTo>
                        <a:pt x="133" y="112"/>
                      </a:lnTo>
                      <a:lnTo>
                        <a:pt x="137" y="112"/>
                      </a:lnTo>
                      <a:lnTo>
                        <a:pt x="140" y="110"/>
                      </a:lnTo>
                      <a:lnTo>
                        <a:pt x="142" y="110"/>
                      </a:lnTo>
                      <a:lnTo>
                        <a:pt x="144" y="110"/>
                      </a:lnTo>
                      <a:lnTo>
                        <a:pt x="157" y="110"/>
                      </a:lnTo>
                      <a:lnTo>
                        <a:pt x="164" y="108"/>
                      </a:lnTo>
                      <a:lnTo>
                        <a:pt x="162" y="105"/>
                      </a:lnTo>
                      <a:lnTo>
                        <a:pt x="155" y="105"/>
                      </a:lnTo>
                      <a:lnTo>
                        <a:pt x="149" y="103"/>
                      </a:lnTo>
                      <a:lnTo>
                        <a:pt x="145" y="102"/>
                      </a:lnTo>
                      <a:lnTo>
                        <a:pt x="142" y="102"/>
                      </a:lnTo>
                      <a:lnTo>
                        <a:pt x="111" y="108"/>
                      </a:lnTo>
                      <a:lnTo>
                        <a:pt x="101" y="113"/>
                      </a:lnTo>
                      <a:lnTo>
                        <a:pt x="98" y="115"/>
                      </a:lnTo>
                      <a:lnTo>
                        <a:pt x="95" y="115"/>
                      </a:lnTo>
                      <a:lnTo>
                        <a:pt x="89" y="115"/>
                      </a:lnTo>
                      <a:lnTo>
                        <a:pt x="86" y="115"/>
                      </a:lnTo>
                      <a:lnTo>
                        <a:pt x="81" y="115"/>
                      </a:lnTo>
                      <a:lnTo>
                        <a:pt x="79" y="117"/>
                      </a:lnTo>
                      <a:lnTo>
                        <a:pt x="78" y="117"/>
                      </a:lnTo>
                      <a:lnTo>
                        <a:pt x="64" y="122"/>
                      </a:lnTo>
                      <a:lnTo>
                        <a:pt x="56" y="125"/>
                      </a:lnTo>
                      <a:lnTo>
                        <a:pt x="52" y="125"/>
                      </a:lnTo>
                      <a:lnTo>
                        <a:pt x="54" y="124"/>
                      </a:lnTo>
                      <a:lnTo>
                        <a:pt x="57" y="122"/>
                      </a:lnTo>
                      <a:lnTo>
                        <a:pt x="62" y="118"/>
                      </a:lnTo>
                      <a:lnTo>
                        <a:pt x="66" y="117"/>
                      </a:lnTo>
                      <a:lnTo>
                        <a:pt x="67" y="115"/>
                      </a:lnTo>
                      <a:lnTo>
                        <a:pt x="73" y="110"/>
                      </a:lnTo>
                      <a:lnTo>
                        <a:pt x="74" y="107"/>
                      </a:lnTo>
                      <a:lnTo>
                        <a:pt x="74" y="105"/>
                      </a:lnTo>
                      <a:lnTo>
                        <a:pt x="71" y="105"/>
                      </a:lnTo>
                      <a:lnTo>
                        <a:pt x="67" y="105"/>
                      </a:lnTo>
                      <a:lnTo>
                        <a:pt x="64" y="107"/>
                      </a:lnTo>
                      <a:lnTo>
                        <a:pt x="61" y="107"/>
                      </a:lnTo>
                      <a:lnTo>
                        <a:pt x="59" y="107"/>
                      </a:lnTo>
                      <a:lnTo>
                        <a:pt x="51" y="100"/>
                      </a:lnTo>
                      <a:lnTo>
                        <a:pt x="45" y="96"/>
                      </a:lnTo>
                      <a:lnTo>
                        <a:pt x="44" y="98"/>
                      </a:lnTo>
                      <a:lnTo>
                        <a:pt x="44" y="102"/>
                      </a:lnTo>
                      <a:lnTo>
                        <a:pt x="45" y="105"/>
                      </a:lnTo>
                      <a:lnTo>
                        <a:pt x="49" y="110"/>
                      </a:lnTo>
                      <a:lnTo>
                        <a:pt x="51" y="113"/>
                      </a:lnTo>
                      <a:lnTo>
                        <a:pt x="51" y="115"/>
                      </a:lnTo>
                      <a:lnTo>
                        <a:pt x="44" y="122"/>
                      </a:lnTo>
                      <a:lnTo>
                        <a:pt x="37" y="130"/>
                      </a:lnTo>
                      <a:lnTo>
                        <a:pt x="35" y="132"/>
                      </a:lnTo>
                      <a:lnTo>
                        <a:pt x="32" y="132"/>
                      </a:lnTo>
                      <a:lnTo>
                        <a:pt x="29" y="134"/>
                      </a:lnTo>
                      <a:lnTo>
                        <a:pt x="27" y="135"/>
                      </a:lnTo>
                      <a:lnTo>
                        <a:pt x="23" y="137"/>
                      </a:lnTo>
                      <a:lnTo>
                        <a:pt x="22" y="137"/>
                      </a:lnTo>
                      <a:lnTo>
                        <a:pt x="27" y="130"/>
                      </a:lnTo>
                      <a:lnTo>
                        <a:pt x="29" y="127"/>
                      </a:lnTo>
                      <a:lnTo>
                        <a:pt x="30" y="122"/>
                      </a:lnTo>
                      <a:lnTo>
                        <a:pt x="29" y="120"/>
                      </a:lnTo>
                      <a:lnTo>
                        <a:pt x="27" y="117"/>
                      </a:lnTo>
                      <a:lnTo>
                        <a:pt x="25" y="117"/>
                      </a:lnTo>
                      <a:lnTo>
                        <a:pt x="23" y="115"/>
                      </a:lnTo>
                      <a:lnTo>
                        <a:pt x="23" y="117"/>
                      </a:lnTo>
                      <a:lnTo>
                        <a:pt x="23" y="115"/>
                      </a:lnTo>
                      <a:lnTo>
                        <a:pt x="23" y="113"/>
                      </a:lnTo>
                      <a:lnTo>
                        <a:pt x="23" y="112"/>
                      </a:lnTo>
                      <a:lnTo>
                        <a:pt x="22" y="108"/>
                      </a:lnTo>
                      <a:lnTo>
                        <a:pt x="22" y="107"/>
                      </a:lnTo>
                      <a:lnTo>
                        <a:pt x="22" y="105"/>
                      </a:lnTo>
                      <a:lnTo>
                        <a:pt x="25" y="100"/>
                      </a:lnTo>
                      <a:lnTo>
                        <a:pt x="25" y="93"/>
                      </a:lnTo>
                      <a:lnTo>
                        <a:pt x="22" y="88"/>
                      </a:lnTo>
                      <a:lnTo>
                        <a:pt x="17" y="83"/>
                      </a:lnTo>
                      <a:lnTo>
                        <a:pt x="12" y="80"/>
                      </a:lnTo>
                      <a:lnTo>
                        <a:pt x="7" y="74"/>
                      </a:lnTo>
                      <a:lnTo>
                        <a:pt x="3" y="73"/>
                      </a:lnTo>
                      <a:lnTo>
                        <a:pt x="1" y="73"/>
                      </a:lnTo>
                      <a:lnTo>
                        <a:pt x="0" y="51"/>
                      </a:lnTo>
                      <a:lnTo>
                        <a:pt x="276" y="24"/>
                      </a:lnTo>
                      <a:lnTo>
                        <a:pt x="293" y="56"/>
                      </a:lnTo>
                      <a:lnTo>
                        <a:pt x="572" y="37"/>
                      </a:lnTo>
                      <a:lnTo>
                        <a:pt x="582" y="59"/>
                      </a:lnTo>
                      <a:lnTo>
                        <a:pt x="597" y="59"/>
                      </a:lnTo>
                      <a:lnTo>
                        <a:pt x="597" y="58"/>
                      </a:lnTo>
                      <a:lnTo>
                        <a:pt x="595" y="54"/>
                      </a:lnTo>
                      <a:lnTo>
                        <a:pt x="595" y="51"/>
                      </a:lnTo>
                      <a:lnTo>
                        <a:pt x="595" y="46"/>
                      </a:lnTo>
                      <a:lnTo>
                        <a:pt x="594" y="41"/>
                      </a:lnTo>
                      <a:lnTo>
                        <a:pt x="594" y="36"/>
                      </a:lnTo>
                      <a:lnTo>
                        <a:pt x="594" y="32"/>
                      </a:lnTo>
                      <a:lnTo>
                        <a:pt x="594" y="30"/>
                      </a:lnTo>
                      <a:lnTo>
                        <a:pt x="589" y="22"/>
                      </a:lnTo>
                      <a:lnTo>
                        <a:pt x="589" y="14"/>
                      </a:lnTo>
                      <a:lnTo>
                        <a:pt x="589" y="8"/>
                      </a:lnTo>
                      <a:lnTo>
                        <a:pt x="592" y="5"/>
                      </a:lnTo>
                      <a:lnTo>
                        <a:pt x="595" y="2"/>
                      </a:lnTo>
                      <a:lnTo>
                        <a:pt x="597" y="0"/>
                      </a:lnTo>
                      <a:lnTo>
                        <a:pt x="600" y="0"/>
                      </a:lnTo>
                      <a:lnTo>
                        <a:pt x="602" y="0"/>
                      </a:lnTo>
                      <a:lnTo>
                        <a:pt x="607" y="3"/>
                      </a:lnTo>
                      <a:lnTo>
                        <a:pt x="616" y="5"/>
                      </a:lnTo>
                      <a:lnTo>
                        <a:pt x="622" y="7"/>
                      </a:lnTo>
                      <a:lnTo>
                        <a:pt x="629" y="8"/>
                      </a:lnTo>
                      <a:lnTo>
                        <a:pt x="636" y="8"/>
                      </a:lnTo>
                      <a:lnTo>
                        <a:pt x="639" y="8"/>
                      </a:lnTo>
                      <a:lnTo>
                        <a:pt x="643" y="8"/>
                      </a:lnTo>
                      <a:lnTo>
                        <a:pt x="644" y="8"/>
                      </a:lnTo>
                      <a:lnTo>
                        <a:pt x="650" y="14"/>
                      </a:lnTo>
                    </a:path>
                  </a:pathLst>
                </a:custGeom>
                <a:solidFill>
                  <a:srgbClr val="C0000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26" name="Freeform 19"/>
                <p:cNvSpPr>
                  <a:spLocks/>
                </p:cNvSpPr>
                <p:nvPr/>
              </p:nvSpPr>
              <p:spPr bwMode="auto">
                <a:xfrm>
                  <a:off x="4568" y="3099"/>
                  <a:ext cx="95" cy="174"/>
                </a:xfrm>
                <a:custGeom>
                  <a:avLst/>
                  <a:gdLst>
                    <a:gd name="T0" fmla="*/ 34 w 95"/>
                    <a:gd name="T1" fmla="*/ 32 h 174"/>
                    <a:gd name="T2" fmla="*/ 0 w 95"/>
                    <a:gd name="T3" fmla="*/ 0 h 174"/>
                    <a:gd name="T4" fmla="*/ 2 w 95"/>
                    <a:gd name="T5" fmla="*/ 7 h 174"/>
                    <a:gd name="T6" fmla="*/ 29 w 95"/>
                    <a:gd name="T7" fmla="*/ 37 h 174"/>
                    <a:gd name="T8" fmla="*/ 27 w 95"/>
                    <a:gd name="T9" fmla="*/ 40 h 174"/>
                    <a:gd name="T10" fmla="*/ 25 w 95"/>
                    <a:gd name="T11" fmla="*/ 40 h 174"/>
                    <a:gd name="T12" fmla="*/ 24 w 95"/>
                    <a:gd name="T13" fmla="*/ 39 h 174"/>
                    <a:gd name="T14" fmla="*/ 20 w 95"/>
                    <a:gd name="T15" fmla="*/ 39 h 174"/>
                    <a:gd name="T16" fmla="*/ 17 w 95"/>
                    <a:gd name="T17" fmla="*/ 37 h 174"/>
                    <a:gd name="T18" fmla="*/ 15 w 95"/>
                    <a:gd name="T19" fmla="*/ 37 h 174"/>
                    <a:gd name="T20" fmla="*/ 15 w 95"/>
                    <a:gd name="T21" fmla="*/ 39 h 174"/>
                    <a:gd name="T22" fmla="*/ 17 w 95"/>
                    <a:gd name="T23" fmla="*/ 42 h 174"/>
                    <a:gd name="T24" fmla="*/ 24 w 95"/>
                    <a:gd name="T25" fmla="*/ 49 h 174"/>
                    <a:gd name="T26" fmla="*/ 25 w 95"/>
                    <a:gd name="T27" fmla="*/ 49 h 174"/>
                    <a:gd name="T28" fmla="*/ 29 w 95"/>
                    <a:gd name="T29" fmla="*/ 49 h 174"/>
                    <a:gd name="T30" fmla="*/ 32 w 95"/>
                    <a:gd name="T31" fmla="*/ 47 h 174"/>
                    <a:gd name="T32" fmla="*/ 34 w 95"/>
                    <a:gd name="T33" fmla="*/ 45 h 174"/>
                    <a:gd name="T34" fmla="*/ 34 w 95"/>
                    <a:gd name="T35" fmla="*/ 45 h 174"/>
                    <a:gd name="T36" fmla="*/ 36 w 95"/>
                    <a:gd name="T37" fmla="*/ 45 h 174"/>
                    <a:gd name="T38" fmla="*/ 37 w 95"/>
                    <a:gd name="T39" fmla="*/ 47 h 174"/>
                    <a:gd name="T40" fmla="*/ 39 w 95"/>
                    <a:gd name="T41" fmla="*/ 49 h 174"/>
                    <a:gd name="T42" fmla="*/ 41 w 95"/>
                    <a:gd name="T43" fmla="*/ 54 h 174"/>
                    <a:gd name="T44" fmla="*/ 41 w 95"/>
                    <a:gd name="T45" fmla="*/ 61 h 174"/>
                    <a:gd name="T46" fmla="*/ 42 w 95"/>
                    <a:gd name="T47" fmla="*/ 73 h 174"/>
                    <a:gd name="T48" fmla="*/ 42 w 95"/>
                    <a:gd name="T49" fmla="*/ 89 h 174"/>
                    <a:gd name="T50" fmla="*/ 42 w 95"/>
                    <a:gd name="T51" fmla="*/ 91 h 174"/>
                    <a:gd name="T52" fmla="*/ 44 w 95"/>
                    <a:gd name="T53" fmla="*/ 93 h 174"/>
                    <a:gd name="T54" fmla="*/ 46 w 95"/>
                    <a:gd name="T55" fmla="*/ 96 h 174"/>
                    <a:gd name="T56" fmla="*/ 47 w 95"/>
                    <a:gd name="T57" fmla="*/ 101 h 174"/>
                    <a:gd name="T58" fmla="*/ 47 w 95"/>
                    <a:gd name="T59" fmla="*/ 105 h 174"/>
                    <a:gd name="T60" fmla="*/ 49 w 95"/>
                    <a:gd name="T61" fmla="*/ 108 h 174"/>
                    <a:gd name="T62" fmla="*/ 51 w 95"/>
                    <a:gd name="T63" fmla="*/ 110 h 174"/>
                    <a:gd name="T64" fmla="*/ 51 w 95"/>
                    <a:gd name="T65" fmla="*/ 111 h 174"/>
                    <a:gd name="T66" fmla="*/ 69 w 95"/>
                    <a:gd name="T67" fmla="*/ 135 h 174"/>
                    <a:gd name="T68" fmla="*/ 88 w 95"/>
                    <a:gd name="T69" fmla="*/ 174 h 174"/>
                    <a:gd name="T70" fmla="*/ 95 w 95"/>
                    <a:gd name="T71" fmla="*/ 171 h 174"/>
                    <a:gd name="T72" fmla="*/ 73 w 95"/>
                    <a:gd name="T73" fmla="*/ 133 h 174"/>
                    <a:gd name="T74" fmla="*/ 73 w 95"/>
                    <a:gd name="T75" fmla="*/ 132 h 174"/>
                    <a:gd name="T76" fmla="*/ 71 w 95"/>
                    <a:gd name="T77" fmla="*/ 132 h 174"/>
                    <a:gd name="T78" fmla="*/ 69 w 95"/>
                    <a:gd name="T79" fmla="*/ 130 h 174"/>
                    <a:gd name="T80" fmla="*/ 68 w 95"/>
                    <a:gd name="T81" fmla="*/ 127 h 174"/>
                    <a:gd name="T82" fmla="*/ 66 w 95"/>
                    <a:gd name="T83" fmla="*/ 123 h 174"/>
                    <a:gd name="T84" fmla="*/ 63 w 95"/>
                    <a:gd name="T85" fmla="*/ 120 h 174"/>
                    <a:gd name="T86" fmla="*/ 61 w 95"/>
                    <a:gd name="T87" fmla="*/ 117 h 174"/>
                    <a:gd name="T88" fmla="*/ 58 w 95"/>
                    <a:gd name="T89" fmla="*/ 111 h 174"/>
                    <a:gd name="T90" fmla="*/ 56 w 95"/>
                    <a:gd name="T91" fmla="*/ 106 h 174"/>
                    <a:gd name="T92" fmla="*/ 52 w 95"/>
                    <a:gd name="T93" fmla="*/ 101 h 174"/>
                    <a:gd name="T94" fmla="*/ 51 w 95"/>
                    <a:gd name="T95" fmla="*/ 96 h 174"/>
                    <a:gd name="T96" fmla="*/ 49 w 95"/>
                    <a:gd name="T97" fmla="*/ 89 h 174"/>
                    <a:gd name="T98" fmla="*/ 47 w 95"/>
                    <a:gd name="T99" fmla="*/ 83 h 174"/>
                    <a:gd name="T100" fmla="*/ 47 w 95"/>
                    <a:gd name="T101" fmla="*/ 78 h 174"/>
                    <a:gd name="T102" fmla="*/ 47 w 95"/>
                    <a:gd name="T103" fmla="*/ 71 h 174"/>
                    <a:gd name="T104" fmla="*/ 49 w 95"/>
                    <a:gd name="T105" fmla="*/ 64 h 174"/>
                    <a:gd name="T106" fmla="*/ 49 w 95"/>
                    <a:gd name="T107" fmla="*/ 62 h 174"/>
                    <a:gd name="T108" fmla="*/ 49 w 95"/>
                    <a:gd name="T109" fmla="*/ 61 h 174"/>
                    <a:gd name="T110" fmla="*/ 47 w 95"/>
                    <a:gd name="T111" fmla="*/ 57 h 174"/>
                    <a:gd name="T112" fmla="*/ 47 w 95"/>
                    <a:gd name="T113" fmla="*/ 54 h 174"/>
                    <a:gd name="T114" fmla="*/ 46 w 95"/>
                    <a:gd name="T115" fmla="*/ 52 h 174"/>
                    <a:gd name="T116" fmla="*/ 46 w 95"/>
                    <a:gd name="T117" fmla="*/ 49 h 174"/>
                    <a:gd name="T118" fmla="*/ 44 w 95"/>
                    <a:gd name="T119" fmla="*/ 47 h 174"/>
                    <a:gd name="T120" fmla="*/ 44 w 95"/>
                    <a:gd name="T121" fmla="*/ 47 h 174"/>
                    <a:gd name="T122" fmla="*/ 39 w 95"/>
                    <a:gd name="T123" fmla="*/ 39 h 174"/>
                    <a:gd name="T124" fmla="*/ 34 w 95"/>
                    <a:gd name="T125" fmla="*/ 32 h 174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60000 65536"/>
                    <a:gd name="T187" fmla="*/ 0 60000 65536"/>
                    <a:gd name="T188" fmla="*/ 0 60000 65536"/>
                    <a:gd name="T189" fmla="*/ 0 w 95"/>
                    <a:gd name="T190" fmla="*/ 0 h 174"/>
                    <a:gd name="T191" fmla="*/ 95 w 95"/>
                    <a:gd name="T192" fmla="*/ 174 h 174"/>
                  </a:gdLst>
                  <a:ahLst/>
                  <a:cxnLst>
                    <a:cxn ang="T126">
                      <a:pos x="T0" y="T1"/>
                    </a:cxn>
                    <a:cxn ang="T127">
                      <a:pos x="T2" y="T3"/>
                    </a:cxn>
                    <a:cxn ang="T128">
                      <a:pos x="T4" y="T5"/>
                    </a:cxn>
                    <a:cxn ang="T129">
                      <a:pos x="T6" y="T7"/>
                    </a:cxn>
                    <a:cxn ang="T130">
                      <a:pos x="T8" y="T9"/>
                    </a:cxn>
                    <a:cxn ang="T131">
                      <a:pos x="T10" y="T11"/>
                    </a:cxn>
                    <a:cxn ang="T132">
                      <a:pos x="T12" y="T13"/>
                    </a:cxn>
                    <a:cxn ang="T133">
                      <a:pos x="T14" y="T15"/>
                    </a:cxn>
                    <a:cxn ang="T134">
                      <a:pos x="T16" y="T17"/>
                    </a:cxn>
                    <a:cxn ang="T135">
                      <a:pos x="T18" y="T19"/>
                    </a:cxn>
                    <a:cxn ang="T136">
                      <a:pos x="T20" y="T21"/>
                    </a:cxn>
                    <a:cxn ang="T137">
                      <a:pos x="T22" y="T23"/>
                    </a:cxn>
                    <a:cxn ang="T138">
                      <a:pos x="T24" y="T25"/>
                    </a:cxn>
                    <a:cxn ang="T139">
                      <a:pos x="T26" y="T27"/>
                    </a:cxn>
                    <a:cxn ang="T140">
                      <a:pos x="T28" y="T29"/>
                    </a:cxn>
                    <a:cxn ang="T141">
                      <a:pos x="T30" y="T31"/>
                    </a:cxn>
                    <a:cxn ang="T142">
                      <a:pos x="T32" y="T33"/>
                    </a:cxn>
                    <a:cxn ang="T143">
                      <a:pos x="T34" y="T35"/>
                    </a:cxn>
                    <a:cxn ang="T144">
                      <a:pos x="T36" y="T37"/>
                    </a:cxn>
                    <a:cxn ang="T145">
                      <a:pos x="T38" y="T39"/>
                    </a:cxn>
                    <a:cxn ang="T146">
                      <a:pos x="T40" y="T41"/>
                    </a:cxn>
                    <a:cxn ang="T147">
                      <a:pos x="T42" y="T43"/>
                    </a:cxn>
                    <a:cxn ang="T148">
                      <a:pos x="T44" y="T45"/>
                    </a:cxn>
                    <a:cxn ang="T149">
                      <a:pos x="T46" y="T47"/>
                    </a:cxn>
                    <a:cxn ang="T150">
                      <a:pos x="T48" y="T49"/>
                    </a:cxn>
                    <a:cxn ang="T151">
                      <a:pos x="T50" y="T51"/>
                    </a:cxn>
                    <a:cxn ang="T152">
                      <a:pos x="T52" y="T53"/>
                    </a:cxn>
                    <a:cxn ang="T153">
                      <a:pos x="T54" y="T55"/>
                    </a:cxn>
                    <a:cxn ang="T154">
                      <a:pos x="T56" y="T57"/>
                    </a:cxn>
                    <a:cxn ang="T155">
                      <a:pos x="T58" y="T59"/>
                    </a:cxn>
                    <a:cxn ang="T156">
                      <a:pos x="T60" y="T61"/>
                    </a:cxn>
                    <a:cxn ang="T157">
                      <a:pos x="T62" y="T63"/>
                    </a:cxn>
                    <a:cxn ang="T158">
                      <a:pos x="T64" y="T65"/>
                    </a:cxn>
                    <a:cxn ang="T159">
                      <a:pos x="T66" y="T67"/>
                    </a:cxn>
                    <a:cxn ang="T160">
                      <a:pos x="T68" y="T69"/>
                    </a:cxn>
                    <a:cxn ang="T161">
                      <a:pos x="T70" y="T71"/>
                    </a:cxn>
                    <a:cxn ang="T162">
                      <a:pos x="T72" y="T73"/>
                    </a:cxn>
                    <a:cxn ang="T163">
                      <a:pos x="T74" y="T75"/>
                    </a:cxn>
                    <a:cxn ang="T164">
                      <a:pos x="T76" y="T77"/>
                    </a:cxn>
                    <a:cxn ang="T165">
                      <a:pos x="T78" y="T79"/>
                    </a:cxn>
                    <a:cxn ang="T166">
                      <a:pos x="T80" y="T81"/>
                    </a:cxn>
                    <a:cxn ang="T167">
                      <a:pos x="T82" y="T83"/>
                    </a:cxn>
                    <a:cxn ang="T168">
                      <a:pos x="T84" y="T85"/>
                    </a:cxn>
                    <a:cxn ang="T169">
                      <a:pos x="T86" y="T87"/>
                    </a:cxn>
                    <a:cxn ang="T170">
                      <a:pos x="T88" y="T89"/>
                    </a:cxn>
                    <a:cxn ang="T171">
                      <a:pos x="T90" y="T91"/>
                    </a:cxn>
                    <a:cxn ang="T172">
                      <a:pos x="T92" y="T93"/>
                    </a:cxn>
                    <a:cxn ang="T173">
                      <a:pos x="T94" y="T95"/>
                    </a:cxn>
                    <a:cxn ang="T174">
                      <a:pos x="T96" y="T97"/>
                    </a:cxn>
                    <a:cxn ang="T175">
                      <a:pos x="T98" y="T99"/>
                    </a:cxn>
                    <a:cxn ang="T176">
                      <a:pos x="T100" y="T101"/>
                    </a:cxn>
                    <a:cxn ang="T177">
                      <a:pos x="T102" y="T103"/>
                    </a:cxn>
                    <a:cxn ang="T178">
                      <a:pos x="T104" y="T105"/>
                    </a:cxn>
                    <a:cxn ang="T179">
                      <a:pos x="T106" y="T107"/>
                    </a:cxn>
                    <a:cxn ang="T180">
                      <a:pos x="T108" y="T109"/>
                    </a:cxn>
                    <a:cxn ang="T181">
                      <a:pos x="T110" y="T111"/>
                    </a:cxn>
                    <a:cxn ang="T182">
                      <a:pos x="T112" y="T113"/>
                    </a:cxn>
                    <a:cxn ang="T183">
                      <a:pos x="T114" y="T115"/>
                    </a:cxn>
                    <a:cxn ang="T184">
                      <a:pos x="T116" y="T117"/>
                    </a:cxn>
                    <a:cxn ang="T185">
                      <a:pos x="T118" y="T119"/>
                    </a:cxn>
                    <a:cxn ang="T186">
                      <a:pos x="T120" y="T121"/>
                    </a:cxn>
                    <a:cxn ang="T187">
                      <a:pos x="T122" y="T123"/>
                    </a:cxn>
                    <a:cxn ang="T188">
                      <a:pos x="T124" y="T125"/>
                    </a:cxn>
                  </a:cxnLst>
                  <a:rect l="T189" t="T190" r="T191" b="T192"/>
                  <a:pathLst>
                    <a:path w="95" h="174">
                      <a:moveTo>
                        <a:pt x="34" y="32"/>
                      </a:moveTo>
                      <a:lnTo>
                        <a:pt x="0" y="0"/>
                      </a:lnTo>
                      <a:lnTo>
                        <a:pt x="2" y="7"/>
                      </a:lnTo>
                      <a:lnTo>
                        <a:pt x="29" y="37"/>
                      </a:lnTo>
                      <a:lnTo>
                        <a:pt x="27" y="40"/>
                      </a:lnTo>
                      <a:lnTo>
                        <a:pt x="25" y="40"/>
                      </a:lnTo>
                      <a:lnTo>
                        <a:pt x="24" y="39"/>
                      </a:lnTo>
                      <a:lnTo>
                        <a:pt x="20" y="39"/>
                      </a:lnTo>
                      <a:lnTo>
                        <a:pt x="17" y="37"/>
                      </a:lnTo>
                      <a:lnTo>
                        <a:pt x="15" y="37"/>
                      </a:lnTo>
                      <a:lnTo>
                        <a:pt x="15" y="39"/>
                      </a:lnTo>
                      <a:lnTo>
                        <a:pt x="17" y="42"/>
                      </a:lnTo>
                      <a:lnTo>
                        <a:pt x="24" y="49"/>
                      </a:lnTo>
                      <a:lnTo>
                        <a:pt x="25" y="49"/>
                      </a:lnTo>
                      <a:lnTo>
                        <a:pt x="29" y="49"/>
                      </a:lnTo>
                      <a:lnTo>
                        <a:pt x="32" y="47"/>
                      </a:lnTo>
                      <a:lnTo>
                        <a:pt x="34" y="45"/>
                      </a:lnTo>
                      <a:lnTo>
                        <a:pt x="36" y="45"/>
                      </a:lnTo>
                      <a:lnTo>
                        <a:pt x="37" y="47"/>
                      </a:lnTo>
                      <a:lnTo>
                        <a:pt x="39" y="49"/>
                      </a:lnTo>
                      <a:lnTo>
                        <a:pt x="41" y="54"/>
                      </a:lnTo>
                      <a:lnTo>
                        <a:pt x="41" y="61"/>
                      </a:lnTo>
                      <a:lnTo>
                        <a:pt x="42" y="73"/>
                      </a:lnTo>
                      <a:lnTo>
                        <a:pt x="42" y="89"/>
                      </a:lnTo>
                      <a:lnTo>
                        <a:pt x="42" y="91"/>
                      </a:lnTo>
                      <a:lnTo>
                        <a:pt x="44" y="93"/>
                      </a:lnTo>
                      <a:lnTo>
                        <a:pt x="46" y="96"/>
                      </a:lnTo>
                      <a:lnTo>
                        <a:pt x="47" y="101"/>
                      </a:lnTo>
                      <a:lnTo>
                        <a:pt x="47" y="105"/>
                      </a:lnTo>
                      <a:lnTo>
                        <a:pt x="49" y="108"/>
                      </a:lnTo>
                      <a:lnTo>
                        <a:pt x="51" y="110"/>
                      </a:lnTo>
                      <a:lnTo>
                        <a:pt x="51" y="111"/>
                      </a:lnTo>
                      <a:lnTo>
                        <a:pt x="69" y="135"/>
                      </a:lnTo>
                      <a:lnTo>
                        <a:pt x="88" y="174"/>
                      </a:lnTo>
                      <a:lnTo>
                        <a:pt x="95" y="171"/>
                      </a:lnTo>
                      <a:lnTo>
                        <a:pt x="73" y="133"/>
                      </a:lnTo>
                      <a:lnTo>
                        <a:pt x="73" y="132"/>
                      </a:lnTo>
                      <a:lnTo>
                        <a:pt x="71" y="132"/>
                      </a:lnTo>
                      <a:lnTo>
                        <a:pt x="69" y="130"/>
                      </a:lnTo>
                      <a:lnTo>
                        <a:pt x="68" y="127"/>
                      </a:lnTo>
                      <a:lnTo>
                        <a:pt x="66" y="123"/>
                      </a:lnTo>
                      <a:lnTo>
                        <a:pt x="63" y="120"/>
                      </a:lnTo>
                      <a:lnTo>
                        <a:pt x="61" y="117"/>
                      </a:lnTo>
                      <a:lnTo>
                        <a:pt x="58" y="111"/>
                      </a:lnTo>
                      <a:lnTo>
                        <a:pt x="56" y="106"/>
                      </a:lnTo>
                      <a:lnTo>
                        <a:pt x="52" y="101"/>
                      </a:lnTo>
                      <a:lnTo>
                        <a:pt x="51" y="96"/>
                      </a:lnTo>
                      <a:lnTo>
                        <a:pt x="49" y="89"/>
                      </a:lnTo>
                      <a:lnTo>
                        <a:pt x="47" y="83"/>
                      </a:lnTo>
                      <a:lnTo>
                        <a:pt x="47" y="78"/>
                      </a:lnTo>
                      <a:lnTo>
                        <a:pt x="47" y="71"/>
                      </a:lnTo>
                      <a:lnTo>
                        <a:pt x="49" y="64"/>
                      </a:lnTo>
                      <a:lnTo>
                        <a:pt x="49" y="62"/>
                      </a:lnTo>
                      <a:lnTo>
                        <a:pt x="49" y="61"/>
                      </a:lnTo>
                      <a:lnTo>
                        <a:pt x="47" y="57"/>
                      </a:lnTo>
                      <a:lnTo>
                        <a:pt x="47" y="54"/>
                      </a:lnTo>
                      <a:lnTo>
                        <a:pt x="46" y="52"/>
                      </a:lnTo>
                      <a:lnTo>
                        <a:pt x="46" y="49"/>
                      </a:lnTo>
                      <a:lnTo>
                        <a:pt x="44" y="47"/>
                      </a:lnTo>
                      <a:lnTo>
                        <a:pt x="39" y="39"/>
                      </a:lnTo>
                      <a:lnTo>
                        <a:pt x="34" y="32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27" name="Freeform 20"/>
                <p:cNvSpPr>
                  <a:spLocks/>
                </p:cNvSpPr>
                <p:nvPr/>
              </p:nvSpPr>
              <p:spPr bwMode="auto">
                <a:xfrm>
                  <a:off x="4568" y="3099"/>
                  <a:ext cx="95" cy="174"/>
                </a:xfrm>
                <a:custGeom>
                  <a:avLst/>
                  <a:gdLst>
                    <a:gd name="T0" fmla="*/ 0 w 95"/>
                    <a:gd name="T1" fmla="*/ 0 h 174"/>
                    <a:gd name="T2" fmla="*/ 29 w 95"/>
                    <a:gd name="T3" fmla="*/ 37 h 174"/>
                    <a:gd name="T4" fmla="*/ 27 w 95"/>
                    <a:gd name="T5" fmla="*/ 40 h 174"/>
                    <a:gd name="T6" fmla="*/ 24 w 95"/>
                    <a:gd name="T7" fmla="*/ 39 h 174"/>
                    <a:gd name="T8" fmla="*/ 17 w 95"/>
                    <a:gd name="T9" fmla="*/ 37 h 174"/>
                    <a:gd name="T10" fmla="*/ 15 w 95"/>
                    <a:gd name="T11" fmla="*/ 39 h 174"/>
                    <a:gd name="T12" fmla="*/ 24 w 95"/>
                    <a:gd name="T13" fmla="*/ 49 h 174"/>
                    <a:gd name="T14" fmla="*/ 25 w 95"/>
                    <a:gd name="T15" fmla="*/ 49 h 174"/>
                    <a:gd name="T16" fmla="*/ 32 w 95"/>
                    <a:gd name="T17" fmla="*/ 47 h 174"/>
                    <a:gd name="T18" fmla="*/ 34 w 95"/>
                    <a:gd name="T19" fmla="*/ 45 h 174"/>
                    <a:gd name="T20" fmla="*/ 36 w 95"/>
                    <a:gd name="T21" fmla="*/ 45 h 174"/>
                    <a:gd name="T22" fmla="*/ 39 w 95"/>
                    <a:gd name="T23" fmla="*/ 49 h 174"/>
                    <a:gd name="T24" fmla="*/ 41 w 95"/>
                    <a:gd name="T25" fmla="*/ 61 h 174"/>
                    <a:gd name="T26" fmla="*/ 42 w 95"/>
                    <a:gd name="T27" fmla="*/ 89 h 174"/>
                    <a:gd name="T28" fmla="*/ 42 w 95"/>
                    <a:gd name="T29" fmla="*/ 91 h 174"/>
                    <a:gd name="T30" fmla="*/ 46 w 95"/>
                    <a:gd name="T31" fmla="*/ 96 h 174"/>
                    <a:gd name="T32" fmla="*/ 47 w 95"/>
                    <a:gd name="T33" fmla="*/ 105 h 174"/>
                    <a:gd name="T34" fmla="*/ 51 w 95"/>
                    <a:gd name="T35" fmla="*/ 110 h 174"/>
                    <a:gd name="T36" fmla="*/ 69 w 95"/>
                    <a:gd name="T37" fmla="*/ 135 h 174"/>
                    <a:gd name="T38" fmla="*/ 95 w 95"/>
                    <a:gd name="T39" fmla="*/ 171 h 174"/>
                    <a:gd name="T40" fmla="*/ 73 w 95"/>
                    <a:gd name="T41" fmla="*/ 133 h 174"/>
                    <a:gd name="T42" fmla="*/ 71 w 95"/>
                    <a:gd name="T43" fmla="*/ 132 h 174"/>
                    <a:gd name="T44" fmla="*/ 68 w 95"/>
                    <a:gd name="T45" fmla="*/ 127 h 174"/>
                    <a:gd name="T46" fmla="*/ 63 w 95"/>
                    <a:gd name="T47" fmla="*/ 120 h 174"/>
                    <a:gd name="T48" fmla="*/ 58 w 95"/>
                    <a:gd name="T49" fmla="*/ 111 h 174"/>
                    <a:gd name="T50" fmla="*/ 52 w 95"/>
                    <a:gd name="T51" fmla="*/ 101 h 174"/>
                    <a:gd name="T52" fmla="*/ 49 w 95"/>
                    <a:gd name="T53" fmla="*/ 89 h 174"/>
                    <a:gd name="T54" fmla="*/ 47 w 95"/>
                    <a:gd name="T55" fmla="*/ 78 h 174"/>
                    <a:gd name="T56" fmla="*/ 49 w 95"/>
                    <a:gd name="T57" fmla="*/ 64 h 174"/>
                    <a:gd name="T58" fmla="*/ 49 w 95"/>
                    <a:gd name="T59" fmla="*/ 62 h 174"/>
                    <a:gd name="T60" fmla="*/ 47 w 95"/>
                    <a:gd name="T61" fmla="*/ 57 h 174"/>
                    <a:gd name="T62" fmla="*/ 46 w 95"/>
                    <a:gd name="T63" fmla="*/ 52 h 174"/>
                    <a:gd name="T64" fmla="*/ 44 w 95"/>
                    <a:gd name="T65" fmla="*/ 47 h 174"/>
                    <a:gd name="T66" fmla="*/ 39 w 95"/>
                    <a:gd name="T67" fmla="*/ 39 h 174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w 95"/>
                    <a:gd name="T103" fmla="*/ 0 h 174"/>
                    <a:gd name="T104" fmla="*/ 95 w 95"/>
                    <a:gd name="T105" fmla="*/ 174 h 174"/>
                  </a:gdLst>
                  <a:ahLst/>
                  <a:cxnLst>
                    <a:cxn ang="T68">
                      <a:pos x="T0" y="T1"/>
                    </a:cxn>
                    <a:cxn ang="T69">
                      <a:pos x="T2" y="T3"/>
                    </a:cxn>
                    <a:cxn ang="T70">
                      <a:pos x="T4" y="T5"/>
                    </a:cxn>
                    <a:cxn ang="T71">
                      <a:pos x="T6" y="T7"/>
                    </a:cxn>
                    <a:cxn ang="T72">
                      <a:pos x="T8" y="T9"/>
                    </a:cxn>
                    <a:cxn ang="T73">
                      <a:pos x="T10" y="T11"/>
                    </a:cxn>
                    <a:cxn ang="T74">
                      <a:pos x="T12" y="T13"/>
                    </a:cxn>
                    <a:cxn ang="T75">
                      <a:pos x="T14" y="T15"/>
                    </a:cxn>
                    <a:cxn ang="T76">
                      <a:pos x="T16" y="T17"/>
                    </a:cxn>
                    <a:cxn ang="T77">
                      <a:pos x="T18" y="T19"/>
                    </a:cxn>
                    <a:cxn ang="T78">
                      <a:pos x="T20" y="T21"/>
                    </a:cxn>
                    <a:cxn ang="T79">
                      <a:pos x="T22" y="T23"/>
                    </a:cxn>
                    <a:cxn ang="T80">
                      <a:pos x="T24" y="T25"/>
                    </a:cxn>
                    <a:cxn ang="T81">
                      <a:pos x="T26" y="T27"/>
                    </a:cxn>
                    <a:cxn ang="T82">
                      <a:pos x="T28" y="T29"/>
                    </a:cxn>
                    <a:cxn ang="T83">
                      <a:pos x="T30" y="T31"/>
                    </a:cxn>
                    <a:cxn ang="T84">
                      <a:pos x="T32" y="T33"/>
                    </a:cxn>
                    <a:cxn ang="T85">
                      <a:pos x="T34" y="T35"/>
                    </a:cxn>
                    <a:cxn ang="T86">
                      <a:pos x="T36" y="T37"/>
                    </a:cxn>
                    <a:cxn ang="T87">
                      <a:pos x="T38" y="T39"/>
                    </a:cxn>
                    <a:cxn ang="T88">
                      <a:pos x="T40" y="T41"/>
                    </a:cxn>
                    <a:cxn ang="T89">
                      <a:pos x="T42" y="T43"/>
                    </a:cxn>
                    <a:cxn ang="T90">
                      <a:pos x="T44" y="T45"/>
                    </a:cxn>
                    <a:cxn ang="T91">
                      <a:pos x="T46" y="T47"/>
                    </a:cxn>
                    <a:cxn ang="T92">
                      <a:pos x="T48" y="T49"/>
                    </a:cxn>
                    <a:cxn ang="T93">
                      <a:pos x="T50" y="T51"/>
                    </a:cxn>
                    <a:cxn ang="T94">
                      <a:pos x="T52" y="T53"/>
                    </a:cxn>
                    <a:cxn ang="T95">
                      <a:pos x="T54" y="T55"/>
                    </a:cxn>
                    <a:cxn ang="T96">
                      <a:pos x="T56" y="T57"/>
                    </a:cxn>
                    <a:cxn ang="T97">
                      <a:pos x="T58" y="T59"/>
                    </a:cxn>
                    <a:cxn ang="T98">
                      <a:pos x="T60" y="T61"/>
                    </a:cxn>
                    <a:cxn ang="T99">
                      <a:pos x="T62" y="T63"/>
                    </a:cxn>
                    <a:cxn ang="T100">
                      <a:pos x="T64" y="T65"/>
                    </a:cxn>
                    <a:cxn ang="T101">
                      <a:pos x="T66" y="T67"/>
                    </a:cxn>
                  </a:cxnLst>
                  <a:rect l="T102" t="T103" r="T104" b="T105"/>
                  <a:pathLst>
                    <a:path w="95" h="174">
                      <a:moveTo>
                        <a:pt x="34" y="32"/>
                      </a:moveTo>
                      <a:lnTo>
                        <a:pt x="0" y="0"/>
                      </a:lnTo>
                      <a:lnTo>
                        <a:pt x="2" y="7"/>
                      </a:lnTo>
                      <a:lnTo>
                        <a:pt x="29" y="37"/>
                      </a:lnTo>
                      <a:lnTo>
                        <a:pt x="27" y="40"/>
                      </a:lnTo>
                      <a:lnTo>
                        <a:pt x="25" y="40"/>
                      </a:lnTo>
                      <a:lnTo>
                        <a:pt x="24" y="39"/>
                      </a:lnTo>
                      <a:lnTo>
                        <a:pt x="20" y="39"/>
                      </a:lnTo>
                      <a:lnTo>
                        <a:pt x="17" y="37"/>
                      </a:lnTo>
                      <a:lnTo>
                        <a:pt x="15" y="37"/>
                      </a:lnTo>
                      <a:lnTo>
                        <a:pt x="15" y="39"/>
                      </a:lnTo>
                      <a:lnTo>
                        <a:pt x="17" y="42"/>
                      </a:lnTo>
                      <a:lnTo>
                        <a:pt x="24" y="49"/>
                      </a:lnTo>
                      <a:lnTo>
                        <a:pt x="25" y="49"/>
                      </a:lnTo>
                      <a:lnTo>
                        <a:pt x="29" y="49"/>
                      </a:lnTo>
                      <a:lnTo>
                        <a:pt x="32" y="47"/>
                      </a:lnTo>
                      <a:lnTo>
                        <a:pt x="34" y="45"/>
                      </a:lnTo>
                      <a:lnTo>
                        <a:pt x="36" y="45"/>
                      </a:lnTo>
                      <a:lnTo>
                        <a:pt x="37" y="47"/>
                      </a:lnTo>
                      <a:lnTo>
                        <a:pt x="39" y="49"/>
                      </a:lnTo>
                      <a:lnTo>
                        <a:pt x="41" y="54"/>
                      </a:lnTo>
                      <a:lnTo>
                        <a:pt x="41" y="61"/>
                      </a:lnTo>
                      <a:lnTo>
                        <a:pt x="42" y="73"/>
                      </a:lnTo>
                      <a:lnTo>
                        <a:pt x="42" y="89"/>
                      </a:lnTo>
                      <a:lnTo>
                        <a:pt x="42" y="91"/>
                      </a:lnTo>
                      <a:lnTo>
                        <a:pt x="44" y="93"/>
                      </a:lnTo>
                      <a:lnTo>
                        <a:pt x="46" y="96"/>
                      </a:lnTo>
                      <a:lnTo>
                        <a:pt x="47" y="101"/>
                      </a:lnTo>
                      <a:lnTo>
                        <a:pt x="47" y="105"/>
                      </a:lnTo>
                      <a:lnTo>
                        <a:pt x="49" y="108"/>
                      </a:lnTo>
                      <a:lnTo>
                        <a:pt x="51" y="110"/>
                      </a:lnTo>
                      <a:lnTo>
                        <a:pt x="51" y="111"/>
                      </a:lnTo>
                      <a:lnTo>
                        <a:pt x="69" y="135"/>
                      </a:lnTo>
                      <a:lnTo>
                        <a:pt x="88" y="174"/>
                      </a:lnTo>
                      <a:lnTo>
                        <a:pt x="95" y="171"/>
                      </a:lnTo>
                      <a:lnTo>
                        <a:pt x="73" y="133"/>
                      </a:lnTo>
                      <a:lnTo>
                        <a:pt x="73" y="132"/>
                      </a:lnTo>
                      <a:lnTo>
                        <a:pt x="71" y="132"/>
                      </a:lnTo>
                      <a:lnTo>
                        <a:pt x="69" y="130"/>
                      </a:lnTo>
                      <a:lnTo>
                        <a:pt x="68" y="127"/>
                      </a:lnTo>
                      <a:lnTo>
                        <a:pt x="66" y="123"/>
                      </a:lnTo>
                      <a:lnTo>
                        <a:pt x="63" y="120"/>
                      </a:lnTo>
                      <a:lnTo>
                        <a:pt x="61" y="117"/>
                      </a:lnTo>
                      <a:lnTo>
                        <a:pt x="58" y="111"/>
                      </a:lnTo>
                      <a:lnTo>
                        <a:pt x="56" y="106"/>
                      </a:lnTo>
                      <a:lnTo>
                        <a:pt x="52" y="101"/>
                      </a:lnTo>
                      <a:lnTo>
                        <a:pt x="51" y="96"/>
                      </a:lnTo>
                      <a:lnTo>
                        <a:pt x="49" y="89"/>
                      </a:lnTo>
                      <a:lnTo>
                        <a:pt x="47" y="83"/>
                      </a:lnTo>
                      <a:lnTo>
                        <a:pt x="47" y="78"/>
                      </a:lnTo>
                      <a:lnTo>
                        <a:pt x="47" y="71"/>
                      </a:lnTo>
                      <a:lnTo>
                        <a:pt x="49" y="64"/>
                      </a:lnTo>
                      <a:lnTo>
                        <a:pt x="49" y="62"/>
                      </a:lnTo>
                      <a:lnTo>
                        <a:pt x="49" y="61"/>
                      </a:lnTo>
                      <a:lnTo>
                        <a:pt x="47" y="57"/>
                      </a:lnTo>
                      <a:lnTo>
                        <a:pt x="47" y="54"/>
                      </a:lnTo>
                      <a:lnTo>
                        <a:pt x="46" y="52"/>
                      </a:lnTo>
                      <a:lnTo>
                        <a:pt x="46" y="49"/>
                      </a:lnTo>
                      <a:lnTo>
                        <a:pt x="44" y="47"/>
                      </a:lnTo>
                      <a:lnTo>
                        <a:pt x="39" y="39"/>
                      </a:lnTo>
                      <a:lnTo>
                        <a:pt x="34" y="32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28" name="Freeform 21"/>
                <p:cNvSpPr>
                  <a:spLocks/>
                </p:cNvSpPr>
                <p:nvPr/>
              </p:nvSpPr>
              <p:spPr bwMode="auto">
                <a:xfrm>
                  <a:off x="4595" y="3150"/>
                  <a:ext cx="12" cy="37"/>
                </a:xfrm>
                <a:custGeom>
                  <a:avLst/>
                  <a:gdLst>
                    <a:gd name="T0" fmla="*/ 10 w 12"/>
                    <a:gd name="T1" fmla="*/ 10 h 37"/>
                    <a:gd name="T2" fmla="*/ 10 w 12"/>
                    <a:gd name="T3" fmla="*/ 8 h 37"/>
                    <a:gd name="T4" fmla="*/ 9 w 12"/>
                    <a:gd name="T5" fmla="*/ 6 h 37"/>
                    <a:gd name="T6" fmla="*/ 9 w 12"/>
                    <a:gd name="T7" fmla="*/ 3 h 37"/>
                    <a:gd name="T8" fmla="*/ 9 w 12"/>
                    <a:gd name="T9" fmla="*/ 1 h 37"/>
                    <a:gd name="T10" fmla="*/ 7 w 12"/>
                    <a:gd name="T11" fmla="*/ 0 h 37"/>
                    <a:gd name="T12" fmla="*/ 5 w 12"/>
                    <a:gd name="T13" fmla="*/ 0 h 37"/>
                    <a:gd name="T14" fmla="*/ 2 w 12"/>
                    <a:gd name="T15" fmla="*/ 3 h 37"/>
                    <a:gd name="T16" fmla="*/ 0 w 12"/>
                    <a:gd name="T17" fmla="*/ 10 h 37"/>
                    <a:gd name="T18" fmla="*/ 0 w 12"/>
                    <a:gd name="T19" fmla="*/ 11 h 37"/>
                    <a:gd name="T20" fmla="*/ 0 w 12"/>
                    <a:gd name="T21" fmla="*/ 13 h 37"/>
                    <a:gd name="T22" fmla="*/ 2 w 12"/>
                    <a:gd name="T23" fmla="*/ 15 h 37"/>
                    <a:gd name="T24" fmla="*/ 2 w 12"/>
                    <a:gd name="T25" fmla="*/ 18 h 37"/>
                    <a:gd name="T26" fmla="*/ 3 w 12"/>
                    <a:gd name="T27" fmla="*/ 20 h 37"/>
                    <a:gd name="T28" fmla="*/ 3 w 12"/>
                    <a:gd name="T29" fmla="*/ 22 h 37"/>
                    <a:gd name="T30" fmla="*/ 5 w 12"/>
                    <a:gd name="T31" fmla="*/ 23 h 37"/>
                    <a:gd name="T32" fmla="*/ 5 w 12"/>
                    <a:gd name="T33" fmla="*/ 25 h 37"/>
                    <a:gd name="T34" fmla="*/ 12 w 12"/>
                    <a:gd name="T35" fmla="*/ 37 h 37"/>
                    <a:gd name="T36" fmla="*/ 10 w 12"/>
                    <a:gd name="T37" fmla="*/ 10 h 37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w 12"/>
                    <a:gd name="T58" fmla="*/ 0 h 37"/>
                    <a:gd name="T59" fmla="*/ 12 w 12"/>
                    <a:gd name="T60" fmla="*/ 37 h 37"/>
                  </a:gdLst>
                  <a:ahLst/>
                  <a:cxnLst>
                    <a:cxn ang="T38">
                      <a:pos x="T0" y="T1"/>
                    </a:cxn>
                    <a:cxn ang="T39">
                      <a:pos x="T2" y="T3"/>
                    </a:cxn>
                    <a:cxn ang="T40">
                      <a:pos x="T4" y="T5"/>
                    </a:cxn>
                    <a:cxn ang="T41">
                      <a:pos x="T6" y="T7"/>
                    </a:cxn>
                    <a:cxn ang="T42">
                      <a:pos x="T8" y="T9"/>
                    </a:cxn>
                    <a:cxn ang="T43">
                      <a:pos x="T10" y="T11"/>
                    </a:cxn>
                    <a:cxn ang="T44">
                      <a:pos x="T12" y="T13"/>
                    </a:cxn>
                    <a:cxn ang="T45">
                      <a:pos x="T14" y="T15"/>
                    </a:cxn>
                    <a:cxn ang="T46">
                      <a:pos x="T16" y="T17"/>
                    </a:cxn>
                    <a:cxn ang="T47">
                      <a:pos x="T18" y="T19"/>
                    </a:cxn>
                    <a:cxn ang="T48">
                      <a:pos x="T20" y="T21"/>
                    </a:cxn>
                    <a:cxn ang="T49">
                      <a:pos x="T22" y="T23"/>
                    </a:cxn>
                    <a:cxn ang="T50">
                      <a:pos x="T24" y="T25"/>
                    </a:cxn>
                    <a:cxn ang="T51">
                      <a:pos x="T26" y="T27"/>
                    </a:cxn>
                    <a:cxn ang="T52">
                      <a:pos x="T28" y="T29"/>
                    </a:cxn>
                    <a:cxn ang="T53">
                      <a:pos x="T30" y="T31"/>
                    </a:cxn>
                    <a:cxn ang="T54">
                      <a:pos x="T32" y="T33"/>
                    </a:cxn>
                    <a:cxn ang="T55">
                      <a:pos x="T34" y="T35"/>
                    </a:cxn>
                    <a:cxn ang="T56">
                      <a:pos x="T36" y="T37"/>
                    </a:cxn>
                  </a:cxnLst>
                  <a:rect l="T57" t="T58" r="T59" b="T60"/>
                  <a:pathLst>
                    <a:path w="12" h="37">
                      <a:moveTo>
                        <a:pt x="10" y="10"/>
                      </a:moveTo>
                      <a:lnTo>
                        <a:pt x="10" y="8"/>
                      </a:lnTo>
                      <a:lnTo>
                        <a:pt x="9" y="6"/>
                      </a:lnTo>
                      <a:lnTo>
                        <a:pt x="9" y="3"/>
                      </a:lnTo>
                      <a:lnTo>
                        <a:pt x="9" y="1"/>
                      </a:lnTo>
                      <a:lnTo>
                        <a:pt x="7" y="0"/>
                      </a:lnTo>
                      <a:lnTo>
                        <a:pt x="5" y="0"/>
                      </a:lnTo>
                      <a:lnTo>
                        <a:pt x="2" y="3"/>
                      </a:lnTo>
                      <a:lnTo>
                        <a:pt x="0" y="10"/>
                      </a:lnTo>
                      <a:lnTo>
                        <a:pt x="0" y="11"/>
                      </a:lnTo>
                      <a:lnTo>
                        <a:pt x="0" y="13"/>
                      </a:lnTo>
                      <a:lnTo>
                        <a:pt x="2" y="15"/>
                      </a:lnTo>
                      <a:lnTo>
                        <a:pt x="2" y="18"/>
                      </a:lnTo>
                      <a:lnTo>
                        <a:pt x="3" y="20"/>
                      </a:lnTo>
                      <a:lnTo>
                        <a:pt x="3" y="22"/>
                      </a:lnTo>
                      <a:lnTo>
                        <a:pt x="5" y="23"/>
                      </a:lnTo>
                      <a:lnTo>
                        <a:pt x="5" y="25"/>
                      </a:lnTo>
                      <a:lnTo>
                        <a:pt x="12" y="37"/>
                      </a:lnTo>
                      <a:lnTo>
                        <a:pt x="10" y="10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29" name="Freeform 22"/>
                <p:cNvSpPr>
                  <a:spLocks/>
                </p:cNvSpPr>
                <p:nvPr/>
              </p:nvSpPr>
              <p:spPr bwMode="auto">
                <a:xfrm>
                  <a:off x="4595" y="3150"/>
                  <a:ext cx="12" cy="37"/>
                </a:xfrm>
                <a:custGeom>
                  <a:avLst/>
                  <a:gdLst>
                    <a:gd name="T0" fmla="*/ 10 w 12"/>
                    <a:gd name="T1" fmla="*/ 10 h 37"/>
                    <a:gd name="T2" fmla="*/ 10 w 12"/>
                    <a:gd name="T3" fmla="*/ 10 h 37"/>
                    <a:gd name="T4" fmla="*/ 10 w 12"/>
                    <a:gd name="T5" fmla="*/ 8 h 37"/>
                    <a:gd name="T6" fmla="*/ 9 w 12"/>
                    <a:gd name="T7" fmla="*/ 6 h 37"/>
                    <a:gd name="T8" fmla="*/ 9 w 12"/>
                    <a:gd name="T9" fmla="*/ 3 h 37"/>
                    <a:gd name="T10" fmla="*/ 9 w 12"/>
                    <a:gd name="T11" fmla="*/ 1 h 37"/>
                    <a:gd name="T12" fmla="*/ 7 w 12"/>
                    <a:gd name="T13" fmla="*/ 0 h 37"/>
                    <a:gd name="T14" fmla="*/ 5 w 12"/>
                    <a:gd name="T15" fmla="*/ 0 h 37"/>
                    <a:gd name="T16" fmla="*/ 2 w 12"/>
                    <a:gd name="T17" fmla="*/ 3 h 37"/>
                    <a:gd name="T18" fmla="*/ 0 w 12"/>
                    <a:gd name="T19" fmla="*/ 10 h 37"/>
                    <a:gd name="T20" fmla="*/ 0 w 12"/>
                    <a:gd name="T21" fmla="*/ 10 h 37"/>
                    <a:gd name="T22" fmla="*/ 0 w 12"/>
                    <a:gd name="T23" fmla="*/ 11 h 37"/>
                    <a:gd name="T24" fmla="*/ 0 w 12"/>
                    <a:gd name="T25" fmla="*/ 13 h 37"/>
                    <a:gd name="T26" fmla="*/ 2 w 12"/>
                    <a:gd name="T27" fmla="*/ 15 h 37"/>
                    <a:gd name="T28" fmla="*/ 2 w 12"/>
                    <a:gd name="T29" fmla="*/ 18 h 37"/>
                    <a:gd name="T30" fmla="*/ 3 w 12"/>
                    <a:gd name="T31" fmla="*/ 20 h 37"/>
                    <a:gd name="T32" fmla="*/ 3 w 12"/>
                    <a:gd name="T33" fmla="*/ 22 h 37"/>
                    <a:gd name="T34" fmla="*/ 5 w 12"/>
                    <a:gd name="T35" fmla="*/ 23 h 37"/>
                    <a:gd name="T36" fmla="*/ 5 w 12"/>
                    <a:gd name="T37" fmla="*/ 25 h 37"/>
                    <a:gd name="T38" fmla="*/ 12 w 12"/>
                    <a:gd name="T39" fmla="*/ 37 h 37"/>
                    <a:gd name="T40" fmla="*/ 10 w 12"/>
                    <a:gd name="T41" fmla="*/ 10 h 37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2"/>
                    <a:gd name="T64" fmla="*/ 0 h 37"/>
                    <a:gd name="T65" fmla="*/ 12 w 12"/>
                    <a:gd name="T66" fmla="*/ 37 h 37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2" h="37">
                      <a:moveTo>
                        <a:pt x="10" y="10"/>
                      </a:moveTo>
                      <a:lnTo>
                        <a:pt x="10" y="10"/>
                      </a:lnTo>
                      <a:lnTo>
                        <a:pt x="10" y="8"/>
                      </a:lnTo>
                      <a:lnTo>
                        <a:pt x="9" y="6"/>
                      </a:lnTo>
                      <a:lnTo>
                        <a:pt x="9" y="3"/>
                      </a:lnTo>
                      <a:lnTo>
                        <a:pt x="9" y="1"/>
                      </a:lnTo>
                      <a:lnTo>
                        <a:pt x="7" y="0"/>
                      </a:lnTo>
                      <a:lnTo>
                        <a:pt x="5" y="0"/>
                      </a:lnTo>
                      <a:lnTo>
                        <a:pt x="2" y="3"/>
                      </a:lnTo>
                      <a:lnTo>
                        <a:pt x="0" y="10"/>
                      </a:lnTo>
                      <a:lnTo>
                        <a:pt x="0" y="11"/>
                      </a:lnTo>
                      <a:lnTo>
                        <a:pt x="0" y="13"/>
                      </a:lnTo>
                      <a:lnTo>
                        <a:pt x="2" y="15"/>
                      </a:lnTo>
                      <a:lnTo>
                        <a:pt x="2" y="18"/>
                      </a:lnTo>
                      <a:lnTo>
                        <a:pt x="3" y="20"/>
                      </a:lnTo>
                      <a:lnTo>
                        <a:pt x="3" y="22"/>
                      </a:lnTo>
                      <a:lnTo>
                        <a:pt x="5" y="23"/>
                      </a:lnTo>
                      <a:lnTo>
                        <a:pt x="5" y="25"/>
                      </a:lnTo>
                      <a:lnTo>
                        <a:pt x="12" y="37"/>
                      </a:lnTo>
                      <a:lnTo>
                        <a:pt x="10" y="10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30" name="Freeform 23"/>
                <p:cNvSpPr>
                  <a:spLocks/>
                </p:cNvSpPr>
                <p:nvPr/>
              </p:nvSpPr>
              <p:spPr bwMode="auto">
                <a:xfrm>
                  <a:off x="4673" y="3539"/>
                  <a:ext cx="35" cy="61"/>
                </a:xfrm>
                <a:custGeom>
                  <a:avLst/>
                  <a:gdLst>
                    <a:gd name="T0" fmla="*/ 35 w 35"/>
                    <a:gd name="T1" fmla="*/ 0 h 61"/>
                    <a:gd name="T2" fmla="*/ 35 w 35"/>
                    <a:gd name="T3" fmla="*/ 0 h 61"/>
                    <a:gd name="T4" fmla="*/ 35 w 35"/>
                    <a:gd name="T5" fmla="*/ 1 h 61"/>
                    <a:gd name="T6" fmla="*/ 35 w 35"/>
                    <a:gd name="T7" fmla="*/ 3 h 61"/>
                    <a:gd name="T8" fmla="*/ 35 w 35"/>
                    <a:gd name="T9" fmla="*/ 5 h 61"/>
                    <a:gd name="T10" fmla="*/ 34 w 35"/>
                    <a:gd name="T11" fmla="*/ 8 h 61"/>
                    <a:gd name="T12" fmla="*/ 34 w 35"/>
                    <a:gd name="T13" fmla="*/ 12 h 61"/>
                    <a:gd name="T14" fmla="*/ 32 w 35"/>
                    <a:gd name="T15" fmla="*/ 15 h 61"/>
                    <a:gd name="T16" fmla="*/ 30 w 35"/>
                    <a:gd name="T17" fmla="*/ 20 h 61"/>
                    <a:gd name="T18" fmla="*/ 29 w 35"/>
                    <a:gd name="T19" fmla="*/ 23 h 61"/>
                    <a:gd name="T20" fmla="*/ 27 w 35"/>
                    <a:gd name="T21" fmla="*/ 29 h 61"/>
                    <a:gd name="T22" fmla="*/ 24 w 35"/>
                    <a:gd name="T23" fmla="*/ 34 h 61"/>
                    <a:gd name="T24" fmla="*/ 20 w 35"/>
                    <a:gd name="T25" fmla="*/ 39 h 61"/>
                    <a:gd name="T26" fmla="*/ 17 w 35"/>
                    <a:gd name="T27" fmla="*/ 44 h 61"/>
                    <a:gd name="T28" fmla="*/ 12 w 35"/>
                    <a:gd name="T29" fmla="*/ 49 h 61"/>
                    <a:gd name="T30" fmla="*/ 7 w 35"/>
                    <a:gd name="T31" fmla="*/ 56 h 61"/>
                    <a:gd name="T32" fmla="*/ 2 w 35"/>
                    <a:gd name="T33" fmla="*/ 61 h 61"/>
                    <a:gd name="T34" fmla="*/ 0 w 35"/>
                    <a:gd name="T35" fmla="*/ 61 h 61"/>
                    <a:gd name="T36" fmla="*/ 0 w 35"/>
                    <a:gd name="T37" fmla="*/ 59 h 61"/>
                    <a:gd name="T38" fmla="*/ 0 w 35"/>
                    <a:gd name="T39" fmla="*/ 57 h 61"/>
                    <a:gd name="T40" fmla="*/ 0 w 35"/>
                    <a:gd name="T41" fmla="*/ 56 h 61"/>
                    <a:gd name="T42" fmla="*/ 19 w 35"/>
                    <a:gd name="T43" fmla="*/ 35 h 61"/>
                    <a:gd name="T44" fmla="*/ 19 w 35"/>
                    <a:gd name="T45" fmla="*/ 27 h 61"/>
                    <a:gd name="T46" fmla="*/ 19 w 35"/>
                    <a:gd name="T47" fmla="*/ 25 h 61"/>
                    <a:gd name="T48" fmla="*/ 20 w 35"/>
                    <a:gd name="T49" fmla="*/ 25 h 61"/>
                    <a:gd name="T50" fmla="*/ 22 w 35"/>
                    <a:gd name="T51" fmla="*/ 23 h 61"/>
                    <a:gd name="T52" fmla="*/ 24 w 35"/>
                    <a:gd name="T53" fmla="*/ 22 h 61"/>
                    <a:gd name="T54" fmla="*/ 25 w 35"/>
                    <a:gd name="T55" fmla="*/ 18 h 61"/>
                    <a:gd name="T56" fmla="*/ 27 w 35"/>
                    <a:gd name="T57" fmla="*/ 15 h 61"/>
                    <a:gd name="T58" fmla="*/ 29 w 35"/>
                    <a:gd name="T59" fmla="*/ 12 h 61"/>
                    <a:gd name="T60" fmla="*/ 29 w 35"/>
                    <a:gd name="T61" fmla="*/ 5 h 61"/>
                    <a:gd name="T62" fmla="*/ 30 w 35"/>
                    <a:gd name="T63" fmla="*/ 3 h 61"/>
                    <a:gd name="T64" fmla="*/ 32 w 35"/>
                    <a:gd name="T65" fmla="*/ 1 h 61"/>
                    <a:gd name="T66" fmla="*/ 34 w 35"/>
                    <a:gd name="T67" fmla="*/ 0 h 61"/>
                    <a:gd name="T68" fmla="*/ 35 w 35"/>
                    <a:gd name="T69" fmla="*/ 0 h 61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w 35"/>
                    <a:gd name="T106" fmla="*/ 0 h 61"/>
                    <a:gd name="T107" fmla="*/ 35 w 35"/>
                    <a:gd name="T108" fmla="*/ 61 h 61"/>
                  </a:gdLst>
                  <a:ahLst/>
                  <a:cxnLst>
                    <a:cxn ang="T70">
                      <a:pos x="T0" y="T1"/>
                    </a:cxn>
                    <a:cxn ang="T71">
                      <a:pos x="T2" y="T3"/>
                    </a:cxn>
                    <a:cxn ang="T72">
                      <a:pos x="T4" y="T5"/>
                    </a:cxn>
                    <a:cxn ang="T73">
                      <a:pos x="T6" y="T7"/>
                    </a:cxn>
                    <a:cxn ang="T74">
                      <a:pos x="T8" y="T9"/>
                    </a:cxn>
                    <a:cxn ang="T75">
                      <a:pos x="T10" y="T11"/>
                    </a:cxn>
                    <a:cxn ang="T76">
                      <a:pos x="T12" y="T13"/>
                    </a:cxn>
                    <a:cxn ang="T77">
                      <a:pos x="T14" y="T15"/>
                    </a:cxn>
                    <a:cxn ang="T78">
                      <a:pos x="T16" y="T17"/>
                    </a:cxn>
                    <a:cxn ang="T79">
                      <a:pos x="T18" y="T19"/>
                    </a:cxn>
                    <a:cxn ang="T80">
                      <a:pos x="T20" y="T21"/>
                    </a:cxn>
                    <a:cxn ang="T81">
                      <a:pos x="T22" y="T23"/>
                    </a:cxn>
                    <a:cxn ang="T82">
                      <a:pos x="T24" y="T25"/>
                    </a:cxn>
                    <a:cxn ang="T83">
                      <a:pos x="T26" y="T27"/>
                    </a:cxn>
                    <a:cxn ang="T84">
                      <a:pos x="T28" y="T29"/>
                    </a:cxn>
                    <a:cxn ang="T85">
                      <a:pos x="T30" y="T31"/>
                    </a:cxn>
                    <a:cxn ang="T86">
                      <a:pos x="T32" y="T33"/>
                    </a:cxn>
                    <a:cxn ang="T87">
                      <a:pos x="T34" y="T35"/>
                    </a:cxn>
                    <a:cxn ang="T88">
                      <a:pos x="T36" y="T37"/>
                    </a:cxn>
                    <a:cxn ang="T89">
                      <a:pos x="T38" y="T39"/>
                    </a:cxn>
                    <a:cxn ang="T90">
                      <a:pos x="T40" y="T41"/>
                    </a:cxn>
                    <a:cxn ang="T91">
                      <a:pos x="T42" y="T43"/>
                    </a:cxn>
                    <a:cxn ang="T92">
                      <a:pos x="T44" y="T45"/>
                    </a:cxn>
                    <a:cxn ang="T93">
                      <a:pos x="T46" y="T47"/>
                    </a:cxn>
                    <a:cxn ang="T94">
                      <a:pos x="T48" y="T49"/>
                    </a:cxn>
                    <a:cxn ang="T95">
                      <a:pos x="T50" y="T51"/>
                    </a:cxn>
                    <a:cxn ang="T96">
                      <a:pos x="T52" y="T53"/>
                    </a:cxn>
                    <a:cxn ang="T97">
                      <a:pos x="T54" y="T55"/>
                    </a:cxn>
                    <a:cxn ang="T98">
                      <a:pos x="T56" y="T57"/>
                    </a:cxn>
                    <a:cxn ang="T99">
                      <a:pos x="T58" y="T59"/>
                    </a:cxn>
                    <a:cxn ang="T100">
                      <a:pos x="T60" y="T61"/>
                    </a:cxn>
                    <a:cxn ang="T101">
                      <a:pos x="T62" y="T63"/>
                    </a:cxn>
                    <a:cxn ang="T102">
                      <a:pos x="T64" y="T65"/>
                    </a:cxn>
                    <a:cxn ang="T103">
                      <a:pos x="T66" y="T67"/>
                    </a:cxn>
                    <a:cxn ang="T104">
                      <a:pos x="T68" y="T69"/>
                    </a:cxn>
                  </a:cxnLst>
                  <a:rect l="T105" t="T106" r="T107" b="T108"/>
                  <a:pathLst>
                    <a:path w="35" h="61">
                      <a:moveTo>
                        <a:pt x="35" y="0"/>
                      </a:moveTo>
                      <a:lnTo>
                        <a:pt x="35" y="0"/>
                      </a:lnTo>
                      <a:lnTo>
                        <a:pt x="35" y="1"/>
                      </a:lnTo>
                      <a:lnTo>
                        <a:pt x="35" y="3"/>
                      </a:lnTo>
                      <a:lnTo>
                        <a:pt x="35" y="5"/>
                      </a:lnTo>
                      <a:lnTo>
                        <a:pt x="34" y="8"/>
                      </a:lnTo>
                      <a:lnTo>
                        <a:pt x="34" y="12"/>
                      </a:lnTo>
                      <a:lnTo>
                        <a:pt x="32" y="15"/>
                      </a:lnTo>
                      <a:lnTo>
                        <a:pt x="30" y="20"/>
                      </a:lnTo>
                      <a:lnTo>
                        <a:pt x="29" y="23"/>
                      </a:lnTo>
                      <a:lnTo>
                        <a:pt x="27" y="29"/>
                      </a:lnTo>
                      <a:lnTo>
                        <a:pt x="24" y="34"/>
                      </a:lnTo>
                      <a:lnTo>
                        <a:pt x="20" y="39"/>
                      </a:lnTo>
                      <a:lnTo>
                        <a:pt x="17" y="44"/>
                      </a:lnTo>
                      <a:lnTo>
                        <a:pt x="12" y="49"/>
                      </a:lnTo>
                      <a:lnTo>
                        <a:pt x="7" y="56"/>
                      </a:lnTo>
                      <a:lnTo>
                        <a:pt x="2" y="61"/>
                      </a:lnTo>
                      <a:lnTo>
                        <a:pt x="0" y="61"/>
                      </a:lnTo>
                      <a:lnTo>
                        <a:pt x="0" y="59"/>
                      </a:lnTo>
                      <a:lnTo>
                        <a:pt x="0" y="57"/>
                      </a:lnTo>
                      <a:lnTo>
                        <a:pt x="0" y="56"/>
                      </a:lnTo>
                      <a:lnTo>
                        <a:pt x="19" y="35"/>
                      </a:lnTo>
                      <a:lnTo>
                        <a:pt x="19" y="27"/>
                      </a:lnTo>
                      <a:lnTo>
                        <a:pt x="19" y="25"/>
                      </a:lnTo>
                      <a:lnTo>
                        <a:pt x="20" y="25"/>
                      </a:lnTo>
                      <a:lnTo>
                        <a:pt x="22" y="23"/>
                      </a:lnTo>
                      <a:lnTo>
                        <a:pt x="24" y="22"/>
                      </a:lnTo>
                      <a:lnTo>
                        <a:pt x="25" y="18"/>
                      </a:lnTo>
                      <a:lnTo>
                        <a:pt x="27" y="15"/>
                      </a:lnTo>
                      <a:lnTo>
                        <a:pt x="29" y="12"/>
                      </a:lnTo>
                      <a:lnTo>
                        <a:pt x="29" y="5"/>
                      </a:lnTo>
                      <a:lnTo>
                        <a:pt x="30" y="3"/>
                      </a:lnTo>
                      <a:lnTo>
                        <a:pt x="32" y="1"/>
                      </a:lnTo>
                      <a:lnTo>
                        <a:pt x="34" y="0"/>
                      </a:lnTo>
                      <a:lnTo>
                        <a:pt x="35" y="0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31" name="Freeform 24"/>
                <p:cNvSpPr>
                  <a:spLocks/>
                </p:cNvSpPr>
                <p:nvPr/>
              </p:nvSpPr>
              <p:spPr bwMode="auto">
                <a:xfrm>
                  <a:off x="4673" y="3539"/>
                  <a:ext cx="35" cy="61"/>
                </a:xfrm>
                <a:custGeom>
                  <a:avLst/>
                  <a:gdLst>
                    <a:gd name="T0" fmla="*/ 35 w 35"/>
                    <a:gd name="T1" fmla="*/ 0 h 61"/>
                    <a:gd name="T2" fmla="*/ 35 w 35"/>
                    <a:gd name="T3" fmla="*/ 0 h 61"/>
                    <a:gd name="T4" fmla="*/ 35 w 35"/>
                    <a:gd name="T5" fmla="*/ 0 h 61"/>
                    <a:gd name="T6" fmla="*/ 35 w 35"/>
                    <a:gd name="T7" fmla="*/ 1 h 61"/>
                    <a:gd name="T8" fmla="*/ 35 w 35"/>
                    <a:gd name="T9" fmla="*/ 3 h 61"/>
                    <a:gd name="T10" fmla="*/ 35 w 35"/>
                    <a:gd name="T11" fmla="*/ 5 h 61"/>
                    <a:gd name="T12" fmla="*/ 34 w 35"/>
                    <a:gd name="T13" fmla="*/ 8 h 61"/>
                    <a:gd name="T14" fmla="*/ 34 w 35"/>
                    <a:gd name="T15" fmla="*/ 12 h 61"/>
                    <a:gd name="T16" fmla="*/ 32 w 35"/>
                    <a:gd name="T17" fmla="*/ 15 h 61"/>
                    <a:gd name="T18" fmla="*/ 30 w 35"/>
                    <a:gd name="T19" fmla="*/ 20 h 61"/>
                    <a:gd name="T20" fmla="*/ 29 w 35"/>
                    <a:gd name="T21" fmla="*/ 23 h 61"/>
                    <a:gd name="T22" fmla="*/ 27 w 35"/>
                    <a:gd name="T23" fmla="*/ 29 h 61"/>
                    <a:gd name="T24" fmla="*/ 24 w 35"/>
                    <a:gd name="T25" fmla="*/ 34 h 61"/>
                    <a:gd name="T26" fmla="*/ 20 w 35"/>
                    <a:gd name="T27" fmla="*/ 39 h 61"/>
                    <a:gd name="T28" fmla="*/ 17 w 35"/>
                    <a:gd name="T29" fmla="*/ 44 h 61"/>
                    <a:gd name="T30" fmla="*/ 12 w 35"/>
                    <a:gd name="T31" fmla="*/ 49 h 61"/>
                    <a:gd name="T32" fmla="*/ 7 w 35"/>
                    <a:gd name="T33" fmla="*/ 56 h 61"/>
                    <a:gd name="T34" fmla="*/ 2 w 35"/>
                    <a:gd name="T35" fmla="*/ 61 h 61"/>
                    <a:gd name="T36" fmla="*/ 2 w 35"/>
                    <a:gd name="T37" fmla="*/ 61 h 61"/>
                    <a:gd name="T38" fmla="*/ 0 w 35"/>
                    <a:gd name="T39" fmla="*/ 61 h 61"/>
                    <a:gd name="T40" fmla="*/ 0 w 35"/>
                    <a:gd name="T41" fmla="*/ 59 h 61"/>
                    <a:gd name="T42" fmla="*/ 0 w 35"/>
                    <a:gd name="T43" fmla="*/ 57 h 61"/>
                    <a:gd name="T44" fmla="*/ 0 w 35"/>
                    <a:gd name="T45" fmla="*/ 56 h 61"/>
                    <a:gd name="T46" fmla="*/ 19 w 35"/>
                    <a:gd name="T47" fmla="*/ 35 h 61"/>
                    <a:gd name="T48" fmla="*/ 19 w 35"/>
                    <a:gd name="T49" fmla="*/ 27 h 61"/>
                    <a:gd name="T50" fmla="*/ 19 w 35"/>
                    <a:gd name="T51" fmla="*/ 27 h 61"/>
                    <a:gd name="T52" fmla="*/ 19 w 35"/>
                    <a:gd name="T53" fmla="*/ 25 h 61"/>
                    <a:gd name="T54" fmla="*/ 20 w 35"/>
                    <a:gd name="T55" fmla="*/ 25 h 61"/>
                    <a:gd name="T56" fmla="*/ 22 w 35"/>
                    <a:gd name="T57" fmla="*/ 23 h 61"/>
                    <a:gd name="T58" fmla="*/ 24 w 35"/>
                    <a:gd name="T59" fmla="*/ 22 h 61"/>
                    <a:gd name="T60" fmla="*/ 25 w 35"/>
                    <a:gd name="T61" fmla="*/ 18 h 61"/>
                    <a:gd name="T62" fmla="*/ 27 w 35"/>
                    <a:gd name="T63" fmla="*/ 15 h 61"/>
                    <a:gd name="T64" fmla="*/ 29 w 35"/>
                    <a:gd name="T65" fmla="*/ 12 h 61"/>
                    <a:gd name="T66" fmla="*/ 29 w 35"/>
                    <a:gd name="T67" fmla="*/ 5 h 61"/>
                    <a:gd name="T68" fmla="*/ 29 w 35"/>
                    <a:gd name="T69" fmla="*/ 5 h 61"/>
                    <a:gd name="T70" fmla="*/ 30 w 35"/>
                    <a:gd name="T71" fmla="*/ 3 h 61"/>
                    <a:gd name="T72" fmla="*/ 32 w 35"/>
                    <a:gd name="T73" fmla="*/ 1 h 61"/>
                    <a:gd name="T74" fmla="*/ 34 w 35"/>
                    <a:gd name="T75" fmla="*/ 0 h 61"/>
                    <a:gd name="T76" fmla="*/ 35 w 35"/>
                    <a:gd name="T77" fmla="*/ 0 h 61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w 35"/>
                    <a:gd name="T118" fmla="*/ 0 h 61"/>
                    <a:gd name="T119" fmla="*/ 35 w 35"/>
                    <a:gd name="T120" fmla="*/ 61 h 61"/>
                  </a:gdLst>
                  <a:ahLst/>
                  <a:cxnLst>
                    <a:cxn ang="T78">
                      <a:pos x="T0" y="T1"/>
                    </a:cxn>
                    <a:cxn ang="T79">
                      <a:pos x="T2" y="T3"/>
                    </a:cxn>
                    <a:cxn ang="T80">
                      <a:pos x="T4" y="T5"/>
                    </a:cxn>
                    <a:cxn ang="T81">
                      <a:pos x="T6" y="T7"/>
                    </a:cxn>
                    <a:cxn ang="T82">
                      <a:pos x="T8" y="T9"/>
                    </a:cxn>
                    <a:cxn ang="T83">
                      <a:pos x="T10" y="T11"/>
                    </a:cxn>
                    <a:cxn ang="T84">
                      <a:pos x="T12" y="T13"/>
                    </a:cxn>
                    <a:cxn ang="T85">
                      <a:pos x="T14" y="T15"/>
                    </a:cxn>
                    <a:cxn ang="T86">
                      <a:pos x="T16" y="T17"/>
                    </a:cxn>
                    <a:cxn ang="T87">
                      <a:pos x="T18" y="T19"/>
                    </a:cxn>
                    <a:cxn ang="T88">
                      <a:pos x="T20" y="T21"/>
                    </a:cxn>
                    <a:cxn ang="T89">
                      <a:pos x="T22" y="T23"/>
                    </a:cxn>
                    <a:cxn ang="T90">
                      <a:pos x="T24" y="T25"/>
                    </a:cxn>
                    <a:cxn ang="T91">
                      <a:pos x="T26" y="T27"/>
                    </a:cxn>
                    <a:cxn ang="T92">
                      <a:pos x="T28" y="T29"/>
                    </a:cxn>
                    <a:cxn ang="T93">
                      <a:pos x="T30" y="T31"/>
                    </a:cxn>
                    <a:cxn ang="T94">
                      <a:pos x="T32" y="T33"/>
                    </a:cxn>
                    <a:cxn ang="T95">
                      <a:pos x="T34" y="T35"/>
                    </a:cxn>
                    <a:cxn ang="T96">
                      <a:pos x="T36" y="T37"/>
                    </a:cxn>
                    <a:cxn ang="T97">
                      <a:pos x="T38" y="T39"/>
                    </a:cxn>
                    <a:cxn ang="T98">
                      <a:pos x="T40" y="T41"/>
                    </a:cxn>
                    <a:cxn ang="T99">
                      <a:pos x="T42" y="T43"/>
                    </a:cxn>
                    <a:cxn ang="T100">
                      <a:pos x="T44" y="T45"/>
                    </a:cxn>
                    <a:cxn ang="T101">
                      <a:pos x="T46" y="T47"/>
                    </a:cxn>
                    <a:cxn ang="T102">
                      <a:pos x="T48" y="T49"/>
                    </a:cxn>
                    <a:cxn ang="T103">
                      <a:pos x="T50" y="T51"/>
                    </a:cxn>
                    <a:cxn ang="T104">
                      <a:pos x="T52" y="T53"/>
                    </a:cxn>
                    <a:cxn ang="T105">
                      <a:pos x="T54" y="T55"/>
                    </a:cxn>
                    <a:cxn ang="T106">
                      <a:pos x="T56" y="T57"/>
                    </a:cxn>
                    <a:cxn ang="T107">
                      <a:pos x="T58" y="T59"/>
                    </a:cxn>
                    <a:cxn ang="T108">
                      <a:pos x="T60" y="T61"/>
                    </a:cxn>
                    <a:cxn ang="T109">
                      <a:pos x="T62" y="T63"/>
                    </a:cxn>
                    <a:cxn ang="T110">
                      <a:pos x="T64" y="T65"/>
                    </a:cxn>
                    <a:cxn ang="T111">
                      <a:pos x="T66" y="T67"/>
                    </a:cxn>
                    <a:cxn ang="T112">
                      <a:pos x="T68" y="T69"/>
                    </a:cxn>
                    <a:cxn ang="T113">
                      <a:pos x="T70" y="T71"/>
                    </a:cxn>
                    <a:cxn ang="T114">
                      <a:pos x="T72" y="T73"/>
                    </a:cxn>
                    <a:cxn ang="T115">
                      <a:pos x="T74" y="T75"/>
                    </a:cxn>
                    <a:cxn ang="T116">
                      <a:pos x="T76" y="T77"/>
                    </a:cxn>
                  </a:cxnLst>
                  <a:rect l="T117" t="T118" r="T119" b="T120"/>
                  <a:pathLst>
                    <a:path w="35" h="61">
                      <a:moveTo>
                        <a:pt x="35" y="0"/>
                      </a:moveTo>
                      <a:lnTo>
                        <a:pt x="35" y="0"/>
                      </a:lnTo>
                      <a:lnTo>
                        <a:pt x="35" y="1"/>
                      </a:lnTo>
                      <a:lnTo>
                        <a:pt x="35" y="3"/>
                      </a:lnTo>
                      <a:lnTo>
                        <a:pt x="35" y="5"/>
                      </a:lnTo>
                      <a:lnTo>
                        <a:pt x="34" y="8"/>
                      </a:lnTo>
                      <a:lnTo>
                        <a:pt x="34" y="12"/>
                      </a:lnTo>
                      <a:lnTo>
                        <a:pt x="32" y="15"/>
                      </a:lnTo>
                      <a:lnTo>
                        <a:pt x="30" y="20"/>
                      </a:lnTo>
                      <a:lnTo>
                        <a:pt x="29" y="23"/>
                      </a:lnTo>
                      <a:lnTo>
                        <a:pt x="27" y="29"/>
                      </a:lnTo>
                      <a:lnTo>
                        <a:pt x="24" y="34"/>
                      </a:lnTo>
                      <a:lnTo>
                        <a:pt x="20" y="39"/>
                      </a:lnTo>
                      <a:lnTo>
                        <a:pt x="17" y="44"/>
                      </a:lnTo>
                      <a:lnTo>
                        <a:pt x="12" y="49"/>
                      </a:lnTo>
                      <a:lnTo>
                        <a:pt x="7" y="56"/>
                      </a:lnTo>
                      <a:lnTo>
                        <a:pt x="2" y="61"/>
                      </a:lnTo>
                      <a:lnTo>
                        <a:pt x="0" y="61"/>
                      </a:lnTo>
                      <a:lnTo>
                        <a:pt x="0" y="59"/>
                      </a:lnTo>
                      <a:lnTo>
                        <a:pt x="0" y="57"/>
                      </a:lnTo>
                      <a:lnTo>
                        <a:pt x="0" y="56"/>
                      </a:lnTo>
                      <a:lnTo>
                        <a:pt x="19" y="35"/>
                      </a:lnTo>
                      <a:lnTo>
                        <a:pt x="19" y="27"/>
                      </a:lnTo>
                      <a:lnTo>
                        <a:pt x="19" y="25"/>
                      </a:lnTo>
                      <a:lnTo>
                        <a:pt x="20" y="25"/>
                      </a:lnTo>
                      <a:lnTo>
                        <a:pt x="22" y="23"/>
                      </a:lnTo>
                      <a:lnTo>
                        <a:pt x="24" y="22"/>
                      </a:lnTo>
                      <a:lnTo>
                        <a:pt x="25" y="18"/>
                      </a:lnTo>
                      <a:lnTo>
                        <a:pt x="27" y="15"/>
                      </a:lnTo>
                      <a:lnTo>
                        <a:pt x="29" y="12"/>
                      </a:lnTo>
                      <a:lnTo>
                        <a:pt x="29" y="5"/>
                      </a:lnTo>
                      <a:lnTo>
                        <a:pt x="30" y="3"/>
                      </a:lnTo>
                      <a:lnTo>
                        <a:pt x="32" y="1"/>
                      </a:lnTo>
                      <a:lnTo>
                        <a:pt x="34" y="0"/>
                      </a:lnTo>
                      <a:lnTo>
                        <a:pt x="35" y="0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32" name="Freeform 25"/>
                <p:cNvSpPr>
                  <a:spLocks/>
                </p:cNvSpPr>
                <p:nvPr/>
              </p:nvSpPr>
              <p:spPr bwMode="auto">
                <a:xfrm>
                  <a:off x="4710" y="3513"/>
                  <a:ext cx="7" cy="19"/>
                </a:xfrm>
                <a:custGeom>
                  <a:avLst/>
                  <a:gdLst>
                    <a:gd name="T0" fmla="*/ 0 w 7"/>
                    <a:gd name="T1" fmla="*/ 11 h 19"/>
                    <a:gd name="T2" fmla="*/ 2 w 7"/>
                    <a:gd name="T3" fmla="*/ 5 h 19"/>
                    <a:gd name="T4" fmla="*/ 2 w 7"/>
                    <a:gd name="T5" fmla="*/ 4 h 19"/>
                    <a:gd name="T6" fmla="*/ 2 w 7"/>
                    <a:gd name="T7" fmla="*/ 0 h 19"/>
                    <a:gd name="T8" fmla="*/ 4 w 7"/>
                    <a:gd name="T9" fmla="*/ 0 h 19"/>
                    <a:gd name="T10" fmla="*/ 5 w 7"/>
                    <a:gd name="T11" fmla="*/ 0 h 19"/>
                    <a:gd name="T12" fmla="*/ 7 w 7"/>
                    <a:gd name="T13" fmla="*/ 4 h 19"/>
                    <a:gd name="T14" fmla="*/ 7 w 7"/>
                    <a:gd name="T15" fmla="*/ 5 h 19"/>
                    <a:gd name="T16" fmla="*/ 7 w 7"/>
                    <a:gd name="T17" fmla="*/ 11 h 19"/>
                    <a:gd name="T18" fmla="*/ 7 w 7"/>
                    <a:gd name="T19" fmla="*/ 14 h 19"/>
                    <a:gd name="T20" fmla="*/ 7 w 7"/>
                    <a:gd name="T21" fmla="*/ 17 h 19"/>
                    <a:gd name="T22" fmla="*/ 5 w 7"/>
                    <a:gd name="T23" fmla="*/ 19 h 19"/>
                    <a:gd name="T24" fmla="*/ 4 w 7"/>
                    <a:gd name="T25" fmla="*/ 19 h 19"/>
                    <a:gd name="T26" fmla="*/ 2 w 7"/>
                    <a:gd name="T27" fmla="*/ 19 h 19"/>
                    <a:gd name="T28" fmla="*/ 2 w 7"/>
                    <a:gd name="T29" fmla="*/ 17 h 19"/>
                    <a:gd name="T30" fmla="*/ 2 w 7"/>
                    <a:gd name="T31" fmla="*/ 14 h 19"/>
                    <a:gd name="T32" fmla="*/ 0 w 7"/>
                    <a:gd name="T33" fmla="*/ 11 h 19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7"/>
                    <a:gd name="T52" fmla="*/ 0 h 19"/>
                    <a:gd name="T53" fmla="*/ 7 w 7"/>
                    <a:gd name="T54" fmla="*/ 19 h 19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7" h="19">
                      <a:moveTo>
                        <a:pt x="0" y="11"/>
                      </a:moveTo>
                      <a:lnTo>
                        <a:pt x="2" y="5"/>
                      </a:lnTo>
                      <a:lnTo>
                        <a:pt x="2" y="4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7" y="4"/>
                      </a:lnTo>
                      <a:lnTo>
                        <a:pt x="7" y="5"/>
                      </a:lnTo>
                      <a:lnTo>
                        <a:pt x="7" y="11"/>
                      </a:lnTo>
                      <a:lnTo>
                        <a:pt x="7" y="14"/>
                      </a:lnTo>
                      <a:lnTo>
                        <a:pt x="7" y="17"/>
                      </a:lnTo>
                      <a:lnTo>
                        <a:pt x="5" y="19"/>
                      </a:lnTo>
                      <a:lnTo>
                        <a:pt x="4" y="19"/>
                      </a:lnTo>
                      <a:lnTo>
                        <a:pt x="2" y="19"/>
                      </a:lnTo>
                      <a:lnTo>
                        <a:pt x="2" y="17"/>
                      </a:lnTo>
                      <a:lnTo>
                        <a:pt x="2" y="14"/>
                      </a:lnTo>
                      <a:lnTo>
                        <a:pt x="0" y="1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33" name="Freeform 26"/>
                <p:cNvSpPr>
                  <a:spLocks/>
                </p:cNvSpPr>
                <p:nvPr/>
              </p:nvSpPr>
              <p:spPr bwMode="auto">
                <a:xfrm>
                  <a:off x="4710" y="3513"/>
                  <a:ext cx="7" cy="19"/>
                </a:xfrm>
                <a:custGeom>
                  <a:avLst/>
                  <a:gdLst>
                    <a:gd name="T0" fmla="*/ 0 w 7"/>
                    <a:gd name="T1" fmla="*/ 11 h 19"/>
                    <a:gd name="T2" fmla="*/ 0 w 7"/>
                    <a:gd name="T3" fmla="*/ 11 h 19"/>
                    <a:gd name="T4" fmla="*/ 2 w 7"/>
                    <a:gd name="T5" fmla="*/ 5 h 19"/>
                    <a:gd name="T6" fmla="*/ 2 w 7"/>
                    <a:gd name="T7" fmla="*/ 4 h 19"/>
                    <a:gd name="T8" fmla="*/ 2 w 7"/>
                    <a:gd name="T9" fmla="*/ 0 h 19"/>
                    <a:gd name="T10" fmla="*/ 4 w 7"/>
                    <a:gd name="T11" fmla="*/ 0 h 19"/>
                    <a:gd name="T12" fmla="*/ 4 w 7"/>
                    <a:gd name="T13" fmla="*/ 0 h 19"/>
                    <a:gd name="T14" fmla="*/ 5 w 7"/>
                    <a:gd name="T15" fmla="*/ 0 h 19"/>
                    <a:gd name="T16" fmla="*/ 7 w 7"/>
                    <a:gd name="T17" fmla="*/ 4 h 19"/>
                    <a:gd name="T18" fmla="*/ 7 w 7"/>
                    <a:gd name="T19" fmla="*/ 5 h 19"/>
                    <a:gd name="T20" fmla="*/ 7 w 7"/>
                    <a:gd name="T21" fmla="*/ 11 h 19"/>
                    <a:gd name="T22" fmla="*/ 7 w 7"/>
                    <a:gd name="T23" fmla="*/ 11 h 19"/>
                    <a:gd name="T24" fmla="*/ 7 w 7"/>
                    <a:gd name="T25" fmla="*/ 14 h 19"/>
                    <a:gd name="T26" fmla="*/ 7 w 7"/>
                    <a:gd name="T27" fmla="*/ 17 h 19"/>
                    <a:gd name="T28" fmla="*/ 5 w 7"/>
                    <a:gd name="T29" fmla="*/ 19 h 19"/>
                    <a:gd name="T30" fmla="*/ 4 w 7"/>
                    <a:gd name="T31" fmla="*/ 19 h 19"/>
                    <a:gd name="T32" fmla="*/ 4 w 7"/>
                    <a:gd name="T33" fmla="*/ 19 h 19"/>
                    <a:gd name="T34" fmla="*/ 2 w 7"/>
                    <a:gd name="T35" fmla="*/ 19 h 19"/>
                    <a:gd name="T36" fmla="*/ 2 w 7"/>
                    <a:gd name="T37" fmla="*/ 17 h 19"/>
                    <a:gd name="T38" fmla="*/ 2 w 7"/>
                    <a:gd name="T39" fmla="*/ 14 h 19"/>
                    <a:gd name="T40" fmla="*/ 0 w 7"/>
                    <a:gd name="T41" fmla="*/ 11 h 19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7"/>
                    <a:gd name="T64" fmla="*/ 0 h 19"/>
                    <a:gd name="T65" fmla="*/ 7 w 7"/>
                    <a:gd name="T66" fmla="*/ 19 h 19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7" h="19">
                      <a:moveTo>
                        <a:pt x="0" y="11"/>
                      </a:moveTo>
                      <a:lnTo>
                        <a:pt x="0" y="11"/>
                      </a:lnTo>
                      <a:lnTo>
                        <a:pt x="2" y="5"/>
                      </a:lnTo>
                      <a:lnTo>
                        <a:pt x="2" y="4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7" y="4"/>
                      </a:lnTo>
                      <a:lnTo>
                        <a:pt x="7" y="5"/>
                      </a:lnTo>
                      <a:lnTo>
                        <a:pt x="7" y="11"/>
                      </a:lnTo>
                      <a:lnTo>
                        <a:pt x="7" y="14"/>
                      </a:lnTo>
                      <a:lnTo>
                        <a:pt x="7" y="17"/>
                      </a:lnTo>
                      <a:lnTo>
                        <a:pt x="5" y="19"/>
                      </a:lnTo>
                      <a:lnTo>
                        <a:pt x="4" y="19"/>
                      </a:lnTo>
                      <a:lnTo>
                        <a:pt x="2" y="19"/>
                      </a:lnTo>
                      <a:lnTo>
                        <a:pt x="2" y="17"/>
                      </a:lnTo>
                      <a:lnTo>
                        <a:pt x="2" y="14"/>
                      </a:lnTo>
                      <a:lnTo>
                        <a:pt x="0" y="1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34" name="Freeform 27"/>
                <p:cNvSpPr>
                  <a:spLocks/>
                </p:cNvSpPr>
                <p:nvPr/>
              </p:nvSpPr>
              <p:spPr bwMode="auto">
                <a:xfrm>
                  <a:off x="4714" y="3488"/>
                  <a:ext cx="5" cy="10"/>
                </a:xfrm>
                <a:custGeom>
                  <a:avLst/>
                  <a:gdLst>
                    <a:gd name="T0" fmla="*/ 0 w 5"/>
                    <a:gd name="T1" fmla="*/ 5 h 10"/>
                    <a:gd name="T2" fmla="*/ 0 w 5"/>
                    <a:gd name="T3" fmla="*/ 3 h 10"/>
                    <a:gd name="T4" fmla="*/ 0 w 5"/>
                    <a:gd name="T5" fmla="*/ 2 h 10"/>
                    <a:gd name="T6" fmla="*/ 1 w 5"/>
                    <a:gd name="T7" fmla="*/ 2 h 10"/>
                    <a:gd name="T8" fmla="*/ 1 w 5"/>
                    <a:gd name="T9" fmla="*/ 0 h 10"/>
                    <a:gd name="T10" fmla="*/ 3 w 5"/>
                    <a:gd name="T11" fmla="*/ 2 h 10"/>
                    <a:gd name="T12" fmla="*/ 3 w 5"/>
                    <a:gd name="T13" fmla="*/ 2 h 10"/>
                    <a:gd name="T14" fmla="*/ 3 w 5"/>
                    <a:gd name="T15" fmla="*/ 3 h 10"/>
                    <a:gd name="T16" fmla="*/ 5 w 5"/>
                    <a:gd name="T17" fmla="*/ 5 h 10"/>
                    <a:gd name="T18" fmla="*/ 3 w 5"/>
                    <a:gd name="T19" fmla="*/ 7 h 10"/>
                    <a:gd name="T20" fmla="*/ 3 w 5"/>
                    <a:gd name="T21" fmla="*/ 8 h 10"/>
                    <a:gd name="T22" fmla="*/ 3 w 5"/>
                    <a:gd name="T23" fmla="*/ 10 h 10"/>
                    <a:gd name="T24" fmla="*/ 1 w 5"/>
                    <a:gd name="T25" fmla="*/ 10 h 10"/>
                    <a:gd name="T26" fmla="*/ 1 w 5"/>
                    <a:gd name="T27" fmla="*/ 10 h 10"/>
                    <a:gd name="T28" fmla="*/ 0 w 5"/>
                    <a:gd name="T29" fmla="*/ 8 h 10"/>
                    <a:gd name="T30" fmla="*/ 0 w 5"/>
                    <a:gd name="T31" fmla="*/ 7 h 10"/>
                    <a:gd name="T32" fmla="*/ 0 w 5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5"/>
                    <a:gd name="T52" fmla="*/ 0 h 10"/>
                    <a:gd name="T53" fmla="*/ 5 w 5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5" h="10">
                      <a:moveTo>
                        <a:pt x="0" y="5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2"/>
                      </a:lnTo>
                      <a:lnTo>
                        <a:pt x="3" y="3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3" y="8"/>
                      </a:lnTo>
                      <a:lnTo>
                        <a:pt x="3" y="10"/>
                      </a:lnTo>
                      <a:lnTo>
                        <a:pt x="1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35" name="Freeform 28"/>
                <p:cNvSpPr>
                  <a:spLocks/>
                </p:cNvSpPr>
                <p:nvPr/>
              </p:nvSpPr>
              <p:spPr bwMode="auto">
                <a:xfrm>
                  <a:off x="4714" y="3488"/>
                  <a:ext cx="5" cy="10"/>
                </a:xfrm>
                <a:custGeom>
                  <a:avLst/>
                  <a:gdLst>
                    <a:gd name="T0" fmla="*/ 0 w 5"/>
                    <a:gd name="T1" fmla="*/ 5 h 10"/>
                    <a:gd name="T2" fmla="*/ 0 w 5"/>
                    <a:gd name="T3" fmla="*/ 5 h 10"/>
                    <a:gd name="T4" fmla="*/ 0 w 5"/>
                    <a:gd name="T5" fmla="*/ 3 h 10"/>
                    <a:gd name="T6" fmla="*/ 0 w 5"/>
                    <a:gd name="T7" fmla="*/ 2 h 10"/>
                    <a:gd name="T8" fmla="*/ 1 w 5"/>
                    <a:gd name="T9" fmla="*/ 2 h 10"/>
                    <a:gd name="T10" fmla="*/ 1 w 5"/>
                    <a:gd name="T11" fmla="*/ 0 h 10"/>
                    <a:gd name="T12" fmla="*/ 1 w 5"/>
                    <a:gd name="T13" fmla="*/ 0 h 10"/>
                    <a:gd name="T14" fmla="*/ 3 w 5"/>
                    <a:gd name="T15" fmla="*/ 2 h 10"/>
                    <a:gd name="T16" fmla="*/ 3 w 5"/>
                    <a:gd name="T17" fmla="*/ 2 h 10"/>
                    <a:gd name="T18" fmla="*/ 3 w 5"/>
                    <a:gd name="T19" fmla="*/ 3 h 10"/>
                    <a:gd name="T20" fmla="*/ 5 w 5"/>
                    <a:gd name="T21" fmla="*/ 5 h 10"/>
                    <a:gd name="T22" fmla="*/ 5 w 5"/>
                    <a:gd name="T23" fmla="*/ 5 h 10"/>
                    <a:gd name="T24" fmla="*/ 3 w 5"/>
                    <a:gd name="T25" fmla="*/ 7 h 10"/>
                    <a:gd name="T26" fmla="*/ 3 w 5"/>
                    <a:gd name="T27" fmla="*/ 8 h 10"/>
                    <a:gd name="T28" fmla="*/ 3 w 5"/>
                    <a:gd name="T29" fmla="*/ 10 h 10"/>
                    <a:gd name="T30" fmla="*/ 1 w 5"/>
                    <a:gd name="T31" fmla="*/ 10 h 10"/>
                    <a:gd name="T32" fmla="*/ 1 w 5"/>
                    <a:gd name="T33" fmla="*/ 10 h 10"/>
                    <a:gd name="T34" fmla="*/ 1 w 5"/>
                    <a:gd name="T35" fmla="*/ 10 h 10"/>
                    <a:gd name="T36" fmla="*/ 0 w 5"/>
                    <a:gd name="T37" fmla="*/ 8 h 10"/>
                    <a:gd name="T38" fmla="*/ 0 w 5"/>
                    <a:gd name="T39" fmla="*/ 7 h 10"/>
                    <a:gd name="T40" fmla="*/ 0 w 5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5"/>
                    <a:gd name="T64" fmla="*/ 0 h 10"/>
                    <a:gd name="T65" fmla="*/ 5 w 5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5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2"/>
                      </a:lnTo>
                      <a:lnTo>
                        <a:pt x="3" y="3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3" y="8"/>
                      </a:lnTo>
                      <a:lnTo>
                        <a:pt x="3" y="10"/>
                      </a:lnTo>
                      <a:lnTo>
                        <a:pt x="1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36" name="Freeform 29"/>
                <p:cNvSpPr>
                  <a:spLocks/>
                </p:cNvSpPr>
                <p:nvPr/>
              </p:nvSpPr>
              <p:spPr bwMode="auto">
                <a:xfrm>
                  <a:off x="4590" y="3632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2 w 8"/>
                    <a:gd name="T3" fmla="*/ 3 h 10"/>
                    <a:gd name="T4" fmla="*/ 2 w 8"/>
                    <a:gd name="T5" fmla="*/ 0 h 10"/>
                    <a:gd name="T6" fmla="*/ 3 w 8"/>
                    <a:gd name="T7" fmla="*/ 0 h 10"/>
                    <a:gd name="T8" fmla="*/ 5 w 8"/>
                    <a:gd name="T9" fmla="*/ 0 h 10"/>
                    <a:gd name="T10" fmla="*/ 5 w 8"/>
                    <a:gd name="T11" fmla="*/ 0 h 10"/>
                    <a:gd name="T12" fmla="*/ 7 w 8"/>
                    <a:gd name="T13" fmla="*/ 0 h 10"/>
                    <a:gd name="T14" fmla="*/ 8 w 8"/>
                    <a:gd name="T15" fmla="*/ 3 h 10"/>
                    <a:gd name="T16" fmla="*/ 8 w 8"/>
                    <a:gd name="T17" fmla="*/ 5 h 10"/>
                    <a:gd name="T18" fmla="*/ 8 w 8"/>
                    <a:gd name="T19" fmla="*/ 7 h 10"/>
                    <a:gd name="T20" fmla="*/ 7 w 8"/>
                    <a:gd name="T21" fmla="*/ 8 h 10"/>
                    <a:gd name="T22" fmla="*/ 5 w 8"/>
                    <a:gd name="T23" fmla="*/ 10 h 10"/>
                    <a:gd name="T24" fmla="*/ 5 w 8"/>
                    <a:gd name="T25" fmla="*/ 10 h 10"/>
                    <a:gd name="T26" fmla="*/ 3 w 8"/>
                    <a:gd name="T27" fmla="*/ 10 h 10"/>
                    <a:gd name="T28" fmla="*/ 2 w 8"/>
                    <a:gd name="T29" fmla="*/ 8 h 10"/>
                    <a:gd name="T30" fmla="*/ 2 w 8"/>
                    <a:gd name="T31" fmla="*/ 7 h 10"/>
                    <a:gd name="T32" fmla="*/ 0 w 8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10"/>
                    <a:gd name="T53" fmla="*/ 8 w 8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10">
                      <a:moveTo>
                        <a:pt x="0" y="5"/>
                      </a:moveTo>
                      <a:lnTo>
                        <a:pt x="2" y="3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8" y="3"/>
                      </a:lnTo>
                      <a:lnTo>
                        <a:pt x="8" y="5"/>
                      </a:lnTo>
                      <a:lnTo>
                        <a:pt x="8" y="7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8"/>
                      </a:lnTo>
                      <a:lnTo>
                        <a:pt x="2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37" name="Freeform 30"/>
                <p:cNvSpPr>
                  <a:spLocks/>
                </p:cNvSpPr>
                <p:nvPr/>
              </p:nvSpPr>
              <p:spPr bwMode="auto">
                <a:xfrm>
                  <a:off x="4590" y="3632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5 h 10"/>
                    <a:gd name="T4" fmla="*/ 2 w 8"/>
                    <a:gd name="T5" fmla="*/ 3 h 10"/>
                    <a:gd name="T6" fmla="*/ 2 w 8"/>
                    <a:gd name="T7" fmla="*/ 0 h 10"/>
                    <a:gd name="T8" fmla="*/ 3 w 8"/>
                    <a:gd name="T9" fmla="*/ 0 h 10"/>
                    <a:gd name="T10" fmla="*/ 5 w 8"/>
                    <a:gd name="T11" fmla="*/ 0 h 10"/>
                    <a:gd name="T12" fmla="*/ 5 w 8"/>
                    <a:gd name="T13" fmla="*/ 0 h 10"/>
                    <a:gd name="T14" fmla="*/ 5 w 8"/>
                    <a:gd name="T15" fmla="*/ 0 h 10"/>
                    <a:gd name="T16" fmla="*/ 7 w 8"/>
                    <a:gd name="T17" fmla="*/ 0 h 10"/>
                    <a:gd name="T18" fmla="*/ 8 w 8"/>
                    <a:gd name="T19" fmla="*/ 3 h 10"/>
                    <a:gd name="T20" fmla="*/ 8 w 8"/>
                    <a:gd name="T21" fmla="*/ 5 h 10"/>
                    <a:gd name="T22" fmla="*/ 8 w 8"/>
                    <a:gd name="T23" fmla="*/ 5 h 10"/>
                    <a:gd name="T24" fmla="*/ 8 w 8"/>
                    <a:gd name="T25" fmla="*/ 7 h 10"/>
                    <a:gd name="T26" fmla="*/ 7 w 8"/>
                    <a:gd name="T27" fmla="*/ 8 h 10"/>
                    <a:gd name="T28" fmla="*/ 5 w 8"/>
                    <a:gd name="T29" fmla="*/ 10 h 10"/>
                    <a:gd name="T30" fmla="*/ 5 w 8"/>
                    <a:gd name="T31" fmla="*/ 10 h 10"/>
                    <a:gd name="T32" fmla="*/ 5 w 8"/>
                    <a:gd name="T33" fmla="*/ 10 h 10"/>
                    <a:gd name="T34" fmla="*/ 3 w 8"/>
                    <a:gd name="T35" fmla="*/ 10 h 10"/>
                    <a:gd name="T36" fmla="*/ 2 w 8"/>
                    <a:gd name="T37" fmla="*/ 8 h 10"/>
                    <a:gd name="T38" fmla="*/ 2 w 8"/>
                    <a:gd name="T39" fmla="*/ 7 h 10"/>
                    <a:gd name="T40" fmla="*/ 0 w 8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10"/>
                    <a:gd name="T65" fmla="*/ 8 w 8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2" y="3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8" y="3"/>
                      </a:lnTo>
                      <a:lnTo>
                        <a:pt x="8" y="5"/>
                      </a:lnTo>
                      <a:lnTo>
                        <a:pt x="8" y="7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8"/>
                      </a:lnTo>
                      <a:lnTo>
                        <a:pt x="2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38" name="Freeform 31"/>
                <p:cNvSpPr>
                  <a:spLocks/>
                </p:cNvSpPr>
                <p:nvPr/>
              </p:nvSpPr>
              <p:spPr bwMode="auto">
                <a:xfrm>
                  <a:off x="4582" y="3637"/>
                  <a:ext cx="6" cy="8"/>
                </a:xfrm>
                <a:custGeom>
                  <a:avLst/>
                  <a:gdLst>
                    <a:gd name="T0" fmla="*/ 0 w 6"/>
                    <a:gd name="T1" fmla="*/ 3 h 8"/>
                    <a:gd name="T2" fmla="*/ 0 w 6"/>
                    <a:gd name="T3" fmla="*/ 3 h 8"/>
                    <a:gd name="T4" fmla="*/ 0 w 6"/>
                    <a:gd name="T5" fmla="*/ 2 h 8"/>
                    <a:gd name="T6" fmla="*/ 1 w 6"/>
                    <a:gd name="T7" fmla="*/ 0 h 8"/>
                    <a:gd name="T8" fmla="*/ 3 w 6"/>
                    <a:gd name="T9" fmla="*/ 0 h 8"/>
                    <a:gd name="T10" fmla="*/ 5 w 6"/>
                    <a:gd name="T11" fmla="*/ 0 h 8"/>
                    <a:gd name="T12" fmla="*/ 5 w 6"/>
                    <a:gd name="T13" fmla="*/ 2 h 8"/>
                    <a:gd name="T14" fmla="*/ 6 w 6"/>
                    <a:gd name="T15" fmla="*/ 3 h 8"/>
                    <a:gd name="T16" fmla="*/ 6 w 6"/>
                    <a:gd name="T17" fmla="*/ 3 h 8"/>
                    <a:gd name="T18" fmla="*/ 6 w 6"/>
                    <a:gd name="T19" fmla="*/ 5 h 8"/>
                    <a:gd name="T20" fmla="*/ 5 w 6"/>
                    <a:gd name="T21" fmla="*/ 7 h 8"/>
                    <a:gd name="T22" fmla="*/ 5 w 6"/>
                    <a:gd name="T23" fmla="*/ 7 h 8"/>
                    <a:gd name="T24" fmla="*/ 3 w 6"/>
                    <a:gd name="T25" fmla="*/ 8 h 8"/>
                    <a:gd name="T26" fmla="*/ 1 w 6"/>
                    <a:gd name="T27" fmla="*/ 7 h 8"/>
                    <a:gd name="T28" fmla="*/ 0 w 6"/>
                    <a:gd name="T29" fmla="*/ 7 h 8"/>
                    <a:gd name="T30" fmla="*/ 0 w 6"/>
                    <a:gd name="T31" fmla="*/ 5 h 8"/>
                    <a:gd name="T32" fmla="*/ 0 w 6"/>
                    <a:gd name="T33" fmla="*/ 3 h 8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6"/>
                    <a:gd name="T52" fmla="*/ 0 h 8"/>
                    <a:gd name="T53" fmla="*/ 6 w 6"/>
                    <a:gd name="T54" fmla="*/ 8 h 8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6" h="8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5" y="2"/>
                      </a:lnTo>
                      <a:lnTo>
                        <a:pt x="6" y="3"/>
                      </a:lnTo>
                      <a:lnTo>
                        <a:pt x="6" y="5"/>
                      </a:lnTo>
                      <a:lnTo>
                        <a:pt x="5" y="7"/>
                      </a:lnTo>
                      <a:lnTo>
                        <a:pt x="3" y="8"/>
                      </a:lnTo>
                      <a:lnTo>
                        <a:pt x="1" y="7"/>
                      </a:lnTo>
                      <a:lnTo>
                        <a:pt x="0" y="7"/>
                      </a:lnTo>
                      <a:lnTo>
                        <a:pt x="0" y="5"/>
                      </a:lnTo>
                      <a:lnTo>
                        <a:pt x="0" y="3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39" name="Freeform 32"/>
                <p:cNvSpPr>
                  <a:spLocks/>
                </p:cNvSpPr>
                <p:nvPr/>
              </p:nvSpPr>
              <p:spPr bwMode="auto">
                <a:xfrm>
                  <a:off x="4582" y="3637"/>
                  <a:ext cx="6" cy="8"/>
                </a:xfrm>
                <a:custGeom>
                  <a:avLst/>
                  <a:gdLst>
                    <a:gd name="T0" fmla="*/ 0 w 6"/>
                    <a:gd name="T1" fmla="*/ 3 h 8"/>
                    <a:gd name="T2" fmla="*/ 0 w 6"/>
                    <a:gd name="T3" fmla="*/ 3 h 8"/>
                    <a:gd name="T4" fmla="*/ 0 w 6"/>
                    <a:gd name="T5" fmla="*/ 3 h 8"/>
                    <a:gd name="T6" fmla="*/ 0 w 6"/>
                    <a:gd name="T7" fmla="*/ 2 h 8"/>
                    <a:gd name="T8" fmla="*/ 1 w 6"/>
                    <a:gd name="T9" fmla="*/ 0 h 8"/>
                    <a:gd name="T10" fmla="*/ 3 w 6"/>
                    <a:gd name="T11" fmla="*/ 0 h 8"/>
                    <a:gd name="T12" fmla="*/ 3 w 6"/>
                    <a:gd name="T13" fmla="*/ 0 h 8"/>
                    <a:gd name="T14" fmla="*/ 5 w 6"/>
                    <a:gd name="T15" fmla="*/ 0 h 8"/>
                    <a:gd name="T16" fmla="*/ 5 w 6"/>
                    <a:gd name="T17" fmla="*/ 2 h 8"/>
                    <a:gd name="T18" fmla="*/ 6 w 6"/>
                    <a:gd name="T19" fmla="*/ 3 h 8"/>
                    <a:gd name="T20" fmla="*/ 6 w 6"/>
                    <a:gd name="T21" fmla="*/ 3 h 8"/>
                    <a:gd name="T22" fmla="*/ 6 w 6"/>
                    <a:gd name="T23" fmla="*/ 3 h 8"/>
                    <a:gd name="T24" fmla="*/ 6 w 6"/>
                    <a:gd name="T25" fmla="*/ 5 h 8"/>
                    <a:gd name="T26" fmla="*/ 5 w 6"/>
                    <a:gd name="T27" fmla="*/ 7 h 8"/>
                    <a:gd name="T28" fmla="*/ 5 w 6"/>
                    <a:gd name="T29" fmla="*/ 7 h 8"/>
                    <a:gd name="T30" fmla="*/ 3 w 6"/>
                    <a:gd name="T31" fmla="*/ 8 h 8"/>
                    <a:gd name="T32" fmla="*/ 3 w 6"/>
                    <a:gd name="T33" fmla="*/ 8 h 8"/>
                    <a:gd name="T34" fmla="*/ 1 w 6"/>
                    <a:gd name="T35" fmla="*/ 7 h 8"/>
                    <a:gd name="T36" fmla="*/ 0 w 6"/>
                    <a:gd name="T37" fmla="*/ 7 h 8"/>
                    <a:gd name="T38" fmla="*/ 0 w 6"/>
                    <a:gd name="T39" fmla="*/ 5 h 8"/>
                    <a:gd name="T40" fmla="*/ 0 w 6"/>
                    <a:gd name="T41" fmla="*/ 3 h 8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6"/>
                    <a:gd name="T64" fmla="*/ 0 h 8"/>
                    <a:gd name="T65" fmla="*/ 6 w 6"/>
                    <a:gd name="T66" fmla="*/ 8 h 8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6" h="8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5" y="2"/>
                      </a:lnTo>
                      <a:lnTo>
                        <a:pt x="6" y="3"/>
                      </a:lnTo>
                      <a:lnTo>
                        <a:pt x="6" y="5"/>
                      </a:lnTo>
                      <a:lnTo>
                        <a:pt x="5" y="7"/>
                      </a:lnTo>
                      <a:lnTo>
                        <a:pt x="3" y="8"/>
                      </a:lnTo>
                      <a:lnTo>
                        <a:pt x="1" y="7"/>
                      </a:lnTo>
                      <a:lnTo>
                        <a:pt x="0" y="7"/>
                      </a:lnTo>
                      <a:lnTo>
                        <a:pt x="0" y="5"/>
                      </a:lnTo>
                      <a:lnTo>
                        <a:pt x="0" y="3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40" name="Freeform 33"/>
                <p:cNvSpPr>
                  <a:spLocks/>
                </p:cNvSpPr>
                <p:nvPr/>
              </p:nvSpPr>
              <p:spPr bwMode="auto">
                <a:xfrm>
                  <a:off x="4575" y="3644"/>
                  <a:ext cx="3" cy="5"/>
                </a:xfrm>
                <a:custGeom>
                  <a:avLst/>
                  <a:gdLst>
                    <a:gd name="T0" fmla="*/ 0 w 3"/>
                    <a:gd name="T1" fmla="*/ 1 h 5"/>
                    <a:gd name="T2" fmla="*/ 0 w 3"/>
                    <a:gd name="T3" fmla="*/ 1 h 5"/>
                    <a:gd name="T4" fmla="*/ 0 w 3"/>
                    <a:gd name="T5" fmla="*/ 0 h 5"/>
                    <a:gd name="T6" fmla="*/ 1 w 3"/>
                    <a:gd name="T7" fmla="*/ 0 h 5"/>
                    <a:gd name="T8" fmla="*/ 1 w 3"/>
                    <a:gd name="T9" fmla="*/ 0 h 5"/>
                    <a:gd name="T10" fmla="*/ 1 w 3"/>
                    <a:gd name="T11" fmla="*/ 0 h 5"/>
                    <a:gd name="T12" fmla="*/ 3 w 3"/>
                    <a:gd name="T13" fmla="*/ 0 h 5"/>
                    <a:gd name="T14" fmla="*/ 3 w 3"/>
                    <a:gd name="T15" fmla="*/ 1 h 5"/>
                    <a:gd name="T16" fmla="*/ 3 w 3"/>
                    <a:gd name="T17" fmla="*/ 1 h 5"/>
                    <a:gd name="T18" fmla="*/ 3 w 3"/>
                    <a:gd name="T19" fmla="*/ 3 h 5"/>
                    <a:gd name="T20" fmla="*/ 3 w 3"/>
                    <a:gd name="T21" fmla="*/ 5 h 5"/>
                    <a:gd name="T22" fmla="*/ 1 w 3"/>
                    <a:gd name="T23" fmla="*/ 5 h 5"/>
                    <a:gd name="T24" fmla="*/ 1 w 3"/>
                    <a:gd name="T25" fmla="*/ 5 h 5"/>
                    <a:gd name="T26" fmla="*/ 1 w 3"/>
                    <a:gd name="T27" fmla="*/ 5 h 5"/>
                    <a:gd name="T28" fmla="*/ 0 w 3"/>
                    <a:gd name="T29" fmla="*/ 5 h 5"/>
                    <a:gd name="T30" fmla="*/ 0 w 3"/>
                    <a:gd name="T31" fmla="*/ 3 h 5"/>
                    <a:gd name="T32" fmla="*/ 0 w 3"/>
                    <a:gd name="T33" fmla="*/ 1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3"/>
                    <a:gd name="T52" fmla="*/ 0 h 5"/>
                    <a:gd name="T53" fmla="*/ 3 w 3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3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3" y="1"/>
                      </a:lnTo>
                      <a:lnTo>
                        <a:pt x="3" y="3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41" name="Freeform 34"/>
                <p:cNvSpPr>
                  <a:spLocks/>
                </p:cNvSpPr>
                <p:nvPr/>
              </p:nvSpPr>
              <p:spPr bwMode="auto">
                <a:xfrm>
                  <a:off x="4575" y="3644"/>
                  <a:ext cx="3" cy="5"/>
                </a:xfrm>
                <a:custGeom>
                  <a:avLst/>
                  <a:gdLst>
                    <a:gd name="T0" fmla="*/ 0 w 3"/>
                    <a:gd name="T1" fmla="*/ 1 h 5"/>
                    <a:gd name="T2" fmla="*/ 0 w 3"/>
                    <a:gd name="T3" fmla="*/ 1 h 5"/>
                    <a:gd name="T4" fmla="*/ 0 w 3"/>
                    <a:gd name="T5" fmla="*/ 1 h 5"/>
                    <a:gd name="T6" fmla="*/ 0 w 3"/>
                    <a:gd name="T7" fmla="*/ 0 h 5"/>
                    <a:gd name="T8" fmla="*/ 1 w 3"/>
                    <a:gd name="T9" fmla="*/ 0 h 5"/>
                    <a:gd name="T10" fmla="*/ 1 w 3"/>
                    <a:gd name="T11" fmla="*/ 0 h 5"/>
                    <a:gd name="T12" fmla="*/ 1 w 3"/>
                    <a:gd name="T13" fmla="*/ 0 h 5"/>
                    <a:gd name="T14" fmla="*/ 1 w 3"/>
                    <a:gd name="T15" fmla="*/ 0 h 5"/>
                    <a:gd name="T16" fmla="*/ 3 w 3"/>
                    <a:gd name="T17" fmla="*/ 0 h 5"/>
                    <a:gd name="T18" fmla="*/ 3 w 3"/>
                    <a:gd name="T19" fmla="*/ 1 h 5"/>
                    <a:gd name="T20" fmla="*/ 3 w 3"/>
                    <a:gd name="T21" fmla="*/ 1 h 5"/>
                    <a:gd name="T22" fmla="*/ 3 w 3"/>
                    <a:gd name="T23" fmla="*/ 1 h 5"/>
                    <a:gd name="T24" fmla="*/ 3 w 3"/>
                    <a:gd name="T25" fmla="*/ 3 h 5"/>
                    <a:gd name="T26" fmla="*/ 3 w 3"/>
                    <a:gd name="T27" fmla="*/ 5 h 5"/>
                    <a:gd name="T28" fmla="*/ 1 w 3"/>
                    <a:gd name="T29" fmla="*/ 5 h 5"/>
                    <a:gd name="T30" fmla="*/ 1 w 3"/>
                    <a:gd name="T31" fmla="*/ 5 h 5"/>
                    <a:gd name="T32" fmla="*/ 1 w 3"/>
                    <a:gd name="T33" fmla="*/ 5 h 5"/>
                    <a:gd name="T34" fmla="*/ 1 w 3"/>
                    <a:gd name="T35" fmla="*/ 5 h 5"/>
                    <a:gd name="T36" fmla="*/ 0 w 3"/>
                    <a:gd name="T37" fmla="*/ 5 h 5"/>
                    <a:gd name="T38" fmla="*/ 0 w 3"/>
                    <a:gd name="T39" fmla="*/ 3 h 5"/>
                    <a:gd name="T40" fmla="*/ 0 w 3"/>
                    <a:gd name="T41" fmla="*/ 1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3"/>
                    <a:gd name="T64" fmla="*/ 0 h 5"/>
                    <a:gd name="T65" fmla="*/ 3 w 3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3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3" y="1"/>
                      </a:lnTo>
                      <a:lnTo>
                        <a:pt x="3" y="3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42" name="Freeform 35"/>
                <p:cNvSpPr>
                  <a:spLocks/>
                </p:cNvSpPr>
                <p:nvPr/>
              </p:nvSpPr>
              <p:spPr bwMode="auto">
                <a:xfrm>
                  <a:off x="4566" y="3649"/>
                  <a:ext cx="5" cy="5"/>
                </a:xfrm>
                <a:custGeom>
                  <a:avLst/>
                  <a:gdLst>
                    <a:gd name="T0" fmla="*/ 0 w 5"/>
                    <a:gd name="T1" fmla="*/ 3 h 5"/>
                    <a:gd name="T2" fmla="*/ 0 w 5"/>
                    <a:gd name="T3" fmla="*/ 1 h 5"/>
                    <a:gd name="T4" fmla="*/ 2 w 5"/>
                    <a:gd name="T5" fmla="*/ 0 h 5"/>
                    <a:gd name="T6" fmla="*/ 2 w 5"/>
                    <a:gd name="T7" fmla="*/ 0 h 5"/>
                    <a:gd name="T8" fmla="*/ 4 w 5"/>
                    <a:gd name="T9" fmla="*/ 0 h 5"/>
                    <a:gd name="T10" fmla="*/ 4 w 5"/>
                    <a:gd name="T11" fmla="*/ 0 h 5"/>
                    <a:gd name="T12" fmla="*/ 5 w 5"/>
                    <a:gd name="T13" fmla="*/ 0 h 5"/>
                    <a:gd name="T14" fmla="*/ 5 w 5"/>
                    <a:gd name="T15" fmla="*/ 1 h 5"/>
                    <a:gd name="T16" fmla="*/ 5 w 5"/>
                    <a:gd name="T17" fmla="*/ 3 h 5"/>
                    <a:gd name="T18" fmla="*/ 5 w 5"/>
                    <a:gd name="T19" fmla="*/ 3 h 5"/>
                    <a:gd name="T20" fmla="*/ 5 w 5"/>
                    <a:gd name="T21" fmla="*/ 5 h 5"/>
                    <a:gd name="T22" fmla="*/ 4 w 5"/>
                    <a:gd name="T23" fmla="*/ 5 h 5"/>
                    <a:gd name="T24" fmla="*/ 4 w 5"/>
                    <a:gd name="T25" fmla="*/ 5 h 5"/>
                    <a:gd name="T26" fmla="*/ 2 w 5"/>
                    <a:gd name="T27" fmla="*/ 5 h 5"/>
                    <a:gd name="T28" fmla="*/ 2 w 5"/>
                    <a:gd name="T29" fmla="*/ 5 h 5"/>
                    <a:gd name="T30" fmla="*/ 0 w 5"/>
                    <a:gd name="T31" fmla="*/ 3 h 5"/>
                    <a:gd name="T32" fmla="*/ 0 w 5"/>
                    <a:gd name="T33" fmla="*/ 3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5"/>
                    <a:gd name="T52" fmla="*/ 0 h 5"/>
                    <a:gd name="T53" fmla="*/ 5 w 5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5" h="5">
                      <a:moveTo>
                        <a:pt x="0" y="3"/>
                      </a:moveTo>
                      <a:lnTo>
                        <a:pt x="0" y="1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5" y="1"/>
                      </a:lnTo>
                      <a:lnTo>
                        <a:pt x="5" y="3"/>
                      </a:lnTo>
                      <a:lnTo>
                        <a:pt x="5" y="5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3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43" name="Freeform 36"/>
                <p:cNvSpPr>
                  <a:spLocks/>
                </p:cNvSpPr>
                <p:nvPr/>
              </p:nvSpPr>
              <p:spPr bwMode="auto">
                <a:xfrm>
                  <a:off x="4566" y="3649"/>
                  <a:ext cx="5" cy="5"/>
                </a:xfrm>
                <a:custGeom>
                  <a:avLst/>
                  <a:gdLst>
                    <a:gd name="T0" fmla="*/ 0 w 5"/>
                    <a:gd name="T1" fmla="*/ 3 h 5"/>
                    <a:gd name="T2" fmla="*/ 0 w 5"/>
                    <a:gd name="T3" fmla="*/ 3 h 5"/>
                    <a:gd name="T4" fmla="*/ 0 w 5"/>
                    <a:gd name="T5" fmla="*/ 1 h 5"/>
                    <a:gd name="T6" fmla="*/ 2 w 5"/>
                    <a:gd name="T7" fmla="*/ 0 h 5"/>
                    <a:gd name="T8" fmla="*/ 2 w 5"/>
                    <a:gd name="T9" fmla="*/ 0 h 5"/>
                    <a:gd name="T10" fmla="*/ 4 w 5"/>
                    <a:gd name="T11" fmla="*/ 0 h 5"/>
                    <a:gd name="T12" fmla="*/ 4 w 5"/>
                    <a:gd name="T13" fmla="*/ 0 h 5"/>
                    <a:gd name="T14" fmla="*/ 4 w 5"/>
                    <a:gd name="T15" fmla="*/ 0 h 5"/>
                    <a:gd name="T16" fmla="*/ 5 w 5"/>
                    <a:gd name="T17" fmla="*/ 0 h 5"/>
                    <a:gd name="T18" fmla="*/ 5 w 5"/>
                    <a:gd name="T19" fmla="*/ 1 h 5"/>
                    <a:gd name="T20" fmla="*/ 5 w 5"/>
                    <a:gd name="T21" fmla="*/ 3 h 5"/>
                    <a:gd name="T22" fmla="*/ 5 w 5"/>
                    <a:gd name="T23" fmla="*/ 3 h 5"/>
                    <a:gd name="T24" fmla="*/ 5 w 5"/>
                    <a:gd name="T25" fmla="*/ 3 h 5"/>
                    <a:gd name="T26" fmla="*/ 5 w 5"/>
                    <a:gd name="T27" fmla="*/ 5 h 5"/>
                    <a:gd name="T28" fmla="*/ 4 w 5"/>
                    <a:gd name="T29" fmla="*/ 5 h 5"/>
                    <a:gd name="T30" fmla="*/ 4 w 5"/>
                    <a:gd name="T31" fmla="*/ 5 h 5"/>
                    <a:gd name="T32" fmla="*/ 4 w 5"/>
                    <a:gd name="T33" fmla="*/ 5 h 5"/>
                    <a:gd name="T34" fmla="*/ 2 w 5"/>
                    <a:gd name="T35" fmla="*/ 5 h 5"/>
                    <a:gd name="T36" fmla="*/ 2 w 5"/>
                    <a:gd name="T37" fmla="*/ 5 h 5"/>
                    <a:gd name="T38" fmla="*/ 0 w 5"/>
                    <a:gd name="T39" fmla="*/ 3 h 5"/>
                    <a:gd name="T40" fmla="*/ 0 w 5"/>
                    <a:gd name="T41" fmla="*/ 3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5"/>
                    <a:gd name="T64" fmla="*/ 0 h 5"/>
                    <a:gd name="T65" fmla="*/ 5 w 5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5" h="5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5" y="1"/>
                      </a:lnTo>
                      <a:lnTo>
                        <a:pt x="5" y="3"/>
                      </a:lnTo>
                      <a:lnTo>
                        <a:pt x="5" y="5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3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44" name="Freeform 37"/>
                <p:cNvSpPr>
                  <a:spLocks/>
                </p:cNvSpPr>
                <p:nvPr/>
              </p:nvSpPr>
              <p:spPr bwMode="auto">
                <a:xfrm>
                  <a:off x="4560" y="3656"/>
                  <a:ext cx="5" cy="3"/>
                </a:xfrm>
                <a:custGeom>
                  <a:avLst/>
                  <a:gdLst>
                    <a:gd name="T0" fmla="*/ 0 w 5"/>
                    <a:gd name="T1" fmla="*/ 1 h 3"/>
                    <a:gd name="T2" fmla="*/ 0 w 5"/>
                    <a:gd name="T3" fmla="*/ 1 h 3"/>
                    <a:gd name="T4" fmla="*/ 0 w 5"/>
                    <a:gd name="T5" fmla="*/ 0 h 3"/>
                    <a:gd name="T6" fmla="*/ 1 w 5"/>
                    <a:gd name="T7" fmla="*/ 0 h 3"/>
                    <a:gd name="T8" fmla="*/ 1 w 5"/>
                    <a:gd name="T9" fmla="*/ 0 h 3"/>
                    <a:gd name="T10" fmla="*/ 3 w 5"/>
                    <a:gd name="T11" fmla="*/ 0 h 3"/>
                    <a:gd name="T12" fmla="*/ 3 w 5"/>
                    <a:gd name="T13" fmla="*/ 0 h 3"/>
                    <a:gd name="T14" fmla="*/ 5 w 5"/>
                    <a:gd name="T15" fmla="*/ 1 h 3"/>
                    <a:gd name="T16" fmla="*/ 5 w 5"/>
                    <a:gd name="T17" fmla="*/ 1 h 3"/>
                    <a:gd name="T18" fmla="*/ 5 w 5"/>
                    <a:gd name="T19" fmla="*/ 1 h 3"/>
                    <a:gd name="T20" fmla="*/ 3 w 5"/>
                    <a:gd name="T21" fmla="*/ 3 h 3"/>
                    <a:gd name="T22" fmla="*/ 3 w 5"/>
                    <a:gd name="T23" fmla="*/ 3 h 3"/>
                    <a:gd name="T24" fmla="*/ 1 w 5"/>
                    <a:gd name="T25" fmla="*/ 3 h 3"/>
                    <a:gd name="T26" fmla="*/ 1 w 5"/>
                    <a:gd name="T27" fmla="*/ 3 h 3"/>
                    <a:gd name="T28" fmla="*/ 0 w 5"/>
                    <a:gd name="T29" fmla="*/ 3 h 3"/>
                    <a:gd name="T30" fmla="*/ 0 w 5"/>
                    <a:gd name="T31" fmla="*/ 1 h 3"/>
                    <a:gd name="T32" fmla="*/ 0 w 5"/>
                    <a:gd name="T33" fmla="*/ 1 h 3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5"/>
                    <a:gd name="T52" fmla="*/ 0 h 3"/>
                    <a:gd name="T53" fmla="*/ 5 w 5"/>
                    <a:gd name="T54" fmla="*/ 3 h 3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5" h="3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1"/>
                      </a:lnTo>
                      <a:lnTo>
                        <a:pt x="3" y="3"/>
                      </a:lnTo>
                      <a:lnTo>
                        <a:pt x="1" y="3"/>
                      </a:lnTo>
                      <a:lnTo>
                        <a:pt x="0" y="3"/>
                      </a:lnTo>
                      <a:lnTo>
                        <a:pt x="0" y="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45" name="Freeform 38"/>
                <p:cNvSpPr>
                  <a:spLocks/>
                </p:cNvSpPr>
                <p:nvPr/>
              </p:nvSpPr>
              <p:spPr bwMode="auto">
                <a:xfrm>
                  <a:off x="4560" y="3656"/>
                  <a:ext cx="5" cy="3"/>
                </a:xfrm>
                <a:custGeom>
                  <a:avLst/>
                  <a:gdLst>
                    <a:gd name="T0" fmla="*/ 0 w 5"/>
                    <a:gd name="T1" fmla="*/ 1 h 3"/>
                    <a:gd name="T2" fmla="*/ 0 w 5"/>
                    <a:gd name="T3" fmla="*/ 1 h 3"/>
                    <a:gd name="T4" fmla="*/ 0 w 5"/>
                    <a:gd name="T5" fmla="*/ 1 h 3"/>
                    <a:gd name="T6" fmla="*/ 0 w 5"/>
                    <a:gd name="T7" fmla="*/ 0 h 3"/>
                    <a:gd name="T8" fmla="*/ 1 w 5"/>
                    <a:gd name="T9" fmla="*/ 0 h 3"/>
                    <a:gd name="T10" fmla="*/ 1 w 5"/>
                    <a:gd name="T11" fmla="*/ 0 h 3"/>
                    <a:gd name="T12" fmla="*/ 1 w 5"/>
                    <a:gd name="T13" fmla="*/ 0 h 3"/>
                    <a:gd name="T14" fmla="*/ 3 w 5"/>
                    <a:gd name="T15" fmla="*/ 0 h 3"/>
                    <a:gd name="T16" fmla="*/ 3 w 5"/>
                    <a:gd name="T17" fmla="*/ 0 h 3"/>
                    <a:gd name="T18" fmla="*/ 5 w 5"/>
                    <a:gd name="T19" fmla="*/ 1 h 3"/>
                    <a:gd name="T20" fmla="*/ 5 w 5"/>
                    <a:gd name="T21" fmla="*/ 1 h 3"/>
                    <a:gd name="T22" fmla="*/ 5 w 5"/>
                    <a:gd name="T23" fmla="*/ 1 h 3"/>
                    <a:gd name="T24" fmla="*/ 5 w 5"/>
                    <a:gd name="T25" fmla="*/ 1 h 3"/>
                    <a:gd name="T26" fmla="*/ 3 w 5"/>
                    <a:gd name="T27" fmla="*/ 3 h 3"/>
                    <a:gd name="T28" fmla="*/ 3 w 5"/>
                    <a:gd name="T29" fmla="*/ 3 h 3"/>
                    <a:gd name="T30" fmla="*/ 1 w 5"/>
                    <a:gd name="T31" fmla="*/ 3 h 3"/>
                    <a:gd name="T32" fmla="*/ 1 w 5"/>
                    <a:gd name="T33" fmla="*/ 3 h 3"/>
                    <a:gd name="T34" fmla="*/ 1 w 5"/>
                    <a:gd name="T35" fmla="*/ 3 h 3"/>
                    <a:gd name="T36" fmla="*/ 0 w 5"/>
                    <a:gd name="T37" fmla="*/ 3 h 3"/>
                    <a:gd name="T38" fmla="*/ 0 w 5"/>
                    <a:gd name="T39" fmla="*/ 1 h 3"/>
                    <a:gd name="T40" fmla="*/ 0 w 5"/>
                    <a:gd name="T41" fmla="*/ 1 h 3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5"/>
                    <a:gd name="T64" fmla="*/ 0 h 3"/>
                    <a:gd name="T65" fmla="*/ 5 w 5"/>
                    <a:gd name="T66" fmla="*/ 3 h 3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5" h="3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1"/>
                      </a:lnTo>
                      <a:lnTo>
                        <a:pt x="3" y="3"/>
                      </a:lnTo>
                      <a:lnTo>
                        <a:pt x="1" y="3"/>
                      </a:lnTo>
                      <a:lnTo>
                        <a:pt x="0" y="3"/>
                      </a:lnTo>
                      <a:lnTo>
                        <a:pt x="0" y="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46" name="Freeform 39"/>
                <p:cNvSpPr>
                  <a:spLocks/>
                </p:cNvSpPr>
                <p:nvPr/>
              </p:nvSpPr>
              <p:spPr bwMode="auto">
                <a:xfrm>
                  <a:off x="4664" y="3600"/>
                  <a:ext cx="4" cy="5"/>
                </a:xfrm>
                <a:custGeom>
                  <a:avLst/>
                  <a:gdLst>
                    <a:gd name="T0" fmla="*/ 0 w 4"/>
                    <a:gd name="T1" fmla="*/ 1 h 5"/>
                    <a:gd name="T2" fmla="*/ 0 w 4"/>
                    <a:gd name="T3" fmla="*/ 1 h 5"/>
                    <a:gd name="T4" fmla="*/ 0 w 4"/>
                    <a:gd name="T5" fmla="*/ 0 h 5"/>
                    <a:gd name="T6" fmla="*/ 2 w 4"/>
                    <a:gd name="T7" fmla="*/ 0 h 5"/>
                    <a:gd name="T8" fmla="*/ 2 w 4"/>
                    <a:gd name="T9" fmla="*/ 0 h 5"/>
                    <a:gd name="T10" fmla="*/ 2 w 4"/>
                    <a:gd name="T11" fmla="*/ 0 h 5"/>
                    <a:gd name="T12" fmla="*/ 4 w 4"/>
                    <a:gd name="T13" fmla="*/ 0 h 5"/>
                    <a:gd name="T14" fmla="*/ 4 w 4"/>
                    <a:gd name="T15" fmla="*/ 1 h 5"/>
                    <a:gd name="T16" fmla="*/ 4 w 4"/>
                    <a:gd name="T17" fmla="*/ 1 h 5"/>
                    <a:gd name="T18" fmla="*/ 4 w 4"/>
                    <a:gd name="T19" fmla="*/ 3 h 5"/>
                    <a:gd name="T20" fmla="*/ 4 w 4"/>
                    <a:gd name="T21" fmla="*/ 5 h 5"/>
                    <a:gd name="T22" fmla="*/ 2 w 4"/>
                    <a:gd name="T23" fmla="*/ 5 h 5"/>
                    <a:gd name="T24" fmla="*/ 2 w 4"/>
                    <a:gd name="T25" fmla="*/ 5 h 5"/>
                    <a:gd name="T26" fmla="*/ 2 w 4"/>
                    <a:gd name="T27" fmla="*/ 5 h 5"/>
                    <a:gd name="T28" fmla="*/ 0 w 4"/>
                    <a:gd name="T29" fmla="*/ 5 h 5"/>
                    <a:gd name="T30" fmla="*/ 0 w 4"/>
                    <a:gd name="T31" fmla="*/ 3 h 5"/>
                    <a:gd name="T32" fmla="*/ 0 w 4"/>
                    <a:gd name="T33" fmla="*/ 1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4"/>
                    <a:gd name="T52" fmla="*/ 0 h 5"/>
                    <a:gd name="T53" fmla="*/ 4 w 4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4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4" y="1"/>
                      </a:lnTo>
                      <a:lnTo>
                        <a:pt x="4" y="3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47" name="Freeform 40"/>
                <p:cNvSpPr>
                  <a:spLocks/>
                </p:cNvSpPr>
                <p:nvPr/>
              </p:nvSpPr>
              <p:spPr bwMode="auto">
                <a:xfrm>
                  <a:off x="4664" y="3600"/>
                  <a:ext cx="4" cy="5"/>
                </a:xfrm>
                <a:custGeom>
                  <a:avLst/>
                  <a:gdLst>
                    <a:gd name="T0" fmla="*/ 0 w 4"/>
                    <a:gd name="T1" fmla="*/ 1 h 5"/>
                    <a:gd name="T2" fmla="*/ 0 w 4"/>
                    <a:gd name="T3" fmla="*/ 1 h 5"/>
                    <a:gd name="T4" fmla="*/ 0 w 4"/>
                    <a:gd name="T5" fmla="*/ 1 h 5"/>
                    <a:gd name="T6" fmla="*/ 0 w 4"/>
                    <a:gd name="T7" fmla="*/ 0 h 5"/>
                    <a:gd name="T8" fmla="*/ 2 w 4"/>
                    <a:gd name="T9" fmla="*/ 0 h 5"/>
                    <a:gd name="T10" fmla="*/ 2 w 4"/>
                    <a:gd name="T11" fmla="*/ 0 h 5"/>
                    <a:gd name="T12" fmla="*/ 2 w 4"/>
                    <a:gd name="T13" fmla="*/ 0 h 5"/>
                    <a:gd name="T14" fmla="*/ 2 w 4"/>
                    <a:gd name="T15" fmla="*/ 0 h 5"/>
                    <a:gd name="T16" fmla="*/ 4 w 4"/>
                    <a:gd name="T17" fmla="*/ 0 h 5"/>
                    <a:gd name="T18" fmla="*/ 4 w 4"/>
                    <a:gd name="T19" fmla="*/ 1 h 5"/>
                    <a:gd name="T20" fmla="*/ 4 w 4"/>
                    <a:gd name="T21" fmla="*/ 1 h 5"/>
                    <a:gd name="T22" fmla="*/ 4 w 4"/>
                    <a:gd name="T23" fmla="*/ 1 h 5"/>
                    <a:gd name="T24" fmla="*/ 4 w 4"/>
                    <a:gd name="T25" fmla="*/ 3 h 5"/>
                    <a:gd name="T26" fmla="*/ 4 w 4"/>
                    <a:gd name="T27" fmla="*/ 5 h 5"/>
                    <a:gd name="T28" fmla="*/ 2 w 4"/>
                    <a:gd name="T29" fmla="*/ 5 h 5"/>
                    <a:gd name="T30" fmla="*/ 2 w 4"/>
                    <a:gd name="T31" fmla="*/ 5 h 5"/>
                    <a:gd name="T32" fmla="*/ 2 w 4"/>
                    <a:gd name="T33" fmla="*/ 5 h 5"/>
                    <a:gd name="T34" fmla="*/ 2 w 4"/>
                    <a:gd name="T35" fmla="*/ 5 h 5"/>
                    <a:gd name="T36" fmla="*/ 0 w 4"/>
                    <a:gd name="T37" fmla="*/ 5 h 5"/>
                    <a:gd name="T38" fmla="*/ 0 w 4"/>
                    <a:gd name="T39" fmla="*/ 3 h 5"/>
                    <a:gd name="T40" fmla="*/ 0 w 4"/>
                    <a:gd name="T41" fmla="*/ 1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4"/>
                    <a:gd name="T64" fmla="*/ 0 h 5"/>
                    <a:gd name="T65" fmla="*/ 4 w 4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4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4" y="1"/>
                      </a:lnTo>
                      <a:lnTo>
                        <a:pt x="4" y="3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48" name="Freeform 41"/>
                <p:cNvSpPr>
                  <a:spLocks/>
                </p:cNvSpPr>
                <p:nvPr/>
              </p:nvSpPr>
              <p:spPr bwMode="auto">
                <a:xfrm>
                  <a:off x="4653" y="3608"/>
                  <a:ext cx="8" cy="7"/>
                </a:xfrm>
                <a:custGeom>
                  <a:avLst/>
                  <a:gdLst>
                    <a:gd name="T0" fmla="*/ 0 w 8"/>
                    <a:gd name="T1" fmla="*/ 4 h 7"/>
                    <a:gd name="T2" fmla="*/ 0 w 8"/>
                    <a:gd name="T3" fmla="*/ 2 h 7"/>
                    <a:gd name="T4" fmla="*/ 1 w 8"/>
                    <a:gd name="T5" fmla="*/ 2 h 7"/>
                    <a:gd name="T6" fmla="*/ 1 w 8"/>
                    <a:gd name="T7" fmla="*/ 0 h 7"/>
                    <a:gd name="T8" fmla="*/ 3 w 8"/>
                    <a:gd name="T9" fmla="*/ 0 h 7"/>
                    <a:gd name="T10" fmla="*/ 5 w 8"/>
                    <a:gd name="T11" fmla="*/ 0 h 7"/>
                    <a:gd name="T12" fmla="*/ 6 w 8"/>
                    <a:gd name="T13" fmla="*/ 2 h 7"/>
                    <a:gd name="T14" fmla="*/ 6 w 8"/>
                    <a:gd name="T15" fmla="*/ 2 h 7"/>
                    <a:gd name="T16" fmla="*/ 8 w 8"/>
                    <a:gd name="T17" fmla="*/ 4 h 7"/>
                    <a:gd name="T18" fmla="*/ 6 w 8"/>
                    <a:gd name="T19" fmla="*/ 5 h 7"/>
                    <a:gd name="T20" fmla="*/ 6 w 8"/>
                    <a:gd name="T21" fmla="*/ 5 h 7"/>
                    <a:gd name="T22" fmla="*/ 5 w 8"/>
                    <a:gd name="T23" fmla="*/ 5 h 7"/>
                    <a:gd name="T24" fmla="*/ 3 w 8"/>
                    <a:gd name="T25" fmla="*/ 7 h 7"/>
                    <a:gd name="T26" fmla="*/ 1 w 8"/>
                    <a:gd name="T27" fmla="*/ 5 h 7"/>
                    <a:gd name="T28" fmla="*/ 1 w 8"/>
                    <a:gd name="T29" fmla="*/ 5 h 7"/>
                    <a:gd name="T30" fmla="*/ 0 w 8"/>
                    <a:gd name="T31" fmla="*/ 5 h 7"/>
                    <a:gd name="T32" fmla="*/ 0 w 8"/>
                    <a:gd name="T33" fmla="*/ 4 h 7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7"/>
                    <a:gd name="T53" fmla="*/ 8 w 8"/>
                    <a:gd name="T54" fmla="*/ 7 h 7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7">
                      <a:moveTo>
                        <a:pt x="0" y="4"/>
                      </a:move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6" y="2"/>
                      </a:lnTo>
                      <a:lnTo>
                        <a:pt x="8" y="4"/>
                      </a:lnTo>
                      <a:lnTo>
                        <a:pt x="6" y="5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4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49" name="Freeform 42"/>
                <p:cNvSpPr>
                  <a:spLocks/>
                </p:cNvSpPr>
                <p:nvPr/>
              </p:nvSpPr>
              <p:spPr bwMode="auto">
                <a:xfrm>
                  <a:off x="4653" y="3608"/>
                  <a:ext cx="8" cy="7"/>
                </a:xfrm>
                <a:custGeom>
                  <a:avLst/>
                  <a:gdLst>
                    <a:gd name="T0" fmla="*/ 0 w 8"/>
                    <a:gd name="T1" fmla="*/ 4 h 7"/>
                    <a:gd name="T2" fmla="*/ 0 w 8"/>
                    <a:gd name="T3" fmla="*/ 4 h 7"/>
                    <a:gd name="T4" fmla="*/ 0 w 8"/>
                    <a:gd name="T5" fmla="*/ 2 h 7"/>
                    <a:gd name="T6" fmla="*/ 1 w 8"/>
                    <a:gd name="T7" fmla="*/ 2 h 7"/>
                    <a:gd name="T8" fmla="*/ 1 w 8"/>
                    <a:gd name="T9" fmla="*/ 0 h 7"/>
                    <a:gd name="T10" fmla="*/ 3 w 8"/>
                    <a:gd name="T11" fmla="*/ 0 h 7"/>
                    <a:gd name="T12" fmla="*/ 3 w 8"/>
                    <a:gd name="T13" fmla="*/ 0 h 7"/>
                    <a:gd name="T14" fmla="*/ 5 w 8"/>
                    <a:gd name="T15" fmla="*/ 0 h 7"/>
                    <a:gd name="T16" fmla="*/ 6 w 8"/>
                    <a:gd name="T17" fmla="*/ 2 h 7"/>
                    <a:gd name="T18" fmla="*/ 6 w 8"/>
                    <a:gd name="T19" fmla="*/ 2 h 7"/>
                    <a:gd name="T20" fmla="*/ 8 w 8"/>
                    <a:gd name="T21" fmla="*/ 4 h 7"/>
                    <a:gd name="T22" fmla="*/ 8 w 8"/>
                    <a:gd name="T23" fmla="*/ 4 h 7"/>
                    <a:gd name="T24" fmla="*/ 6 w 8"/>
                    <a:gd name="T25" fmla="*/ 5 h 7"/>
                    <a:gd name="T26" fmla="*/ 6 w 8"/>
                    <a:gd name="T27" fmla="*/ 5 h 7"/>
                    <a:gd name="T28" fmla="*/ 5 w 8"/>
                    <a:gd name="T29" fmla="*/ 5 h 7"/>
                    <a:gd name="T30" fmla="*/ 3 w 8"/>
                    <a:gd name="T31" fmla="*/ 7 h 7"/>
                    <a:gd name="T32" fmla="*/ 3 w 8"/>
                    <a:gd name="T33" fmla="*/ 7 h 7"/>
                    <a:gd name="T34" fmla="*/ 1 w 8"/>
                    <a:gd name="T35" fmla="*/ 5 h 7"/>
                    <a:gd name="T36" fmla="*/ 1 w 8"/>
                    <a:gd name="T37" fmla="*/ 5 h 7"/>
                    <a:gd name="T38" fmla="*/ 0 w 8"/>
                    <a:gd name="T39" fmla="*/ 5 h 7"/>
                    <a:gd name="T40" fmla="*/ 0 w 8"/>
                    <a:gd name="T41" fmla="*/ 4 h 7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7"/>
                    <a:gd name="T65" fmla="*/ 8 w 8"/>
                    <a:gd name="T66" fmla="*/ 7 h 7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7">
                      <a:moveTo>
                        <a:pt x="0" y="4"/>
                      </a:moveTo>
                      <a:lnTo>
                        <a:pt x="0" y="4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6" y="2"/>
                      </a:lnTo>
                      <a:lnTo>
                        <a:pt x="8" y="4"/>
                      </a:lnTo>
                      <a:lnTo>
                        <a:pt x="6" y="5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4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50" name="Freeform 43"/>
                <p:cNvSpPr>
                  <a:spLocks/>
                </p:cNvSpPr>
                <p:nvPr/>
              </p:nvSpPr>
              <p:spPr bwMode="auto">
                <a:xfrm>
                  <a:off x="4626" y="3627"/>
                  <a:ext cx="8" cy="5"/>
                </a:xfrm>
                <a:custGeom>
                  <a:avLst/>
                  <a:gdLst>
                    <a:gd name="T0" fmla="*/ 0 w 8"/>
                    <a:gd name="T1" fmla="*/ 3 h 5"/>
                    <a:gd name="T2" fmla="*/ 0 w 8"/>
                    <a:gd name="T3" fmla="*/ 1 h 5"/>
                    <a:gd name="T4" fmla="*/ 0 w 8"/>
                    <a:gd name="T5" fmla="*/ 0 h 5"/>
                    <a:gd name="T6" fmla="*/ 1 w 8"/>
                    <a:gd name="T7" fmla="*/ 0 h 5"/>
                    <a:gd name="T8" fmla="*/ 3 w 8"/>
                    <a:gd name="T9" fmla="*/ 0 h 5"/>
                    <a:gd name="T10" fmla="*/ 6 w 8"/>
                    <a:gd name="T11" fmla="*/ 0 h 5"/>
                    <a:gd name="T12" fmla="*/ 6 w 8"/>
                    <a:gd name="T13" fmla="*/ 0 h 5"/>
                    <a:gd name="T14" fmla="*/ 8 w 8"/>
                    <a:gd name="T15" fmla="*/ 1 h 5"/>
                    <a:gd name="T16" fmla="*/ 8 w 8"/>
                    <a:gd name="T17" fmla="*/ 3 h 5"/>
                    <a:gd name="T18" fmla="*/ 8 w 8"/>
                    <a:gd name="T19" fmla="*/ 3 h 5"/>
                    <a:gd name="T20" fmla="*/ 6 w 8"/>
                    <a:gd name="T21" fmla="*/ 5 h 5"/>
                    <a:gd name="T22" fmla="*/ 6 w 8"/>
                    <a:gd name="T23" fmla="*/ 5 h 5"/>
                    <a:gd name="T24" fmla="*/ 3 w 8"/>
                    <a:gd name="T25" fmla="*/ 5 h 5"/>
                    <a:gd name="T26" fmla="*/ 1 w 8"/>
                    <a:gd name="T27" fmla="*/ 5 h 5"/>
                    <a:gd name="T28" fmla="*/ 0 w 8"/>
                    <a:gd name="T29" fmla="*/ 5 h 5"/>
                    <a:gd name="T30" fmla="*/ 0 w 8"/>
                    <a:gd name="T31" fmla="*/ 3 h 5"/>
                    <a:gd name="T32" fmla="*/ 0 w 8"/>
                    <a:gd name="T33" fmla="*/ 3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5"/>
                    <a:gd name="T53" fmla="*/ 8 w 8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5">
                      <a:moveTo>
                        <a:pt x="0" y="3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6" y="0"/>
                      </a:lnTo>
                      <a:lnTo>
                        <a:pt x="8" y="1"/>
                      </a:lnTo>
                      <a:lnTo>
                        <a:pt x="8" y="3"/>
                      </a:lnTo>
                      <a:lnTo>
                        <a:pt x="6" y="5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51" name="Freeform 44"/>
                <p:cNvSpPr>
                  <a:spLocks/>
                </p:cNvSpPr>
                <p:nvPr/>
              </p:nvSpPr>
              <p:spPr bwMode="auto">
                <a:xfrm>
                  <a:off x="4626" y="3627"/>
                  <a:ext cx="8" cy="5"/>
                </a:xfrm>
                <a:custGeom>
                  <a:avLst/>
                  <a:gdLst>
                    <a:gd name="T0" fmla="*/ 0 w 8"/>
                    <a:gd name="T1" fmla="*/ 3 h 5"/>
                    <a:gd name="T2" fmla="*/ 0 w 8"/>
                    <a:gd name="T3" fmla="*/ 3 h 5"/>
                    <a:gd name="T4" fmla="*/ 0 w 8"/>
                    <a:gd name="T5" fmla="*/ 1 h 5"/>
                    <a:gd name="T6" fmla="*/ 0 w 8"/>
                    <a:gd name="T7" fmla="*/ 0 h 5"/>
                    <a:gd name="T8" fmla="*/ 1 w 8"/>
                    <a:gd name="T9" fmla="*/ 0 h 5"/>
                    <a:gd name="T10" fmla="*/ 3 w 8"/>
                    <a:gd name="T11" fmla="*/ 0 h 5"/>
                    <a:gd name="T12" fmla="*/ 3 w 8"/>
                    <a:gd name="T13" fmla="*/ 0 h 5"/>
                    <a:gd name="T14" fmla="*/ 6 w 8"/>
                    <a:gd name="T15" fmla="*/ 0 h 5"/>
                    <a:gd name="T16" fmla="*/ 6 w 8"/>
                    <a:gd name="T17" fmla="*/ 0 h 5"/>
                    <a:gd name="T18" fmla="*/ 8 w 8"/>
                    <a:gd name="T19" fmla="*/ 1 h 5"/>
                    <a:gd name="T20" fmla="*/ 8 w 8"/>
                    <a:gd name="T21" fmla="*/ 3 h 5"/>
                    <a:gd name="T22" fmla="*/ 8 w 8"/>
                    <a:gd name="T23" fmla="*/ 3 h 5"/>
                    <a:gd name="T24" fmla="*/ 8 w 8"/>
                    <a:gd name="T25" fmla="*/ 3 h 5"/>
                    <a:gd name="T26" fmla="*/ 6 w 8"/>
                    <a:gd name="T27" fmla="*/ 5 h 5"/>
                    <a:gd name="T28" fmla="*/ 6 w 8"/>
                    <a:gd name="T29" fmla="*/ 5 h 5"/>
                    <a:gd name="T30" fmla="*/ 3 w 8"/>
                    <a:gd name="T31" fmla="*/ 5 h 5"/>
                    <a:gd name="T32" fmla="*/ 3 w 8"/>
                    <a:gd name="T33" fmla="*/ 5 h 5"/>
                    <a:gd name="T34" fmla="*/ 1 w 8"/>
                    <a:gd name="T35" fmla="*/ 5 h 5"/>
                    <a:gd name="T36" fmla="*/ 0 w 8"/>
                    <a:gd name="T37" fmla="*/ 5 h 5"/>
                    <a:gd name="T38" fmla="*/ 0 w 8"/>
                    <a:gd name="T39" fmla="*/ 3 h 5"/>
                    <a:gd name="T40" fmla="*/ 0 w 8"/>
                    <a:gd name="T41" fmla="*/ 3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5"/>
                    <a:gd name="T65" fmla="*/ 8 w 8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5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6" y="0"/>
                      </a:lnTo>
                      <a:lnTo>
                        <a:pt x="8" y="1"/>
                      </a:lnTo>
                      <a:lnTo>
                        <a:pt x="8" y="3"/>
                      </a:lnTo>
                      <a:lnTo>
                        <a:pt x="6" y="5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</p:grpSp>
          <p:sp>
            <p:nvSpPr>
              <p:cNvPr id="519" name="Freeform 45"/>
              <p:cNvSpPr>
                <a:spLocks/>
              </p:cNvSpPr>
              <p:nvPr/>
            </p:nvSpPr>
            <p:spPr bwMode="auto">
              <a:xfrm>
                <a:off x="3079" y="1947"/>
                <a:ext cx="384" cy="676"/>
              </a:xfrm>
              <a:custGeom>
                <a:avLst/>
                <a:gdLst>
                  <a:gd name="T0" fmla="*/ 192 w 395"/>
                  <a:gd name="T1" fmla="*/ 439 h 697"/>
                  <a:gd name="T2" fmla="*/ 218 w 395"/>
                  <a:gd name="T3" fmla="*/ 444 h 697"/>
                  <a:gd name="T4" fmla="*/ 212 w 395"/>
                  <a:gd name="T5" fmla="*/ 429 h 697"/>
                  <a:gd name="T6" fmla="*/ 227 w 395"/>
                  <a:gd name="T7" fmla="*/ 415 h 697"/>
                  <a:gd name="T8" fmla="*/ 238 w 395"/>
                  <a:gd name="T9" fmla="*/ 406 h 697"/>
                  <a:gd name="T10" fmla="*/ 235 w 395"/>
                  <a:gd name="T11" fmla="*/ 393 h 697"/>
                  <a:gd name="T12" fmla="*/ 240 w 395"/>
                  <a:gd name="T13" fmla="*/ 386 h 697"/>
                  <a:gd name="T14" fmla="*/ 238 w 395"/>
                  <a:gd name="T15" fmla="*/ 370 h 697"/>
                  <a:gd name="T16" fmla="*/ 242 w 395"/>
                  <a:gd name="T17" fmla="*/ 359 h 697"/>
                  <a:gd name="T18" fmla="*/ 244 w 395"/>
                  <a:gd name="T19" fmla="*/ 345 h 697"/>
                  <a:gd name="T20" fmla="*/ 260 w 395"/>
                  <a:gd name="T21" fmla="*/ 318 h 697"/>
                  <a:gd name="T22" fmla="*/ 265 w 395"/>
                  <a:gd name="T23" fmla="*/ 308 h 697"/>
                  <a:gd name="T24" fmla="*/ 258 w 395"/>
                  <a:gd name="T25" fmla="*/ 279 h 697"/>
                  <a:gd name="T26" fmla="*/ 258 w 395"/>
                  <a:gd name="T27" fmla="*/ 254 h 697"/>
                  <a:gd name="T28" fmla="*/ 257 w 395"/>
                  <a:gd name="T29" fmla="*/ 230 h 697"/>
                  <a:gd name="T30" fmla="*/ 254 w 395"/>
                  <a:gd name="T31" fmla="*/ 185 h 697"/>
                  <a:gd name="T32" fmla="*/ 249 w 395"/>
                  <a:gd name="T33" fmla="*/ 131 h 697"/>
                  <a:gd name="T34" fmla="*/ 244 w 395"/>
                  <a:gd name="T35" fmla="*/ 86 h 697"/>
                  <a:gd name="T36" fmla="*/ 242 w 395"/>
                  <a:gd name="T37" fmla="*/ 63 h 697"/>
                  <a:gd name="T38" fmla="*/ 233 w 395"/>
                  <a:gd name="T39" fmla="*/ 45 h 697"/>
                  <a:gd name="T40" fmla="*/ 230 w 395"/>
                  <a:gd name="T41" fmla="*/ 37 h 697"/>
                  <a:gd name="T42" fmla="*/ 219 w 395"/>
                  <a:gd name="T43" fmla="*/ 16 h 697"/>
                  <a:gd name="T44" fmla="*/ 45 w 395"/>
                  <a:gd name="T45" fmla="*/ 16 h 697"/>
                  <a:gd name="T46" fmla="*/ 49 w 395"/>
                  <a:gd name="T47" fmla="*/ 16 h 697"/>
                  <a:gd name="T48" fmla="*/ 61 w 395"/>
                  <a:gd name="T49" fmla="*/ 31 h 697"/>
                  <a:gd name="T50" fmla="*/ 68 w 395"/>
                  <a:gd name="T51" fmla="*/ 39 h 697"/>
                  <a:gd name="T52" fmla="*/ 77 w 395"/>
                  <a:gd name="T53" fmla="*/ 55 h 697"/>
                  <a:gd name="T54" fmla="*/ 67 w 395"/>
                  <a:gd name="T55" fmla="*/ 72 h 697"/>
                  <a:gd name="T56" fmla="*/ 66 w 395"/>
                  <a:gd name="T57" fmla="*/ 88 h 697"/>
                  <a:gd name="T58" fmla="*/ 51 w 395"/>
                  <a:gd name="T59" fmla="*/ 93 h 697"/>
                  <a:gd name="T60" fmla="*/ 47 w 395"/>
                  <a:gd name="T61" fmla="*/ 98 h 697"/>
                  <a:gd name="T62" fmla="*/ 20 w 395"/>
                  <a:gd name="T63" fmla="*/ 107 h 697"/>
                  <a:gd name="T64" fmla="*/ 34 w 395"/>
                  <a:gd name="T65" fmla="*/ 133 h 697"/>
                  <a:gd name="T66" fmla="*/ 27 w 395"/>
                  <a:gd name="T67" fmla="*/ 147 h 697"/>
                  <a:gd name="T68" fmla="*/ 22 w 395"/>
                  <a:gd name="T69" fmla="*/ 157 h 697"/>
                  <a:gd name="T70" fmla="*/ 18 w 395"/>
                  <a:gd name="T71" fmla="*/ 164 h 697"/>
                  <a:gd name="T72" fmla="*/ 9 w 395"/>
                  <a:gd name="T73" fmla="*/ 172 h 697"/>
                  <a:gd name="T74" fmla="*/ 14 w 395"/>
                  <a:gd name="T75" fmla="*/ 180 h 697"/>
                  <a:gd name="T76" fmla="*/ 7 w 395"/>
                  <a:gd name="T77" fmla="*/ 190 h 697"/>
                  <a:gd name="T78" fmla="*/ 2 w 395"/>
                  <a:gd name="T79" fmla="*/ 198 h 697"/>
                  <a:gd name="T80" fmla="*/ 7 w 395"/>
                  <a:gd name="T81" fmla="*/ 229 h 697"/>
                  <a:gd name="T82" fmla="*/ 42 w 395"/>
                  <a:gd name="T83" fmla="*/ 268 h 697"/>
                  <a:gd name="T84" fmla="*/ 54 w 395"/>
                  <a:gd name="T85" fmla="*/ 280 h 697"/>
                  <a:gd name="T86" fmla="*/ 63 w 395"/>
                  <a:gd name="T87" fmla="*/ 308 h 697"/>
                  <a:gd name="T88" fmla="*/ 79 w 395"/>
                  <a:gd name="T89" fmla="*/ 301 h 697"/>
                  <a:gd name="T90" fmla="*/ 95 w 395"/>
                  <a:gd name="T91" fmla="*/ 314 h 697"/>
                  <a:gd name="T92" fmla="*/ 87 w 395"/>
                  <a:gd name="T93" fmla="*/ 340 h 697"/>
                  <a:gd name="T94" fmla="*/ 84 w 395"/>
                  <a:gd name="T95" fmla="*/ 356 h 697"/>
                  <a:gd name="T96" fmla="*/ 108 w 395"/>
                  <a:gd name="T97" fmla="*/ 378 h 697"/>
                  <a:gd name="T98" fmla="*/ 113 w 395"/>
                  <a:gd name="T99" fmla="*/ 380 h 697"/>
                  <a:gd name="T100" fmla="*/ 149 w 395"/>
                  <a:gd name="T101" fmla="*/ 422 h 697"/>
                  <a:gd name="T102" fmla="*/ 159 w 395"/>
                  <a:gd name="T103" fmla="*/ 455 h 697"/>
                  <a:gd name="T104" fmla="*/ 162 w 395"/>
                  <a:gd name="T105" fmla="*/ 448 h 697"/>
                  <a:gd name="T106" fmla="*/ 170 w 395"/>
                  <a:gd name="T107" fmla="*/ 444 h 697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395"/>
                  <a:gd name="T163" fmla="*/ 0 h 697"/>
                  <a:gd name="T164" fmla="*/ 395 w 395"/>
                  <a:gd name="T165" fmla="*/ 697 h 697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395" h="697">
                    <a:moveTo>
                      <a:pt x="258" y="678"/>
                    </a:moveTo>
                    <a:lnTo>
                      <a:pt x="264" y="672"/>
                    </a:lnTo>
                    <a:lnTo>
                      <a:pt x="269" y="668"/>
                    </a:lnTo>
                    <a:lnTo>
                      <a:pt x="274" y="668"/>
                    </a:lnTo>
                    <a:lnTo>
                      <a:pt x="280" y="668"/>
                    </a:lnTo>
                    <a:lnTo>
                      <a:pt x="285" y="672"/>
                    </a:lnTo>
                    <a:lnTo>
                      <a:pt x="288" y="673"/>
                    </a:lnTo>
                    <a:lnTo>
                      <a:pt x="291" y="677"/>
                    </a:lnTo>
                    <a:lnTo>
                      <a:pt x="295" y="678"/>
                    </a:lnTo>
                    <a:lnTo>
                      <a:pt x="308" y="683"/>
                    </a:lnTo>
                    <a:lnTo>
                      <a:pt x="318" y="685"/>
                    </a:lnTo>
                    <a:lnTo>
                      <a:pt x="324" y="683"/>
                    </a:lnTo>
                    <a:lnTo>
                      <a:pt x="325" y="680"/>
                    </a:lnTo>
                    <a:lnTo>
                      <a:pt x="324" y="677"/>
                    </a:lnTo>
                    <a:lnTo>
                      <a:pt x="324" y="673"/>
                    </a:lnTo>
                    <a:lnTo>
                      <a:pt x="320" y="670"/>
                    </a:lnTo>
                    <a:lnTo>
                      <a:pt x="320" y="668"/>
                    </a:lnTo>
                    <a:lnTo>
                      <a:pt x="315" y="660"/>
                    </a:lnTo>
                    <a:lnTo>
                      <a:pt x="315" y="651"/>
                    </a:lnTo>
                    <a:lnTo>
                      <a:pt x="317" y="646"/>
                    </a:lnTo>
                    <a:lnTo>
                      <a:pt x="322" y="641"/>
                    </a:lnTo>
                    <a:lnTo>
                      <a:pt x="327" y="639"/>
                    </a:lnTo>
                    <a:lnTo>
                      <a:pt x="332" y="636"/>
                    </a:lnTo>
                    <a:lnTo>
                      <a:pt x="337" y="636"/>
                    </a:lnTo>
                    <a:lnTo>
                      <a:pt x="339" y="636"/>
                    </a:lnTo>
                    <a:lnTo>
                      <a:pt x="347" y="634"/>
                    </a:lnTo>
                    <a:lnTo>
                      <a:pt x="354" y="633"/>
                    </a:lnTo>
                    <a:lnTo>
                      <a:pt x="356" y="631"/>
                    </a:lnTo>
                    <a:lnTo>
                      <a:pt x="356" y="628"/>
                    </a:lnTo>
                    <a:lnTo>
                      <a:pt x="354" y="624"/>
                    </a:lnTo>
                    <a:lnTo>
                      <a:pt x="354" y="622"/>
                    </a:lnTo>
                    <a:lnTo>
                      <a:pt x="352" y="621"/>
                    </a:lnTo>
                    <a:lnTo>
                      <a:pt x="351" y="619"/>
                    </a:lnTo>
                    <a:lnTo>
                      <a:pt x="347" y="614"/>
                    </a:lnTo>
                    <a:lnTo>
                      <a:pt x="349" y="606"/>
                    </a:lnTo>
                    <a:lnTo>
                      <a:pt x="349" y="604"/>
                    </a:lnTo>
                    <a:lnTo>
                      <a:pt x="351" y="602"/>
                    </a:lnTo>
                    <a:lnTo>
                      <a:pt x="352" y="600"/>
                    </a:lnTo>
                    <a:lnTo>
                      <a:pt x="354" y="597"/>
                    </a:lnTo>
                    <a:lnTo>
                      <a:pt x="354" y="595"/>
                    </a:lnTo>
                    <a:lnTo>
                      <a:pt x="356" y="594"/>
                    </a:lnTo>
                    <a:lnTo>
                      <a:pt x="356" y="592"/>
                    </a:lnTo>
                    <a:lnTo>
                      <a:pt x="356" y="590"/>
                    </a:lnTo>
                    <a:lnTo>
                      <a:pt x="352" y="585"/>
                    </a:lnTo>
                    <a:lnTo>
                      <a:pt x="351" y="580"/>
                    </a:lnTo>
                    <a:lnTo>
                      <a:pt x="351" y="575"/>
                    </a:lnTo>
                    <a:lnTo>
                      <a:pt x="351" y="572"/>
                    </a:lnTo>
                    <a:lnTo>
                      <a:pt x="354" y="568"/>
                    </a:lnTo>
                    <a:lnTo>
                      <a:pt x="356" y="567"/>
                    </a:lnTo>
                    <a:lnTo>
                      <a:pt x="356" y="565"/>
                    </a:lnTo>
                    <a:lnTo>
                      <a:pt x="357" y="565"/>
                    </a:lnTo>
                    <a:lnTo>
                      <a:pt x="359" y="555"/>
                    </a:lnTo>
                    <a:lnTo>
                      <a:pt x="359" y="553"/>
                    </a:lnTo>
                    <a:lnTo>
                      <a:pt x="359" y="551"/>
                    </a:lnTo>
                    <a:lnTo>
                      <a:pt x="359" y="548"/>
                    </a:lnTo>
                    <a:lnTo>
                      <a:pt x="361" y="543"/>
                    </a:lnTo>
                    <a:lnTo>
                      <a:pt x="361" y="540"/>
                    </a:lnTo>
                    <a:lnTo>
                      <a:pt x="362" y="536"/>
                    </a:lnTo>
                    <a:lnTo>
                      <a:pt x="362" y="533"/>
                    </a:lnTo>
                    <a:lnTo>
                      <a:pt x="362" y="531"/>
                    </a:lnTo>
                    <a:lnTo>
                      <a:pt x="369" y="526"/>
                    </a:lnTo>
                    <a:lnTo>
                      <a:pt x="374" y="518"/>
                    </a:lnTo>
                    <a:lnTo>
                      <a:pt x="378" y="509"/>
                    </a:lnTo>
                    <a:lnTo>
                      <a:pt x="381" y="502"/>
                    </a:lnTo>
                    <a:lnTo>
                      <a:pt x="384" y="494"/>
                    </a:lnTo>
                    <a:lnTo>
                      <a:pt x="386" y="489"/>
                    </a:lnTo>
                    <a:lnTo>
                      <a:pt x="388" y="484"/>
                    </a:lnTo>
                    <a:lnTo>
                      <a:pt x="388" y="482"/>
                    </a:lnTo>
                    <a:lnTo>
                      <a:pt x="390" y="479"/>
                    </a:lnTo>
                    <a:lnTo>
                      <a:pt x="391" y="475"/>
                    </a:lnTo>
                    <a:lnTo>
                      <a:pt x="393" y="474"/>
                    </a:lnTo>
                    <a:lnTo>
                      <a:pt x="395" y="463"/>
                    </a:lnTo>
                    <a:lnTo>
                      <a:pt x="395" y="455"/>
                    </a:lnTo>
                    <a:lnTo>
                      <a:pt x="393" y="446"/>
                    </a:lnTo>
                    <a:lnTo>
                      <a:pt x="390" y="440"/>
                    </a:lnTo>
                    <a:lnTo>
                      <a:pt x="388" y="433"/>
                    </a:lnTo>
                    <a:lnTo>
                      <a:pt x="384" y="428"/>
                    </a:lnTo>
                    <a:lnTo>
                      <a:pt x="383" y="424"/>
                    </a:lnTo>
                    <a:lnTo>
                      <a:pt x="381" y="423"/>
                    </a:lnTo>
                    <a:lnTo>
                      <a:pt x="381" y="419"/>
                    </a:lnTo>
                    <a:lnTo>
                      <a:pt x="381" y="396"/>
                    </a:lnTo>
                    <a:lnTo>
                      <a:pt x="384" y="391"/>
                    </a:lnTo>
                    <a:lnTo>
                      <a:pt x="384" y="389"/>
                    </a:lnTo>
                    <a:lnTo>
                      <a:pt x="384" y="387"/>
                    </a:lnTo>
                    <a:lnTo>
                      <a:pt x="384" y="382"/>
                    </a:lnTo>
                    <a:lnTo>
                      <a:pt x="383" y="377"/>
                    </a:lnTo>
                    <a:lnTo>
                      <a:pt x="383" y="370"/>
                    </a:lnTo>
                    <a:lnTo>
                      <a:pt x="383" y="362"/>
                    </a:lnTo>
                    <a:lnTo>
                      <a:pt x="381" y="353"/>
                    </a:lnTo>
                    <a:lnTo>
                      <a:pt x="381" y="343"/>
                    </a:lnTo>
                    <a:lnTo>
                      <a:pt x="379" y="333"/>
                    </a:lnTo>
                    <a:lnTo>
                      <a:pt x="379" y="321"/>
                    </a:lnTo>
                    <a:lnTo>
                      <a:pt x="378" y="309"/>
                    </a:lnTo>
                    <a:lnTo>
                      <a:pt x="376" y="296"/>
                    </a:lnTo>
                    <a:lnTo>
                      <a:pt x="376" y="284"/>
                    </a:lnTo>
                    <a:lnTo>
                      <a:pt x="374" y="270"/>
                    </a:lnTo>
                    <a:lnTo>
                      <a:pt x="373" y="257"/>
                    </a:lnTo>
                    <a:lnTo>
                      <a:pt x="373" y="243"/>
                    </a:lnTo>
                    <a:lnTo>
                      <a:pt x="371" y="228"/>
                    </a:lnTo>
                    <a:lnTo>
                      <a:pt x="369" y="215"/>
                    </a:lnTo>
                    <a:lnTo>
                      <a:pt x="369" y="201"/>
                    </a:lnTo>
                    <a:lnTo>
                      <a:pt x="368" y="189"/>
                    </a:lnTo>
                    <a:lnTo>
                      <a:pt x="366" y="176"/>
                    </a:lnTo>
                    <a:lnTo>
                      <a:pt x="366" y="164"/>
                    </a:lnTo>
                    <a:lnTo>
                      <a:pt x="364" y="152"/>
                    </a:lnTo>
                    <a:lnTo>
                      <a:pt x="364" y="142"/>
                    </a:lnTo>
                    <a:lnTo>
                      <a:pt x="362" y="132"/>
                    </a:lnTo>
                    <a:lnTo>
                      <a:pt x="362" y="122"/>
                    </a:lnTo>
                    <a:lnTo>
                      <a:pt x="361" y="115"/>
                    </a:lnTo>
                    <a:lnTo>
                      <a:pt x="361" y="108"/>
                    </a:lnTo>
                    <a:lnTo>
                      <a:pt x="361" y="103"/>
                    </a:lnTo>
                    <a:lnTo>
                      <a:pt x="359" y="98"/>
                    </a:lnTo>
                    <a:lnTo>
                      <a:pt x="359" y="96"/>
                    </a:lnTo>
                    <a:lnTo>
                      <a:pt x="359" y="94"/>
                    </a:lnTo>
                    <a:lnTo>
                      <a:pt x="354" y="89"/>
                    </a:lnTo>
                    <a:lnTo>
                      <a:pt x="351" y="84"/>
                    </a:lnTo>
                    <a:lnTo>
                      <a:pt x="349" y="79"/>
                    </a:lnTo>
                    <a:lnTo>
                      <a:pt x="347" y="74"/>
                    </a:lnTo>
                    <a:lnTo>
                      <a:pt x="346" y="69"/>
                    </a:lnTo>
                    <a:lnTo>
                      <a:pt x="346" y="66"/>
                    </a:lnTo>
                    <a:lnTo>
                      <a:pt x="346" y="64"/>
                    </a:lnTo>
                    <a:lnTo>
                      <a:pt x="346" y="62"/>
                    </a:lnTo>
                    <a:lnTo>
                      <a:pt x="344" y="61"/>
                    </a:lnTo>
                    <a:lnTo>
                      <a:pt x="344" y="57"/>
                    </a:lnTo>
                    <a:lnTo>
                      <a:pt x="342" y="54"/>
                    </a:lnTo>
                    <a:lnTo>
                      <a:pt x="342" y="52"/>
                    </a:lnTo>
                    <a:lnTo>
                      <a:pt x="334" y="47"/>
                    </a:lnTo>
                    <a:lnTo>
                      <a:pt x="329" y="42"/>
                    </a:lnTo>
                    <a:lnTo>
                      <a:pt x="325" y="37"/>
                    </a:lnTo>
                    <a:lnTo>
                      <a:pt x="325" y="30"/>
                    </a:lnTo>
                    <a:lnTo>
                      <a:pt x="325" y="25"/>
                    </a:lnTo>
                    <a:lnTo>
                      <a:pt x="325" y="22"/>
                    </a:lnTo>
                    <a:lnTo>
                      <a:pt x="325" y="18"/>
                    </a:lnTo>
                    <a:lnTo>
                      <a:pt x="325" y="0"/>
                    </a:lnTo>
                    <a:lnTo>
                      <a:pt x="325" y="1"/>
                    </a:lnTo>
                    <a:lnTo>
                      <a:pt x="66" y="20"/>
                    </a:lnTo>
                    <a:lnTo>
                      <a:pt x="66" y="22"/>
                    </a:lnTo>
                    <a:lnTo>
                      <a:pt x="66" y="23"/>
                    </a:lnTo>
                    <a:lnTo>
                      <a:pt x="68" y="25"/>
                    </a:lnTo>
                    <a:lnTo>
                      <a:pt x="71" y="27"/>
                    </a:lnTo>
                    <a:lnTo>
                      <a:pt x="73" y="28"/>
                    </a:lnTo>
                    <a:lnTo>
                      <a:pt x="78" y="30"/>
                    </a:lnTo>
                    <a:lnTo>
                      <a:pt x="82" y="34"/>
                    </a:lnTo>
                    <a:lnTo>
                      <a:pt x="87" y="37"/>
                    </a:lnTo>
                    <a:lnTo>
                      <a:pt x="90" y="40"/>
                    </a:lnTo>
                    <a:lnTo>
                      <a:pt x="90" y="44"/>
                    </a:lnTo>
                    <a:lnTo>
                      <a:pt x="90" y="45"/>
                    </a:lnTo>
                    <a:lnTo>
                      <a:pt x="90" y="47"/>
                    </a:lnTo>
                    <a:lnTo>
                      <a:pt x="88" y="49"/>
                    </a:lnTo>
                    <a:lnTo>
                      <a:pt x="88" y="50"/>
                    </a:lnTo>
                    <a:lnTo>
                      <a:pt x="98" y="57"/>
                    </a:lnTo>
                    <a:lnTo>
                      <a:pt x="100" y="57"/>
                    </a:lnTo>
                    <a:lnTo>
                      <a:pt x="102" y="59"/>
                    </a:lnTo>
                    <a:lnTo>
                      <a:pt x="105" y="61"/>
                    </a:lnTo>
                    <a:lnTo>
                      <a:pt x="110" y="64"/>
                    </a:lnTo>
                    <a:lnTo>
                      <a:pt x="112" y="69"/>
                    </a:lnTo>
                    <a:lnTo>
                      <a:pt x="114" y="76"/>
                    </a:lnTo>
                    <a:lnTo>
                      <a:pt x="114" y="84"/>
                    </a:lnTo>
                    <a:lnTo>
                      <a:pt x="112" y="96"/>
                    </a:lnTo>
                    <a:lnTo>
                      <a:pt x="109" y="105"/>
                    </a:lnTo>
                    <a:lnTo>
                      <a:pt x="105" y="108"/>
                    </a:lnTo>
                    <a:lnTo>
                      <a:pt x="102" y="110"/>
                    </a:lnTo>
                    <a:lnTo>
                      <a:pt x="100" y="108"/>
                    </a:lnTo>
                    <a:lnTo>
                      <a:pt x="98" y="110"/>
                    </a:lnTo>
                    <a:lnTo>
                      <a:pt x="98" y="111"/>
                    </a:lnTo>
                    <a:lnTo>
                      <a:pt x="97" y="120"/>
                    </a:lnTo>
                    <a:lnTo>
                      <a:pt x="97" y="133"/>
                    </a:lnTo>
                    <a:lnTo>
                      <a:pt x="97" y="135"/>
                    </a:lnTo>
                    <a:lnTo>
                      <a:pt x="95" y="137"/>
                    </a:lnTo>
                    <a:lnTo>
                      <a:pt x="93" y="138"/>
                    </a:lnTo>
                    <a:lnTo>
                      <a:pt x="90" y="140"/>
                    </a:lnTo>
                    <a:lnTo>
                      <a:pt x="87" y="142"/>
                    </a:lnTo>
                    <a:lnTo>
                      <a:pt x="80" y="142"/>
                    </a:lnTo>
                    <a:lnTo>
                      <a:pt x="78" y="142"/>
                    </a:lnTo>
                    <a:lnTo>
                      <a:pt x="78" y="144"/>
                    </a:lnTo>
                    <a:lnTo>
                      <a:pt x="78" y="145"/>
                    </a:lnTo>
                    <a:lnTo>
                      <a:pt x="76" y="147"/>
                    </a:lnTo>
                    <a:lnTo>
                      <a:pt x="75" y="149"/>
                    </a:lnTo>
                    <a:lnTo>
                      <a:pt x="70" y="150"/>
                    </a:lnTo>
                    <a:lnTo>
                      <a:pt x="63" y="152"/>
                    </a:lnTo>
                    <a:lnTo>
                      <a:pt x="56" y="152"/>
                    </a:lnTo>
                    <a:lnTo>
                      <a:pt x="49" y="154"/>
                    </a:lnTo>
                    <a:lnTo>
                      <a:pt x="43" y="157"/>
                    </a:lnTo>
                    <a:lnTo>
                      <a:pt x="38" y="160"/>
                    </a:lnTo>
                    <a:lnTo>
                      <a:pt x="34" y="164"/>
                    </a:lnTo>
                    <a:lnTo>
                      <a:pt x="34" y="171"/>
                    </a:lnTo>
                    <a:lnTo>
                      <a:pt x="34" y="177"/>
                    </a:lnTo>
                    <a:lnTo>
                      <a:pt x="38" y="186"/>
                    </a:lnTo>
                    <a:lnTo>
                      <a:pt x="41" y="194"/>
                    </a:lnTo>
                    <a:lnTo>
                      <a:pt x="46" y="199"/>
                    </a:lnTo>
                    <a:lnTo>
                      <a:pt x="48" y="204"/>
                    </a:lnTo>
                    <a:lnTo>
                      <a:pt x="49" y="208"/>
                    </a:lnTo>
                    <a:lnTo>
                      <a:pt x="51" y="213"/>
                    </a:lnTo>
                    <a:lnTo>
                      <a:pt x="49" y="216"/>
                    </a:lnTo>
                    <a:lnTo>
                      <a:pt x="46" y="220"/>
                    </a:lnTo>
                    <a:lnTo>
                      <a:pt x="41" y="226"/>
                    </a:lnTo>
                    <a:lnTo>
                      <a:pt x="41" y="230"/>
                    </a:lnTo>
                    <a:lnTo>
                      <a:pt x="39" y="232"/>
                    </a:lnTo>
                    <a:lnTo>
                      <a:pt x="38" y="235"/>
                    </a:lnTo>
                    <a:lnTo>
                      <a:pt x="38" y="237"/>
                    </a:lnTo>
                    <a:lnTo>
                      <a:pt x="36" y="238"/>
                    </a:lnTo>
                    <a:lnTo>
                      <a:pt x="36" y="240"/>
                    </a:lnTo>
                    <a:lnTo>
                      <a:pt x="36" y="242"/>
                    </a:lnTo>
                    <a:lnTo>
                      <a:pt x="34" y="243"/>
                    </a:lnTo>
                    <a:lnTo>
                      <a:pt x="34" y="247"/>
                    </a:lnTo>
                    <a:lnTo>
                      <a:pt x="34" y="248"/>
                    </a:lnTo>
                    <a:lnTo>
                      <a:pt x="32" y="252"/>
                    </a:lnTo>
                    <a:lnTo>
                      <a:pt x="29" y="254"/>
                    </a:lnTo>
                    <a:lnTo>
                      <a:pt x="24" y="255"/>
                    </a:lnTo>
                    <a:lnTo>
                      <a:pt x="19" y="257"/>
                    </a:lnTo>
                    <a:lnTo>
                      <a:pt x="14" y="259"/>
                    </a:lnTo>
                    <a:lnTo>
                      <a:pt x="10" y="260"/>
                    </a:lnTo>
                    <a:lnTo>
                      <a:pt x="9" y="264"/>
                    </a:lnTo>
                    <a:lnTo>
                      <a:pt x="9" y="267"/>
                    </a:lnTo>
                    <a:lnTo>
                      <a:pt x="9" y="270"/>
                    </a:lnTo>
                    <a:lnTo>
                      <a:pt x="10" y="272"/>
                    </a:lnTo>
                    <a:lnTo>
                      <a:pt x="12" y="276"/>
                    </a:lnTo>
                    <a:lnTo>
                      <a:pt x="14" y="277"/>
                    </a:lnTo>
                    <a:lnTo>
                      <a:pt x="14" y="279"/>
                    </a:lnTo>
                    <a:lnTo>
                      <a:pt x="14" y="282"/>
                    </a:lnTo>
                    <a:lnTo>
                      <a:pt x="12" y="284"/>
                    </a:lnTo>
                    <a:lnTo>
                      <a:pt x="10" y="287"/>
                    </a:lnTo>
                    <a:lnTo>
                      <a:pt x="9" y="289"/>
                    </a:lnTo>
                    <a:lnTo>
                      <a:pt x="7" y="291"/>
                    </a:lnTo>
                    <a:lnTo>
                      <a:pt x="5" y="292"/>
                    </a:lnTo>
                    <a:lnTo>
                      <a:pt x="4" y="294"/>
                    </a:lnTo>
                    <a:lnTo>
                      <a:pt x="4" y="296"/>
                    </a:lnTo>
                    <a:lnTo>
                      <a:pt x="4" y="299"/>
                    </a:lnTo>
                    <a:lnTo>
                      <a:pt x="2" y="304"/>
                    </a:lnTo>
                    <a:lnTo>
                      <a:pt x="2" y="309"/>
                    </a:lnTo>
                    <a:lnTo>
                      <a:pt x="0" y="316"/>
                    </a:lnTo>
                    <a:lnTo>
                      <a:pt x="2" y="325"/>
                    </a:lnTo>
                    <a:lnTo>
                      <a:pt x="2" y="333"/>
                    </a:lnTo>
                    <a:lnTo>
                      <a:pt x="4" y="342"/>
                    </a:lnTo>
                    <a:lnTo>
                      <a:pt x="7" y="352"/>
                    </a:lnTo>
                    <a:lnTo>
                      <a:pt x="12" y="360"/>
                    </a:lnTo>
                    <a:lnTo>
                      <a:pt x="17" y="370"/>
                    </a:lnTo>
                    <a:lnTo>
                      <a:pt x="26" y="380"/>
                    </a:lnTo>
                    <a:lnTo>
                      <a:pt x="34" y="391"/>
                    </a:lnTo>
                    <a:lnTo>
                      <a:pt x="46" y="401"/>
                    </a:lnTo>
                    <a:lnTo>
                      <a:pt x="60" y="411"/>
                    </a:lnTo>
                    <a:lnTo>
                      <a:pt x="63" y="413"/>
                    </a:lnTo>
                    <a:lnTo>
                      <a:pt x="68" y="414"/>
                    </a:lnTo>
                    <a:lnTo>
                      <a:pt x="71" y="416"/>
                    </a:lnTo>
                    <a:lnTo>
                      <a:pt x="75" y="419"/>
                    </a:lnTo>
                    <a:lnTo>
                      <a:pt x="78" y="423"/>
                    </a:lnTo>
                    <a:lnTo>
                      <a:pt x="82" y="430"/>
                    </a:lnTo>
                    <a:lnTo>
                      <a:pt x="83" y="440"/>
                    </a:lnTo>
                    <a:lnTo>
                      <a:pt x="85" y="453"/>
                    </a:lnTo>
                    <a:lnTo>
                      <a:pt x="85" y="462"/>
                    </a:lnTo>
                    <a:lnTo>
                      <a:pt x="88" y="468"/>
                    </a:lnTo>
                    <a:lnTo>
                      <a:pt x="90" y="472"/>
                    </a:lnTo>
                    <a:lnTo>
                      <a:pt x="93" y="474"/>
                    </a:lnTo>
                    <a:lnTo>
                      <a:pt x="97" y="474"/>
                    </a:lnTo>
                    <a:lnTo>
                      <a:pt x="102" y="470"/>
                    </a:lnTo>
                    <a:lnTo>
                      <a:pt x="105" y="467"/>
                    </a:lnTo>
                    <a:lnTo>
                      <a:pt x="109" y="463"/>
                    </a:lnTo>
                    <a:lnTo>
                      <a:pt x="112" y="462"/>
                    </a:lnTo>
                    <a:lnTo>
                      <a:pt x="117" y="462"/>
                    </a:lnTo>
                    <a:lnTo>
                      <a:pt x="122" y="463"/>
                    </a:lnTo>
                    <a:lnTo>
                      <a:pt x="129" y="467"/>
                    </a:lnTo>
                    <a:lnTo>
                      <a:pt x="134" y="470"/>
                    </a:lnTo>
                    <a:lnTo>
                      <a:pt x="137" y="475"/>
                    </a:lnTo>
                    <a:lnTo>
                      <a:pt x="141" y="479"/>
                    </a:lnTo>
                    <a:lnTo>
                      <a:pt x="141" y="482"/>
                    </a:lnTo>
                    <a:lnTo>
                      <a:pt x="141" y="485"/>
                    </a:lnTo>
                    <a:lnTo>
                      <a:pt x="137" y="492"/>
                    </a:lnTo>
                    <a:lnTo>
                      <a:pt x="136" y="499"/>
                    </a:lnTo>
                    <a:lnTo>
                      <a:pt x="134" y="507"/>
                    </a:lnTo>
                    <a:lnTo>
                      <a:pt x="132" y="516"/>
                    </a:lnTo>
                    <a:lnTo>
                      <a:pt x="131" y="523"/>
                    </a:lnTo>
                    <a:lnTo>
                      <a:pt x="129" y="526"/>
                    </a:lnTo>
                    <a:lnTo>
                      <a:pt x="129" y="528"/>
                    </a:lnTo>
                    <a:lnTo>
                      <a:pt x="127" y="529"/>
                    </a:lnTo>
                    <a:lnTo>
                      <a:pt x="126" y="533"/>
                    </a:lnTo>
                    <a:lnTo>
                      <a:pt x="124" y="540"/>
                    </a:lnTo>
                    <a:lnTo>
                      <a:pt x="124" y="546"/>
                    </a:lnTo>
                    <a:lnTo>
                      <a:pt x="126" y="553"/>
                    </a:lnTo>
                    <a:lnTo>
                      <a:pt x="129" y="562"/>
                    </a:lnTo>
                    <a:lnTo>
                      <a:pt x="139" y="570"/>
                    </a:lnTo>
                    <a:lnTo>
                      <a:pt x="153" y="577"/>
                    </a:lnTo>
                    <a:lnTo>
                      <a:pt x="156" y="578"/>
                    </a:lnTo>
                    <a:lnTo>
                      <a:pt x="159" y="580"/>
                    </a:lnTo>
                    <a:lnTo>
                      <a:pt x="163" y="582"/>
                    </a:lnTo>
                    <a:lnTo>
                      <a:pt x="164" y="584"/>
                    </a:lnTo>
                    <a:lnTo>
                      <a:pt x="166" y="585"/>
                    </a:lnTo>
                    <a:lnTo>
                      <a:pt x="166" y="594"/>
                    </a:lnTo>
                    <a:lnTo>
                      <a:pt x="183" y="594"/>
                    </a:lnTo>
                    <a:lnTo>
                      <a:pt x="198" y="609"/>
                    </a:lnTo>
                    <a:lnTo>
                      <a:pt x="214" y="614"/>
                    </a:lnTo>
                    <a:lnTo>
                      <a:pt x="215" y="636"/>
                    </a:lnTo>
                    <a:lnTo>
                      <a:pt x="222" y="648"/>
                    </a:lnTo>
                    <a:lnTo>
                      <a:pt x="217" y="665"/>
                    </a:lnTo>
                    <a:lnTo>
                      <a:pt x="217" y="673"/>
                    </a:lnTo>
                    <a:lnTo>
                      <a:pt x="227" y="683"/>
                    </a:lnTo>
                    <a:lnTo>
                      <a:pt x="230" y="692"/>
                    </a:lnTo>
                    <a:lnTo>
                      <a:pt x="237" y="697"/>
                    </a:lnTo>
                    <a:lnTo>
                      <a:pt x="237" y="694"/>
                    </a:lnTo>
                    <a:lnTo>
                      <a:pt x="237" y="690"/>
                    </a:lnTo>
                    <a:lnTo>
                      <a:pt x="237" y="687"/>
                    </a:lnTo>
                    <a:lnTo>
                      <a:pt x="237" y="685"/>
                    </a:lnTo>
                    <a:lnTo>
                      <a:pt x="239" y="685"/>
                    </a:lnTo>
                    <a:lnTo>
                      <a:pt x="242" y="687"/>
                    </a:lnTo>
                    <a:lnTo>
                      <a:pt x="244" y="692"/>
                    </a:lnTo>
                    <a:lnTo>
                      <a:pt x="246" y="692"/>
                    </a:lnTo>
                    <a:lnTo>
                      <a:pt x="246" y="690"/>
                    </a:lnTo>
                    <a:lnTo>
                      <a:pt x="247" y="688"/>
                    </a:lnTo>
                    <a:lnTo>
                      <a:pt x="251" y="685"/>
                    </a:lnTo>
                    <a:lnTo>
                      <a:pt x="252" y="683"/>
                    </a:lnTo>
                    <a:lnTo>
                      <a:pt x="256" y="682"/>
                    </a:lnTo>
                    <a:lnTo>
                      <a:pt x="258" y="680"/>
                    </a:lnTo>
                    <a:lnTo>
                      <a:pt x="258" y="678"/>
                    </a:lnTo>
                    <a:close/>
                  </a:path>
                </a:pathLst>
              </a:custGeom>
              <a:solidFill>
                <a:schemeClr val="bg2">
                  <a:lumMod val="85000"/>
                </a:schemeClr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520" name="Freeform 46"/>
              <p:cNvSpPr>
                <a:spLocks/>
              </p:cNvSpPr>
              <p:nvPr/>
            </p:nvSpPr>
            <p:spPr bwMode="auto">
              <a:xfrm>
                <a:off x="2691" y="2198"/>
                <a:ext cx="644" cy="564"/>
              </a:xfrm>
              <a:custGeom>
                <a:avLst/>
                <a:gdLst>
                  <a:gd name="T0" fmla="*/ 79 w 662"/>
                  <a:gd name="T1" fmla="*/ 448 h 570"/>
                  <a:gd name="T2" fmla="*/ 79 w 662"/>
                  <a:gd name="T3" fmla="*/ 427 h 570"/>
                  <a:gd name="T4" fmla="*/ 79 w 662"/>
                  <a:gd name="T5" fmla="*/ 409 h 570"/>
                  <a:gd name="T6" fmla="*/ 79 w 662"/>
                  <a:gd name="T7" fmla="*/ 399 h 570"/>
                  <a:gd name="T8" fmla="*/ 57 w 662"/>
                  <a:gd name="T9" fmla="*/ 146 h 570"/>
                  <a:gd name="T10" fmla="*/ 46 w 662"/>
                  <a:gd name="T11" fmla="*/ 123 h 570"/>
                  <a:gd name="T12" fmla="*/ 55 w 662"/>
                  <a:gd name="T13" fmla="*/ 91 h 570"/>
                  <a:gd name="T14" fmla="*/ 50 w 662"/>
                  <a:gd name="T15" fmla="*/ 86 h 570"/>
                  <a:gd name="T16" fmla="*/ 23 w 662"/>
                  <a:gd name="T17" fmla="*/ 69 h 570"/>
                  <a:gd name="T18" fmla="*/ 10 w 662"/>
                  <a:gd name="T19" fmla="*/ 32 h 570"/>
                  <a:gd name="T20" fmla="*/ 5 w 662"/>
                  <a:gd name="T21" fmla="*/ 22 h 570"/>
                  <a:gd name="T22" fmla="*/ 0 w 662"/>
                  <a:gd name="T23" fmla="*/ 10 h 570"/>
                  <a:gd name="T24" fmla="*/ 263 w 662"/>
                  <a:gd name="T25" fmla="*/ 10 h 570"/>
                  <a:gd name="T26" fmla="*/ 273 w 662"/>
                  <a:gd name="T27" fmla="*/ 28 h 570"/>
                  <a:gd name="T28" fmla="*/ 273 w 662"/>
                  <a:gd name="T29" fmla="*/ 32 h 570"/>
                  <a:gd name="T30" fmla="*/ 271 w 662"/>
                  <a:gd name="T31" fmla="*/ 47 h 570"/>
                  <a:gd name="T32" fmla="*/ 276 w 662"/>
                  <a:gd name="T33" fmla="*/ 74 h 570"/>
                  <a:gd name="T34" fmla="*/ 295 w 662"/>
                  <a:gd name="T35" fmla="*/ 113 h 570"/>
                  <a:gd name="T36" fmla="*/ 318 w 662"/>
                  <a:gd name="T37" fmla="*/ 132 h 570"/>
                  <a:gd name="T38" fmla="*/ 328 w 662"/>
                  <a:gd name="T39" fmla="*/ 140 h 570"/>
                  <a:gd name="T40" fmla="*/ 331 w 662"/>
                  <a:gd name="T41" fmla="*/ 176 h 570"/>
                  <a:gd name="T42" fmla="*/ 340 w 662"/>
                  <a:gd name="T43" fmla="*/ 178 h 570"/>
                  <a:gd name="T44" fmla="*/ 350 w 662"/>
                  <a:gd name="T45" fmla="*/ 170 h 570"/>
                  <a:gd name="T46" fmla="*/ 365 w 662"/>
                  <a:gd name="T47" fmla="*/ 183 h 570"/>
                  <a:gd name="T48" fmla="*/ 365 w 662"/>
                  <a:gd name="T49" fmla="*/ 200 h 570"/>
                  <a:gd name="T50" fmla="*/ 360 w 662"/>
                  <a:gd name="T51" fmla="*/ 223 h 570"/>
                  <a:gd name="T52" fmla="*/ 357 w 662"/>
                  <a:gd name="T53" fmla="*/ 230 h 570"/>
                  <a:gd name="T54" fmla="*/ 358 w 662"/>
                  <a:gd name="T55" fmla="*/ 256 h 570"/>
                  <a:gd name="T56" fmla="*/ 378 w 662"/>
                  <a:gd name="T57" fmla="*/ 274 h 570"/>
                  <a:gd name="T58" fmla="*/ 384 w 662"/>
                  <a:gd name="T59" fmla="*/ 279 h 570"/>
                  <a:gd name="T60" fmla="*/ 396 w 662"/>
                  <a:gd name="T61" fmla="*/ 288 h 570"/>
                  <a:gd name="T62" fmla="*/ 422 w 662"/>
                  <a:gd name="T63" fmla="*/ 329 h 570"/>
                  <a:gd name="T64" fmla="*/ 428 w 662"/>
                  <a:gd name="T65" fmla="*/ 371 h 570"/>
                  <a:gd name="T66" fmla="*/ 433 w 662"/>
                  <a:gd name="T67" fmla="*/ 370 h 570"/>
                  <a:gd name="T68" fmla="*/ 435 w 662"/>
                  <a:gd name="T69" fmla="*/ 367 h 570"/>
                  <a:gd name="T70" fmla="*/ 443 w 662"/>
                  <a:gd name="T71" fmla="*/ 377 h 570"/>
                  <a:gd name="T72" fmla="*/ 447 w 662"/>
                  <a:gd name="T73" fmla="*/ 419 h 570"/>
                  <a:gd name="T74" fmla="*/ 419 w 662"/>
                  <a:gd name="T75" fmla="*/ 459 h 570"/>
                  <a:gd name="T76" fmla="*/ 411 w 662"/>
                  <a:gd name="T77" fmla="*/ 461 h 570"/>
                  <a:gd name="T78" fmla="*/ 421 w 662"/>
                  <a:gd name="T79" fmla="*/ 471 h 570"/>
                  <a:gd name="T80" fmla="*/ 421 w 662"/>
                  <a:gd name="T81" fmla="*/ 475 h 570"/>
                  <a:gd name="T82" fmla="*/ 411 w 662"/>
                  <a:gd name="T83" fmla="*/ 489 h 570"/>
                  <a:gd name="T84" fmla="*/ 370 w 662"/>
                  <a:gd name="T85" fmla="*/ 485 h 570"/>
                  <a:gd name="T86" fmla="*/ 378 w 662"/>
                  <a:gd name="T87" fmla="*/ 465 h 570"/>
                  <a:gd name="T88" fmla="*/ 386 w 662"/>
                  <a:gd name="T89" fmla="*/ 448 h 570"/>
                  <a:gd name="T90" fmla="*/ 376 w 662"/>
                  <a:gd name="T91" fmla="*/ 434 h 570"/>
                  <a:gd name="T92" fmla="*/ 365 w 662"/>
                  <a:gd name="T93" fmla="*/ 436 h 570"/>
                  <a:gd name="T94" fmla="*/ 337 w 662"/>
                  <a:gd name="T95" fmla="*/ 437 h 570"/>
                  <a:gd name="T96" fmla="*/ 294 w 662"/>
                  <a:gd name="T97" fmla="*/ 441 h 570"/>
                  <a:gd name="T98" fmla="*/ 241 w 662"/>
                  <a:gd name="T99" fmla="*/ 444 h 570"/>
                  <a:gd name="T100" fmla="*/ 188 w 662"/>
                  <a:gd name="T101" fmla="*/ 448 h 570"/>
                  <a:gd name="T102" fmla="*/ 140 w 662"/>
                  <a:gd name="T103" fmla="*/ 451 h 570"/>
                  <a:gd name="T104" fmla="*/ 101 w 662"/>
                  <a:gd name="T105" fmla="*/ 452 h 570"/>
                  <a:gd name="T106" fmla="*/ 81 w 662"/>
                  <a:gd name="T107" fmla="*/ 453 h 570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662"/>
                  <a:gd name="T163" fmla="*/ 0 h 570"/>
                  <a:gd name="T164" fmla="*/ 662 w 662"/>
                  <a:gd name="T165" fmla="*/ 570 h 570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662" h="570">
                    <a:moveTo>
                      <a:pt x="117" y="524"/>
                    </a:moveTo>
                    <a:lnTo>
                      <a:pt x="117" y="523"/>
                    </a:lnTo>
                    <a:lnTo>
                      <a:pt x="115" y="521"/>
                    </a:lnTo>
                    <a:lnTo>
                      <a:pt x="115" y="518"/>
                    </a:lnTo>
                    <a:lnTo>
                      <a:pt x="115" y="514"/>
                    </a:lnTo>
                    <a:lnTo>
                      <a:pt x="115" y="509"/>
                    </a:lnTo>
                    <a:lnTo>
                      <a:pt x="115" y="504"/>
                    </a:lnTo>
                    <a:lnTo>
                      <a:pt x="115" y="497"/>
                    </a:lnTo>
                    <a:lnTo>
                      <a:pt x="115" y="492"/>
                    </a:lnTo>
                    <a:lnTo>
                      <a:pt x="115" y="487"/>
                    </a:lnTo>
                    <a:lnTo>
                      <a:pt x="115" y="480"/>
                    </a:lnTo>
                    <a:lnTo>
                      <a:pt x="115" y="475"/>
                    </a:lnTo>
                    <a:lnTo>
                      <a:pt x="115" y="470"/>
                    </a:lnTo>
                    <a:lnTo>
                      <a:pt x="115" y="467"/>
                    </a:lnTo>
                    <a:lnTo>
                      <a:pt x="115" y="463"/>
                    </a:lnTo>
                    <a:lnTo>
                      <a:pt x="115" y="462"/>
                    </a:lnTo>
                    <a:lnTo>
                      <a:pt x="115" y="460"/>
                    </a:lnTo>
                    <a:lnTo>
                      <a:pt x="113" y="188"/>
                    </a:lnTo>
                    <a:lnTo>
                      <a:pt x="96" y="188"/>
                    </a:lnTo>
                    <a:lnTo>
                      <a:pt x="85" y="174"/>
                    </a:lnTo>
                    <a:lnTo>
                      <a:pt x="83" y="162"/>
                    </a:lnTo>
                    <a:lnTo>
                      <a:pt x="79" y="155"/>
                    </a:lnTo>
                    <a:lnTo>
                      <a:pt x="66" y="145"/>
                    </a:lnTo>
                    <a:lnTo>
                      <a:pt x="66" y="137"/>
                    </a:lnTo>
                    <a:lnTo>
                      <a:pt x="79" y="118"/>
                    </a:lnTo>
                    <a:lnTo>
                      <a:pt x="83" y="113"/>
                    </a:lnTo>
                    <a:lnTo>
                      <a:pt x="85" y="108"/>
                    </a:lnTo>
                    <a:lnTo>
                      <a:pt x="83" y="105"/>
                    </a:lnTo>
                    <a:lnTo>
                      <a:pt x="81" y="103"/>
                    </a:lnTo>
                    <a:lnTo>
                      <a:pt x="78" y="101"/>
                    </a:lnTo>
                    <a:lnTo>
                      <a:pt x="74" y="100"/>
                    </a:lnTo>
                    <a:lnTo>
                      <a:pt x="73" y="100"/>
                    </a:lnTo>
                    <a:lnTo>
                      <a:pt x="71" y="98"/>
                    </a:lnTo>
                    <a:lnTo>
                      <a:pt x="61" y="100"/>
                    </a:lnTo>
                    <a:lnTo>
                      <a:pt x="49" y="89"/>
                    </a:lnTo>
                    <a:lnTo>
                      <a:pt x="37" y="83"/>
                    </a:lnTo>
                    <a:lnTo>
                      <a:pt x="39" y="84"/>
                    </a:lnTo>
                    <a:lnTo>
                      <a:pt x="27" y="56"/>
                    </a:lnTo>
                    <a:lnTo>
                      <a:pt x="13" y="44"/>
                    </a:lnTo>
                    <a:lnTo>
                      <a:pt x="10" y="32"/>
                    </a:lnTo>
                    <a:lnTo>
                      <a:pt x="10" y="30"/>
                    </a:lnTo>
                    <a:lnTo>
                      <a:pt x="8" y="28"/>
                    </a:lnTo>
                    <a:lnTo>
                      <a:pt x="7" y="25"/>
                    </a:lnTo>
                    <a:lnTo>
                      <a:pt x="5" y="22"/>
                    </a:lnTo>
                    <a:lnTo>
                      <a:pt x="3" y="17"/>
                    </a:lnTo>
                    <a:lnTo>
                      <a:pt x="2" y="13"/>
                    </a:lnTo>
                    <a:lnTo>
                      <a:pt x="0" y="10"/>
                    </a:lnTo>
                    <a:lnTo>
                      <a:pt x="379" y="0"/>
                    </a:lnTo>
                    <a:lnTo>
                      <a:pt x="381" y="1"/>
                    </a:lnTo>
                    <a:lnTo>
                      <a:pt x="382" y="5"/>
                    </a:lnTo>
                    <a:lnTo>
                      <a:pt x="387" y="10"/>
                    </a:lnTo>
                    <a:lnTo>
                      <a:pt x="391" y="15"/>
                    </a:lnTo>
                    <a:lnTo>
                      <a:pt x="396" y="20"/>
                    </a:lnTo>
                    <a:lnTo>
                      <a:pt x="401" y="25"/>
                    </a:lnTo>
                    <a:lnTo>
                      <a:pt x="403" y="28"/>
                    </a:lnTo>
                    <a:lnTo>
                      <a:pt x="404" y="28"/>
                    </a:lnTo>
                    <a:lnTo>
                      <a:pt x="403" y="30"/>
                    </a:lnTo>
                    <a:lnTo>
                      <a:pt x="403" y="32"/>
                    </a:lnTo>
                    <a:lnTo>
                      <a:pt x="403" y="35"/>
                    </a:lnTo>
                    <a:lnTo>
                      <a:pt x="401" y="40"/>
                    </a:lnTo>
                    <a:lnTo>
                      <a:pt x="401" y="45"/>
                    </a:lnTo>
                    <a:lnTo>
                      <a:pt x="399" y="52"/>
                    </a:lnTo>
                    <a:lnTo>
                      <a:pt x="401" y="61"/>
                    </a:lnTo>
                    <a:lnTo>
                      <a:pt x="401" y="69"/>
                    </a:lnTo>
                    <a:lnTo>
                      <a:pt x="403" y="78"/>
                    </a:lnTo>
                    <a:lnTo>
                      <a:pt x="406" y="88"/>
                    </a:lnTo>
                    <a:lnTo>
                      <a:pt x="411" y="96"/>
                    </a:lnTo>
                    <a:lnTo>
                      <a:pt x="416" y="106"/>
                    </a:lnTo>
                    <a:lnTo>
                      <a:pt x="425" y="116"/>
                    </a:lnTo>
                    <a:lnTo>
                      <a:pt x="433" y="127"/>
                    </a:lnTo>
                    <a:lnTo>
                      <a:pt x="445" y="137"/>
                    </a:lnTo>
                    <a:lnTo>
                      <a:pt x="459" y="147"/>
                    </a:lnTo>
                    <a:lnTo>
                      <a:pt x="462" y="149"/>
                    </a:lnTo>
                    <a:lnTo>
                      <a:pt x="467" y="150"/>
                    </a:lnTo>
                    <a:lnTo>
                      <a:pt x="470" y="152"/>
                    </a:lnTo>
                    <a:lnTo>
                      <a:pt x="474" y="155"/>
                    </a:lnTo>
                    <a:lnTo>
                      <a:pt x="477" y="159"/>
                    </a:lnTo>
                    <a:lnTo>
                      <a:pt x="481" y="166"/>
                    </a:lnTo>
                    <a:lnTo>
                      <a:pt x="482" y="176"/>
                    </a:lnTo>
                    <a:lnTo>
                      <a:pt x="484" y="189"/>
                    </a:lnTo>
                    <a:lnTo>
                      <a:pt x="484" y="198"/>
                    </a:lnTo>
                    <a:lnTo>
                      <a:pt x="487" y="204"/>
                    </a:lnTo>
                    <a:lnTo>
                      <a:pt x="489" y="208"/>
                    </a:lnTo>
                    <a:lnTo>
                      <a:pt x="492" y="210"/>
                    </a:lnTo>
                    <a:lnTo>
                      <a:pt x="496" y="210"/>
                    </a:lnTo>
                    <a:lnTo>
                      <a:pt x="501" y="206"/>
                    </a:lnTo>
                    <a:lnTo>
                      <a:pt x="504" y="203"/>
                    </a:lnTo>
                    <a:lnTo>
                      <a:pt x="508" y="199"/>
                    </a:lnTo>
                    <a:lnTo>
                      <a:pt x="511" y="198"/>
                    </a:lnTo>
                    <a:lnTo>
                      <a:pt x="516" y="198"/>
                    </a:lnTo>
                    <a:lnTo>
                      <a:pt x="521" y="199"/>
                    </a:lnTo>
                    <a:lnTo>
                      <a:pt x="528" y="203"/>
                    </a:lnTo>
                    <a:lnTo>
                      <a:pt x="533" y="206"/>
                    </a:lnTo>
                    <a:lnTo>
                      <a:pt x="536" y="211"/>
                    </a:lnTo>
                    <a:lnTo>
                      <a:pt x="540" y="215"/>
                    </a:lnTo>
                    <a:lnTo>
                      <a:pt x="540" y="218"/>
                    </a:lnTo>
                    <a:lnTo>
                      <a:pt x="540" y="221"/>
                    </a:lnTo>
                    <a:lnTo>
                      <a:pt x="536" y="228"/>
                    </a:lnTo>
                    <a:lnTo>
                      <a:pt x="535" y="235"/>
                    </a:lnTo>
                    <a:lnTo>
                      <a:pt x="533" y="243"/>
                    </a:lnTo>
                    <a:lnTo>
                      <a:pt x="531" y="252"/>
                    </a:lnTo>
                    <a:lnTo>
                      <a:pt x="530" y="259"/>
                    </a:lnTo>
                    <a:lnTo>
                      <a:pt x="528" y="262"/>
                    </a:lnTo>
                    <a:lnTo>
                      <a:pt x="528" y="264"/>
                    </a:lnTo>
                    <a:lnTo>
                      <a:pt x="526" y="265"/>
                    </a:lnTo>
                    <a:lnTo>
                      <a:pt x="525" y="269"/>
                    </a:lnTo>
                    <a:lnTo>
                      <a:pt x="523" y="276"/>
                    </a:lnTo>
                    <a:lnTo>
                      <a:pt x="523" y="282"/>
                    </a:lnTo>
                    <a:lnTo>
                      <a:pt x="525" y="289"/>
                    </a:lnTo>
                    <a:lnTo>
                      <a:pt x="528" y="298"/>
                    </a:lnTo>
                    <a:lnTo>
                      <a:pt x="538" y="306"/>
                    </a:lnTo>
                    <a:lnTo>
                      <a:pt x="552" y="313"/>
                    </a:lnTo>
                    <a:lnTo>
                      <a:pt x="555" y="314"/>
                    </a:lnTo>
                    <a:lnTo>
                      <a:pt x="558" y="316"/>
                    </a:lnTo>
                    <a:lnTo>
                      <a:pt x="562" y="318"/>
                    </a:lnTo>
                    <a:lnTo>
                      <a:pt x="563" y="320"/>
                    </a:lnTo>
                    <a:lnTo>
                      <a:pt x="565" y="321"/>
                    </a:lnTo>
                    <a:lnTo>
                      <a:pt x="565" y="330"/>
                    </a:lnTo>
                    <a:lnTo>
                      <a:pt x="582" y="330"/>
                    </a:lnTo>
                    <a:lnTo>
                      <a:pt x="597" y="345"/>
                    </a:lnTo>
                    <a:lnTo>
                      <a:pt x="613" y="350"/>
                    </a:lnTo>
                    <a:lnTo>
                      <a:pt x="614" y="372"/>
                    </a:lnTo>
                    <a:lnTo>
                      <a:pt x="621" y="384"/>
                    </a:lnTo>
                    <a:lnTo>
                      <a:pt x="616" y="401"/>
                    </a:lnTo>
                    <a:lnTo>
                      <a:pt x="616" y="409"/>
                    </a:lnTo>
                    <a:lnTo>
                      <a:pt x="626" y="419"/>
                    </a:lnTo>
                    <a:lnTo>
                      <a:pt x="629" y="428"/>
                    </a:lnTo>
                    <a:lnTo>
                      <a:pt x="636" y="433"/>
                    </a:lnTo>
                    <a:lnTo>
                      <a:pt x="636" y="430"/>
                    </a:lnTo>
                    <a:lnTo>
                      <a:pt x="636" y="426"/>
                    </a:lnTo>
                    <a:lnTo>
                      <a:pt x="636" y="423"/>
                    </a:lnTo>
                    <a:lnTo>
                      <a:pt x="636" y="421"/>
                    </a:lnTo>
                    <a:lnTo>
                      <a:pt x="638" y="421"/>
                    </a:lnTo>
                    <a:lnTo>
                      <a:pt x="641" y="423"/>
                    </a:lnTo>
                    <a:lnTo>
                      <a:pt x="643" y="428"/>
                    </a:lnTo>
                    <a:lnTo>
                      <a:pt x="645" y="430"/>
                    </a:lnTo>
                    <a:lnTo>
                      <a:pt x="648" y="433"/>
                    </a:lnTo>
                    <a:lnTo>
                      <a:pt x="651" y="435"/>
                    </a:lnTo>
                    <a:lnTo>
                      <a:pt x="653" y="436"/>
                    </a:lnTo>
                    <a:lnTo>
                      <a:pt x="662" y="443"/>
                    </a:lnTo>
                    <a:lnTo>
                      <a:pt x="657" y="452"/>
                    </a:lnTo>
                    <a:lnTo>
                      <a:pt x="657" y="487"/>
                    </a:lnTo>
                    <a:lnTo>
                      <a:pt x="638" y="489"/>
                    </a:lnTo>
                    <a:lnTo>
                      <a:pt x="619" y="502"/>
                    </a:lnTo>
                    <a:lnTo>
                      <a:pt x="618" y="531"/>
                    </a:lnTo>
                    <a:lnTo>
                      <a:pt x="616" y="531"/>
                    </a:lnTo>
                    <a:lnTo>
                      <a:pt x="614" y="531"/>
                    </a:lnTo>
                    <a:lnTo>
                      <a:pt x="613" y="531"/>
                    </a:lnTo>
                    <a:lnTo>
                      <a:pt x="609" y="531"/>
                    </a:lnTo>
                    <a:lnTo>
                      <a:pt x="607" y="533"/>
                    </a:lnTo>
                    <a:lnTo>
                      <a:pt x="607" y="534"/>
                    </a:lnTo>
                    <a:lnTo>
                      <a:pt x="609" y="538"/>
                    </a:lnTo>
                    <a:lnTo>
                      <a:pt x="613" y="541"/>
                    </a:lnTo>
                    <a:lnTo>
                      <a:pt x="618" y="545"/>
                    </a:lnTo>
                    <a:lnTo>
                      <a:pt x="619" y="548"/>
                    </a:lnTo>
                    <a:lnTo>
                      <a:pt x="619" y="550"/>
                    </a:lnTo>
                    <a:lnTo>
                      <a:pt x="618" y="550"/>
                    </a:lnTo>
                    <a:lnTo>
                      <a:pt x="616" y="550"/>
                    </a:lnTo>
                    <a:lnTo>
                      <a:pt x="606" y="567"/>
                    </a:lnTo>
                    <a:lnTo>
                      <a:pt x="541" y="570"/>
                    </a:lnTo>
                    <a:lnTo>
                      <a:pt x="541" y="568"/>
                    </a:lnTo>
                    <a:lnTo>
                      <a:pt x="543" y="565"/>
                    </a:lnTo>
                    <a:lnTo>
                      <a:pt x="545" y="562"/>
                    </a:lnTo>
                    <a:lnTo>
                      <a:pt x="547" y="555"/>
                    </a:lnTo>
                    <a:lnTo>
                      <a:pt x="550" y="550"/>
                    </a:lnTo>
                    <a:lnTo>
                      <a:pt x="553" y="543"/>
                    </a:lnTo>
                    <a:lnTo>
                      <a:pt x="557" y="538"/>
                    </a:lnTo>
                    <a:lnTo>
                      <a:pt x="563" y="533"/>
                    </a:lnTo>
                    <a:lnTo>
                      <a:pt x="567" y="528"/>
                    </a:lnTo>
                    <a:lnTo>
                      <a:pt x="569" y="523"/>
                    </a:lnTo>
                    <a:lnTo>
                      <a:pt x="567" y="518"/>
                    </a:lnTo>
                    <a:lnTo>
                      <a:pt x="563" y="512"/>
                    </a:lnTo>
                    <a:lnTo>
                      <a:pt x="560" y="509"/>
                    </a:lnTo>
                    <a:lnTo>
                      <a:pt x="555" y="506"/>
                    </a:lnTo>
                    <a:lnTo>
                      <a:pt x="552" y="504"/>
                    </a:lnTo>
                    <a:lnTo>
                      <a:pt x="548" y="504"/>
                    </a:lnTo>
                    <a:lnTo>
                      <a:pt x="547" y="506"/>
                    </a:lnTo>
                    <a:lnTo>
                      <a:pt x="543" y="506"/>
                    </a:lnTo>
                    <a:lnTo>
                      <a:pt x="536" y="506"/>
                    </a:lnTo>
                    <a:lnTo>
                      <a:pt x="528" y="506"/>
                    </a:lnTo>
                    <a:lnTo>
                      <a:pt x="519" y="507"/>
                    </a:lnTo>
                    <a:lnTo>
                      <a:pt x="508" y="507"/>
                    </a:lnTo>
                    <a:lnTo>
                      <a:pt x="494" y="507"/>
                    </a:lnTo>
                    <a:lnTo>
                      <a:pt x="481" y="509"/>
                    </a:lnTo>
                    <a:lnTo>
                      <a:pt x="465" y="509"/>
                    </a:lnTo>
                    <a:lnTo>
                      <a:pt x="448" y="511"/>
                    </a:lnTo>
                    <a:lnTo>
                      <a:pt x="431" y="511"/>
                    </a:lnTo>
                    <a:lnTo>
                      <a:pt x="413" y="511"/>
                    </a:lnTo>
                    <a:lnTo>
                      <a:pt x="394" y="512"/>
                    </a:lnTo>
                    <a:lnTo>
                      <a:pt x="376" y="512"/>
                    </a:lnTo>
                    <a:lnTo>
                      <a:pt x="355" y="514"/>
                    </a:lnTo>
                    <a:lnTo>
                      <a:pt x="337" y="514"/>
                    </a:lnTo>
                    <a:lnTo>
                      <a:pt x="316" y="516"/>
                    </a:lnTo>
                    <a:lnTo>
                      <a:pt x="296" y="516"/>
                    </a:lnTo>
                    <a:lnTo>
                      <a:pt x="277" y="518"/>
                    </a:lnTo>
                    <a:lnTo>
                      <a:pt x="259" y="518"/>
                    </a:lnTo>
                    <a:lnTo>
                      <a:pt x="240" y="519"/>
                    </a:lnTo>
                    <a:lnTo>
                      <a:pt x="222" y="519"/>
                    </a:lnTo>
                    <a:lnTo>
                      <a:pt x="205" y="521"/>
                    </a:lnTo>
                    <a:lnTo>
                      <a:pt x="189" y="521"/>
                    </a:lnTo>
                    <a:lnTo>
                      <a:pt x="174" y="521"/>
                    </a:lnTo>
                    <a:lnTo>
                      <a:pt x="162" y="523"/>
                    </a:lnTo>
                    <a:lnTo>
                      <a:pt x="149" y="523"/>
                    </a:lnTo>
                    <a:lnTo>
                      <a:pt x="139" y="523"/>
                    </a:lnTo>
                    <a:lnTo>
                      <a:pt x="130" y="523"/>
                    </a:lnTo>
                    <a:lnTo>
                      <a:pt x="123" y="523"/>
                    </a:lnTo>
                    <a:lnTo>
                      <a:pt x="118" y="524"/>
                    </a:lnTo>
                    <a:lnTo>
                      <a:pt x="117" y="524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grpSp>
            <p:nvGrpSpPr>
              <p:cNvPr id="521" name="Group 47"/>
              <p:cNvGrpSpPr>
                <a:grpSpLocks/>
              </p:cNvGrpSpPr>
              <p:nvPr/>
            </p:nvGrpSpPr>
            <p:grpSpPr bwMode="auto">
              <a:xfrm>
                <a:off x="4042" y="1840"/>
                <a:ext cx="558" cy="359"/>
                <a:chOff x="4341" y="1400"/>
                <a:chExt cx="574" cy="370"/>
              </a:xfrm>
            </p:grpSpPr>
            <p:sp>
              <p:nvSpPr>
                <p:cNvPr id="522" name="Freeform 48"/>
                <p:cNvSpPr>
                  <a:spLocks/>
                </p:cNvSpPr>
                <p:nvPr/>
              </p:nvSpPr>
              <p:spPr bwMode="auto">
                <a:xfrm>
                  <a:off x="4341" y="1400"/>
                  <a:ext cx="574" cy="370"/>
                </a:xfrm>
                <a:custGeom>
                  <a:avLst/>
                  <a:gdLst>
                    <a:gd name="T0" fmla="*/ 491 w 574"/>
                    <a:gd name="T1" fmla="*/ 287 h 370"/>
                    <a:gd name="T2" fmla="*/ 501 w 574"/>
                    <a:gd name="T3" fmla="*/ 269 h 370"/>
                    <a:gd name="T4" fmla="*/ 518 w 574"/>
                    <a:gd name="T5" fmla="*/ 265 h 370"/>
                    <a:gd name="T6" fmla="*/ 523 w 574"/>
                    <a:gd name="T7" fmla="*/ 265 h 370"/>
                    <a:gd name="T8" fmla="*/ 535 w 574"/>
                    <a:gd name="T9" fmla="*/ 257 h 370"/>
                    <a:gd name="T10" fmla="*/ 545 w 574"/>
                    <a:gd name="T11" fmla="*/ 248 h 370"/>
                    <a:gd name="T12" fmla="*/ 550 w 574"/>
                    <a:gd name="T13" fmla="*/ 238 h 370"/>
                    <a:gd name="T14" fmla="*/ 560 w 574"/>
                    <a:gd name="T15" fmla="*/ 225 h 370"/>
                    <a:gd name="T16" fmla="*/ 569 w 574"/>
                    <a:gd name="T17" fmla="*/ 218 h 370"/>
                    <a:gd name="T18" fmla="*/ 574 w 574"/>
                    <a:gd name="T19" fmla="*/ 211 h 370"/>
                    <a:gd name="T20" fmla="*/ 571 w 574"/>
                    <a:gd name="T21" fmla="*/ 204 h 370"/>
                    <a:gd name="T22" fmla="*/ 567 w 574"/>
                    <a:gd name="T23" fmla="*/ 201 h 370"/>
                    <a:gd name="T24" fmla="*/ 554 w 574"/>
                    <a:gd name="T25" fmla="*/ 189 h 370"/>
                    <a:gd name="T26" fmla="*/ 537 w 574"/>
                    <a:gd name="T27" fmla="*/ 176 h 370"/>
                    <a:gd name="T28" fmla="*/ 520 w 574"/>
                    <a:gd name="T29" fmla="*/ 162 h 370"/>
                    <a:gd name="T30" fmla="*/ 520 w 574"/>
                    <a:gd name="T31" fmla="*/ 144 h 370"/>
                    <a:gd name="T32" fmla="*/ 525 w 574"/>
                    <a:gd name="T33" fmla="*/ 135 h 370"/>
                    <a:gd name="T34" fmla="*/ 538 w 574"/>
                    <a:gd name="T35" fmla="*/ 71 h 370"/>
                    <a:gd name="T36" fmla="*/ 525 w 574"/>
                    <a:gd name="T37" fmla="*/ 56 h 370"/>
                    <a:gd name="T38" fmla="*/ 520 w 574"/>
                    <a:gd name="T39" fmla="*/ 54 h 370"/>
                    <a:gd name="T40" fmla="*/ 511 w 574"/>
                    <a:gd name="T41" fmla="*/ 44 h 370"/>
                    <a:gd name="T42" fmla="*/ 503 w 574"/>
                    <a:gd name="T43" fmla="*/ 30 h 370"/>
                    <a:gd name="T44" fmla="*/ 501 w 574"/>
                    <a:gd name="T45" fmla="*/ 22 h 370"/>
                    <a:gd name="T46" fmla="*/ 493 w 574"/>
                    <a:gd name="T47" fmla="*/ 15 h 370"/>
                    <a:gd name="T48" fmla="*/ 483 w 574"/>
                    <a:gd name="T49" fmla="*/ 12 h 370"/>
                    <a:gd name="T50" fmla="*/ 476 w 574"/>
                    <a:gd name="T51" fmla="*/ 1 h 370"/>
                    <a:gd name="T52" fmla="*/ 459 w 574"/>
                    <a:gd name="T53" fmla="*/ 0 h 370"/>
                    <a:gd name="T54" fmla="*/ 449 w 574"/>
                    <a:gd name="T55" fmla="*/ 3 h 370"/>
                    <a:gd name="T56" fmla="*/ 422 w 574"/>
                    <a:gd name="T57" fmla="*/ 8 h 370"/>
                    <a:gd name="T58" fmla="*/ 383 w 574"/>
                    <a:gd name="T59" fmla="*/ 15 h 370"/>
                    <a:gd name="T60" fmla="*/ 335 w 574"/>
                    <a:gd name="T61" fmla="*/ 25 h 370"/>
                    <a:gd name="T62" fmla="*/ 283 w 574"/>
                    <a:gd name="T63" fmla="*/ 35 h 370"/>
                    <a:gd name="T64" fmla="*/ 230 w 574"/>
                    <a:gd name="T65" fmla="*/ 45 h 370"/>
                    <a:gd name="T66" fmla="*/ 178 w 574"/>
                    <a:gd name="T67" fmla="*/ 56 h 370"/>
                    <a:gd name="T68" fmla="*/ 134 w 574"/>
                    <a:gd name="T69" fmla="*/ 64 h 370"/>
                    <a:gd name="T70" fmla="*/ 98 w 574"/>
                    <a:gd name="T71" fmla="*/ 71 h 370"/>
                    <a:gd name="T72" fmla="*/ 78 w 574"/>
                    <a:gd name="T73" fmla="*/ 74 h 370"/>
                    <a:gd name="T74" fmla="*/ 66 w 574"/>
                    <a:gd name="T75" fmla="*/ 44 h 370"/>
                    <a:gd name="T76" fmla="*/ 49 w 574"/>
                    <a:gd name="T77" fmla="*/ 56 h 370"/>
                    <a:gd name="T78" fmla="*/ 34 w 574"/>
                    <a:gd name="T79" fmla="*/ 67 h 370"/>
                    <a:gd name="T80" fmla="*/ 21 w 574"/>
                    <a:gd name="T81" fmla="*/ 78 h 370"/>
                    <a:gd name="T82" fmla="*/ 9 w 574"/>
                    <a:gd name="T83" fmla="*/ 86 h 370"/>
                    <a:gd name="T84" fmla="*/ 2 w 574"/>
                    <a:gd name="T85" fmla="*/ 91 h 370"/>
                    <a:gd name="T86" fmla="*/ 32 w 574"/>
                    <a:gd name="T87" fmla="*/ 259 h 370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w 574"/>
                    <a:gd name="T133" fmla="*/ 0 h 370"/>
                    <a:gd name="T134" fmla="*/ 574 w 574"/>
                    <a:gd name="T135" fmla="*/ 370 h 370"/>
                  </a:gdLst>
                  <a:ahLst/>
                  <a:cxnLst>
                    <a:cxn ang="T88">
                      <a:pos x="T0" y="T1"/>
                    </a:cxn>
                    <a:cxn ang="T89">
                      <a:pos x="T2" y="T3"/>
                    </a:cxn>
                    <a:cxn ang="T90">
                      <a:pos x="T4" y="T5"/>
                    </a:cxn>
                    <a:cxn ang="T91">
                      <a:pos x="T6" y="T7"/>
                    </a:cxn>
                    <a:cxn ang="T92">
                      <a:pos x="T8" y="T9"/>
                    </a:cxn>
                    <a:cxn ang="T93">
                      <a:pos x="T10" y="T11"/>
                    </a:cxn>
                    <a:cxn ang="T94">
                      <a:pos x="T12" y="T13"/>
                    </a:cxn>
                    <a:cxn ang="T95">
                      <a:pos x="T14" y="T15"/>
                    </a:cxn>
                    <a:cxn ang="T96">
                      <a:pos x="T16" y="T17"/>
                    </a:cxn>
                    <a:cxn ang="T97">
                      <a:pos x="T18" y="T19"/>
                    </a:cxn>
                    <a:cxn ang="T98">
                      <a:pos x="T20" y="T21"/>
                    </a:cxn>
                    <a:cxn ang="T99">
                      <a:pos x="T22" y="T23"/>
                    </a:cxn>
                    <a:cxn ang="T100">
                      <a:pos x="T24" y="T25"/>
                    </a:cxn>
                    <a:cxn ang="T101">
                      <a:pos x="T26" y="T27"/>
                    </a:cxn>
                    <a:cxn ang="T102">
                      <a:pos x="T28" y="T29"/>
                    </a:cxn>
                    <a:cxn ang="T103">
                      <a:pos x="T30" y="T31"/>
                    </a:cxn>
                    <a:cxn ang="T104">
                      <a:pos x="T32" y="T33"/>
                    </a:cxn>
                    <a:cxn ang="T105">
                      <a:pos x="T34" y="T35"/>
                    </a:cxn>
                    <a:cxn ang="T106">
                      <a:pos x="T36" y="T37"/>
                    </a:cxn>
                    <a:cxn ang="T107">
                      <a:pos x="T38" y="T39"/>
                    </a:cxn>
                    <a:cxn ang="T108">
                      <a:pos x="T40" y="T41"/>
                    </a:cxn>
                    <a:cxn ang="T109">
                      <a:pos x="T42" y="T43"/>
                    </a:cxn>
                    <a:cxn ang="T110">
                      <a:pos x="T44" y="T45"/>
                    </a:cxn>
                    <a:cxn ang="T111">
                      <a:pos x="T46" y="T47"/>
                    </a:cxn>
                    <a:cxn ang="T112">
                      <a:pos x="T48" y="T49"/>
                    </a:cxn>
                    <a:cxn ang="T113">
                      <a:pos x="T50" y="T51"/>
                    </a:cxn>
                    <a:cxn ang="T114">
                      <a:pos x="T52" y="T53"/>
                    </a:cxn>
                    <a:cxn ang="T115">
                      <a:pos x="T54" y="T55"/>
                    </a:cxn>
                    <a:cxn ang="T116">
                      <a:pos x="T56" y="T57"/>
                    </a:cxn>
                    <a:cxn ang="T117">
                      <a:pos x="T58" y="T59"/>
                    </a:cxn>
                    <a:cxn ang="T118">
                      <a:pos x="T60" y="T61"/>
                    </a:cxn>
                    <a:cxn ang="T119">
                      <a:pos x="T62" y="T63"/>
                    </a:cxn>
                    <a:cxn ang="T120">
                      <a:pos x="T64" y="T65"/>
                    </a:cxn>
                    <a:cxn ang="T121">
                      <a:pos x="T66" y="T67"/>
                    </a:cxn>
                    <a:cxn ang="T122">
                      <a:pos x="T68" y="T69"/>
                    </a:cxn>
                    <a:cxn ang="T123">
                      <a:pos x="T70" y="T71"/>
                    </a:cxn>
                    <a:cxn ang="T124">
                      <a:pos x="T72" y="T73"/>
                    </a:cxn>
                    <a:cxn ang="T125">
                      <a:pos x="T74" y="T75"/>
                    </a:cxn>
                    <a:cxn ang="T126">
                      <a:pos x="T76" y="T77"/>
                    </a:cxn>
                    <a:cxn ang="T127">
                      <a:pos x="T78" y="T79"/>
                    </a:cxn>
                    <a:cxn ang="T128">
                      <a:pos x="T80" y="T81"/>
                    </a:cxn>
                    <a:cxn ang="T129">
                      <a:pos x="T82" y="T83"/>
                    </a:cxn>
                    <a:cxn ang="T130">
                      <a:pos x="T84" y="T85"/>
                    </a:cxn>
                    <a:cxn ang="T131">
                      <a:pos x="T86" y="T87"/>
                    </a:cxn>
                  </a:cxnLst>
                  <a:rect l="T132" t="T133" r="T134" b="T135"/>
                  <a:pathLst>
                    <a:path w="574" h="370">
                      <a:moveTo>
                        <a:pt x="51" y="370"/>
                      </a:moveTo>
                      <a:lnTo>
                        <a:pt x="146" y="352"/>
                      </a:lnTo>
                      <a:lnTo>
                        <a:pt x="491" y="287"/>
                      </a:lnTo>
                      <a:lnTo>
                        <a:pt x="493" y="277"/>
                      </a:lnTo>
                      <a:lnTo>
                        <a:pt x="496" y="272"/>
                      </a:lnTo>
                      <a:lnTo>
                        <a:pt x="501" y="269"/>
                      </a:lnTo>
                      <a:lnTo>
                        <a:pt x="506" y="265"/>
                      </a:lnTo>
                      <a:lnTo>
                        <a:pt x="513" y="265"/>
                      </a:lnTo>
                      <a:lnTo>
                        <a:pt x="518" y="265"/>
                      </a:lnTo>
                      <a:lnTo>
                        <a:pt x="521" y="265"/>
                      </a:lnTo>
                      <a:lnTo>
                        <a:pt x="523" y="267"/>
                      </a:lnTo>
                      <a:lnTo>
                        <a:pt x="523" y="265"/>
                      </a:lnTo>
                      <a:lnTo>
                        <a:pt x="527" y="264"/>
                      </a:lnTo>
                      <a:lnTo>
                        <a:pt x="530" y="260"/>
                      </a:lnTo>
                      <a:lnTo>
                        <a:pt x="535" y="257"/>
                      </a:lnTo>
                      <a:lnTo>
                        <a:pt x="538" y="254"/>
                      </a:lnTo>
                      <a:lnTo>
                        <a:pt x="543" y="252"/>
                      </a:lnTo>
                      <a:lnTo>
                        <a:pt x="545" y="248"/>
                      </a:lnTo>
                      <a:lnTo>
                        <a:pt x="547" y="248"/>
                      </a:lnTo>
                      <a:lnTo>
                        <a:pt x="547" y="243"/>
                      </a:lnTo>
                      <a:lnTo>
                        <a:pt x="550" y="238"/>
                      </a:lnTo>
                      <a:lnTo>
                        <a:pt x="554" y="233"/>
                      </a:lnTo>
                      <a:lnTo>
                        <a:pt x="557" y="228"/>
                      </a:lnTo>
                      <a:lnTo>
                        <a:pt x="560" y="225"/>
                      </a:lnTo>
                      <a:lnTo>
                        <a:pt x="564" y="221"/>
                      </a:lnTo>
                      <a:lnTo>
                        <a:pt x="567" y="220"/>
                      </a:lnTo>
                      <a:lnTo>
                        <a:pt x="569" y="218"/>
                      </a:lnTo>
                      <a:lnTo>
                        <a:pt x="572" y="216"/>
                      </a:lnTo>
                      <a:lnTo>
                        <a:pt x="574" y="213"/>
                      </a:lnTo>
                      <a:lnTo>
                        <a:pt x="574" y="211"/>
                      </a:lnTo>
                      <a:lnTo>
                        <a:pt x="574" y="208"/>
                      </a:lnTo>
                      <a:lnTo>
                        <a:pt x="572" y="206"/>
                      </a:lnTo>
                      <a:lnTo>
                        <a:pt x="571" y="204"/>
                      </a:lnTo>
                      <a:lnTo>
                        <a:pt x="571" y="203"/>
                      </a:lnTo>
                      <a:lnTo>
                        <a:pt x="569" y="203"/>
                      </a:lnTo>
                      <a:lnTo>
                        <a:pt x="567" y="201"/>
                      </a:lnTo>
                      <a:lnTo>
                        <a:pt x="564" y="199"/>
                      </a:lnTo>
                      <a:lnTo>
                        <a:pt x="559" y="194"/>
                      </a:lnTo>
                      <a:lnTo>
                        <a:pt x="554" y="189"/>
                      </a:lnTo>
                      <a:lnTo>
                        <a:pt x="547" y="184"/>
                      </a:lnTo>
                      <a:lnTo>
                        <a:pt x="542" y="179"/>
                      </a:lnTo>
                      <a:lnTo>
                        <a:pt x="537" y="176"/>
                      </a:lnTo>
                      <a:lnTo>
                        <a:pt x="535" y="174"/>
                      </a:lnTo>
                      <a:lnTo>
                        <a:pt x="525" y="169"/>
                      </a:lnTo>
                      <a:lnTo>
                        <a:pt x="520" y="162"/>
                      </a:lnTo>
                      <a:lnTo>
                        <a:pt x="518" y="155"/>
                      </a:lnTo>
                      <a:lnTo>
                        <a:pt x="518" y="149"/>
                      </a:lnTo>
                      <a:lnTo>
                        <a:pt x="520" y="144"/>
                      </a:lnTo>
                      <a:lnTo>
                        <a:pt x="521" y="138"/>
                      </a:lnTo>
                      <a:lnTo>
                        <a:pt x="523" y="135"/>
                      </a:lnTo>
                      <a:lnTo>
                        <a:pt x="525" y="135"/>
                      </a:lnTo>
                      <a:lnTo>
                        <a:pt x="515" y="118"/>
                      </a:lnTo>
                      <a:lnTo>
                        <a:pt x="532" y="93"/>
                      </a:lnTo>
                      <a:lnTo>
                        <a:pt x="538" y="71"/>
                      </a:lnTo>
                      <a:lnTo>
                        <a:pt x="543" y="62"/>
                      </a:lnTo>
                      <a:lnTo>
                        <a:pt x="525" y="56"/>
                      </a:lnTo>
                      <a:lnTo>
                        <a:pt x="523" y="56"/>
                      </a:lnTo>
                      <a:lnTo>
                        <a:pt x="520" y="54"/>
                      </a:lnTo>
                      <a:lnTo>
                        <a:pt x="518" y="50"/>
                      </a:lnTo>
                      <a:lnTo>
                        <a:pt x="515" y="47"/>
                      </a:lnTo>
                      <a:lnTo>
                        <a:pt x="511" y="44"/>
                      </a:lnTo>
                      <a:lnTo>
                        <a:pt x="508" y="39"/>
                      </a:lnTo>
                      <a:lnTo>
                        <a:pt x="505" y="32"/>
                      </a:lnTo>
                      <a:lnTo>
                        <a:pt x="503" y="30"/>
                      </a:lnTo>
                      <a:lnTo>
                        <a:pt x="503" y="28"/>
                      </a:lnTo>
                      <a:lnTo>
                        <a:pt x="503" y="25"/>
                      </a:lnTo>
                      <a:lnTo>
                        <a:pt x="501" y="22"/>
                      </a:lnTo>
                      <a:lnTo>
                        <a:pt x="499" y="20"/>
                      </a:lnTo>
                      <a:lnTo>
                        <a:pt x="496" y="17"/>
                      </a:lnTo>
                      <a:lnTo>
                        <a:pt x="493" y="15"/>
                      </a:lnTo>
                      <a:lnTo>
                        <a:pt x="486" y="15"/>
                      </a:lnTo>
                      <a:lnTo>
                        <a:pt x="484" y="13"/>
                      </a:lnTo>
                      <a:lnTo>
                        <a:pt x="483" y="12"/>
                      </a:lnTo>
                      <a:lnTo>
                        <a:pt x="481" y="8"/>
                      </a:lnTo>
                      <a:lnTo>
                        <a:pt x="479" y="5"/>
                      </a:lnTo>
                      <a:lnTo>
                        <a:pt x="476" y="1"/>
                      </a:lnTo>
                      <a:lnTo>
                        <a:pt x="471" y="0"/>
                      </a:lnTo>
                      <a:lnTo>
                        <a:pt x="466" y="0"/>
                      </a:lnTo>
                      <a:lnTo>
                        <a:pt x="459" y="0"/>
                      </a:lnTo>
                      <a:lnTo>
                        <a:pt x="457" y="0"/>
                      </a:lnTo>
                      <a:lnTo>
                        <a:pt x="454" y="1"/>
                      </a:lnTo>
                      <a:lnTo>
                        <a:pt x="449" y="3"/>
                      </a:lnTo>
                      <a:lnTo>
                        <a:pt x="442" y="3"/>
                      </a:lnTo>
                      <a:lnTo>
                        <a:pt x="432" y="5"/>
                      </a:lnTo>
                      <a:lnTo>
                        <a:pt x="422" y="8"/>
                      </a:lnTo>
                      <a:lnTo>
                        <a:pt x="410" y="10"/>
                      </a:lnTo>
                      <a:lnTo>
                        <a:pt x="398" y="12"/>
                      </a:lnTo>
                      <a:lnTo>
                        <a:pt x="383" y="15"/>
                      </a:lnTo>
                      <a:lnTo>
                        <a:pt x="367" y="18"/>
                      </a:lnTo>
                      <a:lnTo>
                        <a:pt x="352" y="22"/>
                      </a:lnTo>
                      <a:lnTo>
                        <a:pt x="335" y="25"/>
                      </a:lnTo>
                      <a:lnTo>
                        <a:pt x="318" y="28"/>
                      </a:lnTo>
                      <a:lnTo>
                        <a:pt x="301" y="32"/>
                      </a:lnTo>
                      <a:lnTo>
                        <a:pt x="283" y="35"/>
                      </a:lnTo>
                      <a:lnTo>
                        <a:pt x="266" y="39"/>
                      </a:lnTo>
                      <a:lnTo>
                        <a:pt x="247" y="42"/>
                      </a:lnTo>
                      <a:lnTo>
                        <a:pt x="230" y="45"/>
                      </a:lnTo>
                      <a:lnTo>
                        <a:pt x="212" y="49"/>
                      </a:lnTo>
                      <a:lnTo>
                        <a:pt x="195" y="52"/>
                      </a:lnTo>
                      <a:lnTo>
                        <a:pt x="178" y="56"/>
                      </a:lnTo>
                      <a:lnTo>
                        <a:pt x="163" y="59"/>
                      </a:lnTo>
                      <a:lnTo>
                        <a:pt x="147" y="61"/>
                      </a:lnTo>
                      <a:lnTo>
                        <a:pt x="134" y="64"/>
                      </a:lnTo>
                      <a:lnTo>
                        <a:pt x="120" y="66"/>
                      </a:lnTo>
                      <a:lnTo>
                        <a:pt x="109" y="69"/>
                      </a:lnTo>
                      <a:lnTo>
                        <a:pt x="98" y="71"/>
                      </a:lnTo>
                      <a:lnTo>
                        <a:pt x="90" y="72"/>
                      </a:lnTo>
                      <a:lnTo>
                        <a:pt x="83" y="74"/>
                      </a:lnTo>
                      <a:lnTo>
                        <a:pt x="78" y="74"/>
                      </a:lnTo>
                      <a:lnTo>
                        <a:pt x="75" y="74"/>
                      </a:lnTo>
                      <a:lnTo>
                        <a:pt x="75" y="76"/>
                      </a:lnTo>
                      <a:lnTo>
                        <a:pt x="66" y="44"/>
                      </a:lnTo>
                      <a:lnTo>
                        <a:pt x="61" y="47"/>
                      </a:lnTo>
                      <a:lnTo>
                        <a:pt x="56" y="52"/>
                      </a:lnTo>
                      <a:lnTo>
                        <a:pt x="49" y="56"/>
                      </a:lnTo>
                      <a:lnTo>
                        <a:pt x="44" y="59"/>
                      </a:lnTo>
                      <a:lnTo>
                        <a:pt x="39" y="64"/>
                      </a:lnTo>
                      <a:lnTo>
                        <a:pt x="34" y="67"/>
                      </a:lnTo>
                      <a:lnTo>
                        <a:pt x="29" y="71"/>
                      </a:lnTo>
                      <a:lnTo>
                        <a:pt x="26" y="74"/>
                      </a:lnTo>
                      <a:lnTo>
                        <a:pt x="21" y="78"/>
                      </a:lnTo>
                      <a:lnTo>
                        <a:pt x="15" y="81"/>
                      </a:lnTo>
                      <a:lnTo>
                        <a:pt x="12" y="84"/>
                      </a:lnTo>
                      <a:lnTo>
                        <a:pt x="9" y="86"/>
                      </a:lnTo>
                      <a:lnTo>
                        <a:pt x="7" y="89"/>
                      </a:lnTo>
                      <a:lnTo>
                        <a:pt x="4" y="91"/>
                      </a:lnTo>
                      <a:lnTo>
                        <a:pt x="2" y="91"/>
                      </a:lnTo>
                      <a:lnTo>
                        <a:pt x="2" y="93"/>
                      </a:lnTo>
                      <a:lnTo>
                        <a:pt x="0" y="93"/>
                      </a:lnTo>
                      <a:lnTo>
                        <a:pt x="32" y="259"/>
                      </a:lnTo>
                      <a:lnTo>
                        <a:pt x="51" y="370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523" name="Freeform 49"/>
                <p:cNvSpPr>
                  <a:spLocks/>
                </p:cNvSpPr>
                <p:nvPr/>
              </p:nvSpPr>
              <p:spPr bwMode="auto">
                <a:xfrm>
                  <a:off x="4341" y="1400"/>
                  <a:ext cx="574" cy="370"/>
                </a:xfrm>
                <a:custGeom>
                  <a:avLst/>
                  <a:gdLst>
                    <a:gd name="T0" fmla="*/ 491 w 574"/>
                    <a:gd name="T1" fmla="*/ 287 h 370"/>
                    <a:gd name="T2" fmla="*/ 496 w 574"/>
                    <a:gd name="T3" fmla="*/ 272 h 370"/>
                    <a:gd name="T4" fmla="*/ 513 w 574"/>
                    <a:gd name="T5" fmla="*/ 265 h 370"/>
                    <a:gd name="T6" fmla="*/ 523 w 574"/>
                    <a:gd name="T7" fmla="*/ 267 h 370"/>
                    <a:gd name="T8" fmla="*/ 527 w 574"/>
                    <a:gd name="T9" fmla="*/ 264 h 370"/>
                    <a:gd name="T10" fmla="*/ 538 w 574"/>
                    <a:gd name="T11" fmla="*/ 254 h 370"/>
                    <a:gd name="T12" fmla="*/ 547 w 574"/>
                    <a:gd name="T13" fmla="*/ 248 h 370"/>
                    <a:gd name="T14" fmla="*/ 550 w 574"/>
                    <a:gd name="T15" fmla="*/ 238 h 370"/>
                    <a:gd name="T16" fmla="*/ 560 w 574"/>
                    <a:gd name="T17" fmla="*/ 225 h 370"/>
                    <a:gd name="T18" fmla="*/ 569 w 574"/>
                    <a:gd name="T19" fmla="*/ 218 h 370"/>
                    <a:gd name="T20" fmla="*/ 574 w 574"/>
                    <a:gd name="T21" fmla="*/ 213 h 370"/>
                    <a:gd name="T22" fmla="*/ 572 w 574"/>
                    <a:gd name="T23" fmla="*/ 206 h 370"/>
                    <a:gd name="T24" fmla="*/ 569 w 574"/>
                    <a:gd name="T25" fmla="*/ 203 h 370"/>
                    <a:gd name="T26" fmla="*/ 564 w 574"/>
                    <a:gd name="T27" fmla="*/ 199 h 370"/>
                    <a:gd name="T28" fmla="*/ 547 w 574"/>
                    <a:gd name="T29" fmla="*/ 184 h 370"/>
                    <a:gd name="T30" fmla="*/ 535 w 574"/>
                    <a:gd name="T31" fmla="*/ 174 h 370"/>
                    <a:gd name="T32" fmla="*/ 520 w 574"/>
                    <a:gd name="T33" fmla="*/ 162 h 370"/>
                    <a:gd name="T34" fmla="*/ 520 w 574"/>
                    <a:gd name="T35" fmla="*/ 144 h 370"/>
                    <a:gd name="T36" fmla="*/ 525 w 574"/>
                    <a:gd name="T37" fmla="*/ 135 h 370"/>
                    <a:gd name="T38" fmla="*/ 538 w 574"/>
                    <a:gd name="T39" fmla="*/ 71 h 370"/>
                    <a:gd name="T40" fmla="*/ 525 w 574"/>
                    <a:gd name="T41" fmla="*/ 56 h 370"/>
                    <a:gd name="T42" fmla="*/ 523 w 574"/>
                    <a:gd name="T43" fmla="*/ 56 h 370"/>
                    <a:gd name="T44" fmla="*/ 515 w 574"/>
                    <a:gd name="T45" fmla="*/ 47 h 370"/>
                    <a:gd name="T46" fmla="*/ 505 w 574"/>
                    <a:gd name="T47" fmla="*/ 32 h 370"/>
                    <a:gd name="T48" fmla="*/ 503 w 574"/>
                    <a:gd name="T49" fmla="*/ 28 h 370"/>
                    <a:gd name="T50" fmla="*/ 499 w 574"/>
                    <a:gd name="T51" fmla="*/ 20 h 370"/>
                    <a:gd name="T52" fmla="*/ 486 w 574"/>
                    <a:gd name="T53" fmla="*/ 15 h 370"/>
                    <a:gd name="T54" fmla="*/ 483 w 574"/>
                    <a:gd name="T55" fmla="*/ 12 h 370"/>
                    <a:gd name="T56" fmla="*/ 476 w 574"/>
                    <a:gd name="T57" fmla="*/ 1 h 370"/>
                    <a:gd name="T58" fmla="*/ 459 w 574"/>
                    <a:gd name="T59" fmla="*/ 0 h 370"/>
                    <a:gd name="T60" fmla="*/ 454 w 574"/>
                    <a:gd name="T61" fmla="*/ 1 h 370"/>
                    <a:gd name="T62" fmla="*/ 432 w 574"/>
                    <a:gd name="T63" fmla="*/ 5 h 370"/>
                    <a:gd name="T64" fmla="*/ 398 w 574"/>
                    <a:gd name="T65" fmla="*/ 12 h 370"/>
                    <a:gd name="T66" fmla="*/ 352 w 574"/>
                    <a:gd name="T67" fmla="*/ 22 h 370"/>
                    <a:gd name="T68" fmla="*/ 301 w 574"/>
                    <a:gd name="T69" fmla="*/ 32 h 370"/>
                    <a:gd name="T70" fmla="*/ 247 w 574"/>
                    <a:gd name="T71" fmla="*/ 42 h 370"/>
                    <a:gd name="T72" fmla="*/ 195 w 574"/>
                    <a:gd name="T73" fmla="*/ 52 h 370"/>
                    <a:gd name="T74" fmla="*/ 147 w 574"/>
                    <a:gd name="T75" fmla="*/ 61 h 370"/>
                    <a:gd name="T76" fmla="*/ 109 w 574"/>
                    <a:gd name="T77" fmla="*/ 69 h 370"/>
                    <a:gd name="T78" fmla="*/ 83 w 574"/>
                    <a:gd name="T79" fmla="*/ 74 h 370"/>
                    <a:gd name="T80" fmla="*/ 75 w 574"/>
                    <a:gd name="T81" fmla="*/ 76 h 370"/>
                    <a:gd name="T82" fmla="*/ 61 w 574"/>
                    <a:gd name="T83" fmla="*/ 47 h 370"/>
                    <a:gd name="T84" fmla="*/ 44 w 574"/>
                    <a:gd name="T85" fmla="*/ 59 h 370"/>
                    <a:gd name="T86" fmla="*/ 29 w 574"/>
                    <a:gd name="T87" fmla="*/ 71 h 370"/>
                    <a:gd name="T88" fmla="*/ 15 w 574"/>
                    <a:gd name="T89" fmla="*/ 81 h 370"/>
                    <a:gd name="T90" fmla="*/ 7 w 574"/>
                    <a:gd name="T91" fmla="*/ 89 h 370"/>
                    <a:gd name="T92" fmla="*/ 2 w 574"/>
                    <a:gd name="T93" fmla="*/ 93 h 370"/>
                    <a:gd name="T94" fmla="*/ 51 w 574"/>
                    <a:gd name="T95" fmla="*/ 370 h 370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w 574"/>
                    <a:gd name="T145" fmla="*/ 0 h 370"/>
                    <a:gd name="T146" fmla="*/ 574 w 574"/>
                    <a:gd name="T147" fmla="*/ 370 h 370"/>
                  </a:gdLst>
                  <a:ahLst/>
                  <a:cxnLst>
                    <a:cxn ang="T96">
                      <a:pos x="T0" y="T1"/>
                    </a:cxn>
                    <a:cxn ang="T97">
                      <a:pos x="T2" y="T3"/>
                    </a:cxn>
                    <a:cxn ang="T98">
                      <a:pos x="T4" y="T5"/>
                    </a:cxn>
                    <a:cxn ang="T99">
                      <a:pos x="T6" y="T7"/>
                    </a:cxn>
                    <a:cxn ang="T100">
                      <a:pos x="T8" y="T9"/>
                    </a:cxn>
                    <a:cxn ang="T101">
                      <a:pos x="T10" y="T11"/>
                    </a:cxn>
                    <a:cxn ang="T102">
                      <a:pos x="T12" y="T13"/>
                    </a:cxn>
                    <a:cxn ang="T103">
                      <a:pos x="T14" y="T15"/>
                    </a:cxn>
                    <a:cxn ang="T104">
                      <a:pos x="T16" y="T17"/>
                    </a:cxn>
                    <a:cxn ang="T105">
                      <a:pos x="T18" y="T19"/>
                    </a:cxn>
                    <a:cxn ang="T106">
                      <a:pos x="T20" y="T21"/>
                    </a:cxn>
                    <a:cxn ang="T107">
                      <a:pos x="T22" y="T23"/>
                    </a:cxn>
                    <a:cxn ang="T108">
                      <a:pos x="T24" y="T25"/>
                    </a:cxn>
                    <a:cxn ang="T109">
                      <a:pos x="T26" y="T27"/>
                    </a:cxn>
                    <a:cxn ang="T110">
                      <a:pos x="T28" y="T29"/>
                    </a:cxn>
                    <a:cxn ang="T111">
                      <a:pos x="T30" y="T31"/>
                    </a:cxn>
                    <a:cxn ang="T112">
                      <a:pos x="T32" y="T33"/>
                    </a:cxn>
                    <a:cxn ang="T113">
                      <a:pos x="T34" y="T35"/>
                    </a:cxn>
                    <a:cxn ang="T114">
                      <a:pos x="T36" y="T37"/>
                    </a:cxn>
                    <a:cxn ang="T115">
                      <a:pos x="T38" y="T39"/>
                    </a:cxn>
                    <a:cxn ang="T116">
                      <a:pos x="T40" y="T41"/>
                    </a:cxn>
                    <a:cxn ang="T117">
                      <a:pos x="T42" y="T43"/>
                    </a:cxn>
                    <a:cxn ang="T118">
                      <a:pos x="T44" y="T45"/>
                    </a:cxn>
                    <a:cxn ang="T119">
                      <a:pos x="T46" y="T47"/>
                    </a:cxn>
                    <a:cxn ang="T120">
                      <a:pos x="T48" y="T49"/>
                    </a:cxn>
                    <a:cxn ang="T121">
                      <a:pos x="T50" y="T51"/>
                    </a:cxn>
                    <a:cxn ang="T122">
                      <a:pos x="T52" y="T53"/>
                    </a:cxn>
                    <a:cxn ang="T123">
                      <a:pos x="T54" y="T55"/>
                    </a:cxn>
                    <a:cxn ang="T124">
                      <a:pos x="T56" y="T57"/>
                    </a:cxn>
                    <a:cxn ang="T125">
                      <a:pos x="T58" y="T59"/>
                    </a:cxn>
                    <a:cxn ang="T126">
                      <a:pos x="T60" y="T61"/>
                    </a:cxn>
                    <a:cxn ang="T127">
                      <a:pos x="T62" y="T63"/>
                    </a:cxn>
                    <a:cxn ang="T128">
                      <a:pos x="T64" y="T65"/>
                    </a:cxn>
                    <a:cxn ang="T129">
                      <a:pos x="T66" y="T67"/>
                    </a:cxn>
                    <a:cxn ang="T130">
                      <a:pos x="T68" y="T69"/>
                    </a:cxn>
                    <a:cxn ang="T131">
                      <a:pos x="T70" y="T71"/>
                    </a:cxn>
                    <a:cxn ang="T132">
                      <a:pos x="T72" y="T73"/>
                    </a:cxn>
                    <a:cxn ang="T133">
                      <a:pos x="T74" y="T75"/>
                    </a:cxn>
                    <a:cxn ang="T134">
                      <a:pos x="T76" y="T77"/>
                    </a:cxn>
                    <a:cxn ang="T135">
                      <a:pos x="T78" y="T79"/>
                    </a:cxn>
                    <a:cxn ang="T136">
                      <a:pos x="T80" y="T81"/>
                    </a:cxn>
                    <a:cxn ang="T137">
                      <a:pos x="T82" y="T83"/>
                    </a:cxn>
                    <a:cxn ang="T138">
                      <a:pos x="T84" y="T85"/>
                    </a:cxn>
                    <a:cxn ang="T139">
                      <a:pos x="T86" y="T87"/>
                    </a:cxn>
                    <a:cxn ang="T140">
                      <a:pos x="T88" y="T89"/>
                    </a:cxn>
                    <a:cxn ang="T141">
                      <a:pos x="T90" y="T91"/>
                    </a:cxn>
                    <a:cxn ang="T142">
                      <a:pos x="T92" y="T93"/>
                    </a:cxn>
                    <a:cxn ang="T143">
                      <a:pos x="T94" y="T95"/>
                    </a:cxn>
                  </a:cxnLst>
                  <a:rect l="T144" t="T145" r="T146" b="T147"/>
                  <a:pathLst>
                    <a:path w="574" h="370">
                      <a:moveTo>
                        <a:pt x="51" y="370"/>
                      </a:moveTo>
                      <a:lnTo>
                        <a:pt x="146" y="352"/>
                      </a:lnTo>
                      <a:lnTo>
                        <a:pt x="491" y="287"/>
                      </a:lnTo>
                      <a:lnTo>
                        <a:pt x="493" y="277"/>
                      </a:lnTo>
                      <a:lnTo>
                        <a:pt x="496" y="272"/>
                      </a:lnTo>
                      <a:lnTo>
                        <a:pt x="501" y="269"/>
                      </a:lnTo>
                      <a:lnTo>
                        <a:pt x="506" y="265"/>
                      </a:lnTo>
                      <a:lnTo>
                        <a:pt x="513" y="265"/>
                      </a:lnTo>
                      <a:lnTo>
                        <a:pt x="518" y="265"/>
                      </a:lnTo>
                      <a:lnTo>
                        <a:pt x="521" y="265"/>
                      </a:lnTo>
                      <a:lnTo>
                        <a:pt x="523" y="267"/>
                      </a:lnTo>
                      <a:lnTo>
                        <a:pt x="523" y="265"/>
                      </a:lnTo>
                      <a:lnTo>
                        <a:pt x="527" y="264"/>
                      </a:lnTo>
                      <a:lnTo>
                        <a:pt x="530" y="260"/>
                      </a:lnTo>
                      <a:lnTo>
                        <a:pt x="535" y="257"/>
                      </a:lnTo>
                      <a:lnTo>
                        <a:pt x="538" y="254"/>
                      </a:lnTo>
                      <a:lnTo>
                        <a:pt x="543" y="252"/>
                      </a:lnTo>
                      <a:lnTo>
                        <a:pt x="545" y="248"/>
                      </a:lnTo>
                      <a:lnTo>
                        <a:pt x="547" y="248"/>
                      </a:lnTo>
                      <a:lnTo>
                        <a:pt x="547" y="243"/>
                      </a:lnTo>
                      <a:lnTo>
                        <a:pt x="550" y="238"/>
                      </a:lnTo>
                      <a:lnTo>
                        <a:pt x="554" y="233"/>
                      </a:lnTo>
                      <a:lnTo>
                        <a:pt x="557" y="228"/>
                      </a:lnTo>
                      <a:lnTo>
                        <a:pt x="560" y="225"/>
                      </a:lnTo>
                      <a:lnTo>
                        <a:pt x="564" y="221"/>
                      </a:lnTo>
                      <a:lnTo>
                        <a:pt x="567" y="220"/>
                      </a:lnTo>
                      <a:lnTo>
                        <a:pt x="569" y="218"/>
                      </a:lnTo>
                      <a:lnTo>
                        <a:pt x="572" y="216"/>
                      </a:lnTo>
                      <a:lnTo>
                        <a:pt x="574" y="213"/>
                      </a:lnTo>
                      <a:lnTo>
                        <a:pt x="574" y="211"/>
                      </a:lnTo>
                      <a:lnTo>
                        <a:pt x="574" y="208"/>
                      </a:lnTo>
                      <a:lnTo>
                        <a:pt x="572" y="206"/>
                      </a:lnTo>
                      <a:lnTo>
                        <a:pt x="571" y="204"/>
                      </a:lnTo>
                      <a:lnTo>
                        <a:pt x="571" y="203"/>
                      </a:lnTo>
                      <a:lnTo>
                        <a:pt x="569" y="203"/>
                      </a:lnTo>
                      <a:lnTo>
                        <a:pt x="567" y="201"/>
                      </a:lnTo>
                      <a:lnTo>
                        <a:pt x="564" y="199"/>
                      </a:lnTo>
                      <a:lnTo>
                        <a:pt x="559" y="194"/>
                      </a:lnTo>
                      <a:lnTo>
                        <a:pt x="554" y="189"/>
                      </a:lnTo>
                      <a:lnTo>
                        <a:pt x="547" y="184"/>
                      </a:lnTo>
                      <a:lnTo>
                        <a:pt x="542" y="179"/>
                      </a:lnTo>
                      <a:lnTo>
                        <a:pt x="537" y="176"/>
                      </a:lnTo>
                      <a:lnTo>
                        <a:pt x="535" y="174"/>
                      </a:lnTo>
                      <a:lnTo>
                        <a:pt x="525" y="169"/>
                      </a:lnTo>
                      <a:lnTo>
                        <a:pt x="520" y="162"/>
                      </a:lnTo>
                      <a:lnTo>
                        <a:pt x="518" y="155"/>
                      </a:lnTo>
                      <a:lnTo>
                        <a:pt x="518" y="149"/>
                      </a:lnTo>
                      <a:lnTo>
                        <a:pt x="520" y="144"/>
                      </a:lnTo>
                      <a:lnTo>
                        <a:pt x="521" y="138"/>
                      </a:lnTo>
                      <a:lnTo>
                        <a:pt x="523" y="135"/>
                      </a:lnTo>
                      <a:lnTo>
                        <a:pt x="525" y="135"/>
                      </a:lnTo>
                      <a:lnTo>
                        <a:pt x="515" y="118"/>
                      </a:lnTo>
                      <a:lnTo>
                        <a:pt x="532" y="93"/>
                      </a:lnTo>
                      <a:lnTo>
                        <a:pt x="538" y="71"/>
                      </a:lnTo>
                      <a:lnTo>
                        <a:pt x="543" y="62"/>
                      </a:lnTo>
                      <a:lnTo>
                        <a:pt x="525" y="56"/>
                      </a:lnTo>
                      <a:lnTo>
                        <a:pt x="523" y="56"/>
                      </a:lnTo>
                      <a:lnTo>
                        <a:pt x="520" y="54"/>
                      </a:lnTo>
                      <a:lnTo>
                        <a:pt x="518" y="50"/>
                      </a:lnTo>
                      <a:lnTo>
                        <a:pt x="515" y="47"/>
                      </a:lnTo>
                      <a:lnTo>
                        <a:pt x="511" y="44"/>
                      </a:lnTo>
                      <a:lnTo>
                        <a:pt x="508" y="39"/>
                      </a:lnTo>
                      <a:lnTo>
                        <a:pt x="505" y="32"/>
                      </a:lnTo>
                      <a:lnTo>
                        <a:pt x="503" y="30"/>
                      </a:lnTo>
                      <a:lnTo>
                        <a:pt x="503" y="28"/>
                      </a:lnTo>
                      <a:lnTo>
                        <a:pt x="503" y="25"/>
                      </a:lnTo>
                      <a:lnTo>
                        <a:pt x="501" y="22"/>
                      </a:lnTo>
                      <a:lnTo>
                        <a:pt x="499" y="20"/>
                      </a:lnTo>
                      <a:lnTo>
                        <a:pt x="496" y="17"/>
                      </a:lnTo>
                      <a:lnTo>
                        <a:pt x="493" y="15"/>
                      </a:lnTo>
                      <a:lnTo>
                        <a:pt x="486" y="15"/>
                      </a:lnTo>
                      <a:lnTo>
                        <a:pt x="484" y="13"/>
                      </a:lnTo>
                      <a:lnTo>
                        <a:pt x="483" y="12"/>
                      </a:lnTo>
                      <a:lnTo>
                        <a:pt x="481" y="8"/>
                      </a:lnTo>
                      <a:lnTo>
                        <a:pt x="479" y="5"/>
                      </a:lnTo>
                      <a:lnTo>
                        <a:pt x="476" y="1"/>
                      </a:lnTo>
                      <a:lnTo>
                        <a:pt x="471" y="0"/>
                      </a:lnTo>
                      <a:lnTo>
                        <a:pt x="466" y="0"/>
                      </a:lnTo>
                      <a:lnTo>
                        <a:pt x="459" y="0"/>
                      </a:lnTo>
                      <a:lnTo>
                        <a:pt x="457" y="0"/>
                      </a:lnTo>
                      <a:lnTo>
                        <a:pt x="454" y="1"/>
                      </a:lnTo>
                      <a:lnTo>
                        <a:pt x="449" y="3"/>
                      </a:lnTo>
                      <a:lnTo>
                        <a:pt x="442" y="3"/>
                      </a:lnTo>
                      <a:lnTo>
                        <a:pt x="432" y="5"/>
                      </a:lnTo>
                      <a:lnTo>
                        <a:pt x="422" y="8"/>
                      </a:lnTo>
                      <a:lnTo>
                        <a:pt x="410" y="10"/>
                      </a:lnTo>
                      <a:lnTo>
                        <a:pt x="398" y="12"/>
                      </a:lnTo>
                      <a:lnTo>
                        <a:pt x="383" y="15"/>
                      </a:lnTo>
                      <a:lnTo>
                        <a:pt x="367" y="18"/>
                      </a:lnTo>
                      <a:lnTo>
                        <a:pt x="352" y="22"/>
                      </a:lnTo>
                      <a:lnTo>
                        <a:pt x="335" y="25"/>
                      </a:lnTo>
                      <a:lnTo>
                        <a:pt x="318" y="28"/>
                      </a:lnTo>
                      <a:lnTo>
                        <a:pt x="301" y="32"/>
                      </a:lnTo>
                      <a:lnTo>
                        <a:pt x="283" y="35"/>
                      </a:lnTo>
                      <a:lnTo>
                        <a:pt x="266" y="39"/>
                      </a:lnTo>
                      <a:lnTo>
                        <a:pt x="247" y="42"/>
                      </a:lnTo>
                      <a:lnTo>
                        <a:pt x="230" y="45"/>
                      </a:lnTo>
                      <a:lnTo>
                        <a:pt x="212" y="49"/>
                      </a:lnTo>
                      <a:lnTo>
                        <a:pt x="195" y="52"/>
                      </a:lnTo>
                      <a:lnTo>
                        <a:pt x="178" y="56"/>
                      </a:lnTo>
                      <a:lnTo>
                        <a:pt x="163" y="59"/>
                      </a:lnTo>
                      <a:lnTo>
                        <a:pt x="147" y="61"/>
                      </a:lnTo>
                      <a:lnTo>
                        <a:pt x="134" y="64"/>
                      </a:lnTo>
                      <a:lnTo>
                        <a:pt x="120" y="66"/>
                      </a:lnTo>
                      <a:lnTo>
                        <a:pt x="109" y="69"/>
                      </a:lnTo>
                      <a:lnTo>
                        <a:pt x="98" y="71"/>
                      </a:lnTo>
                      <a:lnTo>
                        <a:pt x="90" y="72"/>
                      </a:lnTo>
                      <a:lnTo>
                        <a:pt x="83" y="74"/>
                      </a:lnTo>
                      <a:lnTo>
                        <a:pt x="78" y="74"/>
                      </a:lnTo>
                      <a:lnTo>
                        <a:pt x="75" y="74"/>
                      </a:lnTo>
                      <a:lnTo>
                        <a:pt x="75" y="76"/>
                      </a:lnTo>
                      <a:lnTo>
                        <a:pt x="66" y="44"/>
                      </a:lnTo>
                      <a:lnTo>
                        <a:pt x="61" y="47"/>
                      </a:lnTo>
                      <a:lnTo>
                        <a:pt x="56" y="52"/>
                      </a:lnTo>
                      <a:lnTo>
                        <a:pt x="49" y="56"/>
                      </a:lnTo>
                      <a:lnTo>
                        <a:pt x="44" y="59"/>
                      </a:lnTo>
                      <a:lnTo>
                        <a:pt x="39" y="64"/>
                      </a:lnTo>
                      <a:lnTo>
                        <a:pt x="34" y="67"/>
                      </a:lnTo>
                      <a:lnTo>
                        <a:pt x="29" y="71"/>
                      </a:lnTo>
                      <a:lnTo>
                        <a:pt x="26" y="74"/>
                      </a:lnTo>
                      <a:lnTo>
                        <a:pt x="21" y="78"/>
                      </a:lnTo>
                      <a:lnTo>
                        <a:pt x="15" y="81"/>
                      </a:lnTo>
                      <a:lnTo>
                        <a:pt x="12" y="84"/>
                      </a:lnTo>
                      <a:lnTo>
                        <a:pt x="9" y="86"/>
                      </a:lnTo>
                      <a:lnTo>
                        <a:pt x="7" y="89"/>
                      </a:lnTo>
                      <a:lnTo>
                        <a:pt x="4" y="91"/>
                      </a:lnTo>
                      <a:lnTo>
                        <a:pt x="2" y="91"/>
                      </a:lnTo>
                      <a:lnTo>
                        <a:pt x="2" y="93"/>
                      </a:lnTo>
                      <a:lnTo>
                        <a:pt x="0" y="93"/>
                      </a:lnTo>
                      <a:lnTo>
                        <a:pt x="32" y="259"/>
                      </a:lnTo>
                      <a:lnTo>
                        <a:pt x="51" y="370"/>
                      </a:lnTo>
                    </a:path>
                  </a:pathLst>
                </a:custGeom>
                <a:solidFill>
                  <a:srgbClr val="C0000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</p:grpSp>
        </p:grpSp>
        <p:sp>
          <p:nvSpPr>
            <p:cNvPr id="378" name="Freeform 50"/>
            <p:cNvSpPr>
              <a:spLocks/>
            </p:cNvSpPr>
            <p:nvPr/>
          </p:nvSpPr>
          <p:spPr bwMode="auto">
            <a:xfrm>
              <a:off x="4658" y="1344"/>
              <a:ext cx="160" cy="309"/>
            </a:xfrm>
            <a:custGeom>
              <a:avLst/>
              <a:gdLst>
                <a:gd name="T0" fmla="*/ 47 w 165"/>
                <a:gd name="T1" fmla="*/ 211 h 318"/>
                <a:gd name="T2" fmla="*/ 44 w 165"/>
                <a:gd name="T3" fmla="*/ 199 h 318"/>
                <a:gd name="T4" fmla="*/ 42 w 165"/>
                <a:gd name="T5" fmla="*/ 183 h 318"/>
                <a:gd name="T6" fmla="*/ 39 w 165"/>
                <a:gd name="T7" fmla="*/ 167 h 318"/>
                <a:gd name="T8" fmla="*/ 38 w 165"/>
                <a:gd name="T9" fmla="*/ 154 h 318"/>
                <a:gd name="T10" fmla="*/ 35 w 165"/>
                <a:gd name="T11" fmla="*/ 145 h 318"/>
                <a:gd name="T12" fmla="*/ 29 w 165"/>
                <a:gd name="T13" fmla="*/ 141 h 318"/>
                <a:gd name="T14" fmla="*/ 24 w 165"/>
                <a:gd name="T15" fmla="*/ 145 h 318"/>
                <a:gd name="T16" fmla="*/ 16 w 165"/>
                <a:gd name="T17" fmla="*/ 111 h 318"/>
                <a:gd name="T18" fmla="*/ 0 w 165"/>
                <a:gd name="T19" fmla="*/ 26 h 318"/>
                <a:gd name="T20" fmla="*/ 103 w 165"/>
                <a:gd name="T21" fmla="*/ 10 h 318"/>
                <a:gd name="T22" fmla="*/ 103 w 165"/>
                <a:gd name="T23" fmla="*/ 15 h 318"/>
                <a:gd name="T24" fmla="*/ 103 w 165"/>
                <a:gd name="T25" fmla="*/ 17 h 318"/>
                <a:gd name="T26" fmla="*/ 100 w 165"/>
                <a:gd name="T27" fmla="*/ 21 h 318"/>
                <a:gd name="T28" fmla="*/ 103 w 165"/>
                <a:gd name="T29" fmla="*/ 26 h 318"/>
                <a:gd name="T30" fmla="*/ 106 w 165"/>
                <a:gd name="T31" fmla="*/ 37 h 318"/>
                <a:gd name="T32" fmla="*/ 107 w 165"/>
                <a:gd name="T33" fmla="*/ 43 h 318"/>
                <a:gd name="T34" fmla="*/ 103 w 165"/>
                <a:gd name="T35" fmla="*/ 51 h 318"/>
                <a:gd name="T36" fmla="*/ 94 w 165"/>
                <a:gd name="T37" fmla="*/ 63 h 318"/>
                <a:gd name="T38" fmla="*/ 94 w 165"/>
                <a:gd name="T39" fmla="*/ 64 h 318"/>
                <a:gd name="T40" fmla="*/ 88 w 165"/>
                <a:gd name="T41" fmla="*/ 68 h 318"/>
                <a:gd name="T42" fmla="*/ 89 w 165"/>
                <a:gd name="T43" fmla="*/ 73 h 318"/>
                <a:gd name="T44" fmla="*/ 89 w 165"/>
                <a:gd name="T45" fmla="*/ 83 h 318"/>
                <a:gd name="T46" fmla="*/ 89 w 165"/>
                <a:gd name="T47" fmla="*/ 93 h 318"/>
                <a:gd name="T48" fmla="*/ 88 w 165"/>
                <a:gd name="T49" fmla="*/ 108 h 318"/>
                <a:gd name="T50" fmla="*/ 85 w 165"/>
                <a:gd name="T51" fmla="*/ 115 h 318"/>
                <a:gd name="T52" fmla="*/ 85 w 165"/>
                <a:gd name="T53" fmla="*/ 122 h 318"/>
                <a:gd name="T54" fmla="*/ 83 w 165"/>
                <a:gd name="T55" fmla="*/ 127 h 318"/>
                <a:gd name="T56" fmla="*/ 81 w 165"/>
                <a:gd name="T57" fmla="*/ 139 h 318"/>
                <a:gd name="T58" fmla="*/ 85 w 165"/>
                <a:gd name="T59" fmla="*/ 153 h 318"/>
                <a:gd name="T60" fmla="*/ 85 w 165"/>
                <a:gd name="T61" fmla="*/ 157 h 318"/>
                <a:gd name="T62" fmla="*/ 85 w 165"/>
                <a:gd name="T63" fmla="*/ 164 h 318"/>
                <a:gd name="T64" fmla="*/ 85 w 165"/>
                <a:gd name="T65" fmla="*/ 167 h 318"/>
                <a:gd name="T66" fmla="*/ 88 w 165"/>
                <a:gd name="T67" fmla="*/ 173 h 318"/>
                <a:gd name="T68" fmla="*/ 88 w 165"/>
                <a:gd name="T69" fmla="*/ 180 h 318"/>
                <a:gd name="T70" fmla="*/ 85 w 165"/>
                <a:gd name="T71" fmla="*/ 184 h 318"/>
                <a:gd name="T72" fmla="*/ 85 w 165"/>
                <a:gd name="T73" fmla="*/ 193 h 318"/>
                <a:gd name="T74" fmla="*/ 92 w 165"/>
                <a:gd name="T75" fmla="*/ 201 h 318"/>
                <a:gd name="T76" fmla="*/ 87 w 165"/>
                <a:gd name="T77" fmla="*/ 203 h 318"/>
                <a:gd name="T78" fmla="*/ 78 w 165"/>
                <a:gd name="T79" fmla="*/ 205 h 318"/>
                <a:gd name="T80" fmla="*/ 66 w 165"/>
                <a:gd name="T81" fmla="*/ 208 h 318"/>
                <a:gd name="T82" fmla="*/ 54 w 165"/>
                <a:gd name="T83" fmla="*/ 211 h 318"/>
                <a:gd name="T84" fmla="*/ 47 w 165"/>
                <a:gd name="T85" fmla="*/ 211 h 318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165"/>
                <a:gd name="T130" fmla="*/ 0 h 318"/>
                <a:gd name="T131" fmla="*/ 165 w 165"/>
                <a:gd name="T132" fmla="*/ 318 h 318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165" h="318">
                  <a:moveTo>
                    <a:pt x="73" y="318"/>
                  </a:moveTo>
                  <a:lnTo>
                    <a:pt x="73" y="316"/>
                  </a:lnTo>
                  <a:lnTo>
                    <a:pt x="73" y="315"/>
                  </a:lnTo>
                  <a:lnTo>
                    <a:pt x="71" y="310"/>
                  </a:lnTo>
                  <a:lnTo>
                    <a:pt x="70" y="303"/>
                  </a:lnTo>
                  <a:lnTo>
                    <a:pt x="68" y="296"/>
                  </a:lnTo>
                  <a:lnTo>
                    <a:pt x="68" y="289"/>
                  </a:lnTo>
                  <a:lnTo>
                    <a:pt x="66" y="281"/>
                  </a:lnTo>
                  <a:lnTo>
                    <a:pt x="63" y="272"/>
                  </a:lnTo>
                  <a:lnTo>
                    <a:pt x="61" y="264"/>
                  </a:lnTo>
                  <a:lnTo>
                    <a:pt x="60" y="255"/>
                  </a:lnTo>
                  <a:lnTo>
                    <a:pt x="58" y="249"/>
                  </a:lnTo>
                  <a:lnTo>
                    <a:pt x="58" y="242"/>
                  </a:lnTo>
                  <a:lnTo>
                    <a:pt x="56" y="235"/>
                  </a:lnTo>
                  <a:lnTo>
                    <a:pt x="55" y="230"/>
                  </a:lnTo>
                  <a:lnTo>
                    <a:pt x="55" y="227"/>
                  </a:lnTo>
                  <a:lnTo>
                    <a:pt x="53" y="225"/>
                  </a:lnTo>
                  <a:lnTo>
                    <a:pt x="49" y="216"/>
                  </a:lnTo>
                  <a:lnTo>
                    <a:pt x="46" y="211"/>
                  </a:lnTo>
                  <a:lnTo>
                    <a:pt x="44" y="210"/>
                  </a:lnTo>
                  <a:lnTo>
                    <a:pt x="43" y="210"/>
                  </a:lnTo>
                  <a:lnTo>
                    <a:pt x="41" y="211"/>
                  </a:lnTo>
                  <a:lnTo>
                    <a:pt x="39" y="215"/>
                  </a:lnTo>
                  <a:lnTo>
                    <a:pt x="38" y="216"/>
                  </a:lnTo>
                  <a:lnTo>
                    <a:pt x="34" y="213"/>
                  </a:lnTo>
                  <a:lnTo>
                    <a:pt x="26" y="164"/>
                  </a:lnTo>
                  <a:lnTo>
                    <a:pt x="22" y="128"/>
                  </a:lnTo>
                  <a:lnTo>
                    <a:pt x="16" y="113"/>
                  </a:lnTo>
                  <a:lnTo>
                    <a:pt x="0" y="40"/>
                  </a:lnTo>
                  <a:lnTo>
                    <a:pt x="156" y="0"/>
                  </a:lnTo>
                  <a:lnTo>
                    <a:pt x="158" y="10"/>
                  </a:lnTo>
                  <a:lnTo>
                    <a:pt x="158" y="12"/>
                  </a:lnTo>
                  <a:lnTo>
                    <a:pt x="159" y="15"/>
                  </a:lnTo>
                  <a:lnTo>
                    <a:pt x="159" y="17"/>
                  </a:lnTo>
                  <a:lnTo>
                    <a:pt x="159" y="22"/>
                  </a:lnTo>
                  <a:lnTo>
                    <a:pt x="159" y="25"/>
                  </a:lnTo>
                  <a:lnTo>
                    <a:pt x="158" y="29"/>
                  </a:lnTo>
                  <a:lnTo>
                    <a:pt x="154" y="34"/>
                  </a:lnTo>
                  <a:lnTo>
                    <a:pt x="154" y="35"/>
                  </a:lnTo>
                  <a:lnTo>
                    <a:pt x="156" y="35"/>
                  </a:lnTo>
                  <a:lnTo>
                    <a:pt x="158" y="37"/>
                  </a:lnTo>
                  <a:lnTo>
                    <a:pt x="158" y="40"/>
                  </a:lnTo>
                  <a:lnTo>
                    <a:pt x="159" y="44"/>
                  </a:lnTo>
                  <a:lnTo>
                    <a:pt x="161" y="46"/>
                  </a:lnTo>
                  <a:lnTo>
                    <a:pt x="163" y="51"/>
                  </a:lnTo>
                  <a:lnTo>
                    <a:pt x="165" y="54"/>
                  </a:lnTo>
                  <a:lnTo>
                    <a:pt x="165" y="59"/>
                  </a:lnTo>
                  <a:lnTo>
                    <a:pt x="165" y="62"/>
                  </a:lnTo>
                  <a:lnTo>
                    <a:pt x="165" y="68"/>
                  </a:lnTo>
                  <a:lnTo>
                    <a:pt x="163" y="73"/>
                  </a:lnTo>
                  <a:lnTo>
                    <a:pt x="159" y="78"/>
                  </a:lnTo>
                  <a:lnTo>
                    <a:pt x="156" y="83"/>
                  </a:lnTo>
                  <a:lnTo>
                    <a:pt x="149" y="88"/>
                  </a:lnTo>
                  <a:lnTo>
                    <a:pt x="143" y="93"/>
                  </a:lnTo>
                  <a:lnTo>
                    <a:pt x="143" y="95"/>
                  </a:lnTo>
                  <a:lnTo>
                    <a:pt x="143" y="93"/>
                  </a:lnTo>
                  <a:lnTo>
                    <a:pt x="136" y="100"/>
                  </a:lnTo>
                  <a:lnTo>
                    <a:pt x="136" y="101"/>
                  </a:lnTo>
                  <a:lnTo>
                    <a:pt x="136" y="105"/>
                  </a:lnTo>
                  <a:lnTo>
                    <a:pt x="137" y="108"/>
                  </a:lnTo>
                  <a:lnTo>
                    <a:pt x="137" y="113"/>
                  </a:lnTo>
                  <a:lnTo>
                    <a:pt x="137" y="118"/>
                  </a:lnTo>
                  <a:lnTo>
                    <a:pt x="137" y="123"/>
                  </a:lnTo>
                  <a:lnTo>
                    <a:pt x="137" y="128"/>
                  </a:lnTo>
                  <a:lnTo>
                    <a:pt x="137" y="135"/>
                  </a:lnTo>
                  <a:lnTo>
                    <a:pt x="137" y="140"/>
                  </a:lnTo>
                  <a:lnTo>
                    <a:pt x="137" y="147"/>
                  </a:lnTo>
                  <a:lnTo>
                    <a:pt x="136" y="154"/>
                  </a:lnTo>
                  <a:lnTo>
                    <a:pt x="136" y="159"/>
                  </a:lnTo>
                  <a:lnTo>
                    <a:pt x="134" y="164"/>
                  </a:lnTo>
                  <a:lnTo>
                    <a:pt x="134" y="169"/>
                  </a:lnTo>
                  <a:lnTo>
                    <a:pt x="132" y="172"/>
                  </a:lnTo>
                  <a:lnTo>
                    <a:pt x="132" y="176"/>
                  </a:lnTo>
                  <a:lnTo>
                    <a:pt x="131" y="179"/>
                  </a:lnTo>
                  <a:lnTo>
                    <a:pt x="131" y="183"/>
                  </a:lnTo>
                  <a:lnTo>
                    <a:pt x="131" y="184"/>
                  </a:lnTo>
                  <a:lnTo>
                    <a:pt x="129" y="189"/>
                  </a:lnTo>
                  <a:lnTo>
                    <a:pt x="127" y="194"/>
                  </a:lnTo>
                  <a:lnTo>
                    <a:pt x="126" y="201"/>
                  </a:lnTo>
                  <a:lnTo>
                    <a:pt x="126" y="208"/>
                  </a:lnTo>
                  <a:lnTo>
                    <a:pt x="126" y="215"/>
                  </a:lnTo>
                  <a:lnTo>
                    <a:pt x="127" y="222"/>
                  </a:lnTo>
                  <a:lnTo>
                    <a:pt x="131" y="228"/>
                  </a:lnTo>
                  <a:lnTo>
                    <a:pt x="132" y="228"/>
                  </a:lnTo>
                  <a:lnTo>
                    <a:pt x="132" y="232"/>
                  </a:lnTo>
                  <a:lnTo>
                    <a:pt x="132" y="235"/>
                  </a:lnTo>
                  <a:lnTo>
                    <a:pt x="132" y="238"/>
                  </a:lnTo>
                  <a:lnTo>
                    <a:pt x="132" y="242"/>
                  </a:lnTo>
                  <a:lnTo>
                    <a:pt x="132" y="245"/>
                  </a:lnTo>
                  <a:lnTo>
                    <a:pt x="132" y="247"/>
                  </a:lnTo>
                  <a:lnTo>
                    <a:pt x="132" y="249"/>
                  </a:lnTo>
                  <a:lnTo>
                    <a:pt x="134" y="250"/>
                  </a:lnTo>
                  <a:lnTo>
                    <a:pt x="134" y="254"/>
                  </a:lnTo>
                  <a:lnTo>
                    <a:pt x="136" y="257"/>
                  </a:lnTo>
                  <a:lnTo>
                    <a:pt x="136" y="260"/>
                  </a:lnTo>
                  <a:lnTo>
                    <a:pt x="136" y="266"/>
                  </a:lnTo>
                  <a:lnTo>
                    <a:pt x="136" y="269"/>
                  </a:lnTo>
                  <a:lnTo>
                    <a:pt x="132" y="272"/>
                  </a:lnTo>
                  <a:lnTo>
                    <a:pt x="132" y="274"/>
                  </a:lnTo>
                  <a:lnTo>
                    <a:pt x="132" y="276"/>
                  </a:lnTo>
                  <a:lnTo>
                    <a:pt x="132" y="281"/>
                  </a:lnTo>
                  <a:lnTo>
                    <a:pt x="132" y="284"/>
                  </a:lnTo>
                  <a:lnTo>
                    <a:pt x="132" y="289"/>
                  </a:lnTo>
                  <a:lnTo>
                    <a:pt x="134" y="294"/>
                  </a:lnTo>
                  <a:lnTo>
                    <a:pt x="136" y="298"/>
                  </a:lnTo>
                  <a:lnTo>
                    <a:pt x="141" y="301"/>
                  </a:lnTo>
                  <a:lnTo>
                    <a:pt x="139" y="301"/>
                  </a:lnTo>
                  <a:lnTo>
                    <a:pt x="137" y="301"/>
                  </a:lnTo>
                  <a:lnTo>
                    <a:pt x="134" y="303"/>
                  </a:lnTo>
                  <a:lnTo>
                    <a:pt x="131" y="303"/>
                  </a:lnTo>
                  <a:lnTo>
                    <a:pt x="126" y="304"/>
                  </a:lnTo>
                  <a:lnTo>
                    <a:pt x="119" y="306"/>
                  </a:lnTo>
                  <a:lnTo>
                    <a:pt x="114" y="308"/>
                  </a:lnTo>
                  <a:lnTo>
                    <a:pt x="107" y="310"/>
                  </a:lnTo>
                  <a:lnTo>
                    <a:pt x="100" y="311"/>
                  </a:lnTo>
                  <a:lnTo>
                    <a:pt x="95" y="313"/>
                  </a:lnTo>
                  <a:lnTo>
                    <a:pt x="88" y="315"/>
                  </a:lnTo>
                  <a:lnTo>
                    <a:pt x="83" y="315"/>
                  </a:lnTo>
                  <a:lnTo>
                    <a:pt x="80" y="316"/>
                  </a:lnTo>
                  <a:lnTo>
                    <a:pt x="77" y="316"/>
                  </a:lnTo>
                  <a:lnTo>
                    <a:pt x="73" y="316"/>
                  </a:lnTo>
                  <a:lnTo>
                    <a:pt x="73" y="318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379" name="Freeform 51"/>
            <p:cNvSpPr>
              <a:spLocks/>
            </p:cNvSpPr>
            <p:nvPr/>
          </p:nvSpPr>
          <p:spPr bwMode="auto">
            <a:xfrm>
              <a:off x="192" y="1620"/>
              <a:ext cx="766" cy="1314"/>
            </a:xfrm>
            <a:custGeom>
              <a:avLst/>
              <a:gdLst>
                <a:gd name="T0" fmla="*/ 78 w 788"/>
                <a:gd name="T1" fmla="*/ 14 h 1354"/>
                <a:gd name="T2" fmla="*/ 134 w 788"/>
                <a:gd name="T3" fmla="*/ 23 h 1354"/>
                <a:gd name="T4" fmla="*/ 209 w 788"/>
                <a:gd name="T5" fmla="*/ 44 h 1354"/>
                <a:gd name="T6" fmla="*/ 292 w 788"/>
                <a:gd name="T7" fmla="*/ 65 h 1354"/>
                <a:gd name="T8" fmla="*/ 518 w 788"/>
                <a:gd name="T9" fmla="*/ 749 h 1354"/>
                <a:gd name="T10" fmla="*/ 507 w 788"/>
                <a:gd name="T11" fmla="*/ 786 h 1354"/>
                <a:gd name="T12" fmla="*/ 496 w 788"/>
                <a:gd name="T13" fmla="*/ 815 h 1354"/>
                <a:gd name="T14" fmla="*/ 482 w 788"/>
                <a:gd name="T15" fmla="*/ 837 h 1354"/>
                <a:gd name="T16" fmla="*/ 485 w 788"/>
                <a:gd name="T17" fmla="*/ 869 h 1354"/>
                <a:gd name="T18" fmla="*/ 467 w 788"/>
                <a:gd name="T19" fmla="*/ 890 h 1354"/>
                <a:gd name="T20" fmla="*/ 293 w 788"/>
                <a:gd name="T21" fmla="*/ 847 h 1354"/>
                <a:gd name="T22" fmla="*/ 300 w 788"/>
                <a:gd name="T23" fmla="*/ 834 h 1354"/>
                <a:gd name="T24" fmla="*/ 285 w 788"/>
                <a:gd name="T25" fmla="*/ 794 h 1354"/>
                <a:gd name="T26" fmla="*/ 256 w 788"/>
                <a:gd name="T27" fmla="*/ 758 h 1354"/>
                <a:gd name="T28" fmla="*/ 243 w 788"/>
                <a:gd name="T29" fmla="*/ 758 h 1354"/>
                <a:gd name="T30" fmla="*/ 236 w 788"/>
                <a:gd name="T31" fmla="*/ 749 h 1354"/>
                <a:gd name="T32" fmla="*/ 229 w 788"/>
                <a:gd name="T33" fmla="*/ 728 h 1354"/>
                <a:gd name="T34" fmla="*/ 202 w 788"/>
                <a:gd name="T35" fmla="*/ 720 h 1354"/>
                <a:gd name="T36" fmla="*/ 181 w 788"/>
                <a:gd name="T37" fmla="*/ 689 h 1354"/>
                <a:gd name="T38" fmla="*/ 162 w 788"/>
                <a:gd name="T39" fmla="*/ 679 h 1354"/>
                <a:gd name="T40" fmla="*/ 141 w 788"/>
                <a:gd name="T41" fmla="*/ 670 h 1354"/>
                <a:gd name="T42" fmla="*/ 113 w 788"/>
                <a:gd name="T43" fmla="*/ 660 h 1354"/>
                <a:gd name="T44" fmla="*/ 111 w 788"/>
                <a:gd name="T45" fmla="*/ 642 h 1354"/>
                <a:gd name="T46" fmla="*/ 117 w 788"/>
                <a:gd name="T47" fmla="*/ 606 h 1354"/>
                <a:gd name="T48" fmla="*/ 105 w 788"/>
                <a:gd name="T49" fmla="*/ 597 h 1354"/>
                <a:gd name="T50" fmla="*/ 110 w 788"/>
                <a:gd name="T51" fmla="*/ 581 h 1354"/>
                <a:gd name="T52" fmla="*/ 98 w 788"/>
                <a:gd name="T53" fmla="*/ 565 h 1354"/>
                <a:gd name="T54" fmla="*/ 75 w 788"/>
                <a:gd name="T55" fmla="*/ 515 h 1354"/>
                <a:gd name="T56" fmla="*/ 65 w 788"/>
                <a:gd name="T57" fmla="*/ 498 h 1354"/>
                <a:gd name="T58" fmla="*/ 62 w 788"/>
                <a:gd name="T59" fmla="*/ 490 h 1354"/>
                <a:gd name="T60" fmla="*/ 67 w 788"/>
                <a:gd name="T61" fmla="*/ 466 h 1354"/>
                <a:gd name="T62" fmla="*/ 79 w 788"/>
                <a:gd name="T63" fmla="*/ 443 h 1354"/>
                <a:gd name="T64" fmla="*/ 50 w 788"/>
                <a:gd name="T65" fmla="*/ 419 h 1354"/>
                <a:gd name="T66" fmla="*/ 50 w 788"/>
                <a:gd name="T67" fmla="*/ 405 h 1354"/>
                <a:gd name="T68" fmla="*/ 51 w 788"/>
                <a:gd name="T69" fmla="*/ 389 h 1354"/>
                <a:gd name="T70" fmla="*/ 56 w 788"/>
                <a:gd name="T71" fmla="*/ 365 h 1354"/>
                <a:gd name="T72" fmla="*/ 63 w 788"/>
                <a:gd name="T73" fmla="*/ 371 h 1354"/>
                <a:gd name="T74" fmla="*/ 69 w 788"/>
                <a:gd name="T75" fmla="*/ 389 h 1354"/>
                <a:gd name="T76" fmla="*/ 78 w 788"/>
                <a:gd name="T77" fmla="*/ 391 h 1354"/>
                <a:gd name="T78" fmla="*/ 75 w 788"/>
                <a:gd name="T79" fmla="*/ 378 h 1354"/>
                <a:gd name="T80" fmla="*/ 71 w 788"/>
                <a:gd name="T81" fmla="*/ 369 h 1354"/>
                <a:gd name="T82" fmla="*/ 71 w 788"/>
                <a:gd name="T83" fmla="*/ 350 h 1354"/>
                <a:gd name="T84" fmla="*/ 99 w 788"/>
                <a:gd name="T85" fmla="*/ 345 h 1354"/>
                <a:gd name="T86" fmla="*/ 75 w 788"/>
                <a:gd name="T87" fmla="*/ 339 h 1354"/>
                <a:gd name="T88" fmla="*/ 63 w 788"/>
                <a:gd name="T89" fmla="*/ 344 h 1354"/>
                <a:gd name="T90" fmla="*/ 44 w 788"/>
                <a:gd name="T91" fmla="*/ 346 h 1354"/>
                <a:gd name="T92" fmla="*/ 31 w 788"/>
                <a:gd name="T93" fmla="*/ 337 h 1354"/>
                <a:gd name="T94" fmla="*/ 36 w 788"/>
                <a:gd name="T95" fmla="*/ 304 h 1354"/>
                <a:gd name="T96" fmla="*/ 17 w 788"/>
                <a:gd name="T97" fmla="*/ 284 h 1354"/>
                <a:gd name="T98" fmla="*/ 17 w 788"/>
                <a:gd name="T99" fmla="*/ 263 h 1354"/>
                <a:gd name="T100" fmla="*/ 10 w 788"/>
                <a:gd name="T101" fmla="*/ 248 h 1354"/>
                <a:gd name="T102" fmla="*/ 17 w 788"/>
                <a:gd name="T103" fmla="*/ 230 h 1354"/>
                <a:gd name="T104" fmla="*/ 17 w 788"/>
                <a:gd name="T105" fmla="*/ 201 h 1354"/>
                <a:gd name="T106" fmla="*/ 17 w 788"/>
                <a:gd name="T107" fmla="*/ 176 h 1354"/>
                <a:gd name="T108" fmla="*/ 17 w 788"/>
                <a:gd name="T109" fmla="*/ 161 h 1354"/>
                <a:gd name="T110" fmla="*/ 13 w 788"/>
                <a:gd name="T111" fmla="*/ 151 h 1354"/>
                <a:gd name="T112" fmla="*/ 1 w 788"/>
                <a:gd name="T113" fmla="*/ 123 h 1354"/>
                <a:gd name="T114" fmla="*/ 30 w 788"/>
                <a:gd name="T115" fmla="*/ 86 h 1354"/>
                <a:gd name="T116" fmla="*/ 40 w 788"/>
                <a:gd name="T117" fmla="*/ 62 h 1354"/>
                <a:gd name="T118" fmla="*/ 48 w 788"/>
                <a:gd name="T119" fmla="*/ 32 h 1354"/>
                <a:gd name="T120" fmla="*/ 49 w 788"/>
                <a:gd name="T121" fmla="*/ 0 h 1354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w 788"/>
                <a:gd name="T184" fmla="*/ 0 h 1354"/>
                <a:gd name="T185" fmla="*/ 788 w 788"/>
                <a:gd name="T186" fmla="*/ 1354 h 1354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T183" t="T184" r="T185" b="T186"/>
              <a:pathLst>
                <a:path w="788" h="1354">
                  <a:moveTo>
                    <a:pt x="74" y="0"/>
                  </a:moveTo>
                  <a:lnTo>
                    <a:pt x="77" y="2"/>
                  </a:lnTo>
                  <a:lnTo>
                    <a:pt x="83" y="2"/>
                  </a:lnTo>
                  <a:lnTo>
                    <a:pt x="88" y="5"/>
                  </a:lnTo>
                  <a:lnTo>
                    <a:pt x="93" y="7"/>
                  </a:lnTo>
                  <a:lnTo>
                    <a:pt x="99" y="9"/>
                  </a:lnTo>
                  <a:lnTo>
                    <a:pt x="106" y="10"/>
                  </a:lnTo>
                  <a:lnTo>
                    <a:pt x="115" y="14"/>
                  </a:lnTo>
                  <a:lnTo>
                    <a:pt x="123" y="15"/>
                  </a:lnTo>
                  <a:lnTo>
                    <a:pt x="133" y="19"/>
                  </a:lnTo>
                  <a:lnTo>
                    <a:pt x="143" y="20"/>
                  </a:lnTo>
                  <a:lnTo>
                    <a:pt x="154" y="24"/>
                  </a:lnTo>
                  <a:lnTo>
                    <a:pt x="164" y="27"/>
                  </a:lnTo>
                  <a:lnTo>
                    <a:pt x="176" y="31"/>
                  </a:lnTo>
                  <a:lnTo>
                    <a:pt x="187" y="34"/>
                  </a:lnTo>
                  <a:lnTo>
                    <a:pt x="199" y="37"/>
                  </a:lnTo>
                  <a:lnTo>
                    <a:pt x="213" y="41"/>
                  </a:lnTo>
                  <a:lnTo>
                    <a:pt x="226" y="44"/>
                  </a:lnTo>
                  <a:lnTo>
                    <a:pt x="240" y="48"/>
                  </a:lnTo>
                  <a:lnTo>
                    <a:pt x="253" y="51"/>
                  </a:lnTo>
                  <a:lnTo>
                    <a:pt x="267" y="54"/>
                  </a:lnTo>
                  <a:lnTo>
                    <a:pt x="281" y="59"/>
                  </a:lnTo>
                  <a:lnTo>
                    <a:pt x="296" y="63"/>
                  </a:lnTo>
                  <a:lnTo>
                    <a:pt x="311" y="66"/>
                  </a:lnTo>
                  <a:lnTo>
                    <a:pt x="326" y="71"/>
                  </a:lnTo>
                  <a:lnTo>
                    <a:pt x="341" y="75"/>
                  </a:lnTo>
                  <a:lnTo>
                    <a:pt x="355" y="78"/>
                  </a:lnTo>
                  <a:lnTo>
                    <a:pt x="372" y="83"/>
                  </a:lnTo>
                  <a:lnTo>
                    <a:pt x="385" y="86"/>
                  </a:lnTo>
                  <a:lnTo>
                    <a:pt x="402" y="90"/>
                  </a:lnTo>
                  <a:lnTo>
                    <a:pt x="416" y="93"/>
                  </a:lnTo>
                  <a:lnTo>
                    <a:pt x="433" y="98"/>
                  </a:lnTo>
                  <a:lnTo>
                    <a:pt x="446" y="102"/>
                  </a:lnTo>
                  <a:lnTo>
                    <a:pt x="448" y="100"/>
                  </a:lnTo>
                  <a:lnTo>
                    <a:pt x="353" y="466"/>
                  </a:lnTo>
                  <a:lnTo>
                    <a:pt x="753" y="1070"/>
                  </a:lnTo>
                  <a:lnTo>
                    <a:pt x="756" y="1085"/>
                  </a:lnTo>
                  <a:lnTo>
                    <a:pt x="761" y="1098"/>
                  </a:lnTo>
                  <a:lnTo>
                    <a:pt x="773" y="1124"/>
                  </a:lnTo>
                  <a:lnTo>
                    <a:pt x="771" y="1142"/>
                  </a:lnTo>
                  <a:lnTo>
                    <a:pt x="788" y="1166"/>
                  </a:lnTo>
                  <a:lnTo>
                    <a:pt x="788" y="1175"/>
                  </a:lnTo>
                  <a:lnTo>
                    <a:pt x="781" y="1183"/>
                  </a:lnTo>
                  <a:lnTo>
                    <a:pt x="780" y="1185"/>
                  </a:lnTo>
                  <a:lnTo>
                    <a:pt x="775" y="1185"/>
                  </a:lnTo>
                  <a:lnTo>
                    <a:pt x="768" y="1186"/>
                  </a:lnTo>
                  <a:lnTo>
                    <a:pt x="761" y="1190"/>
                  </a:lnTo>
                  <a:lnTo>
                    <a:pt x="753" y="1195"/>
                  </a:lnTo>
                  <a:lnTo>
                    <a:pt x="746" y="1202"/>
                  </a:lnTo>
                  <a:lnTo>
                    <a:pt x="743" y="1210"/>
                  </a:lnTo>
                  <a:lnTo>
                    <a:pt x="741" y="1219"/>
                  </a:lnTo>
                  <a:lnTo>
                    <a:pt x="741" y="1220"/>
                  </a:lnTo>
                  <a:lnTo>
                    <a:pt x="741" y="1225"/>
                  </a:lnTo>
                  <a:lnTo>
                    <a:pt x="741" y="1230"/>
                  </a:lnTo>
                  <a:lnTo>
                    <a:pt x="739" y="1237"/>
                  </a:lnTo>
                  <a:lnTo>
                    <a:pt x="737" y="1244"/>
                  </a:lnTo>
                  <a:lnTo>
                    <a:pt x="736" y="1251"/>
                  </a:lnTo>
                  <a:lnTo>
                    <a:pt x="731" y="1256"/>
                  </a:lnTo>
                  <a:lnTo>
                    <a:pt x="726" y="1261"/>
                  </a:lnTo>
                  <a:lnTo>
                    <a:pt x="724" y="1263"/>
                  </a:lnTo>
                  <a:lnTo>
                    <a:pt x="722" y="1264"/>
                  </a:lnTo>
                  <a:lnTo>
                    <a:pt x="721" y="1266"/>
                  </a:lnTo>
                  <a:lnTo>
                    <a:pt x="717" y="1268"/>
                  </a:lnTo>
                  <a:lnTo>
                    <a:pt x="715" y="1271"/>
                  </a:lnTo>
                  <a:lnTo>
                    <a:pt x="712" y="1273"/>
                  </a:lnTo>
                  <a:lnTo>
                    <a:pt x="710" y="1274"/>
                  </a:lnTo>
                  <a:lnTo>
                    <a:pt x="707" y="1285"/>
                  </a:lnTo>
                  <a:lnTo>
                    <a:pt x="709" y="1296"/>
                  </a:lnTo>
                  <a:lnTo>
                    <a:pt x="704" y="1313"/>
                  </a:lnTo>
                  <a:lnTo>
                    <a:pt x="721" y="1322"/>
                  </a:lnTo>
                  <a:lnTo>
                    <a:pt x="722" y="1324"/>
                  </a:lnTo>
                  <a:lnTo>
                    <a:pt x="722" y="1327"/>
                  </a:lnTo>
                  <a:lnTo>
                    <a:pt x="722" y="1332"/>
                  </a:lnTo>
                  <a:lnTo>
                    <a:pt x="722" y="1337"/>
                  </a:lnTo>
                  <a:lnTo>
                    <a:pt x="721" y="1344"/>
                  </a:lnTo>
                  <a:lnTo>
                    <a:pt x="719" y="1349"/>
                  </a:lnTo>
                  <a:lnTo>
                    <a:pt x="714" y="1352"/>
                  </a:lnTo>
                  <a:lnTo>
                    <a:pt x="709" y="1354"/>
                  </a:lnTo>
                  <a:lnTo>
                    <a:pt x="693" y="1354"/>
                  </a:lnTo>
                  <a:lnTo>
                    <a:pt x="450" y="1325"/>
                  </a:lnTo>
                  <a:lnTo>
                    <a:pt x="445" y="1317"/>
                  </a:lnTo>
                  <a:lnTo>
                    <a:pt x="450" y="1317"/>
                  </a:lnTo>
                  <a:lnTo>
                    <a:pt x="450" y="1305"/>
                  </a:lnTo>
                  <a:lnTo>
                    <a:pt x="443" y="1300"/>
                  </a:lnTo>
                  <a:lnTo>
                    <a:pt x="436" y="1305"/>
                  </a:lnTo>
                  <a:lnTo>
                    <a:pt x="436" y="1290"/>
                  </a:lnTo>
                  <a:lnTo>
                    <a:pt x="436" y="1288"/>
                  </a:lnTo>
                  <a:lnTo>
                    <a:pt x="438" y="1286"/>
                  </a:lnTo>
                  <a:lnTo>
                    <a:pt x="440" y="1285"/>
                  </a:lnTo>
                  <a:lnTo>
                    <a:pt x="441" y="1283"/>
                  </a:lnTo>
                  <a:lnTo>
                    <a:pt x="441" y="1280"/>
                  </a:lnTo>
                  <a:lnTo>
                    <a:pt x="443" y="1276"/>
                  </a:lnTo>
                  <a:lnTo>
                    <a:pt x="445" y="1271"/>
                  </a:lnTo>
                  <a:lnTo>
                    <a:pt x="445" y="1266"/>
                  </a:lnTo>
                  <a:lnTo>
                    <a:pt x="445" y="1261"/>
                  </a:lnTo>
                  <a:lnTo>
                    <a:pt x="445" y="1254"/>
                  </a:lnTo>
                  <a:lnTo>
                    <a:pt x="441" y="1247"/>
                  </a:lnTo>
                  <a:lnTo>
                    <a:pt x="440" y="1239"/>
                  </a:lnTo>
                  <a:lnTo>
                    <a:pt x="436" y="1230"/>
                  </a:lnTo>
                  <a:lnTo>
                    <a:pt x="431" y="1222"/>
                  </a:lnTo>
                  <a:lnTo>
                    <a:pt x="424" y="1212"/>
                  </a:lnTo>
                  <a:lnTo>
                    <a:pt x="423" y="1210"/>
                  </a:lnTo>
                  <a:lnTo>
                    <a:pt x="421" y="1207"/>
                  </a:lnTo>
                  <a:lnTo>
                    <a:pt x="416" y="1203"/>
                  </a:lnTo>
                  <a:lnTo>
                    <a:pt x="413" y="1198"/>
                  </a:lnTo>
                  <a:lnTo>
                    <a:pt x="409" y="1193"/>
                  </a:lnTo>
                  <a:lnTo>
                    <a:pt x="406" y="1190"/>
                  </a:lnTo>
                  <a:lnTo>
                    <a:pt x="402" y="1186"/>
                  </a:lnTo>
                  <a:lnTo>
                    <a:pt x="401" y="1186"/>
                  </a:lnTo>
                  <a:lnTo>
                    <a:pt x="380" y="1153"/>
                  </a:lnTo>
                  <a:lnTo>
                    <a:pt x="379" y="1151"/>
                  </a:lnTo>
                  <a:lnTo>
                    <a:pt x="379" y="1149"/>
                  </a:lnTo>
                  <a:lnTo>
                    <a:pt x="375" y="1148"/>
                  </a:lnTo>
                  <a:lnTo>
                    <a:pt x="374" y="1148"/>
                  </a:lnTo>
                  <a:lnTo>
                    <a:pt x="370" y="1148"/>
                  </a:lnTo>
                  <a:lnTo>
                    <a:pt x="365" y="1149"/>
                  </a:lnTo>
                  <a:lnTo>
                    <a:pt x="360" y="1153"/>
                  </a:lnTo>
                  <a:lnTo>
                    <a:pt x="358" y="1153"/>
                  </a:lnTo>
                  <a:lnTo>
                    <a:pt x="357" y="1151"/>
                  </a:lnTo>
                  <a:lnTo>
                    <a:pt x="355" y="1149"/>
                  </a:lnTo>
                  <a:lnTo>
                    <a:pt x="353" y="1146"/>
                  </a:lnTo>
                  <a:lnTo>
                    <a:pt x="352" y="1144"/>
                  </a:lnTo>
                  <a:lnTo>
                    <a:pt x="350" y="1142"/>
                  </a:lnTo>
                  <a:lnTo>
                    <a:pt x="355" y="1136"/>
                  </a:lnTo>
                  <a:lnTo>
                    <a:pt x="355" y="1129"/>
                  </a:lnTo>
                  <a:lnTo>
                    <a:pt x="353" y="1126"/>
                  </a:lnTo>
                  <a:lnTo>
                    <a:pt x="353" y="1122"/>
                  </a:lnTo>
                  <a:lnTo>
                    <a:pt x="350" y="1117"/>
                  </a:lnTo>
                  <a:lnTo>
                    <a:pt x="347" y="1114"/>
                  </a:lnTo>
                  <a:lnTo>
                    <a:pt x="341" y="1109"/>
                  </a:lnTo>
                  <a:lnTo>
                    <a:pt x="335" y="1107"/>
                  </a:lnTo>
                  <a:lnTo>
                    <a:pt x="325" y="1105"/>
                  </a:lnTo>
                  <a:lnTo>
                    <a:pt x="323" y="1105"/>
                  </a:lnTo>
                  <a:lnTo>
                    <a:pt x="319" y="1105"/>
                  </a:lnTo>
                  <a:lnTo>
                    <a:pt x="314" y="1104"/>
                  </a:lnTo>
                  <a:lnTo>
                    <a:pt x="309" y="1100"/>
                  </a:lnTo>
                  <a:lnTo>
                    <a:pt x="301" y="1095"/>
                  </a:lnTo>
                  <a:lnTo>
                    <a:pt x="292" y="1087"/>
                  </a:lnTo>
                  <a:lnTo>
                    <a:pt x="281" y="1075"/>
                  </a:lnTo>
                  <a:lnTo>
                    <a:pt x="281" y="1073"/>
                  </a:lnTo>
                  <a:lnTo>
                    <a:pt x="281" y="1071"/>
                  </a:lnTo>
                  <a:lnTo>
                    <a:pt x="279" y="1066"/>
                  </a:lnTo>
                  <a:lnTo>
                    <a:pt x="277" y="1060"/>
                  </a:lnTo>
                  <a:lnTo>
                    <a:pt x="274" y="1054"/>
                  </a:lnTo>
                  <a:lnTo>
                    <a:pt x="269" y="1048"/>
                  </a:lnTo>
                  <a:lnTo>
                    <a:pt x="262" y="1041"/>
                  </a:lnTo>
                  <a:lnTo>
                    <a:pt x="253" y="1034"/>
                  </a:lnTo>
                  <a:lnTo>
                    <a:pt x="252" y="1034"/>
                  </a:lnTo>
                  <a:lnTo>
                    <a:pt x="250" y="1034"/>
                  </a:lnTo>
                  <a:lnTo>
                    <a:pt x="248" y="1034"/>
                  </a:lnTo>
                  <a:lnTo>
                    <a:pt x="245" y="1034"/>
                  </a:lnTo>
                  <a:lnTo>
                    <a:pt x="243" y="1034"/>
                  </a:lnTo>
                  <a:lnTo>
                    <a:pt x="242" y="1034"/>
                  </a:lnTo>
                  <a:lnTo>
                    <a:pt x="240" y="1034"/>
                  </a:lnTo>
                  <a:lnTo>
                    <a:pt x="233" y="1029"/>
                  </a:lnTo>
                  <a:lnTo>
                    <a:pt x="223" y="1029"/>
                  </a:lnTo>
                  <a:lnTo>
                    <a:pt x="221" y="1027"/>
                  </a:lnTo>
                  <a:lnTo>
                    <a:pt x="220" y="1026"/>
                  </a:lnTo>
                  <a:lnTo>
                    <a:pt x="216" y="1022"/>
                  </a:lnTo>
                  <a:lnTo>
                    <a:pt x="209" y="1019"/>
                  </a:lnTo>
                  <a:lnTo>
                    <a:pt x="203" y="1014"/>
                  </a:lnTo>
                  <a:lnTo>
                    <a:pt x="194" y="1012"/>
                  </a:lnTo>
                  <a:lnTo>
                    <a:pt x="182" y="1010"/>
                  </a:lnTo>
                  <a:lnTo>
                    <a:pt x="171" y="1010"/>
                  </a:lnTo>
                  <a:lnTo>
                    <a:pt x="169" y="1009"/>
                  </a:lnTo>
                  <a:lnTo>
                    <a:pt x="169" y="1007"/>
                  </a:lnTo>
                  <a:lnTo>
                    <a:pt x="167" y="1005"/>
                  </a:lnTo>
                  <a:lnTo>
                    <a:pt x="167" y="1004"/>
                  </a:lnTo>
                  <a:lnTo>
                    <a:pt x="165" y="1002"/>
                  </a:lnTo>
                  <a:lnTo>
                    <a:pt x="165" y="1000"/>
                  </a:lnTo>
                  <a:lnTo>
                    <a:pt x="160" y="994"/>
                  </a:lnTo>
                  <a:lnTo>
                    <a:pt x="155" y="994"/>
                  </a:lnTo>
                  <a:lnTo>
                    <a:pt x="155" y="985"/>
                  </a:lnTo>
                  <a:lnTo>
                    <a:pt x="164" y="977"/>
                  </a:lnTo>
                  <a:lnTo>
                    <a:pt x="162" y="965"/>
                  </a:lnTo>
                  <a:lnTo>
                    <a:pt x="169" y="958"/>
                  </a:lnTo>
                  <a:lnTo>
                    <a:pt x="165" y="944"/>
                  </a:lnTo>
                  <a:lnTo>
                    <a:pt x="165" y="943"/>
                  </a:lnTo>
                  <a:lnTo>
                    <a:pt x="169" y="939"/>
                  </a:lnTo>
                  <a:lnTo>
                    <a:pt x="171" y="933"/>
                  </a:lnTo>
                  <a:lnTo>
                    <a:pt x="172" y="928"/>
                  </a:lnTo>
                  <a:lnTo>
                    <a:pt x="174" y="921"/>
                  </a:lnTo>
                  <a:lnTo>
                    <a:pt x="172" y="917"/>
                  </a:lnTo>
                  <a:lnTo>
                    <a:pt x="169" y="914"/>
                  </a:lnTo>
                  <a:lnTo>
                    <a:pt x="162" y="916"/>
                  </a:lnTo>
                  <a:lnTo>
                    <a:pt x="160" y="914"/>
                  </a:lnTo>
                  <a:lnTo>
                    <a:pt x="159" y="912"/>
                  </a:lnTo>
                  <a:lnTo>
                    <a:pt x="157" y="911"/>
                  </a:lnTo>
                  <a:lnTo>
                    <a:pt x="155" y="909"/>
                  </a:lnTo>
                  <a:lnTo>
                    <a:pt x="154" y="907"/>
                  </a:lnTo>
                  <a:lnTo>
                    <a:pt x="154" y="906"/>
                  </a:lnTo>
                  <a:lnTo>
                    <a:pt x="152" y="906"/>
                  </a:lnTo>
                  <a:lnTo>
                    <a:pt x="154" y="904"/>
                  </a:lnTo>
                  <a:lnTo>
                    <a:pt x="155" y="900"/>
                  </a:lnTo>
                  <a:lnTo>
                    <a:pt x="157" y="895"/>
                  </a:lnTo>
                  <a:lnTo>
                    <a:pt x="160" y="890"/>
                  </a:lnTo>
                  <a:lnTo>
                    <a:pt x="162" y="885"/>
                  </a:lnTo>
                  <a:lnTo>
                    <a:pt x="160" y="880"/>
                  </a:lnTo>
                  <a:lnTo>
                    <a:pt x="159" y="877"/>
                  </a:lnTo>
                  <a:lnTo>
                    <a:pt x="154" y="875"/>
                  </a:lnTo>
                  <a:lnTo>
                    <a:pt x="150" y="872"/>
                  </a:lnTo>
                  <a:lnTo>
                    <a:pt x="149" y="868"/>
                  </a:lnTo>
                  <a:lnTo>
                    <a:pt x="147" y="863"/>
                  </a:lnTo>
                  <a:lnTo>
                    <a:pt x="145" y="860"/>
                  </a:lnTo>
                  <a:lnTo>
                    <a:pt x="143" y="855"/>
                  </a:lnTo>
                  <a:lnTo>
                    <a:pt x="142" y="853"/>
                  </a:lnTo>
                  <a:lnTo>
                    <a:pt x="142" y="851"/>
                  </a:lnTo>
                  <a:lnTo>
                    <a:pt x="130" y="840"/>
                  </a:lnTo>
                  <a:lnTo>
                    <a:pt x="128" y="823"/>
                  </a:lnTo>
                  <a:lnTo>
                    <a:pt x="120" y="804"/>
                  </a:lnTo>
                  <a:lnTo>
                    <a:pt x="118" y="796"/>
                  </a:lnTo>
                  <a:lnTo>
                    <a:pt x="111" y="785"/>
                  </a:lnTo>
                  <a:lnTo>
                    <a:pt x="113" y="785"/>
                  </a:lnTo>
                  <a:lnTo>
                    <a:pt x="113" y="784"/>
                  </a:lnTo>
                  <a:lnTo>
                    <a:pt x="113" y="782"/>
                  </a:lnTo>
                  <a:lnTo>
                    <a:pt x="113" y="779"/>
                  </a:lnTo>
                  <a:lnTo>
                    <a:pt x="110" y="775"/>
                  </a:lnTo>
                  <a:lnTo>
                    <a:pt x="108" y="770"/>
                  </a:lnTo>
                  <a:lnTo>
                    <a:pt x="103" y="765"/>
                  </a:lnTo>
                  <a:lnTo>
                    <a:pt x="96" y="758"/>
                  </a:lnTo>
                  <a:lnTo>
                    <a:pt x="94" y="757"/>
                  </a:lnTo>
                  <a:lnTo>
                    <a:pt x="93" y="755"/>
                  </a:lnTo>
                  <a:lnTo>
                    <a:pt x="93" y="753"/>
                  </a:lnTo>
                  <a:lnTo>
                    <a:pt x="93" y="752"/>
                  </a:lnTo>
                  <a:lnTo>
                    <a:pt x="91" y="748"/>
                  </a:lnTo>
                  <a:lnTo>
                    <a:pt x="91" y="746"/>
                  </a:lnTo>
                  <a:lnTo>
                    <a:pt x="91" y="745"/>
                  </a:lnTo>
                  <a:lnTo>
                    <a:pt x="96" y="740"/>
                  </a:lnTo>
                  <a:lnTo>
                    <a:pt x="93" y="721"/>
                  </a:lnTo>
                  <a:lnTo>
                    <a:pt x="98" y="718"/>
                  </a:lnTo>
                  <a:lnTo>
                    <a:pt x="94" y="713"/>
                  </a:lnTo>
                  <a:lnTo>
                    <a:pt x="99" y="708"/>
                  </a:lnTo>
                  <a:lnTo>
                    <a:pt x="99" y="709"/>
                  </a:lnTo>
                  <a:lnTo>
                    <a:pt x="99" y="711"/>
                  </a:lnTo>
                  <a:lnTo>
                    <a:pt x="101" y="713"/>
                  </a:lnTo>
                  <a:lnTo>
                    <a:pt x="105" y="713"/>
                  </a:lnTo>
                  <a:lnTo>
                    <a:pt x="108" y="709"/>
                  </a:lnTo>
                  <a:lnTo>
                    <a:pt x="113" y="704"/>
                  </a:lnTo>
                  <a:lnTo>
                    <a:pt x="115" y="696"/>
                  </a:lnTo>
                  <a:lnTo>
                    <a:pt x="116" y="687"/>
                  </a:lnTo>
                  <a:lnTo>
                    <a:pt x="118" y="680"/>
                  </a:lnTo>
                  <a:lnTo>
                    <a:pt x="116" y="674"/>
                  </a:lnTo>
                  <a:lnTo>
                    <a:pt x="113" y="669"/>
                  </a:lnTo>
                  <a:lnTo>
                    <a:pt x="108" y="667"/>
                  </a:lnTo>
                  <a:lnTo>
                    <a:pt x="106" y="667"/>
                  </a:lnTo>
                  <a:lnTo>
                    <a:pt x="108" y="667"/>
                  </a:lnTo>
                  <a:lnTo>
                    <a:pt x="96" y="665"/>
                  </a:lnTo>
                  <a:lnTo>
                    <a:pt x="76" y="638"/>
                  </a:lnTo>
                  <a:lnTo>
                    <a:pt x="76" y="631"/>
                  </a:lnTo>
                  <a:lnTo>
                    <a:pt x="76" y="630"/>
                  </a:lnTo>
                  <a:lnTo>
                    <a:pt x="74" y="628"/>
                  </a:lnTo>
                  <a:lnTo>
                    <a:pt x="74" y="626"/>
                  </a:lnTo>
                  <a:lnTo>
                    <a:pt x="74" y="623"/>
                  </a:lnTo>
                  <a:lnTo>
                    <a:pt x="74" y="620"/>
                  </a:lnTo>
                  <a:lnTo>
                    <a:pt x="76" y="616"/>
                  </a:lnTo>
                  <a:lnTo>
                    <a:pt x="77" y="611"/>
                  </a:lnTo>
                  <a:lnTo>
                    <a:pt x="77" y="609"/>
                  </a:lnTo>
                  <a:lnTo>
                    <a:pt x="77" y="608"/>
                  </a:lnTo>
                  <a:lnTo>
                    <a:pt x="77" y="604"/>
                  </a:lnTo>
                  <a:lnTo>
                    <a:pt x="77" y="601"/>
                  </a:lnTo>
                  <a:lnTo>
                    <a:pt x="77" y="598"/>
                  </a:lnTo>
                  <a:lnTo>
                    <a:pt x="77" y="594"/>
                  </a:lnTo>
                  <a:lnTo>
                    <a:pt x="77" y="592"/>
                  </a:lnTo>
                  <a:lnTo>
                    <a:pt x="77" y="591"/>
                  </a:lnTo>
                  <a:lnTo>
                    <a:pt x="76" y="586"/>
                  </a:lnTo>
                  <a:lnTo>
                    <a:pt x="76" y="577"/>
                  </a:lnTo>
                  <a:lnTo>
                    <a:pt x="79" y="572"/>
                  </a:lnTo>
                  <a:lnTo>
                    <a:pt x="83" y="559"/>
                  </a:lnTo>
                  <a:lnTo>
                    <a:pt x="83" y="557"/>
                  </a:lnTo>
                  <a:lnTo>
                    <a:pt x="84" y="555"/>
                  </a:lnTo>
                  <a:lnTo>
                    <a:pt x="86" y="554"/>
                  </a:lnTo>
                  <a:lnTo>
                    <a:pt x="88" y="554"/>
                  </a:lnTo>
                  <a:lnTo>
                    <a:pt x="89" y="554"/>
                  </a:lnTo>
                  <a:lnTo>
                    <a:pt x="91" y="555"/>
                  </a:lnTo>
                  <a:lnTo>
                    <a:pt x="93" y="560"/>
                  </a:lnTo>
                  <a:lnTo>
                    <a:pt x="93" y="562"/>
                  </a:lnTo>
                  <a:lnTo>
                    <a:pt x="93" y="564"/>
                  </a:lnTo>
                  <a:lnTo>
                    <a:pt x="93" y="565"/>
                  </a:lnTo>
                  <a:lnTo>
                    <a:pt x="91" y="569"/>
                  </a:lnTo>
                  <a:lnTo>
                    <a:pt x="91" y="570"/>
                  </a:lnTo>
                  <a:lnTo>
                    <a:pt x="89" y="574"/>
                  </a:lnTo>
                  <a:lnTo>
                    <a:pt x="89" y="576"/>
                  </a:lnTo>
                  <a:lnTo>
                    <a:pt x="91" y="579"/>
                  </a:lnTo>
                  <a:lnTo>
                    <a:pt x="99" y="587"/>
                  </a:lnTo>
                  <a:lnTo>
                    <a:pt x="101" y="592"/>
                  </a:lnTo>
                  <a:lnTo>
                    <a:pt x="113" y="606"/>
                  </a:lnTo>
                  <a:lnTo>
                    <a:pt x="115" y="608"/>
                  </a:lnTo>
                  <a:lnTo>
                    <a:pt x="116" y="608"/>
                  </a:lnTo>
                  <a:lnTo>
                    <a:pt x="120" y="606"/>
                  </a:lnTo>
                  <a:lnTo>
                    <a:pt x="118" y="601"/>
                  </a:lnTo>
                  <a:lnTo>
                    <a:pt x="116" y="599"/>
                  </a:lnTo>
                  <a:lnTo>
                    <a:pt x="115" y="596"/>
                  </a:lnTo>
                  <a:lnTo>
                    <a:pt x="113" y="594"/>
                  </a:lnTo>
                  <a:lnTo>
                    <a:pt x="111" y="591"/>
                  </a:lnTo>
                  <a:lnTo>
                    <a:pt x="110" y="587"/>
                  </a:lnTo>
                  <a:lnTo>
                    <a:pt x="110" y="582"/>
                  </a:lnTo>
                  <a:lnTo>
                    <a:pt x="110" y="579"/>
                  </a:lnTo>
                  <a:lnTo>
                    <a:pt x="110" y="577"/>
                  </a:lnTo>
                  <a:lnTo>
                    <a:pt x="110" y="574"/>
                  </a:lnTo>
                  <a:lnTo>
                    <a:pt x="110" y="572"/>
                  </a:lnTo>
                  <a:lnTo>
                    <a:pt x="108" y="570"/>
                  </a:lnTo>
                  <a:lnTo>
                    <a:pt x="106" y="569"/>
                  </a:lnTo>
                  <a:lnTo>
                    <a:pt x="105" y="565"/>
                  </a:lnTo>
                  <a:lnTo>
                    <a:pt x="105" y="564"/>
                  </a:lnTo>
                  <a:lnTo>
                    <a:pt x="105" y="562"/>
                  </a:lnTo>
                  <a:lnTo>
                    <a:pt x="105" y="560"/>
                  </a:lnTo>
                  <a:lnTo>
                    <a:pt x="105" y="559"/>
                  </a:lnTo>
                  <a:lnTo>
                    <a:pt x="105" y="557"/>
                  </a:lnTo>
                  <a:lnTo>
                    <a:pt x="105" y="555"/>
                  </a:lnTo>
                  <a:lnTo>
                    <a:pt x="99" y="543"/>
                  </a:lnTo>
                  <a:lnTo>
                    <a:pt x="99" y="535"/>
                  </a:lnTo>
                  <a:lnTo>
                    <a:pt x="105" y="533"/>
                  </a:lnTo>
                  <a:lnTo>
                    <a:pt x="118" y="528"/>
                  </a:lnTo>
                  <a:lnTo>
                    <a:pt x="121" y="530"/>
                  </a:lnTo>
                  <a:lnTo>
                    <a:pt x="125" y="533"/>
                  </a:lnTo>
                  <a:lnTo>
                    <a:pt x="143" y="537"/>
                  </a:lnTo>
                  <a:lnTo>
                    <a:pt x="149" y="537"/>
                  </a:lnTo>
                  <a:lnTo>
                    <a:pt x="155" y="542"/>
                  </a:lnTo>
                  <a:lnTo>
                    <a:pt x="147" y="532"/>
                  </a:lnTo>
                  <a:lnTo>
                    <a:pt x="147" y="525"/>
                  </a:lnTo>
                  <a:lnTo>
                    <a:pt x="137" y="525"/>
                  </a:lnTo>
                  <a:lnTo>
                    <a:pt x="130" y="528"/>
                  </a:lnTo>
                  <a:lnTo>
                    <a:pt x="123" y="528"/>
                  </a:lnTo>
                  <a:lnTo>
                    <a:pt x="120" y="525"/>
                  </a:lnTo>
                  <a:lnTo>
                    <a:pt x="118" y="523"/>
                  </a:lnTo>
                  <a:lnTo>
                    <a:pt x="116" y="521"/>
                  </a:lnTo>
                  <a:lnTo>
                    <a:pt x="113" y="518"/>
                  </a:lnTo>
                  <a:lnTo>
                    <a:pt x="110" y="516"/>
                  </a:lnTo>
                  <a:lnTo>
                    <a:pt x="106" y="513"/>
                  </a:lnTo>
                  <a:lnTo>
                    <a:pt x="103" y="513"/>
                  </a:lnTo>
                  <a:lnTo>
                    <a:pt x="98" y="515"/>
                  </a:lnTo>
                  <a:lnTo>
                    <a:pt x="96" y="518"/>
                  </a:lnTo>
                  <a:lnTo>
                    <a:pt x="94" y="520"/>
                  </a:lnTo>
                  <a:lnTo>
                    <a:pt x="93" y="521"/>
                  </a:lnTo>
                  <a:lnTo>
                    <a:pt x="93" y="523"/>
                  </a:lnTo>
                  <a:lnTo>
                    <a:pt x="93" y="545"/>
                  </a:lnTo>
                  <a:lnTo>
                    <a:pt x="89" y="548"/>
                  </a:lnTo>
                  <a:lnTo>
                    <a:pt x="83" y="547"/>
                  </a:lnTo>
                  <a:lnTo>
                    <a:pt x="76" y="537"/>
                  </a:lnTo>
                  <a:lnTo>
                    <a:pt x="72" y="533"/>
                  </a:lnTo>
                  <a:lnTo>
                    <a:pt x="66" y="533"/>
                  </a:lnTo>
                  <a:lnTo>
                    <a:pt x="66" y="532"/>
                  </a:lnTo>
                  <a:lnTo>
                    <a:pt x="64" y="528"/>
                  </a:lnTo>
                  <a:lnTo>
                    <a:pt x="62" y="525"/>
                  </a:lnTo>
                  <a:lnTo>
                    <a:pt x="61" y="521"/>
                  </a:lnTo>
                  <a:lnTo>
                    <a:pt x="57" y="516"/>
                  </a:lnTo>
                  <a:lnTo>
                    <a:pt x="54" y="513"/>
                  </a:lnTo>
                  <a:lnTo>
                    <a:pt x="50" y="513"/>
                  </a:lnTo>
                  <a:lnTo>
                    <a:pt x="45" y="513"/>
                  </a:lnTo>
                  <a:lnTo>
                    <a:pt x="45" y="511"/>
                  </a:lnTo>
                  <a:lnTo>
                    <a:pt x="52" y="503"/>
                  </a:lnTo>
                  <a:lnTo>
                    <a:pt x="55" y="498"/>
                  </a:lnTo>
                  <a:lnTo>
                    <a:pt x="54" y="491"/>
                  </a:lnTo>
                  <a:lnTo>
                    <a:pt x="57" y="484"/>
                  </a:lnTo>
                  <a:lnTo>
                    <a:pt x="49" y="474"/>
                  </a:lnTo>
                  <a:lnTo>
                    <a:pt x="50" y="462"/>
                  </a:lnTo>
                  <a:lnTo>
                    <a:pt x="42" y="452"/>
                  </a:lnTo>
                  <a:lnTo>
                    <a:pt x="42" y="449"/>
                  </a:lnTo>
                  <a:lnTo>
                    <a:pt x="40" y="447"/>
                  </a:lnTo>
                  <a:lnTo>
                    <a:pt x="37" y="444"/>
                  </a:lnTo>
                  <a:lnTo>
                    <a:pt x="35" y="440"/>
                  </a:lnTo>
                  <a:lnTo>
                    <a:pt x="32" y="437"/>
                  </a:lnTo>
                  <a:lnTo>
                    <a:pt x="30" y="432"/>
                  </a:lnTo>
                  <a:lnTo>
                    <a:pt x="28" y="427"/>
                  </a:lnTo>
                  <a:lnTo>
                    <a:pt x="28" y="420"/>
                  </a:lnTo>
                  <a:lnTo>
                    <a:pt x="27" y="416"/>
                  </a:lnTo>
                  <a:lnTo>
                    <a:pt x="27" y="413"/>
                  </a:lnTo>
                  <a:lnTo>
                    <a:pt x="23" y="408"/>
                  </a:lnTo>
                  <a:lnTo>
                    <a:pt x="22" y="405"/>
                  </a:lnTo>
                  <a:lnTo>
                    <a:pt x="18" y="400"/>
                  </a:lnTo>
                  <a:lnTo>
                    <a:pt x="17" y="394"/>
                  </a:lnTo>
                  <a:lnTo>
                    <a:pt x="13" y="391"/>
                  </a:lnTo>
                  <a:lnTo>
                    <a:pt x="13" y="389"/>
                  </a:lnTo>
                  <a:lnTo>
                    <a:pt x="11" y="388"/>
                  </a:lnTo>
                  <a:lnTo>
                    <a:pt x="11" y="386"/>
                  </a:lnTo>
                  <a:lnTo>
                    <a:pt x="11" y="384"/>
                  </a:lnTo>
                  <a:lnTo>
                    <a:pt x="10" y="383"/>
                  </a:lnTo>
                  <a:lnTo>
                    <a:pt x="10" y="379"/>
                  </a:lnTo>
                  <a:lnTo>
                    <a:pt x="20" y="369"/>
                  </a:lnTo>
                  <a:lnTo>
                    <a:pt x="20" y="367"/>
                  </a:lnTo>
                  <a:lnTo>
                    <a:pt x="20" y="364"/>
                  </a:lnTo>
                  <a:lnTo>
                    <a:pt x="18" y="362"/>
                  </a:lnTo>
                  <a:lnTo>
                    <a:pt x="18" y="357"/>
                  </a:lnTo>
                  <a:lnTo>
                    <a:pt x="18" y="354"/>
                  </a:lnTo>
                  <a:lnTo>
                    <a:pt x="18" y="349"/>
                  </a:lnTo>
                  <a:lnTo>
                    <a:pt x="17" y="344"/>
                  </a:lnTo>
                  <a:lnTo>
                    <a:pt x="17" y="337"/>
                  </a:lnTo>
                  <a:lnTo>
                    <a:pt x="18" y="332"/>
                  </a:lnTo>
                  <a:lnTo>
                    <a:pt x="18" y="327"/>
                  </a:lnTo>
                  <a:lnTo>
                    <a:pt x="18" y="322"/>
                  </a:lnTo>
                  <a:lnTo>
                    <a:pt x="20" y="317"/>
                  </a:lnTo>
                  <a:lnTo>
                    <a:pt x="23" y="312"/>
                  </a:lnTo>
                  <a:lnTo>
                    <a:pt x="25" y="306"/>
                  </a:lnTo>
                  <a:lnTo>
                    <a:pt x="28" y="303"/>
                  </a:lnTo>
                  <a:lnTo>
                    <a:pt x="28" y="301"/>
                  </a:lnTo>
                  <a:lnTo>
                    <a:pt x="28" y="296"/>
                  </a:lnTo>
                  <a:lnTo>
                    <a:pt x="28" y="291"/>
                  </a:lnTo>
                  <a:lnTo>
                    <a:pt x="30" y="284"/>
                  </a:lnTo>
                  <a:lnTo>
                    <a:pt x="30" y="278"/>
                  </a:lnTo>
                  <a:lnTo>
                    <a:pt x="30" y="271"/>
                  </a:lnTo>
                  <a:lnTo>
                    <a:pt x="30" y="268"/>
                  </a:lnTo>
                  <a:lnTo>
                    <a:pt x="30" y="266"/>
                  </a:lnTo>
                  <a:lnTo>
                    <a:pt x="30" y="264"/>
                  </a:lnTo>
                  <a:lnTo>
                    <a:pt x="28" y="262"/>
                  </a:lnTo>
                  <a:lnTo>
                    <a:pt x="28" y="259"/>
                  </a:lnTo>
                  <a:lnTo>
                    <a:pt x="27" y="256"/>
                  </a:lnTo>
                  <a:lnTo>
                    <a:pt x="23" y="251"/>
                  </a:lnTo>
                  <a:lnTo>
                    <a:pt x="22" y="247"/>
                  </a:lnTo>
                  <a:lnTo>
                    <a:pt x="18" y="244"/>
                  </a:lnTo>
                  <a:lnTo>
                    <a:pt x="17" y="242"/>
                  </a:lnTo>
                  <a:lnTo>
                    <a:pt x="17" y="240"/>
                  </a:lnTo>
                  <a:lnTo>
                    <a:pt x="17" y="237"/>
                  </a:lnTo>
                  <a:lnTo>
                    <a:pt x="17" y="234"/>
                  </a:lnTo>
                  <a:lnTo>
                    <a:pt x="15" y="232"/>
                  </a:lnTo>
                  <a:lnTo>
                    <a:pt x="13" y="230"/>
                  </a:lnTo>
                  <a:lnTo>
                    <a:pt x="10" y="227"/>
                  </a:lnTo>
                  <a:lnTo>
                    <a:pt x="6" y="224"/>
                  </a:lnTo>
                  <a:lnTo>
                    <a:pt x="5" y="218"/>
                  </a:lnTo>
                  <a:lnTo>
                    <a:pt x="3" y="213"/>
                  </a:lnTo>
                  <a:lnTo>
                    <a:pt x="1" y="208"/>
                  </a:lnTo>
                  <a:lnTo>
                    <a:pt x="0" y="202"/>
                  </a:lnTo>
                  <a:lnTo>
                    <a:pt x="0" y="195"/>
                  </a:lnTo>
                  <a:lnTo>
                    <a:pt x="1" y="186"/>
                  </a:lnTo>
                  <a:lnTo>
                    <a:pt x="5" y="178"/>
                  </a:lnTo>
                  <a:lnTo>
                    <a:pt x="10" y="169"/>
                  </a:lnTo>
                  <a:lnTo>
                    <a:pt x="17" y="159"/>
                  </a:lnTo>
                  <a:lnTo>
                    <a:pt x="27" y="149"/>
                  </a:lnTo>
                  <a:lnTo>
                    <a:pt x="39" y="139"/>
                  </a:lnTo>
                  <a:lnTo>
                    <a:pt x="40" y="137"/>
                  </a:lnTo>
                  <a:lnTo>
                    <a:pt x="42" y="136"/>
                  </a:lnTo>
                  <a:lnTo>
                    <a:pt x="44" y="132"/>
                  </a:lnTo>
                  <a:lnTo>
                    <a:pt x="45" y="127"/>
                  </a:lnTo>
                  <a:lnTo>
                    <a:pt x="47" y="122"/>
                  </a:lnTo>
                  <a:lnTo>
                    <a:pt x="49" y="117"/>
                  </a:lnTo>
                  <a:lnTo>
                    <a:pt x="49" y="112"/>
                  </a:lnTo>
                  <a:lnTo>
                    <a:pt x="49" y="107"/>
                  </a:lnTo>
                  <a:lnTo>
                    <a:pt x="49" y="105"/>
                  </a:lnTo>
                  <a:lnTo>
                    <a:pt x="52" y="100"/>
                  </a:lnTo>
                  <a:lnTo>
                    <a:pt x="55" y="93"/>
                  </a:lnTo>
                  <a:lnTo>
                    <a:pt x="61" y="86"/>
                  </a:lnTo>
                  <a:lnTo>
                    <a:pt x="66" y="78"/>
                  </a:lnTo>
                  <a:lnTo>
                    <a:pt x="67" y="70"/>
                  </a:lnTo>
                  <a:lnTo>
                    <a:pt x="69" y="61"/>
                  </a:lnTo>
                  <a:lnTo>
                    <a:pt x="69" y="53"/>
                  </a:lnTo>
                  <a:lnTo>
                    <a:pt x="69" y="51"/>
                  </a:lnTo>
                  <a:lnTo>
                    <a:pt x="69" y="49"/>
                  </a:lnTo>
                  <a:lnTo>
                    <a:pt x="71" y="46"/>
                  </a:lnTo>
                  <a:lnTo>
                    <a:pt x="69" y="44"/>
                  </a:lnTo>
                  <a:lnTo>
                    <a:pt x="69" y="34"/>
                  </a:lnTo>
                  <a:lnTo>
                    <a:pt x="64" y="27"/>
                  </a:lnTo>
                  <a:lnTo>
                    <a:pt x="66" y="24"/>
                  </a:lnTo>
                  <a:lnTo>
                    <a:pt x="74" y="10"/>
                  </a:lnTo>
                  <a:lnTo>
                    <a:pt x="76" y="4"/>
                  </a:lnTo>
                  <a:lnTo>
                    <a:pt x="74" y="0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380" name="Freeform 52"/>
            <p:cNvSpPr>
              <a:spLocks/>
            </p:cNvSpPr>
            <p:nvPr/>
          </p:nvSpPr>
          <p:spPr bwMode="auto">
            <a:xfrm>
              <a:off x="4629" y="2257"/>
              <a:ext cx="39" cy="117"/>
            </a:xfrm>
            <a:custGeom>
              <a:avLst/>
              <a:gdLst>
                <a:gd name="T0" fmla="*/ 8 w 40"/>
                <a:gd name="T1" fmla="*/ 17 h 120"/>
                <a:gd name="T2" fmla="*/ 11 w 40"/>
                <a:gd name="T3" fmla="*/ 13 h 120"/>
                <a:gd name="T4" fmla="*/ 13 w 40"/>
                <a:gd name="T5" fmla="*/ 12 h 120"/>
                <a:gd name="T6" fmla="*/ 17 w 40"/>
                <a:gd name="T7" fmla="*/ 8 h 120"/>
                <a:gd name="T8" fmla="*/ 20 w 40"/>
                <a:gd name="T9" fmla="*/ 7 h 120"/>
                <a:gd name="T10" fmla="*/ 20 w 40"/>
                <a:gd name="T11" fmla="*/ 3 h 120"/>
                <a:gd name="T12" fmla="*/ 20 w 40"/>
                <a:gd name="T13" fmla="*/ 1 h 120"/>
                <a:gd name="T14" fmla="*/ 20 w 40"/>
                <a:gd name="T15" fmla="*/ 0 h 120"/>
                <a:gd name="T16" fmla="*/ 25 w 40"/>
                <a:gd name="T17" fmla="*/ 0 h 120"/>
                <a:gd name="T18" fmla="*/ 25 w 40"/>
                <a:gd name="T19" fmla="*/ 0 h 120"/>
                <a:gd name="T20" fmla="*/ 25 w 40"/>
                <a:gd name="T21" fmla="*/ 1 h 120"/>
                <a:gd name="T22" fmla="*/ 25 w 40"/>
                <a:gd name="T23" fmla="*/ 5 h 120"/>
                <a:gd name="T24" fmla="*/ 26 w 40"/>
                <a:gd name="T25" fmla="*/ 7 h 120"/>
                <a:gd name="T26" fmla="*/ 26 w 40"/>
                <a:gd name="T27" fmla="*/ 10 h 120"/>
                <a:gd name="T28" fmla="*/ 26 w 40"/>
                <a:gd name="T29" fmla="*/ 12 h 120"/>
                <a:gd name="T30" fmla="*/ 26 w 40"/>
                <a:gd name="T31" fmla="*/ 13 h 120"/>
                <a:gd name="T32" fmla="*/ 26 w 40"/>
                <a:gd name="T33" fmla="*/ 15 h 120"/>
                <a:gd name="T34" fmla="*/ 21 w 40"/>
                <a:gd name="T35" fmla="*/ 20 h 120"/>
                <a:gd name="T36" fmla="*/ 20 w 40"/>
                <a:gd name="T37" fmla="*/ 20 h 120"/>
                <a:gd name="T38" fmla="*/ 21 w 40"/>
                <a:gd name="T39" fmla="*/ 23 h 120"/>
                <a:gd name="T40" fmla="*/ 20 w 40"/>
                <a:gd name="T41" fmla="*/ 35 h 120"/>
                <a:gd name="T42" fmla="*/ 20 w 40"/>
                <a:gd name="T43" fmla="*/ 43 h 120"/>
                <a:gd name="T44" fmla="*/ 20 w 40"/>
                <a:gd name="T45" fmla="*/ 48 h 120"/>
                <a:gd name="T46" fmla="*/ 15 w 40"/>
                <a:gd name="T47" fmla="*/ 52 h 120"/>
                <a:gd name="T48" fmla="*/ 15 w 40"/>
                <a:gd name="T49" fmla="*/ 56 h 120"/>
                <a:gd name="T50" fmla="*/ 8 w 40"/>
                <a:gd name="T51" fmla="*/ 65 h 120"/>
                <a:gd name="T52" fmla="*/ 8 w 40"/>
                <a:gd name="T53" fmla="*/ 70 h 120"/>
                <a:gd name="T54" fmla="*/ 8 w 40"/>
                <a:gd name="T55" fmla="*/ 72 h 120"/>
                <a:gd name="T56" fmla="*/ 8 w 40"/>
                <a:gd name="T57" fmla="*/ 75 h 120"/>
                <a:gd name="T58" fmla="*/ 8 w 40"/>
                <a:gd name="T59" fmla="*/ 78 h 120"/>
                <a:gd name="T60" fmla="*/ 8 w 40"/>
                <a:gd name="T61" fmla="*/ 83 h 120"/>
                <a:gd name="T62" fmla="*/ 8 w 40"/>
                <a:gd name="T63" fmla="*/ 85 h 120"/>
                <a:gd name="T64" fmla="*/ 6 w 40"/>
                <a:gd name="T65" fmla="*/ 85 h 120"/>
                <a:gd name="T66" fmla="*/ 5 w 40"/>
                <a:gd name="T67" fmla="*/ 82 h 120"/>
                <a:gd name="T68" fmla="*/ 1 w 40"/>
                <a:gd name="T69" fmla="*/ 72 h 120"/>
                <a:gd name="T70" fmla="*/ 1 w 40"/>
                <a:gd name="T71" fmla="*/ 70 h 120"/>
                <a:gd name="T72" fmla="*/ 0 w 40"/>
                <a:gd name="T73" fmla="*/ 67 h 120"/>
                <a:gd name="T74" fmla="*/ 0 w 40"/>
                <a:gd name="T75" fmla="*/ 60 h 120"/>
                <a:gd name="T76" fmla="*/ 0 w 40"/>
                <a:gd name="T77" fmla="*/ 57 h 120"/>
                <a:gd name="T78" fmla="*/ 0 w 40"/>
                <a:gd name="T79" fmla="*/ 55 h 120"/>
                <a:gd name="T80" fmla="*/ 0 w 40"/>
                <a:gd name="T81" fmla="*/ 52 h 120"/>
                <a:gd name="T82" fmla="*/ 0 w 40"/>
                <a:gd name="T83" fmla="*/ 50 h 120"/>
                <a:gd name="T84" fmla="*/ 0 w 40"/>
                <a:gd name="T85" fmla="*/ 49 h 120"/>
                <a:gd name="T86" fmla="*/ 1 w 40"/>
                <a:gd name="T87" fmla="*/ 42 h 120"/>
                <a:gd name="T88" fmla="*/ 8 w 40"/>
                <a:gd name="T89" fmla="*/ 38 h 120"/>
                <a:gd name="T90" fmla="*/ 8 w 40"/>
                <a:gd name="T91" fmla="*/ 26 h 120"/>
                <a:gd name="T92" fmla="*/ 15 w 40"/>
                <a:gd name="T93" fmla="*/ 20 h 120"/>
                <a:gd name="T94" fmla="*/ 17 w 40"/>
                <a:gd name="T95" fmla="*/ 20 h 120"/>
                <a:gd name="T96" fmla="*/ 17 w 40"/>
                <a:gd name="T97" fmla="*/ 20 h 120"/>
                <a:gd name="T98" fmla="*/ 17 w 40"/>
                <a:gd name="T99" fmla="*/ 20 h 120"/>
                <a:gd name="T100" fmla="*/ 13 w 40"/>
                <a:gd name="T101" fmla="*/ 20 h 120"/>
                <a:gd name="T102" fmla="*/ 11 w 40"/>
                <a:gd name="T103" fmla="*/ 18 h 120"/>
                <a:gd name="T104" fmla="*/ 8 w 40"/>
                <a:gd name="T105" fmla="*/ 17 h 120"/>
                <a:gd name="T106" fmla="*/ 8 w 40"/>
                <a:gd name="T107" fmla="*/ 17 h 120"/>
                <a:gd name="T108" fmla="*/ 8 w 40"/>
                <a:gd name="T109" fmla="*/ 17 h 120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w 40"/>
                <a:gd name="T166" fmla="*/ 0 h 120"/>
                <a:gd name="T167" fmla="*/ 40 w 40"/>
                <a:gd name="T168" fmla="*/ 120 h 120"/>
              </a:gdLst>
              <a:ahLst/>
              <a:cxnLst>
                <a:cxn ang="T110">
                  <a:pos x="T0" y="T1"/>
                </a:cxn>
                <a:cxn ang="T111">
                  <a:pos x="T2" y="T3"/>
                </a:cxn>
                <a:cxn ang="T112">
                  <a:pos x="T4" y="T5"/>
                </a:cxn>
                <a:cxn ang="T113">
                  <a:pos x="T6" y="T7"/>
                </a:cxn>
                <a:cxn ang="T114">
                  <a:pos x="T8" y="T9"/>
                </a:cxn>
                <a:cxn ang="T115">
                  <a:pos x="T10" y="T11"/>
                </a:cxn>
                <a:cxn ang="T116">
                  <a:pos x="T12" y="T13"/>
                </a:cxn>
                <a:cxn ang="T117">
                  <a:pos x="T14" y="T15"/>
                </a:cxn>
                <a:cxn ang="T118">
                  <a:pos x="T16" y="T17"/>
                </a:cxn>
                <a:cxn ang="T119">
                  <a:pos x="T18" y="T19"/>
                </a:cxn>
                <a:cxn ang="T120">
                  <a:pos x="T20" y="T21"/>
                </a:cxn>
                <a:cxn ang="T121">
                  <a:pos x="T22" y="T23"/>
                </a:cxn>
                <a:cxn ang="T122">
                  <a:pos x="T24" y="T25"/>
                </a:cxn>
                <a:cxn ang="T123">
                  <a:pos x="T26" y="T27"/>
                </a:cxn>
                <a:cxn ang="T124">
                  <a:pos x="T28" y="T29"/>
                </a:cxn>
                <a:cxn ang="T125">
                  <a:pos x="T30" y="T31"/>
                </a:cxn>
                <a:cxn ang="T126">
                  <a:pos x="T32" y="T33"/>
                </a:cxn>
                <a:cxn ang="T127">
                  <a:pos x="T34" y="T35"/>
                </a:cxn>
                <a:cxn ang="T128">
                  <a:pos x="T36" y="T37"/>
                </a:cxn>
                <a:cxn ang="T129">
                  <a:pos x="T38" y="T39"/>
                </a:cxn>
                <a:cxn ang="T130">
                  <a:pos x="T40" y="T41"/>
                </a:cxn>
                <a:cxn ang="T131">
                  <a:pos x="T42" y="T43"/>
                </a:cxn>
                <a:cxn ang="T132">
                  <a:pos x="T44" y="T45"/>
                </a:cxn>
                <a:cxn ang="T133">
                  <a:pos x="T46" y="T47"/>
                </a:cxn>
                <a:cxn ang="T134">
                  <a:pos x="T48" y="T49"/>
                </a:cxn>
                <a:cxn ang="T135">
                  <a:pos x="T50" y="T51"/>
                </a:cxn>
                <a:cxn ang="T136">
                  <a:pos x="T52" y="T53"/>
                </a:cxn>
                <a:cxn ang="T137">
                  <a:pos x="T54" y="T55"/>
                </a:cxn>
                <a:cxn ang="T138">
                  <a:pos x="T56" y="T57"/>
                </a:cxn>
                <a:cxn ang="T139">
                  <a:pos x="T58" y="T59"/>
                </a:cxn>
                <a:cxn ang="T140">
                  <a:pos x="T60" y="T61"/>
                </a:cxn>
                <a:cxn ang="T141">
                  <a:pos x="T62" y="T63"/>
                </a:cxn>
                <a:cxn ang="T142">
                  <a:pos x="T64" y="T65"/>
                </a:cxn>
                <a:cxn ang="T143">
                  <a:pos x="T66" y="T67"/>
                </a:cxn>
                <a:cxn ang="T144">
                  <a:pos x="T68" y="T69"/>
                </a:cxn>
                <a:cxn ang="T145">
                  <a:pos x="T70" y="T71"/>
                </a:cxn>
                <a:cxn ang="T146">
                  <a:pos x="T72" y="T73"/>
                </a:cxn>
                <a:cxn ang="T147">
                  <a:pos x="T74" y="T75"/>
                </a:cxn>
                <a:cxn ang="T148">
                  <a:pos x="T76" y="T77"/>
                </a:cxn>
                <a:cxn ang="T149">
                  <a:pos x="T78" y="T79"/>
                </a:cxn>
                <a:cxn ang="T150">
                  <a:pos x="T80" y="T81"/>
                </a:cxn>
                <a:cxn ang="T151">
                  <a:pos x="T82" y="T83"/>
                </a:cxn>
                <a:cxn ang="T152">
                  <a:pos x="T84" y="T85"/>
                </a:cxn>
                <a:cxn ang="T153">
                  <a:pos x="T86" y="T87"/>
                </a:cxn>
                <a:cxn ang="T154">
                  <a:pos x="T88" y="T89"/>
                </a:cxn>
                <a:cxn ang="T155">
                  <a:pos x="T90" y="T91"/>
                </a:cxn>
                <a:cxn ang="T156">
                  <a:pos x="T92" y="T93"/>
                </a:cxn>
                <a:cxn ang="T157">
                  <a:pos x="T94" y="T95"/>
                </a:cxn>
                <a:cxn ang="T158">
                  <a:pos x="T96" y="T97"/>
                </a:cxn>
                <a:cxn ang="T159">
                  <a:pos x="T98" y="T99"/>
                </a:cxn>
                <a:cxn ang="T160">
                  <a:pos x="T100" y="T101"/>
                </a:cxn>
                <a:cxn ang="T161">
                  <a:pos x="T102" y="T103"/>
                </a:cxn>
                <a:cxn ang="T162">
                  <a:pos x="T104" y="T105"/>
                </a:cxn>
                <a:cxn ang="T163">
                  <a:pos x="T106" y="T107"/>
                </a:cxn>
                <a:cxn ang="T164">
                  <a:pos x="T108" y="T109"/>
                </a:cxn>
              </a:cxnLst>
              <a:rect l="T165" t="T166" r="T167" b="T168"/>
              <a:pathLst>
                <a:path w="40" h="120">
                  <a:moveTo>
                    <a:pt x="8" y="17"/>
                  </a:moveTo>
                  <a:lnTo>
                    <a:pt x="11" y="13"/>
                  </a:lnTo>
                  <a:lnTo>
                    <a:pt x="13" y="12"/>
                  </a:lnTo>
                  <a:lnTo>
                    <a:pt x="17" y="8"/>
                  </a:lnTo>
                  <a:lnTo>
                    <a:pt x="20" y="7"/>
                  </a:lnTo>
                  <a:lnTo>
                    <a:pt x="23" y="3"/>
                  </a:lnTo>
                  <a:lnTo>
                    <a:pt x="27" y="1"/>
                  </a:lnTo>
                  <a:lnTo>
                    <a:pt x="32" y="0"/>
                  </a:lnTo>
                  <a:lnTo>
                    <a:pt x="39" y="0"/>
                  </a:lnTo>
                  <a:lnTo>
                    <a:pt x="39" y="1"/>
                  </a:lnTo>
                  <a:lnTo>
                    <a:pt x="39" y="5"/>
                  </a:lnTo>
                  <a:lnTo>
                    <a:pt x="40" y="7"/>
                  </a:lnTo>
                  <a:lnTo>
                    <a:pt x="40" y="10"/>
                  </a:lnTo>
                  <a:lnTo>
                    <a:pt x="40" y="12"/>
                  </a:lnTo>
                  <a:lnTo>
                    <a:pt x="40" y="13"/>
                  </a:lnTo>
                  <a:lnTo>
                    <a:pt x="40" y="15"/>
                  </a:lnTo>
                  <a:lnTo>
                    <a:pt x="35" y="23"/>
                  </a:lnTo>
                  <a:lnTo>
                    <a:pt x="33" y="30"/>
                  </a:lnTo>
                  <a:lnTo>
                    <a:pt x="35" y="37"/>
                  </a:lnTo>
                  <a:lnTo>
                    <a:pt x="32" y="49"/>
                  </a:lnTo>
                  <a:lnTo>
                    <a:pt x="27" y="57"/>
                  </a:lnTo>
                  <a:lnTo>
                    <a:pt x="25" y="64"/>
                  </a:lnTo>
                  <a:lnTo>
                    <a:pt x="15" y="73"/>
                  </a:lnTo>
                  <a:lnTo>
                    <a:pt x="15" y="81"/>
                  </a:lnTo>
                  <a:lnTo>
                    <a:pt x="8" y="93"/>
                  </a:lnTo>
                  <a:lnTo>
                    <a:pt x="8" y="98"/>
                  </a:lnTo>
                  <a:lnTo>
                    <a:pt x="8" y="100"/>
                  </a:lnTo>
                  <a:lnTo>
                    <a:pt x="8" y="105"/>
                  </a:lnTo>
                  <a:lnTo>
                    <a:pt x="8" y="110"/>
                  </a:lnTo>
                  <a:lnTo>
                    <a:pt x="8" y="117"/>
                  </a:lnTo>
                  <a:lnTo>
                    <a:pt x="8" y="120"/>
                  </a:lnTo>
                  <a:lnTo>
                    <a:pt x="6" y="120"/>
                  </a:lnTo>
                  <a:lnTo>
                    <a:pt x="5" y="115"/>
                  </a:lnTo>
                  <a:lnTo>
                    <a:pt x="1" y="101"/>
                  </a:lnTo>
                  <a:lnTo>
                    <a:pt x="1" y="98"/>
                  </a:lnTo>
                  <a:lnTo>
                    <a:pt x="0" y="95"/>
                  </a:lnTo>
                  <a:lnTo>
                    <a:pt x="0" y="88"/>
                  </a:lnTo>
                  <a:lnTo>
                    <a:pt x="0" y="83"/>
                  </a:lnTo>
                  <a:lnTo>
                    <a:pt x="0" y="78"/>
                  </a:lnTo>
                  <a:lnTo>
                    <a:pt x="0" y="73"/>
                  </a:lnTo>
                  <a:lnTo>
                    <a:pt x="0" y="69"/>
                  </a:lnTo>
                  <a:lnTo>
                    <a:pt x="0" y="67"/>
                  </a:lnTo>
                  <a:lnTo>
                    <a:pt x="1" y="56"/>
                  </a:lnTo>
                  <a:lnTo>
                    <a:pt x="8" y="52"/>
                  </a:lnTo>
                  <a:lnTo>
                    <a:pt x="8" y="40"/>
                  </a:lnTo>
                  <a:lnTo>
                    <a:pt x="15" y="30"/>
                  </a:lnTo>
                  <a:lnTo>
                    <a:pt x="17" y="27"/>
                  </a:lnTo>
                  <a:lnTo>
                    <a:pt x="17" y="23"/>
                  </a:lnTo>
                  <a:lnTo>
                    <a:pt x="17" y="20"/>
                  </a:lnTo>
                  <a:lnTo>
                    <a:pt x="13" y="20"/>
                  </a:lnTo>
                  <a:lnTo>
                    <a:pt x="11" y="18"/>
                  </a:lnTo>
                  <a:lnTo>
                    <a:pt x="8" y="17"/>
                  </a:lnTo>
                  <a:close/>
                </a:path>
              </a:pathLst>
            </a:custGeom>
            <a:solidFill>
              <a:srgbClr val="FF9933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381" name="Freeform 53"/>
            <p:cNvSpPr>
              <a:spLocks/>
            </p:cNvSpPr>
            <p:nvPr/>
          </p:nvSpPr>
          <p:spPr bwMode="auto">
            <a:xfrm>
              <a:off x="4629" y="2257"/>
              <a:ext cx="39" cy="117"/>
            </a:xfrm>
            <a:custGeom>
              <a:avLst/>
              <a:gdLst>
                <a:gd name="T0" fmla="*/ 8 w 40"/>
                <a:gd name="T1" fmla="*/ 17 h 120"/>
                <a:gd name="T2" fmla="*/ 8 w 40"/>
                <a:gd name="T3" fmla="*/ 17 h 120"/>
                <a:gd name="T4" fmla="*/ 11 w 40"/>
                <a:gd name="T5" fmla="*/ 13 h 120"/>
                <a:gd name="T6" fmla="*/ 13 w 40"/>
                <a:gd name="T7" fmla="*/ 12 h 120"/>
                <a:gd name="T8" fmla="*/ 17 w 40"/>
                <a:gd name="T9" fmla="*/ 8 h 120"/>
                <a:gd name="T10" fmla="*/ 20 w 40"/>
                <a:gd name="T11" fmla="*/ 7 h 120"/>
                <a:gd name="T12" fmla="*/ 20 w 40"/>
                <a:gd name="T13" fmla="*/ 3 h 120"/>
                <a:gd name="T14" fmla="*/ 20 w 40"/>
                <a:gd name="T15" fmla="*/ 1 h 120"/>
                <a:gd name="T16" fmla="*/ 20 w 40"/>
                <a:gd name="T17" fmla="*/ 0 h 120"/>
                <a:gd name="T18" fmla="*/ 25 w 40"/>
                <a:gd name="T19" fmla="*/ 0 h 120"/>
                <a:gd name="T20" fmla="*/ 25 w 40"/>
                <a:gd name="T21" fmla="*/ 0 h 120"/>
                <a:gd name="T22" fmla="*/ 25 w 40"/>
                <a:gd name="T23" fmla="*/ 0 h 120"/>
                <a:gd name="T24" fmla="*/ 25 w 40"/>
                <a:gd name="T25" fmla="*/ 1 h 120"/>
                <a:gd name="T26" fmla="*/ 25 w 40"/>
                <a:gd name="T27" fmla="*/ 5 h 120"/>
                <a:gd name="T28" fmla="*/ 26 w 40"/>
                <a:gd name="T29" fmla="*/ 7 h 120"/>
                <a:gd name="T30" fmla="*/ 26 w 40"/>
                <a:gd name="T31" fmla="*/ 10 h 120"/>
                <a:gd name="T32" fmla="*/ 26 w 40"/>
                <a:gd name="T33" fmla="*/ 12 h 120"/>
                <a:gd name="T34" fmla="*/ 26 w 40"/>
                <a:gd name="T35" fmla="*/ 13 h 120"/>
                <a:gd name="T36" fmla="*/ 26 w 40"/>
                <a:gd name="T37" fmla="*/ 15 h 120"/>
                <a:gd name="T38" fmla="*/ 21 w 40"/>
                <a:gd name="T39" fmla="*/ 20 h 120"/>
                <a:gd name="T40" fmla="*/ 20 w 40"/>
                <a:gd name="T41" fmla="*/ 20 h 120"/>
                <a:gd name="T42" fmla="*/ 21 w 40"/>
                <a:gd name="T43" fmla="*/ 23 h 120"/>
                <a:gd name="T44" fmla="*/ 20 w 40"/>
                <a:gd name="T45" fmla="*/ 35 h 120"/>
                <a:gd name="T46" fmla="*/ 20 w 40"/>
                <a:gd name="T47" fmla="*/ 43 h 120"/>
                <a:gd name="T48" fmla="*/ 20 w 40"/>
                <a:gd name="T49" fmla="*/ 48 h 120"/>
                <a:gd name="T50" fmla="*/ 15 w 40"/>
                <a:gd name="T51" fmla="*/ 52 h 120"/>
                <a:gd name="T52" fmla="*/ 15 w 40"/>
                <a:gd name="T53" fmla="*/ 56 h 120"/>
                <a:gd name="T54" fmla="*/ 8 w 40"/>
                <a:gd name="T55" fmla="*/ 65 h 120"/>
                <a:gd name="T56" fmla="*/ 8 w 40"/>
                <a:gd name="T57" fmla="*/ 70 h 120"/>
                <a:gd name="T58" fmla="*/ 8 w 40"/>
                <a:gd name="T59" fmla="*/ 70 h 120"/>
                <a:gd name="T60" fmla="*/ 8 w 40"/>
                <a:gd name="T61" fmla="*/ 72 h 120"/>
                <a:gd name="T62" fmla="*/ 8 w 40"/>
                <a:gd name="T63" fmla="*/ 75 h 120"/>
                <a:gd name="T64" fmla="*/ 8 w 40"/>
                <a:gd name="T65" fmla="*/ 78 h 120"/>
                <a:gd name="T66" fmla="*/ 8 w 40"/>
                <a:gd name="T67" fmla="*/ 83 h 120"/>
                <a:gd name="T68" fmla="*/ 8 w 40"/>
                <a:gd name="T69" fmla="*/ 85 h 120"/>
                <a:gd name="T70" fmla="*/ 6 w 40"/>
                <a:gd name="T71" fmla="*/ 85 h 120"/>
                <a:gd name="T72" fmla="*/ 5 w 40"/>
                <a:gd name="T73" fmla="*/ 82 h 120"/>
                <a:gd name="T74" fmla="*/ 1 w 40"/>
                <a:gd name="T75" fmla="*/ 72 h 120"/>
                <a:gd name="T76" fmla="*/ 1 w 40"/>
                <a:gd name="T77" fmla="*/ 72 h 120"/>
                <a:gd name="T78" fmla="*/ 1 w 40"/>
                <a:gd name="T79" fmla="*/ 70 h 120"/>
                <a:gd name="T80" fmla="*/ 0 w 40"/>
                <a:gd name="T81" fmla="*/ 67 h 120"/>
                <a:gd name="T82" fmla="*/ 0 w 40"/>
                <a:gd name="T83" fmla="*/ 60 h 120"/>
                <a:gd name="T84" fmla="*/ 0 w 40"/>
                <a:gd name="T85" fmla="*/ 57 h 120"/>
                <a:gd name="T86" fmla="*/ 0 w 40"/>
                <a:gd name="T87" fmla="*/ 55 h 120"/>
                <a:gd name="T88" fmla="*/ 0 w 40"/>
                <a:gd name="T89" fmla="*/ 52 h 120"/>
                <a:gd name="T90" fmla="*/ 0 w 40"/>
                <a:gd name="T91" fmla="*/ 50 h 120"/>
                <a:gd name="T92" fmla="*/ 0 w 40"/>
                <a:gd name="T93" fmla="*/ 49 h 120"/>
                <a:gd name="T94" fmla="*/ 1 w 40"/>
                <a:gd name="T95" fmla="*/ 42 h 120"/>
                <a:gd name="T96" fmla="*/ 8 w 40"/>
                <a:gd name="T97" fmla="*/ 38 h 120"/>
                <a:gd name="T98" fmla="*/ 8 w 40"/>
                <a:gd name="T99" fmla="*/ 26 h 120"/>
                <a:gd name="T100" fmla="*/ 15 w 40"/>
                <a:gd name="T101" fmla="*/ 20 h 120"/>
                <a:gd name="T102" fmla="*/ 15 w 40"/>
                <a:gd name="T103" fmla="*/ 20 h 120"/>
                <a:gd name="T104" fmla="*/ 17 w 40"/>
                <a:gd name="T105" fmla="*/ 20 h 120"/>
                <a:gd name="T106" fmla="*/ 17 w 40"/>
                <a:gd name="T107" fmla="*/ 20 h 120"/>
                <a:gd name="T108" fmla="*/ 17 w 40"/>
                <a:gd name="T109" fmla="*/ 20 h 120"/>
                <a:gd name="T110" fmla="*/ 13 w 40"/>
                <a:gd name="T111" fmla="*/ 20 h 120"/>
                <a:gd name="T112" fmla="*/ 11 w 40"/>
                <a:gd name="T113" fmla="*/ 18 h 120"/>
                <a:gd name="T114" fmla="*/ 8 w 40"/>
                <a:gd name="T115" fmla="*/ 17 h 120"/>
                <a:gd name="T116" fmla="*/ 8 w 40"/>
                <a:gd name="T117" fmla="*/ 17 h 120"/>
                <a:gd name="T118" fmla="*/ 8 w 40"/>
                <a:gd name="T119" fmla="*/ 17 h 120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w 40"/>
                <a:gd name="T181" fmla="*/ 0 h 120"/>
                <a:gd name="T182" fmla="*/ 40 w 40"/>
                <a:gd name="T183" fmla="*/ 120 h 120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T180" t="T181" r="T182" b="T183"/>
              <a:pathLst>
                <a:path w="40" h="120">
                  <a:moveTo>
                    <a:pt x="8" y="17"/>
                  </a:moveTo>
                  <a:lnTo>
                    <a:pt x="8" y="17"/>
                  </a:lnTo>
                  <a:lnTo>
                    <a:pt x="11" y="13"/>
                  </a:lnTo>
                  <a:lnTo>
                    <a:pt x="13" y="12"/>
                  </a:lnTo>
                  <a:lnTo>
                    <a:pt x="17" y="8"/>
                  </a:lnTo>
                  <a:lnTo>
                    <a:pt x="20" y="7"/>
                  </a:lnTo>
                  <a:lnTo>
                    <a:pt x="23" y="3"/>
                  </a:lnTo>
                  <a:lnTo>
                    <a:pt x="27" y="1"/>
                  </a:lnTo>
                  <a:lnTo>
                    <a:pt x="32" y="0"/>
                  </a:lnTo>
                  <a:lnTo>
                    <a:pt x="39" y="0"/>
                  </a:lnTo>
                  <a:lnTo>
                    <a:pt x="39" y="1"/>
                  </a:lnTo>
                  <a:lnTo>
                    <a:pt x="39" y="5"/>
                  </a:lnTo>
                  <a:lnTo>
                    <a:pt x="40" y="7"/>
                  </a:lnTo>
                  <a:lnTo>
                    <a:pt x="40" y="10"/>
                  </a:lnTo>
                  <a:lnTo>
                    <a:pt x="40" y="12"/>
                  </a:lnTo>
                  <a:lnTo>
                    <a:pt x="40" y="13"/>
                  </a:lnTo>
                  <a:lnTo>
                    <a:pt x="40" y="15"/>
                  </a:lnTo>
                  <a:lnTo>
                    <a:pt x="35" y="23"/>
                  </a:lnTo>
                  <a:lnTo>
                    <a:pt x="33" y="30"/>
                  </a:lnTo>
                  <a:lnTo>
                    <a:pt x="35" y="37"/>
                  </a:lnTo>
                  <a:lnTo>
                    <a:pt x="32" y="49"/>
                  </a:lnTo>
                  <a:lnTo>
                    <a:pt x="27" y="57"/>
                  </a:lnTo>
                  <a:lnTo>
                    <a:pt x="25" y="64"/>
                  </a:lnTo>
                  <a:lnTo>
                    <a:pt x="15" y="73"/>
                  </a:lnTo>
                  <a:lnTo>
                    <a:pt x="15" y="81"/>
                  </a:lnTo>
                  <a:lnTo>
                    <a:pt x="8" y="93"/>
                  </a:lnTo>
                  <a:lnTo>
                    <a:pt x="8" y="98"/>
                  </a:lnTo>
                  <a:lnTo>
                    <a:pt x="8" y="100"/>
                  </a:lnTo>
                  <a:lnTo>
                    <a:pt x="8" y="105"/>
                  </a:lnTo>
                  <a:lnTo>
                    <a:pt x="8" y="110"/>
                  </a:lnTo>
                  <a:lnTo>
                    <a:pt x="8" y="117"/>
                  </a:lnTo>
                  <a:lnTo>
                    <a:pt x="8" y="120"/>
                  </a:lnTo>
                  <a:lnTo>
                    <a:pt x="6" y="120"/>
                  </a:lnTo>
                  <a:lnTo>
                    <a:pt x="5" y="115"/>
                  </a:lnTo>
                  <a:lnTo>
                    <a:pt x="1" y="101"/>
                  </a:lnTo>
                  <a:lnTo>
                    <a:pt x="1" y="98"/>
                  </a:lnTo>
                  <a:lnTo>
                    <a:pt x="0" y="95"/>
                  </a:lnTo>
                  <a:lnTo>
                    <a:pt x="0" y="88"/>
                  </a:lnTo>
                  <a:lnTo>
                    <a:pt x="0" y="83"/>
                  </a:lnTo>
                  <a:lnTo>
                    <a:pt x="0" y="78"/>
                  </a:lnTo>
                  <a:lnTo>
                    <a:pt x="0" y="73"/>
                  </a:lnTo>
                  <a:lnTo>
                    <a:pt x="0" y="69"/>
                  </a:lnTo>
                  <a:lnTo>
                    <a:pt x="0" y="67"/>
                  </a:lnTo>
                  <a:lnTo>
                    <a:pt x="1" y="56"/>
                  </a:lnTo>
                  <a:lnTo>
                    <a:pt x="8" y="52"/>
                  </a:lnTo>
                  <a:lnTo>
                    <a:pt x="8" y="40"/>
                  </a:lnTo>
                  <a:lnTo>
                    <a:pt x="15" y="30"/>
                  </a:lnTo>
                  <a:lnTo>
                    <a:pt x="17" y="27"/>
                  </a:lnTo>
                  <a:lnTo>
                    <a:pt x="17" y="23"/>
                  </a:lnTo>
                  <a:lnTo>
                    <a:pt x="17" y="20"/>
                  </a:lnTo>
                  <a:lnTo>
                    <a:pt x="13" y="20"/>
                  </a:lnTo>
                  <a:lnTo>
                    <a:pt x="11" y="18"/>
                  </a:lnTo>
                  <a:lnTo>
                    <a:pt x="8" y="17"/>
                  </a:lnTo>
                </a:path>
              </a:pathLst>
            </a:custGeom>
            <a:solidFill>
              <a:srgbClr val="8B3102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382" name="Freeform 54"/>
            <p:cNvSpPr>
              <a:spLocks/>
            </p:cNvSpPr>
            <p:nvPr/>
          </p:nvSpPr>
          <p:spPr bwMode="auto">
            <a:xfrm>
              <a:off x="3888" y="2151"/>
              <a:ext cx="768" cy="436"/>
            </a:xfrm>
            <a:custGeom>
              <a:avLst/>
              <a:gdLst>
                <a:gd name="T0" fmla="*/ 660 w 776"/>
                <a:gd name="T1" fmla="*/ 262 h 440"/>
                <a:gd name="T2" fmla="*/ 669 w 776"/>
                <a:gd name="T3" fmla="*/ 269 h 440"/>
                <a:gd name="T4" fmla="*/ 641 w 776"/>
                <a:gd name="T5" fmla="*/ 240 h 440"/>
                <a:gd name="T6" fmla="*/ 626 w 776"/>
                <a:gd name="T7" fmla="*/ 236 h 440"/>
                <a:gd name="T8" fmla="*/ 628 w 776"/>
                <a:gd name="T9" fmla="*/ 247 h 440"/>
                <a:gd name="T10" fmla="*/ 620 w 776"/>
                <a:gd name="T11" fmla="*/ 249 h 440"/>
                <a:gd name="T12" fmla="*/ 574 w 776"/>
                <a:gd name="T13" fmla="*/ 221 h 440"/>
                <a:gd name="T14" fmla="*/ 624 w 776"/>
                <a:gd name="T15" fmla="*/ 224 h 440"/>
                <a:gd name="T16" fmla="*/ 606 w 776"/>
                <a:gd name="T17" fmla="*/ 206 h 440"/>
                <a:gd name="T18" fmla="*/ 609 w 776"/>
                <a:gd name="T19" fmla="*/ 170 h 440"/>
                <a:gd name="T20" fmla="*/ 591 w 776"/>
                <a:gd name="T21" fmla="*/ 160 h 440"/>
                <a:gd name="T22" fmla="*/ 599 w 776"/>
                <a:gd name="T23" fmla="*/ 132 h 440"/>
                <a:gd name="T24" fmla="*/ 571 w 776"/>
                <a:gd name="T25" fmla="*/ 113 h 440"/>
                <a:gd name="T26" fmla="*/ 535 w 776"/>
                <a:gd name="T27" fmla="*/ 98 h 440"/>
                <a:gd name="T28" fmla="*/ 524 w 776"/>
                <a:gd name="T29" fmla="*/ 98 h 440"/>
                <a:gd name="T30" fmla="*/ 510 w 776"/>
                <a:gd name="T31" fmla="*/ 96 h 440"/>
                <a:gd name="T32" fmla="*/ 510 w 776"/>
                <a:gd name="T33" fmla="*/ 66 h 440"/>
                <a:gd name="T34" fmla="*/ 524 w 776"/>
                <a:gd name="T35" fmla="*/ 55 h 440"/>
                <a:gd name="T36" fmla="*/ 500 w 776"/>
                <a:gd name="T37" fmla="*/ 29 h 440"/>
                <a:gd name="T38" fmla="*/ 481 w 776"/>
                <a:gd name="T39" fmla="*/ 14 h 440"/>
                <a:gd name="T40" fmla="*/ 469 w 776"/>
                <a:gd name="T41" fmla="*/ 4 h 440"/>
                <a:gd name="T42" fmla="*/ 461 w 776"/>
                <a:gd name="T43" fmla="*/ 10 h 440"/>
                <a:gd name="T44" fmla="*/ 442 w 776"/>
                <a:gd name="T45" fmla="*/ 19 h 440"/>
                <a:gd name="T46" fmla="*/ 415 w 776"/>
                <a:gd name="T47" fmla="*/ 4 h 440"/>
                <a:gd name="T48" fmla="*/ 401 w 776"/>
                <a:gd name="T49" fmla="*/ 41 h 440"/>
                <a:gd name="T50" fmla="*/ 388 w 776"/>
                <a:gd name="T51" fmla="*/ 57 h 440"/>
                <a:gd name="T52" fmla="*/ 381 w 776"/>
                <a:gd name="T53" fmla="*/ 74 h 440"/>
                <a:gd name="T54" fmla="*/ 368 w 776"/>
                <a:gd name="T55" fmla="*/ 71 h 440"/>
                <a:gd name="T56" fmla="*/ 358 w 776"/>
                <a:gd name="T57" fmla="*/ 93 h 440"/>
                <a:gd name="T58" fmla="*/ 355 w 776"/>
                <a:gd name="T59" fmla="*/ 105 h 440"/>
                <a:gd name="T60" fmla="*/ 345 w 776"/>
                <a:gd name="T61" fmla="*/ 125 h 440"/>
                <a:gd name="T62" fmla="*/ 320 w 776"/>
                <a:gd name="T63" fmla="*/ 113 h 440"/>
                <a:gd name="T64" fmla="*/ 315 w 776"/>
                <a:gd name="T65" fmla="*/ 137 h 440"/>
                <a:gd name="T66" fmla="*/ 311 w 776"/>
                <a:gd name="T67" fmla="*/ 150 h 440"/>
                <a:gd name="T68" fmla="*/ 306 w 776"/>
                <a:gd name="T69" fmla="*/ 159 h 440"/>
                <a:gd name="T70" fmla="*/ 300 w 776"/>
                <a:gd name="T71" fmla="*/ 182 h 440"/>
                <a:gd name="T72" fmla="*/ 284 w 776"/>
                <a:gd name="T73" fmla="*/ 213 h 440"/>
                <a:gd name="T74" fmla="*/ 284 w 776"/>
                <a:gd name="T75" fmla="*/ 224 h 440"/>
                <a:gd name="T76" fmla="*/ 271 w 776"/>
                <a:gd name="T77" fmla="*/ 253 h 440"/>
                <a:gd name="T78" fmla="*/ 254 w 776"/>
                <a:gd name="T79" fmla="*/ 253 h 440"/>
                <a:gd name="T80" fmla="*/ 237 w 776"/>
                <a:gd name="T81" fmla="*/ 257 h 440"/>
                <a:gd name="T82" fmla="*/ 234 w 776"/>
                <a:gd name="T83" fmla="*/ 268 h 440"/>
                <a:gd name="T84" fmla="*/ 226 w 776"/>
                <a:gd name="T85" fmla="*/ 271 h 440"/>
                <a:gd name="T86" fmla="*/ 205 w 776"/>
                <a:gd name="T87" fmla="*/ 276 h 440"/>
                <a:gd name="T88" fmla="*/ 192 w 776"/>
                <a:gd name="T89" fmla="*/ 280 h 440"/>
                <a:gd name="T90" fmla="*/ 165 w 776"/>
                <a:gd name="T91" fmla="*/ 285 h 440"/>
                <a:gd name="T92" fmla="*/ 142 w 776"/>
                <a:gd name="T93" fmla="*/ 267 h 440"/>
                <a:gd name="T94" fmla="*/ 126 w 776"/>
                <a:gd name="T95" fmla="*/ 282 h 440"/>
                <a:gd name="T96" fmla="*/ 128 w 776"/>
                <a:gd name="T97" fmla="*/ 278 h 440"/>
                <a:gd name="T98" fmla="*/ 99 w 776"/>
                <a:gd name="T99" fmla="*/ 302 h 440"/>
                <a:gd name="T100" fmla="*/ 84 w 776"/>
                <a:gd name="T101" fmla="*/ 326 h 440"/>
                <a:gd name="T102" fmla="*/ 75 w 776"/>
                <a:gd name="T103" fmla="*/ 339 h 440"/>
                <a:gd name="T104" fmla="*/ 70 w 776"/>
                <a:gd name="T105" fmla="*/ 347 h 440"/>
                <a:gd name="T106" fmla="*/ 50 w 776"/>
                <a:gd name="T107" fmla="*/ 358 h 440"/>
                <a:gd name="T108" fmla="*/ 48 w 776"/>
                <a:gd name="T109" fmla="*/ 364 h 440"/>
                <a:gd name="T110" fmla="*/ 22 w 776"/>
                <a:gd name="T111" fmla="*/ 375 h 440"/>
                <a:gd name="T112" fmla="*/ 0 w 776"/>
                <a:gd name="T113" fmla="*/ 384 h 440"/>
                <a:gd name="T114" fmla="*/ 182 w 776"/>
                <a:gd name="T115" fmla="*/ 358 h 440"/>
                <a:gd name="T116" fmla="*/ 218 w 776"/>
                <a:gd name="T117" fmla="*/ 356 h 440"/>
                <a:gd name="T118" fmla="*/ 284 w 776"/>
                <a:gd name="T119" fmla="*/ 349 h 440"/>
                <a:gd name="T120" fmla="*/ 384 w 776"/>
                <a:gd name="T121" fmla="*/ 334 h 440"/>
                <a:gd name="T122" fmla="*/ 506 w 776"/>
                <a:gd name="T123" fmla="*/ 309 h 440"/>
                <a:gd name="T124" fmla="*/ 654 w 776"/>
                <a:gd name="T125" fmla="*/ 271 h 440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  <a:gd name="T189" fmla="*/ 0 w 776"/>
                <a:gd name="T190" fmla="*/ 0 h 440"/>
                <a:gd name="T191" fmla="*/ 776 w 776"/>
                <a:gd name="T192" fmla="*/ 440 h 440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T189" t="T190" r="T191" b="T192"/>
              <a:pathLst>
                <a:path w="776" h="440">
                  <a:moveTo>
                    <a:pt x="761" y="310"/>
                  </a:moveTo>
                  <a:lnTo>
                    <a:pt x="763" y="310"/>
                  </a:lnTo>
                  <a:lnTo>
                    <a:pt x="765" y="312"/>
                  </a:lnTo>
                  <a:lnTo>
                    <a:pt x="766" y="312"/>
                  </a:lnTo>
                  <a:lnTo>
                    <a:pt x="766" y="310"/>
                  </a:lnTo>
                  <a:lnTo>
                    <a:pt x="763" y="298"/>
                  </a:lnTo>
                  <a:lnTo>
                    <a:pt x="763" y="293"/>
                  </a:lnTo>
                  <a:lnTo>
                    <a:pt x="765" y="295"/>
                  </a:lnTo>
                  <a:lnTo>
                    <a:pt x="768" y="298"/>
                  </a:lnTo>
                  <a:lnTo>
                    <a:pt x="770" y="305"/>
                  </a:lnTo>
                  <a:lnTo>
                    <a:pt x="773" y="308"/>
                  </a:lnTo>
                  <a:lnTo>
                    <a:pt x="773" y="310"/>
                  </a:lnTo>
                  <a:lnTo>
                    <a:pt x="776" y="305"/>
                  </a:lnTo>
                  <a:lnTo>
                    <a:pt x="758" y="264"/>
                  </a:lnTo>
                  <a:lnTo>
                    <a:pt x="749" y="263"/>
                  </a:lnTo>
                  <a:lnTo>
                    <a:pt x="743" y="268"/>
                  </a:lnTo>
                  <a:lnTo>
                    <a:pt x="741" y="268"/>
                  </a:lnTo>
                  <a:lnTo>
                    <a:pt x="739" y="268"/>
                  </a:lnTo>
                  <a:lnTo>
                    <a:pt x="736" y="268"/>
                  </a:lnTo>
                  <a:lnTo>
                    <a:pt x="734" y="268"/>
                  </a:lnTo>
                  <a:lnTo>
                    <a:pt x="729" y="264"/>
                  </a:lnTo>
                  <a:lnTo>
                    <a:pt x="726" y="263"/>
                  </a:lnTo>
                  <a:lnTo>
                    <a:pt x="724" y="264"/>
                  </a:lnTo>
                  <a:lnTo>
                    <a:pt x="722" y="266"/>
                  </a:lnTo>
                  <a:lnTo>
                    <a:pt x="722" y="268"/>
                  </a:lnTo>
                  <a:lnTo>
                    <a:pt x="722" y="269"/>
                  </a:lnTo>
                  <a:lnTo>
                    <a:pt x="722" y="271"/>
                  </a:lnTo>
                  <a:lnTo>
                    <a:pt x="722" y="273"/>
                  </a:lnTo>
                  <a:lnTo>
                    <a:pt x="726" y="276"/>
                  </a:lnTo>
                  <a:lnTo>
                    <a:pt x="727" y="280"/>
                  </a:lnTo>
                  <a:lnTo>
                    <a:pt x="726" y="280"/>
                  </a:lnTo>
                  <a:lnTo>
                    <a:pt x="724" y="280"/>
                  </a:lnTo>
                  <a:lnTo>
                    <a:pt x="722" y="280"/>
                  </a:lnTo>
                  <a:lnTo>
                    <a:pt x="719" y="278"/>
                  </a:lnTo>
                  <a:lnTo>
                    <a:pt x="717" y="278"/>
                  </a:lnTo>
                  <a:lnTo>
                    <a:pt x="717" y="276"/>
                  </a:lnTo>
                  <a:lnTo>
                    <a:pt x="707" y="276"/>
                  </a:lnTo>
                  <a:lnTo>
                    <a:pt x="700" y="269"/>
                  </a:lnTo>
                  <a:lnTo>
                    <a:pt x="692" y="266"/>
                  </a:lnTo>
                  <a:lnTo>
                    <a:pt x="682" y="251"/>
                  </a:lnTo>
                  <a:lnTo>
                    <a:pt x="663" y="249"/>
                  </a:lnTo>
                  <a:lnTo>
                    <a:pt x="651" y="247"/>
                  </a:lnTo>
                  <a:lnTo>
                    <a:pt x="633" y="241"/>
                  </a:lnTo>
                  <a:lnTo>
                    <a:pt x="648" y="239"/>
                  </a:lnTo>
                  <a:lnTo>
                    <a:pt x="685" y="244"/>
                  </a:lnTo>
                  <a:lnTo>
                    <a:pt x="710" y="266"/>
                  </a:lnTo>
                  <a:lnTo>
                    <a:pt x="722" y="252"/>
                  </a:lnTo>
                  <a:lnTo>
                    <a:pt x="704" y="239"/>
                  </a:lnTo>
                  <a:lnTo>
                    <a:pt x="683" y="230"/>
                  </a:lnTo>
                  <a:lnTo>
                    <a:pt x="663" y="212"/>
                  </a:lnTo>
                  <a:lnTo>
                    <a:pt x="670" y="214"/>
                  </a:lnTo>
                  <a:lnTo>
                    <a:pt x="690" y="229"/>
                  </a:lnTo>
                  <a:lnTo>
                    <a:pt x="700" y="234"/>
                  </a:lnTo>
                  <a:lnTo>
                    <a:pt x="707" y="229"/>
                  </a:lnTo>
                  <a:lnTo>
                    <a:pt x="699" y="222"/>
                  </a:lnTo>
                  <a:lnTo>
                    <a:pt x="699" y="212"/>
                  </a:lnTo>
                  <a:lnTo>
                    <a:pt x="716" y="220"/>
                  </a:lnTo>
                  <a:lnTo>
                    <a:pt x="716" y="207"/>
                  </a:lnTo>
                  <a:lnTo>
                    <a:pt x="704" y="198"/>
                  </a:lnTo>
                  <a:lnTo>
                    <a:pt x="700" y="190"/>
                  </a:lnTo>
                  <a:lnTo>
                    <a:pt x="682" y="188"/>
                  </a:lnTo>
                  <a:lnTo>
                    <a:pt x="656" y="170"/>
                  </a:lnTo>
                  <a:lnTo>
                    <a:pt x="639" y="151"/>
                  </a:lnTo>
                  <a:lnTo>
                    <a:pt x="661" y="168"/>
                  </a:lnTo>
                  <a:lnTo>
                    <a:pt x="683" y="183"/>
                  </a:lnTo>
                  <a:lnTo>
                    <a:pt x="700" y="185"/>
                  </a:lnTo>
                  <a:lnTo>
                    <a:pt x="700" y="163"/>
                  </a:lnTo>
                  <a:lnTo>
                    <a:pt x="707" y="154"/>
                  </a:lnTo>
                  <a:lnTo>
                    <a:pt x="707" y="149"/>
                  </a:lnTo>
                  <a:lnTo>
                    <a:pt x="700" y="149"/>
                  </a:lnTo>
                  <a:lnTo>
                    <a:pt x="692" y="146"/>
                  </a:lnTo>
                  <a:lnTo>
                    <a:pt x="685" y="142"/>
                  </a:lnTo>
                  <a:lnTo>
                    <a:pt x="677" y="139"/>
                  </a:lnTo>
                  <a:lnTo>
                    <a:pt x="672" y="134"/>
                  </a:lnTo>
                  <a:lnTo>
                    <a:pt x="665" y="131"/>
                  </a:lnTo>
                  <a:lnTo>
                    <a:pt x="661" y="129"/>
                  </a:lnTo>
                  <a:lnTo>
                    <a:pt x="660" y="127"/>
                  </a:lnTo>
                  <a:lnTo>
                    <a:pt x="648" y="127"/>
                  </a:lnTo>
                  <a:lnTo>
                    <a:pt x="638" y="124"/>
                  </a:lnTo>
                  <a:lnTo>
                    <a:pt x="629" y="122"/>
                  </a:lnTo>
                  <a:lnTo>
                    <a:pt x="624" y="119"/>
                  </a:lnTo>
                  <a:lnTo>
                    <a:pt x="621" y="115"/>
                  </a:lnTo>
                  <a:lnTo>
                    <a:pt x="619" y="112"/>
                  </a:lnTo>
                  <a:lnTo>
                    <a:pt x="617" y="110"/>
                  </a:lnTo>
                  <a:lnTo>
                    <a:pt x="614" y="110"/>
                  </a:lnTo>
                  <a:lnTo>
                    <a:pt x="611" y="112"/>
                  </a:lnTo>
                  <a:lnTo>
                    <a:pt x="607" y="112"/>
                  </a:lnTo>
                  <a:lnTo>
                    <a:pt x="604" y="114"/>
                  </a:lnTo>
                  <a:lnTo>
                    <a:pt x="600" y="114"/>
                  </a:lnTo>
                  <a:lnTo>
                    <a:pt x="597" y="115"/>
                  </a:lnTo>
                  <a:lnTo>
                    <a:pt x="592" y="114"/>
                  </a:lnTo>
                  <a:lnTo>
                    <a:pt x="590" y="110"/>
                  </a:lnTo>
                  <a:lnTo>
                    <a:pt x="589" y="104"/>
                  </a:lnTo>
                  <a:lnTo>
                    <a:pt x="589" y="98"/>
                  </a:lnTo>
                  <a:lnTo>
                    <a:pt x="589" y="92"/>
                  </a:lnTo>
                  <a:lnTo>
                    <a:pt x="589" y="87"/>
                  </a:lnTo>
                  <a:lnTo>
                    <a:pt x="590" y="82"/>
                  </a:lnTo>
                  <a:lnTo>
                    <a:pt x="590" y="80"/>
                  </a:lnTo>
                  <a:lnTo>
                    <a:pt x="592" y="80"/>
                  </a:lnTo>
                  <a:lnTo>
                    <a:pt x="594" y="78"/>
                  </a:lnTo>
                  <a:lnTo>
                    <a:pt x="597" y="76"/>
                  </a:lnTo>
                  <a:lnTo>
                    <a:pt x="599" y="75"/>
                  </a:lnTo>
                  <a:lnTo>
                    <a:pt x="606" y="65"/>
                  </a:lnTo>
                  <a:lnTo>
                    <a:pt x="607" y="56"/>
                  </a:lnTo>
                  <a:lnTo>
                    <a:pt x="606" y="48"/>
                  </a:lnTo>
                  <a:lnTo>
                    <a:pt x="600" y="41"/>
                  </a:lnTo>
                  <a:lnTo>
                    <a:pt x="594" y="36"/>
                  </a:lnTo>
                  <a:lnTo>
                    <a:pt x="587" y="32"/>
                  </a:lnTo>
                  <a:lnTo>
                    <a:pt x="582" y="31"/>
                  </a:lnTo>
                  <a:lnTo>
                    <a:pt x="578" y="29"/>
                  </a:lnTo>
                  <a:lnTo>
                    <a:pt x="567" y="29"/>
                  </a:lnTo>
                  <a:lnTo>
                    <a:pt x="560" y="26"/>
                  </a:lnTo>
                  <a:lnTo>
                    <a:pt x="555" y="24"/>
                  </a:lnTo>
                  <a:lnTo>
                    <a:pt x="555" y="19"/>
                  </a:lnTo>
                  <a:lnTo>
                    <a:pt x="555" y="16"/>
                  </a:lnTo>
                  <a:lnTo>
                    <a:pt x="555" y="14"/>
                  </a:lnTo>
                  <a:lnTo>
                    <a:pt x="556" y="10"/>
                  </a:lnTo>
                  <a:lnTo>
                    <a:pt x="556" y="9"/>
                  </a:lnTo>
                  <a:lnTo>
                    <a:pt x="553" y="5"/>
                  </a:lnTo>
                  <a:lnTo>
                    <a:pt x="550" y="2"/>
                  </a:lnTo>
                  <a:lnTo>
                    <a:pt x="545" y="2"/>
                  </a:lnTo>
                  <a:lnTo>
                    <a:pt x="541" y="4"/>
                  </a:lnTo>
                  <a:lnTo>
                    <a:pt x="536" y="5"/>
                  </a:lnTo>
                  <a:lnTo>
                    <a:pt x="533" y="5"/>
                  </a:lnTo>
                  <a:lnTo>
                    <a:pt x="531" y="7"/>
                  </a:lnTo>
                  <a:lnTo>
                    <a:pt x="529" y="9"/>
                  </a:lnTo>
                  <a:lnTo>
                    <a:pt x="531" y="9"/>
                  </a:lnTo>
                  <a:lnTo>
                    <a:pt x="531" y="10"/>
                  </a:lnTo>
                  <a:lnTo>
                    <a:pt x="531" y="14"/>
                  </a:lnTo>
                  <a:lnTo>
                    <a:pt x="531" y="17"/>
                  </a:lnTo>
                  <a:lnTo>
                    <a:pt x="529" y="19"/>
                  </a:lnTo>
                  <a:lnTo>
                    <a:pt x="526" y="21"/>
                  </a:lnTo>
                  <a:lnTo>
                    <a:pt x="521" y="22"/>
                  </a:lnTo>
                  <a:lnTo>
                    <a:pt x="512" y="19"/>
                  </a:lnTo>
                  <a:lnTo>
                    <a:pt x="499" y="14"/>
                  </a:lnTo>
                  <a:lnTo>
                    <a:pt x="497" y="12"/>
                  </a:lnTo>
                  <a:lnTo>
                    <a:pt x="494" y="10"/>
                  </a:lnTo>
                  <a:lnTo>
                    <a:pt x="489" y="9"/>
                  </a:lnTo>
                  <a:lnTo>
                    <a:pt x="484" y="7"/>
                  </a:lnTo>
                  <a:lnTo>
                    <a:pt x="480" y="4"/>
                  </a:lnTo>
                  <a:lnTo>
                    <a:pt x="475" y="2"/>
                  </a:lnTo>
                  <a:lnTo>
                    <a:pt x="472" y="0"/>
                  </a:lnTo>
                  <a:lnTo>
                    <a:pt x="468" y="34"/>
                  </a:lnTo>
                  <a:lnTo>
                    <a:pt x="463" y="39"/>
                  </a:lnTo>
                  <a:lnTo>
                    <a:pt x="463" y="41"/>
                  </a:lnTo>
                  <a:lnTo>
                    <a:pt x="462" y="46"/>
                  </a:lnTo>
                  <a:lnTo>
                    <a:pt x="460" y="51"/>
                  </a:lnTo>
                  <a:lnTo>
                    <a:pt x="457" y="58"/>
                  </a:lnTo>
                  <a:lnTo>
                    <a:pt x="453" y="65"/>
                  </a:lnTo>
                  <a:lnTo>
                    <a:pt x="450" y="68"/>
                  </a:lnTo>
                  <a:lnTo>
                    <a:pt x="446" y="71"/>
                  </a:lnTo>
                  <a:lnTo>
                    <a:pt x="443" y="70"/>
                  </a:lnTo>
                  <a:lnTo>
                    <a:pt x="443" y="71"/>
                  </a:lnTo>
                  <a:lnTo>
                    <a:pt x="443" y="75"/>
                  </a:lnTo>
                  <a:lnTo>
                    <a:pt x="441" y="78"/>
                  </a:lnTo>
                  <a:lnTo>
                    <a:pt x="440" y="83"/>
                  </a:lnTo>
                  <a:lnTo>
                    <a:pt x="438" y="88"/>
                  </a:lnTo>
                  <a:lnTo>
                    <a:pt x="435" y="92"/>
                  </a:lnTo>
                  <a:lnTo>
                    <a:pt x="433" y="92"/>
                  </a:lnTo>
                  <a:lnTo>
                    <a:pt x="430" y="88"/>
                  </a:lnTo>
                  <a:lnTo>
                    <a:pt x="428" y="88"/>
                  </a:lnTo>
                  <a:lnTo>
                    <a:pt x="426" y="87"/>
                  </a:lnTo>
                  <a:lnTo>
                    <a:pt x="424" y="85"/>
                  </a:lnTo>
                  <a:lnTo>
                    <a:pt x="421" y="85"/>
                  </a:lnTo>
                  <a:lnTo>
                    <a:pt x="419" y="87"/>
                  </a:lnTo>
                  <a:lnTo>
                    <a:pt x="416" y="88"/>
                  </a:lnTo>
                  <a:lnTo>
                    <a:pt x="414" y="95"/>
                  </a:lnTo>
                  <a:lnTo>
                    <a:pt x="414" y="105"/>
                  </a:lnTo>
                  <a:lnTo>
                    <a:pt x="414" y="107"/>
                  </a:lnTo>
                  <a:lnTo>
                    <a:pt x="414" y="109"/>
                  </a:lnTo>
                  <a:lnTo>
                    <a:pt x="413" y="112"/>
                  </a:lnTo>
                  <a:lnTo>
                    <a:pt x="413" y="114"/>
                  </a:lnTo>
                  <a:lnTo>
                    <a:pt x="411" y="115"/>
                  </a:lnTo>
                  <a:lnTo>
                    <a:pt x="411" y="117"/>
                  </a:lnTo>
                  <a:lnTo>
                    <a:pt x="411" y="119"/>
                  </a:lnTo>
                  <a:lnTo>
                    <a:pt x="411" y="120"/>
                  </a:lnTo>
                  <a:lnTo>
                    <a:pt x="409" y="124"/>
                  </a:lnTo>
                  <a:lnTo>
                    <a:pt x="408" y="131"/>
                  </a:lnTo>
                  <a:lnTo>
                    <a:pt x="406" y="136"/>
                  </a:lnTo>
                  <a:lnTo>
                    <a:pt x="401" y="139"/>
                  </a:lnTo>
                  <a:lnTo>
                    <a:pt x="396" y="141"/>
                  </a:lnTo>
                  <a:lnTo>
                    <a:pt x="389" y="139"/>
                  </a:lnTo>
                  <a:lnTo>
                    <a:pt x="379" y="132"/>
                  </a:lnTo>
                  <a:lnTo>
                    <a:pt x="377" y="131"/>
                  </a:lnTo>
                  <a:lnTo>
                    <a:pt x="374" y="129"/>
                  </a:lnTo>
                  <a:lnTo>
                    <a:pt x="370" y="127"/>
                  </a:lnTo>
                  <a:lnTo>
                    <a:pt x="367" y="127"/>
                  </a:lnTo>
                  <a:lnTo>
                    <a:pt x="364" y="129"/>
                  </a:lnTo>
                  <a:lnTo>
                    <a:pt x="362" y="132"/>
                  </a:lnTo>
                  <a:lnTo>
                    <a:pt x="362" y="139"/>
                  </a:lnTo>
                  <a:lnTo>
                    <a:pt x="364" y="149"/>
                  </a:lnTo>
                  <a:lnTo>
                    <a:pt x="364" y="151"/>
                  </a:lnTo>
                  <a:lnTo>
                    <a:pt x="364" y="154"/>
                  </a:lnTo>
                  <a:lnTo>
                    <a:pt x="362" y="156"/>
                  </a:lnTo>
                  <a:lnTo>
                    <a:pt x="360" y="158"/>
                  </a:lnTo>
                  <a:lnTo>
                    <a:pt x="360" y="161"/>
                  </a:lnTo>
                  <a:lnTo>
                    <a:pt x="358" y="163"/>
                  </a:lnTo>
                  <a:lnTo>
                    <a:pt x="358" y="164"/>
                  </a:lnTo>
                  <a:lnTo>
                    <a:pt x="357" y="164"/>
                  </a:lnTo>
                  <a:lnTo>
                    <a:pt x="355" y="176"/>
                  </a:lnTo>
                  <a:lnTo>
                    <a:pt x="353" y="178"/>
                  </a:lnTo>
                  <a:lnTo>
                    <a:pt x="352" y="180"/>
                  </a:lnTo>
                  <a:lnTo>
                    <a:pt x="352" y="181"/>
                  </a:lnTo>
                  <a:lnTo>
                    <a:pt x="350" y="185"/>
                  </a:lnTo>
                  <a:lnTo>
                    <a:pt x="348" y="190"/>
                  </a:lnTo>
                  <a:lnTo>
                    <a:pt x="347" y="197"/>
                  </a:lnTo>
                  <a:lnTo>
                    <a:pt x="347" y="203"/>
                  </a:lnTo>
                  <a:lnTo>
                    <a:pt x="347" y="207"/>
                  </a:lnTo>
                  <a:lnTo>
                    <a:pt x="343" y="210"/>
                  </a:lnTo>
                  <a:lnTo>
                    <a:pt x="340" y="215"/>
                  </a:lnTo>
                  <a:lnTo>
                    <a:pt x="336" y="220"/>
                  </a:lnTo>
                  <a:lnTo>
                    <a:pt x="333" y="225"/>
                  </a:lnTo>
                  <a:lnTo>
                    <a:pt x="330" y="230"/>
                  </a:lnTo>
                  <a:lnTo>
                    <a:pt x="328" y="236"/>
                  </a:lnTo>
                  <a:lnTo>
                    <a:pt x="326" y="241"/>
                  </a:lnTo>
                  <a:lnTo>
                    <a:pt x="326" y="242"/>
                  </a:lnTo>
                  <a:lnTo>
                    <a:pt x="326" y="244"/>
                  </a:lnTo>
                  <a:lnTo>
                    <a:pt x="326" y="246"/>
                  </a:lnTo>
                  <a:lnTo>
                    <a:pt x="326" y="249"/>
                  </a:lnTo>
                  <a:lnTo>
                    <a:pt x="326" y="251"/>
                  </a:lnTo>
                  <a:lnTo>
                    <a:pt x="326" y="252"/>
                  </a:lnTo>
                  <a:lnTo>
                    <a:pt x="326" y="254"/>
                  </a:lnTo>
                  <a:lnTo>
                    <a:pt x="331" y="258"/>
                  </a:lnTo>
                  <a:lnTo>
                    <a:pt x="325" y="266"/>
                  </a:lnTo>
                  <a:lnTo>
                    <a:pt x="330" y="273"/>
                  </a:lnTo>
                  <a:lnTo>
                    <a:pt x="313" y="285"/>
                  </a:lnTo>
                  <a:lnTo>
                    <a:pt x="311" y="285"/>
                  </a:lnTo>
                  <a:lnTo>
                    <a:pt x="308" y="283"/>
                  </a:lnTo>
                  <a:lnTo>
                    <a:pt x="304" y="283"/>
                  </a:lnTo>
                  <a:lnTo>
                    <a:pt x="299" y="283"/>
                  </a:lnTo>
                  <a:lnTo>
                    <a:pt x="296" y="285"/>
                  </a:lnTo>
                  <a:lnTo>
                    <a:pt x="291" y="290"/>
                  </a:lnTo>
                  <a:lnTo>
                    <a:pt x="289" y="296"/>
                  </a:lnTo>
                  <a:lnTo>
                    <a:pt x="287" y="295"/>
                  </a:lnTo>
                  <a:lnTo>
                    <a:pt x="286" y="293"/>
                  </a:lnTo>
                  <a:lnTo>
                    <a:pt x="282" y="293"/>
                  </a:lnTo>
                  <a:lnTo>
                    <a:pt x="277" y="291"/>
                  </a:lnTo>
                  <a:lnTo>
                    <a:pt x="274" y="291"/>
                  </a:lnTo>
                  <a:lnTo>
                    <a:pt x="272" y="293"/>
                  </a:lnTo>
                  <a:lnTo>
                    <a:pt x="272" y="296"/>
                  </a:lnTo>
                  <a:lnTo>
                    <a:pt x="274" y="303"/>
                  </a:lnTo>
                  <a:lnTo>
                    <a:pt x="274" y="305"/>
                  </a:lnTo>
                  <a:lnTo>
                    <a:pt x="272" y="307"/>
                  </a:lnTo>
                  <a:lnTo>
                    <a:pt x="270" y="307"/>
                  </a:lnTo>
                  <a:lnTo>
                    <a:pt x="267" y="308"/>
                  </a:lnTo>
                  <a:lnTo>
                    <a:pt x="264" y="310"/>
                  </a:lnTo>
                  <a:lnTo>
                    <a:pt x="262" y="312"/>
                  </a:lnTo>
                  <a:lnTo>
                    <a:pt x="260" y="312"/>
                  </a:lnTo>
                  <a:lnTo>
                    <a:pt x="259" y="313"/>
                  </a:lnTo>
                  <a:lnTo>
                    <a:pt x="255" y="315"/>
                  </a:lnTo>
                  <a:lnTo>
                    <a:pt x="250" y="317"/>
                  </a:lnTo>
                  <a:lnTo>
                    <a:pt x="243" y="318"/>
                  </a:lnTo>
                  <a:lnTo>
                    <a:pt x="238" y="318"/>
                  </a:lnTo>
                  <a:lnTo>
                    <a:pt x="233" y="318"/>
                  </a:lnTo>
                  <a:lnTo>
                    <a:pt x="230" y="317"/>
                  </a:lnTo>
                  <a:lnTo>
                    <a:pt x="228" y="312"/>
                  </a:lnTo>
                  <a:lnTo>
                    <a:pt x="226" y="315"/>
                  </a:lnTo>
                  <a:lnTo>
                    <a:pt x="223" y="318"/>
                  </a:lnTo>
                  <a:lnTo>
                    <a:pt x="220" y="322"/>
                  </a:lnTo>
                  <a:lnTo>
                    <a:pt x="215" y="327"/>
                  </a:lnTo>
                  <a:lnTo>
                    <a:pt x="210" y="329"/>
                  </a:lnTo>
                  <a:lnTo>
                    <a:pt x="204" y="329"/>
                  </a:lnTo>
                  <a:lnTo>
                    <a:pt x="198" y="327"/>
                  </a:lnTo>
                  <a:lnTo>
                    <a:pt x="196" y="327"/>
                  </a:lnTo>
                  <a:lnTo>
                    <a:pt x="193" y="327"/>
                  </a:lnTo>
                  <a:lnTo>
                    <a:pt x="189" y="325"/>
                  </a:lnTo>
                  <a:lnTo>
                    <a:pt x="186" y="324"/>
                  </a:lnTo>
                  <a:lnTo>
                    <a:pt x="181" y="322"/>
                  </a:lnTo>
                  <a:lnTo>
                    <a:pt x="176" y="317"/>
                  </a:lnTo>
                  <a:lnTo>
                    <a:pt x="171" y="312"/>
                  </a:lnTo>
                  <a:lnTo>
                    <a:pt x="167" y="305"/>
                  </a:lnTo>
                  <a:lnTo>
                    <a:pt x="166" y="302"/>
                  </a:lnTo>
                  <a:lnTo>
                    <a:pt x="166" y="298"/>
                  </a:lnTo>
                  <a:lnTo>
                    <a:pt x="166" y="295"/>
                  </a:lnTo>
                  <a:lnTo>
                    <a:pt x="164" y="293"/>
                  </a:lnTo>
                  <a:lnTo>
                    <a:pt x="140" y="325"/>
                  </a:lnTo>
                  <a:lnTo>
                    <a:pt x="140" y="324"/>
                  </a:lnTo>
                  <a:lnTo>
                    <a:pt x="142" y="324"/>
                  </a:lnTo>
                  <a:lnTo>
                    <a:pt x="142" y="322"/>
                  </a:lnTo>
                  <a:lnTo>
                    <a:pt x="144" y="320"/>
                  </a:lnTo>
                  <a:lnTo>
                    <a:pt x="145" y="318"/>
                  </a:lnTo>
                  <a:lnTo>
                    <a:pt x="144" y="318"/>
                  </a:lnTo>
                  <a:lnTo>
                    <a:pt x="142" y="320"/>
                  </a:lnTo>
                  <a:lnTo>
                    <a:pt x="140" y="325"/>
                  </a:lnTo>
                  <a:lnTo>
                    <a:pt x="135" y="330"/>
                  </a:lnTo>
                  <a:lnTo>
                    <a:pt x="130" y="334"/>
                  </a:lnTo>
                  <a:lnTo>
                    <a:pt x="125" y="337"/>
                  </a:lnTo>
                  <a:lnTo>
                    <a:pt x="118" y="340"/>
                  </a:lnTo>
                  <a:lnTo>
                    <a:pt x="113" y="344"/>
                  </a:lnTo>
                  <a:lnTo>
                    <a:pt x="108" y="347"/>
                  </a:lnTo>
                  <a:lnTo>
                    <a:pt x="105" y="351"/>
                  </a:lnTo>
                  <a:lnTo>
                    <a:pt x="103" y="357"/>
                  </a:lnTo>
                  <a:lnTo>
                    <a:pt x="101" y="361"/>
                  </a:lnTo>
                  <a:lnTo>
                    <a:pt x="100" y="364"/>
                  </a:lnTo>
                  <a:lnTo>
                    <a:pt x="98" y="368"/>
                  </a:lnTo>
                  <a:lnTo>
                    <a:pt x="96" y="371"/>
                  </a:lnTo>
                  <a:lnTo>
                    <a:pt x="94" y="373"/>
                  </a:lnTo>
                  <a:lnTo>
                    <a:pt x="93" y="374"/>
                  </a:lnTo>
                  <a:lnTo>
                    <a:pt x="91" y="376"/>
                  </a:lnTo>
                  <a:lnTo>
                    <a:pt x="89" y="379"/>
                  </a:lnTo>
                  <a:lnTo>
                    <a:pt x="89" y="381"/>
                  </a:lnTo>
                  <a:lnTo>
                    <a:pt x="88" y="383"/>
                  </a:lnTo>
                  <a:lnTo>
                    <a:pt x="88" y="384"/>
                  </a:lnTo>
                  <a:lnTo>
                    <a:pt x="88" y="388"/>
                  </a:lnTo>
                  <a:lnTo>
                    <a:pt x="86" y="388"/>
                  </a:lnTo>
                  <a:lnTo>
                    <a:pt x="84" y="390"/>
                  </a:lnTo>
                  <a:lnTo>
                    <a:pt x="84" y="391"/>
                  </a:lnTo>
                  <a:lnTo>
                    <a:pt x="81" y="391"/>
                  </a:lnTo>
                  <a:lnTo>
                    <a:pt x="76" y="395"/>
                  </a:lnTo>
                  <a:lnTo>
                    <a:pt x="71" y="396"/>
                  </a:lnTo>
                  <a:lnTo>
                    <a:pt x="67" y="400"/>
                  </a:lnTo>
                  <a:lnTo>
                    <a:pt x="66" y="401"/>
                  </a:lnTo>
                  <a:lnTo>
                    <a:pt x="64" y="405"/>
                  </a:lnTo>
                  <a:lnTo>
                    <a:pt x="62" y="406"/>
                  </a:lnTo>
                  <a:lnTo>
                    <a:pt x="62" y="408"/>
                  </a:lnTo>
                  <a:lnTo>
                    <a:pt x="61" y="410"/>
                  </a:lnTo>
                  <a:lnTo>
                    <a:pt x="59" y="410"/>
                  </a:lnTo>
                  <a:lnTo>
                    <a:pt x="56" y="412"/>
                  </a:lnTo>
                  <a:lnTo>
                    <a:pt x="52" y="413"/>
                  </a:lnTo>
                  <a:lnTo>
                    <a:pt x="47" y="417"/>
                  </a:lnTo>
                  <a:lnTo>
                    <a:pt x="42" y="418"/>
                  </a:lnTo>
                  <a:lnTo>
                    <a:pt x="37" y="422"/>
                  </a:lnTo>
                  <a:lnTo>
                    <a:pt x="32" y="423"/>
                  </a:lnTo>
                  <a:lnTo>
                    <a:pt x="27" y="427"/>
                  </a:lnTo>
                  <a:lnTo>
                    <a:pt x="22" y="428"/>
                  </a:lnTo>
                  <a:lnTo>
                    <a:pt x="17" y="432"/>
                  </a:lnTo>
                  <a:lnTo>
                    <a:pt x="12" y="434"/>
                  </a:lnTo>
                  <a:lnTo>
                    <a:pt x="8" y="435"/>
                  </a:lnTo>
                  <a:lnTo>
                    <a:pt x="5" y="437"/>
                  </a:lnTo>
                  <a:lnTo>
                    <a:pt x="1" y="439"/>
                  </a:lnTo>
                  <a:lnTo>
                    <a:pt x="0" y="440"/>
                  </a:lnTo>
                  <a:lnTo>
                    <a:pt x="181" y="413"/>
                  </a:lnTo>
                  <a:lnTo>
                    <a:pt x="193" y="406"/>
                  </a:lnTo>
                  <a:lnTo>
                    <a:pt x="208" y="406"/>
                  </a:lnTo>
                  <a:lnTo>
                    <a:pt x="210" y="406"/>
                  </a:lnTo>
                  <a:lnTo>
                    <a:pt x="213" y="406"/>
                  </a:lnTo>
                  <a:lnTo>
                    <a:pt x="218" y="406"/>
                  </a:lnTo>
                  <a:lnTo>
                    <a:pt x="223" y="405"/>
                  </a:lnTo>
                  <a:lnTo>
                    <a:pt x="230" y="405"/>
                  </a:lnTo>
                  <a:lnTo>
                    <a:pt x="238" y="403"/>
                  </a:lnTo>
                  <a:lnTo>
                    <a:pt x="248" y="403"/>
                  </a:lnTo>
                  <a:lnTo>
                    <a:pt x="259" y="401"/>
                  </a:lnTo>
                  <a:lnTo>
                    <a:pt x="270" y="400"/>
                  </a:lnTo>
                  <a:lnTo>
                    <a:pt x="282" y="398"/>
                  </a:lnTo>
                  <a:lnTo>
                    <a:pt x="296" y="396"/>
                  </a:lnTo>
                  <a:lnTo>
                    <a:pt x="311" y="395"/>
                  </a:lnTo>
                  <a:lnTo>
                    <a:pt x="326" y="393"/>
                  </a:lnTo>
                  <a:lnTo>
                    <a:pt x="343" y="391"/>
                  </a:lnTo>
                  <a:lnTo>
                    <a:pt x="360" y="388"/>
                  </a:lnTo>
                  <a:lnTo>
                    <a:pt x="379" y="386"/>
                  </a:lnTo>
                  <a:lnTo>
                    <a:pt x="399" y="383"/>
                  </a:lnTo>
                  <a:lnTo>
                    <a:pt x="419" y="379"/>
                  </a:lnTo>
                  <a:lnTo>
                    <a:pt x="441" y="376"/>
                  </a:lnTo>
                  <a:lnTo>
                    <a:pt x="463" y="373"/>
                  </a:lnTo>
                  <a:lnTo>
                    <a:pt x="485" y="368"/>
                  </a:lnTo>
                  <a:lnTo>
                    <a:pt x="509" y="364"/>
                  </a:lnTo>
                  <a:lnTo>
                    <a:pt x="534" y="359"/>
                  </a:lnTo>
                  <a:lnTo>
                    <a:pt x="560" y="356"/>
                  </a:lnTo>
                  <a:lnTo>
                    <a:pt x="585" y="351"/>
                  </a:lnTo>
                  <a:lnTo>
                    <a:pt x="612" y="344"/>
                  </a:lnTo>
                  <a:lnTo>
                    <a:pt x="639" y="339"/>
                  </a:lnTo>
                  <a:lnTo>
                    <a:pt x="668" y="332"/>
                  </a:lnTo>
                  <a:lnTo>
                    <a:pt x="697" y="327"/>
                  </a:lnTo>
                  <a:lnTo>
                    <a:pt x="726" y="320"/>
                  </a:lnTo>
                  <a:lnTo>
                    <a:pt x="756" y="312"/>
                  </a:lnTo>
                  <a:lnTo>
                    <a:pt x="761" y="310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383" name="Freeform 56"/>
            <p:cNvSpPr>
              <a:spLocks/>
            </p:cNvSpPr>
            <p:nvPr/>
          </p:nvSpPr>
          <p:spPr bwMode="auto">
            <a:xfrm>
              <a:off x="2028" y="1485"/>
              <a:ext cx="671" cy="471"/>
            </a:xfrm>
            <a:custGeom>
              <a:avLst/>
              <a:gdLst>
                <a:gd name="T0" fmla="*/ 341 w 690"/>
                <a:gd name="T1" fmla="*/ 339 h 476"/>
                <a:gd name="T2" fmla="*/ 355 w 690"/>
                <a:gd name="T3" fmla="*/ 352 h 476"/>
                <a:gd name="T4" fmla="*/ 363 w 690"/>
                <a:gd name="T5" fmla="*/ 361 h 476"/>
                <a:gd name="T6" fmla="*/ 371 w 690"/>
                <a:gd name="T7" fmla="*/ 366 h 476"/>
                <a:gd name="T8" fmla="*/ 377 w 690"/>
                <a:gd name="T9" fmla="*/ 357 h 476"/>
                <a:gd name="T10" fmla="*/ 415 w 690"/>
                <a:gd name="T11" fmla="*/ 354 h 476"/>
                <a:gd name="T12" fmla="*/ 429 w 690"/>
                <a:gd name="T13" fmla="*/ 366 h 476"/>
                <a:gd name="T14" fmla="*/ 435 w 690"/>
                <a:gd name="T15" fmla="*/ 369 h 476"/>
                <a:gd name="T16" fmla="*/ 448 w 690"/>
                <a:gd name="T17" fmla="*/ 377 h 476"/>
                <a:gd name="T18" fmla="*/ 453 w 690"/>
                <a:gd name="T19" fmla="*/ 389 h 476"/>
                <a:gd name="T20" fmla="*/ 456 w 690"/>
                <a:gd name="T21" fmla="*/ 396 h 476"/>
                <a:gd name="T22" fmla="*/ 463 w 690"/>
                <a:gd name="T23" fmla="*/ 404 h 476"/>
                <a:gd name="T24" fmla="*/ 467 w 690"/>
                <a:gd name="T25" fmla="*/ 410 h 476"/>
                <a:gd name="T26" fmla="*/ 462 w 690"/>
                <a:gd name="T27" fmla="*/ 381 h 476"/>
                <a:gd name="T28" fmla="*/ 466 w 690"/>
                <a:gd name="T29" fmla="*/ 315 h 476"/>
                <a:gd name="T30" fmla="*/ 460 w 690"/>
                <a:gd name="T31" fmla="*/ 305 h 476"/>
                <a:gd name="T32" fmla="*/ 458 w 690"/>
                <a:gd name="T33" fmla="*/ 288 h 476"/>
                <a:gd name="T34" fmla="*/ 465 w 690"/>
                <a:gd name="T35" fmla="*/ 86 h 476"/>
                <a:gd name="T36" fmla="*/ 456 w 690"/>
                <a:gd name="T37" fmla="*/ 76 h 476"/>
                <a:gd name="T38" fmla="*/ 448 w 690"/>
                <a:gd name="T39" fmla="*/ 66 h 476"/>
                <a:gd name="T40" fmla="*/ 442 w 690"/>
                <a:gd name="T41" fmla="*/ 59 h 476"/>
                <a:gd name="T42" fmla="*/ 445 w 690"/>
                <a:gd name="T43" fmla="*/ 47 h 476"/>
                <a:gd name="T44" fmla="*/ 449 w 690"/>
                <a:gd name="T45" fmla="*/ 47 h 476"/>
                <a:gd name="T46" fmla="*/ 459 w 690"/>
                <a:gd name="T47" fmla="*/ 26 h 476"/>
                <a:gd name="T48" fmla="*/ 454 w 690"/>
                <a:gd name="T49" fmla="*/ 27 h 476"/>
                <a:gd name="T50" fmla="*/ 433 w 690"/>
                <a:gd name="T51" fmla="*/ 26 h 476"/>
                <a:gd name="T52" fmla="*/ 395 w 690"/>
                <a:gd name="T53" fmla="*/ 24 h 476"/>
                <a:gd name="T54" fmla="*/ 348 w 690"/>
                <a:gd name="T55" fmla="*/ 22 h 476"/>
                <a:gd name="T56" fmla="*/ 292 w 690"/>
                <a:gd name="T57" fmla="*/ 19 h 476"/>
                <a:gd name="T58" fmla="*/ 234 w 690"/>
                <a:gd name="T59" fmla="*/ 17 h 476"/>
                <a:gd name="T60" fmla="*/ 177 w 690"/>
                <a:gd name="T61" fmla="*/ 14 h 476"/>
                <a:gd name="T62" fmla="*/ 122 w 690"/>
                <a:gd name="T63" fmla="*/ 10 h 476"/>
                <a:gd name="T64" fmla="*/ 76 w 690"/>
                <a:gd name="T65" fmla="*/ 7 h 476"/>
                <a:gd name="T66" fmla="*/ 43 w 690"/>
                <a:gd name="T67" fmla="*/ 4 h 476"/>
                <a:gd name="T68" fmla="*/ 18 w 690"/>
                <a:gd name="T69" fmla="*/ 0 h 476"/>
                <a:gd name="T70" fmla="*/ 0 w 690"/>
                <a:gd name="T71" fmla="*/ 315 h 476"/>
                <a:gd name="T72" fmla="*/ 18 w 690"/>
                <a:gd name="T73" fmla="*/ 318 h 476"/>
                <a:gd name="T74" fmla="*/ 45 w 690"/>
                <a:gd name="T75" fmla="*/ 321 h 476"/>
                <a:gd name="T76" fmla="*/ 80 w 690"/>
                <a:gd name="T77" fmla="*/ 321 h 476"/>
                <a:gd name="T78" fmla="*/ 121 w 690"/>
                <a:gd name="T79" fmla="*/ 324 h 476"/>
                <a:gd name="T80" fmla="*/ 165 w 690"/>
                <a:gd name="T81" fmla="*/ 327 h 476"/>
                <a:gd name="T82" fmla="*/ 211 w 690"/>
                <a:gd name="T83" fmla="*/ 329 h 476"/>
                <a:gd name="T84" fmla="*/ 254 w 690"/>
                <a:gd name="T85" fmla="*/ 330 h 476"/>
                <a:gd name="T86" fmla="*/ 289 w 690"/>
                <a:gd name="T87" fmla="*/ 332 h 476"/>
                <a:gd name="T88" fmla="*/ 317 w 690"/>
                <a:gd name="T89" fmla="*/ 334 h 476"/>
                <a:gd name="T90" fmla="*/ 333 w 690"/>
                <a:gd name="T91" fmla="*/ 335 h 47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w 690"/>
                <a:gd name="T139" fmla="*/ 0 h 476"/>
                <a:gd name="T140" fmla="*/ 690 w 690"/>
                <a:gd name="T141" fmla="*/ 476 h 47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T138" t="T139" r="T140" b="T141"/>
              <a:pathLst>
                <a:path w="690" h="476">
                  <a:moveTo>
                    <a:pt x="497" y="391"/>
                  </a:moveTo>
                  <a:lnTo>
                    <a:pt x="499" y="391"/>
                  </a:lnTo>
                  <a:lnTo>
                    <a:pt x="504" y="395"/>
                  </a:lnTo>
                  <a:lnTo>
                    <a:pt x="511" y="398"/>
                  </a:lnTo>
                  <a:lnTo>
                    <a:pt x="518" y="403"/>
                  </a:lnTo>
                  <a:lnTo>
                    <a:pt x="525" y="408"/>
                  </a:lnTo>
                  <a:lnTo>
                    <a:pt x="531" y="412"/>
                  </a:lnTo>
                  <a:lnTo>
                    <a:pt x="536" y="415"/>
                  </a:lnTo>
                  <a:lnTo>
                    <a:pt x="538" y="417"/>
                  </a:lnTo>
                  <a:lnTo>
                    <a:pt x="541" y="420"/>
                  </a:lnTo>
                  <a:lnTo>
                    <a:pt x="545" y="422"/>
                  </a:lnTo>
                  <a:lnTo>
                    <a:pt x="548" y="422"/>
                  </a:lnTo>
                  <a:lnTo>
                    <a:pt x="552" y="418"/>
                  </a:lnTo>
                  <a:lnTo>
                    <a:pt x="555" y="417"/>
                  </a:lnTo>
                  <a:lnTo>
                    <a:pt x="558" y="413"/>
                  </a:lnTo>
                  <a:lnTo>
                    <a:pt x="560" y="412"/>
                  </a:lnTo>
                  <a:lnTo>
                    <a:pt x="560" y="410"/>
                  </a:lnTo>
                  <a:lnTo>
                    <a:pt x="613" y="410"/>
                  </a:lnTo>
                  <a:lnTo>
                    <a:pt x="624" y="420"/>
                  </a:lnTo>
                  <a:lnTo>
                    <a:pt x="635" y="420"/>
                  </a:lnTo>
                  <a:lnTo>
                    <a:pt x="635" y="422"/>
                  </a:lnTo>
                  <a:lnTo>
                    <a:pt x="638" y="423"/>
                  </a:lnTo>
                  <a:lnTo>
                    <a:pt x="641" y="425"/>
                  </a:lnTo>
                  <a:lnTo>
                    <a:pt x="643" y="425"/>
                  </a:lnTo>
                  <a:lnTo>
                    <a:pt x="651" y="427"/>
                  </a:lnTo>
                  <a:lnTo>
                    <a:pt x="657" y="430"/>
                  </a:lnTo>
                  <a:lnTo>
                    <a:pt x="662" y="435"/>
                  </a:lnTo>
                  <a:lnTo>
                    <a:pt x="665" y="440"/>
                  </a:lnTo>
                  <a:lnTo>
                    <a:pt x="668" y="445"/>
                  </a:lnTo>
                  <a:lnTo>
                    <a:pt x="670" y="450"/>
                  </a:lnTo>
                  <a:lnTo>
                    <a:pt x="672" y="454"/>
                  </a:lnTo>
                  <a:lnTo>
                    <a:pt x="673" y="456"/>
                  </a:lnTo>
                  <a:lnTo>
                    <a:pt x="675" y="459"/>
                  </a:lnTo>
                  <a:lnTo>
                    <a:pt x="679" y="461"/>
                  </a:lnTo>
                  <a:lnTo>
                    <a:pt x="682" y="466"/>
                  </a:lnTo>
                  <a:lnTo>
                    <a:pt x="684" y="469"/>
                  </a:lnTo>
                  <a:lnTo>
                    <a:pt x="687" y="471"/>
                  </a:lnTo>
                  <a:lnTo>
                    <a:pt x="689" y="474"/>
                  </a:lnTo>
                  <a:lnTo>
                    <a:pt x="690" y="476"/>
                  </a:lnTo>
                  <a:lnTo>
                    <a:pt x="690" y="461"/>
                  </a:lnTo>
                  <a:lnTo>
                    <a:pt x="682" y="440"/>
                  </a:lnTo>
                  <a:lnTo>
                    <a:pt x="673" y="428"/>
                  </a:lnTo>
                  <a:lnTo>
                    <a:pt x="675" y="420"/>
                  </a:lnTo>
                  <a:lnTo>
                    <a:pt x="689" y="366"/>
                  </a:lnTo>
                  <a:lnTo>
                    <a:pt x="675" y="366"/>
                  </a:lnTo>
                  <a:lnTo>
                    <a:pt x="677" y="357"/>
                  </a:lnTo>
                  <a:lnTo>
                    <a:pt x="680" y="352"/>
                  </a:lnTo>
                  <a:lnTo>
                    <a:pt x="679" y="344"/>
                  </a:lnTo>
                  <a:lnTo>
                    <a:pt x="675" y="335"/>
                  </a:lnTo>
                  <a:lnTo>
                    <a:pt x="677" y="330"/>
                  </a:lnTo>
                  <a:lnTo>
                    <a:pt x="689" y="330"/>
                  </a:lnTo>
                  <a:lnTo>
                    <a:pt x="689" y="102"/>
                  </a:lnTo>
                  <a:lnTo>
                    <a:pt x="687" y="100"/>
                  </a:lnTo>
                  <a:lnTo>
                    <a:pt x="685" y="98"/>
                  </a:lnTo>
                  <a:lnTo>
                    <a:pt x="680" y="95"/>
                  </a:lnTo>
                  <a:lnTo>
                    <a:pt x="675" y="90"/>
                  </a:lnTo>
                  <a:lnTo>
                    <a:pt x="670" y="87"/>
                  </a:lnTo>
                  <a:lnTo>
                    <a:pt x="665" y="83"/>
                  </a:lnTo>
                  <a:lnTo>
                    <a:pt x="662" y="80"/>
                  </a:lnTo>
                  <a:lnTo>
                    <a:pt x="660" y="80"/>
                  </a:lnTo>
                  <a:lnTo>
                    <a:pt x="657" y="76"/>
                  </a:lnTo>
                  <a:lnTo>
                    <a:pt x="655" y="73"/>
                  </a:lnTo>
                  <a:lnTo>
                    <a:pt x="655" y="68"/>
                  </a:lnTo>
                  <a:lnTo>
                    <a:pt x="657" y="65"/>
                  </a:lnTo>
                  <a:lnTo>
                    <a:pt x="658" y="61"/>
                  </a:lnTo>
                  <a:lnTo>
                    <a:pt x="660" y="58"/>
                  </a:lnTo>
                  <a:lnTo>
                    <a:pt x="662" y="56"/>
                  </a:lnTo>
                  <a:lnTo>
                    <a:pt x="663" y="54"/>
                  </a:lnTo>
                  <a:lnTo>
                    <a:pt x="679" y="36"/>
                  </a:lnTo>
                  <a:lnTo>
                    <a:pt x="677" y="27"/>
                  </a:lnTo>
                  <a:lnTo>
                    <a:pt x="679" y="26"/>
                  </a:lnTo>
                  <a:lnTo>
                    <a:pt x="679" y="27"/>
                  </a:lnTo>
                  <a:lnTo>
                    <a:pt x="677" y="27"/>
                  </a:lnTo>
                  <a:lnTo>
                    <a:pt x="672" y="27"/>
                  </a:lnTo>
                  <a:lnTo>
                    <a:pt x="663" y="26"/>
                  </a:lnTo>
                  <a:lnTo>
                    <a:pt x="653" y="26"/>
                  </a:lnTo>
                  <a:lnTo>
                    <a:pt x="640" y="26"/>
                  </a:lnTo>
                  <a:lnTo>
                    <a:pt x="623" y="26"/>
                  </a:lnTo>
                  <a:lnTo>
                    <a:pt x="606" y="24"/>
                  </a:lnTo>
                  <a:lnTo>
                    <a:pt x="585" y="24"/>
                  </a:lnTo>
                  <a:lnTo>
                    <a:pt x="563" y="24"/>
                  </a:lnTo>
                  <a:lnTo>
                    <a:pt x="540" y="22"/>
                  </a:lnTo>
                  <a:lnTo>
                    <a:pt x="514" y="22"/>
                  </a:lnTo>
                  <a:lnTo>
                    <a:pt x="489" y="22"/>
                  </a:lnTo>
                  <a:lnTo>
                    <a:pt x="462" y="21"/>
                  </a:lnTo>
                  <a:lnTo>
                    <a:pt x="433" y="19"/>
                  </a:lnTo>
                  <a:lnTo>
                    <a:pt x="404" y="19"/>
                  </a:lnTo>
                  <a:lnTo>
                    <a:pt x="376" y="17"/>
                  </a:lnTo>
                  <a:lnTo>
                    <a:pt x="347" y="17"/>
                  </a:lnTo>
                  <a:lnTo>
                    <a:pt x="318" y="16"/>
                  </a:lnTo>
                  <a:lnTo>
                    <a:pt x="289" y="14"/>
                  </a:lnTo>
                  <a:lnTo>
                    <a:pt x="261" y="14"/>
                  </a:lnTo>
                  <a:lnTo>
                    <a:pt x="233" y="12"/>
                  </a:lnTo>
                  <a:lnTo>
                    <a:pt x="206" y="10"/>
                  </a:lnTo>
                  <a:lnTo>
                    <a:pt x="181" y="10"/>
                  </a:lnTo>
                  <a:lnTo>
                    <a:pt x="156" y="9"/>
                  </a:lnTo>
                  <a:lnTo>
                    <a:pt x="134" y="9"/>
                  </a:lnTo>
                  <a:lnTo>
                    <a:pt x="112" y="7"/>
                  </a:lnTo>
                  <a:lnTo>
                    <a:pt x="93" y="5"/>
                  </a:lnTo>
                  <a:lnTo>
                    <a:pt x="76" y="4"/>
                  </a:lnTo>
                  <a:lnTo>
                    <a:pt x="61" y="4"/>
                  </a:lnTo>
                  <a:lnTo>
                    <a:pt x="49" y="2"/>
                  </a:lnTo>
                  <a:lnTo>
                    <a:pt x="39" y="0"/>
                  </a:lnTo>
                  <a:lnTo>
                    <a:pt x="32" y="0"/>
                  </a:lnTo>
                  <a:lnTo>
                    <a:pt x="22" y="119"/>
                  </a:lnTo>
                  <a:lnTo>
                    <a:pt x="22" y="117"/>
                  </a:lnTo>
                  <a:lnTo>
                    <a:pt x="0" y="366"/>
                  </a:lnTo>
                  <a:lnTo>
                    <a:pt x="7" y="368"/>
                  </a:lnTo>
                  <a:lnTo>
                    <a:pt x="13" y="368"/>
                  </a:lnTo>
                  <a:lnTo>
                    <a:pt x="24" y="369"/>
                  </a:lnTo>
                  <a:lnTo>
                    <a:pt x="35" y="369"/>
                  </a:lnTo>
                  <a:lnTo>
                    <a:pt x="49" y="371"/>
                  </a:lnTo>
                  <a:lnTo>
                    <a:pt x="64" y="373"/>
                  </a:lnTo>
                  <a:lnTo>
                    <a:pt x="81" y="373"/>
                  </a:lnTo>
                  <a:lnTo>
                    <a:pt x="98" y="374"/>
                  </a:lnTo>
                  <a:lnTo>
                    <a:pt x="118" y="374"/>
                  </a:lnTo>
                  <a:lnTo>
                    <a:pt x="137" y="376"/>
                  </a:lnTo>
                  <a:lnTo>
                    <a:pt x="157" y="378"/>
                  </a:lnTo>
                  <a:lnTo>
                    <a:pt x="179" y="378"/>
                  </a:lnTo>
                  <a:lnTo>
                    <a:pt x="201" y="379"/>
                  </a:lnTo>
                  <a:lnTo>
                    <a:pt x="223" y="379"/>
                  </a:lnTo>
                  <a:lnTo>
                    <a:pt x="245" y="381"/>
                  </a:lnTo>
                  <a:lnTo>
                    <a:pt x="267" y="381"/>
                  </a:lnTo>
                  <a:lnTo>
                    <a:pt x="289" y="383"/>
                  </a:lnTo>
                  <a:lnTo>
                    <a:pt x="311" y="384"/>
                  </a:lnTo>
                  <a:lnTo>
                    <a:pt x="333" y="384"/>
                  </a:lnTo>
                  <a:lnTo>
                    <a:pt x="354" y="386"/>
                  </a:lnTo>
                  <a:lnTo>
                    <a:pt x="374" y="386"/>
                  </a:lnTo>
                  <a:lnTo>
                    <a:pt x="393" y="386"/>
                  </a:lnTo>
                  <a:lnTo>
                    <a:pt x="409" y="388"/>
                  </a:lnTo>
                  <a:lnTo>
                    <a:pt x="426" y="388"/>
                  </a:lnTo>
                  <a:lnTo>
                    <a:pt x="443" y="390"/>
                  </a:lnTo>
                  <a:lnTo>
                    <a:pt x="457" y="390"/>
                  </a:lnTo>
                  <a:lnTo>
                    <a:pt x="469" y="390"/>
                  </a:lnTo>
                  <a:lnTo>
                    <a:pt x="479" y="390"/>
                  </a:lnTo>
                  <a:lnTo>
                    <a:pt x="487" y="390"/>
                  </a:lnTo>
                  <a:lnTo>
                    <a:pt x="492" y="391"/>
                  </a:lnTo>
                  <a:lnTo>
                    <a:pt x="496" y="391"/>
                  </a:lnTo>
                  <a:lnTo>
                    <a:pt x="497" y="391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384" name="Freeform 57"/>
            <p:cNvSpPr>
              <a:spLocks/>
            </p:cNvSpPr>
            <p:nvPr/>
          </p:nvSpPr>
          <p:spPr bwMode="auto">
            <a:xfrm>
              <a:off x="2059" y="1121"/>
              <a:ext cx="630" cy="394"/>
            </a:xfrm>
            <a:custGeom>
              <a:avLst/>
              <a:gdLst>
                <a:gd name="T0" fmla="*/ 0 w 648"/>
                <a:gd name="T1" fmla="*/ 246 h 406"/>
                <a:gd name="T2" fmla="*/ 0 w 648"/>
                <a:gd name="T3" fmla="*/ 233 h 406"/>
                <a:gd name="T4" fmla="*/ 3 w 648"/>
                <a:gd name="T5" fmla="*/ 209 h 406"/>
                <a:gd name="T6" fmla="*/ 7 w 648"/>
                <a:gd name="T7" fmla="*/ 180 h 406"/>
                <a:gd name="T8" fmla="*/ 10 w 648"/>
                <a:gd name="T9" fmla="*/ 147 h 406"/>
                <a:gd name="T10" fmla="*/ 15 w 648"/>
                <a:gd name="T11" fmla="*/ 112 h 406"/>
                <a:gd name="T12" fmla="*/ 18 w 648"/>
                <a:gd name="T13" fmla="*/ 79 h 406"/>
                <a:gd name="T14" fmla="*/ 18 w 648"/>
                <a:gd name="T15" fmla="*/ 47 h 406"/>
                <a:gd name="T16" fmla="*/ 18 w 648"/>
                <a:gd name="T17" fmla="*/ 22 h 406"/>
                <a:gd name="T18" fmla="*/ 18 w 648"/>
                <a:gd name="T19" fmla="*/ 9 h 406"/>
                <a:gd name="T20" fmla="*/ 18 w 648"/>
                <a:gd name="T21" fmla="*/ 0 h 406"/>
                <a:gd name="T22" fmla="*/ 22 w 648"/>
                <a:gd name="T23" fmla="*/ 4 h 406"/>
                <a:gd name="T24" fmla="*/ 44 w 648"/>
                <a:gd name="T25" fmla="*/ 4 h 406"/>
                <a:gd name="T26" fmla="*/ 73 w 648"/>
                <a:gd name="T27" fmla="*/ 7 h 406"/>
                <a:gd name="T28" fmla="*/ 111 w 648"/>
                <a:gd name="T29" fmla="*/ 9 h 406"/>
                <a:gd name="T30" fmla="*/ 157 w 648"/>
                <a:gd name="T31" fmla="*/ 12 h 406"/>
                <a:gd name="T32" fmla="*/ 207 w 648"/>
                <a:gd name="T33" fmla="*/ 15 h 406"/>
                <a:gd name="T34" fmla="*/ 256 w 648"/>
                <a:gd name="T35" fmla="*/ 16 h 406"/>
                <a:gd name="T36" fmla="*/ 303 w 648"/>
                <a:gd name="T37" fmla="*/ 16 h 406"/>
                <a:gd name="T38" fmla="*/ 345 w 648"/>
                <a:gd name="T39" fmla="*/ 16 h 406"/>
                <a:gd name="T40" fmla="*/ 379 w 648"/>
                <a:gd name="T41" fmla="*/ 16 h 406"/>
                <a:gd name="T42" fmla="*/ 401 w 648"/>
                <a:gd name="T43" fmla="*/ 16 h 406"/>
                <a:gd name="T44" fmla="*/ 405 w 648"/>
                <a:gd name="T45" fmla="*/ 44 h 406"/>
                <a:gd name="T46" fmla="*/ 403 w 648"/>
                <a:gd name="T47" fmla="*/ 56 h 406"/>
                <a:gd name="T48" fmla="*/ 403 w 648"/>
                <a:gd name="T49" fmla="*/ 73 h 406"/>
                <a:gd name="T50" fmla="*/ 405 w 648"/>
                <a:gd name="T51" fmla="*/ 91 h 406"/>
                <a:gd name="T52" fmla="*/ 410 w 648"/>
                <a:gd name="T53" fmla="*/ 108 h 406"/>
                <a:gd name="T54" fmla="*/ 415 w 648"/>
                <a:gd name="T55" fmla="*/ 116 h 406"/>
                <a:gd name="T56" fmla="*/ 417 w 648"/>
                <a:gd name="T57" fmla="*/ 128 h 406"/>
                <a:gd name="T58" fmla="*/ 421 w 648"/>
                <a:gd name="T59" fmla="*/ 147 h 406"/>
                <a:gd name="T60" fmla="*/ 422 w 648"/>
                <a:gd name="T61" fmla="*/ 159 h 406"/>
                <a:gd name="T62" fmla="*/ 422 w 648"/>
                <a:gd name="T63" fmla="*/ 173 h 406"/>
                <a:gd name="T64" fmla="*/ 422 w 648"/>
                <a:gd name="T65" fmla="*/ 180 h 406"/>
                <a:gd name="T66" fmla="*/ 426 w 648"/>
                <a:gd name="T67" fmla="*/ 224 h 406"/>
                <a:gd name="T68" fmla="*/ 436 w 648"/>
                <a:gd name="T69" fmla="*/ 266 h 406"/>
                <a:gd name="T70" fmla="*/ 432 w 648"/>
                <a:gd name="T71" fmla="*/ 267 h 406"/>
                <a:gd name="T72" fmla="*/ 410 w 648"/>
                <a:gd name="T73" fmla="*/ 266 h 406"/>
                <a:gd name="T74" fmla="*/ 372 w 648"/>
                <a:gd name="T75" fmla="*/ 264 h 406"/>
                <a:gd name="T76" fmla="*/ 325 w 648"/>
                <a:gd name="T77" fmla="*/ 263 h 406"/>
                <a:gd name="T78" fmla="*/ 270 w 648"/>
                <a:gd name="T79" fmla="*/ 262 h 406"/>
                <a:gd name="T80" fmla="*/ 213 w 648"/>
                <a:gd name="T81" fmla="*/ 261 h 406"/>
                <a:gd name="T82" fmla="*/ 154 w 648"/>
                <a:gd name="T83" fmla="*/ 258 h 406"/>
                <a:gd name="T84" fmla="*/ 101 w 648"/>
                <a:gd name="T85" fmla="*/ 255 h 406"/>
                <a:gd name="T86" fmla="*/ 52 w 648"/>
                <a:gd name="T87" fmla="*/ 254 h 406"/>
                <a:gd name="T88" fmla="*/ 18 w 648"/>
                <a:gd name="T89" fmla="*/ 252 h 406"/>
                <a:gd name="T90" fmla="*/ 0 w 648"/>
                <a:gd name="T91" fmla="*/ 248 h 40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w 648"/>
                <a:gd name="T139" fmla="*/ 0 h 406"/>
                <a:gd name="T140" fmla="*/ 648 w 648"/>
                <a:gd name="T141" fmla="*/ 406 h 40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T138" t="T139" r="T140" b="T141"/>
              <a:pathLst>
                <a:path w="648" h="406">
                  <a:moveTo>
                    <a:pt x="0" y="379"/>
                  </a:moveTo>
                  <a:lnTo>
                    <a:pt x="0" y="378"/>
                  </a:lnTo>
                  <a:lnTo>
                    <a:pt x="0" y="374"/>
                  </a:lnTo>
                  <a:lnTo>
                    <a:pt x="0" y="369"/>
                  </a:lnTo>
                  <a:lnTo>
                    <a:pt x="0" y="362"/>
                  </a:lnTo>
                  <a:lnTo>
                    <a:pt x="0" y="354"/>
                  </a:lnTo>
                  <a:lnTo>
                    <a:pt x="2" y="344"/>
                  </a:lnTo>
                  <a:lnTo>
                    <a:pt x="2" y="332"/>
                  </a:lnTo>
                  <a:lnTo>
                    <a:pt x="3" y="318"/>
                  </a:lnTo>
                  <a:lnTo>
                    <a:pt x="3" y="305"/>
                  </a:lnTo>
                  <a:lnTo>
                    <a:pt x="5" y="291"/>
                  </a:lnTo>
                  <a:lnTo>
                    <a:pt x="7" y="274"/>
                  </a:lnTo>
                  <a:lnTo>
                    <a:pt x="9" y="259"/>
                  </a:lnTo>
                  <a:lnTo>
                    <a:pt x="9" y="242"/>
                  </a:lnTo>
                  <a:lnTo>
                    <a:pt x="10" y="224"/>
                  </a:lnTo>
                  <a:lnTo>
                    <a:pt x="12" y="207"/>
                  </a:lnTo>
                  <a:lnTo>
                    <a:pt x="14" y="190"/>
                  </a:lnTo>
                  <a:lnTo>
                    <a:pt x="15" y="171"/>
                  </a:lnTo>
                  <a:lnTo>
                    <a:pt x="17" y="154"/>
                  </a:lnTo>
                  <a:lnTo>
                    <a:pt x="17" y="137"/>
                  </a:lnTo>
                  <a:lnTo>
                    <a:pt x="19" y="120"/>
                  </a:lnTo>
                  <a:lnTo>
                    <a:pt x="20" y="103"/>
                  </a:lnTo>
                  <a:lnTo>
                    <a:pt x="22" y="88"/>
                  </a:lnTo>
                  <a:lnTo>
                    <a:pt x="24" y="73"/>
                  </a:lnTo>
                  <a:lnTo>
                    <a:pt x="25" y="59"/>
                  </a:lnTo>
                  <a:lnTo>
                    <a:pt x="25" y="46"/>
                  </a:lnTo>
                  <a:lnTo>
                    <a:pt x="27" y="36"/>
                  </a:lnTo>
                  <a:lnTo>
                    <a:pt x="27" y="26"/>
                  </a:lnTo>
                  <a:lnTo>
                    <a:pt x="29" y="17"/>
                  </a:lnTo>
                  <a:lnTo>
                    <a:pt x="29" y="9"/>
                  </a:lnTo>
                  <a:lnTo>
                    <a:pt x="29" y="5"/>
                  </a:lnTo>
                  <a:lnTo>
                    <a:pt x="31" y="2"/>
                  </a:lnTo>
                  <a:lnTo>
                    <a:pt x="31" y="0"/>
                  </a:lnTo>
                  <a:lnTo>
                    <a:pt x="31" y="2"/>
                  </a:lnTo>
                  <a:lnTo>
                    <a:pt x="32" y="2"/>
                  </a:lnTo>
                  <a:lnTo>
                    <a:pt x="36" y="4"/>
                  </a:lnTo>
                  <a:lnTo>
                    <a:pt x="42" y="4"/>
                  </a:lnTo>
                  <a:lnTo>
                    <a:pt x="51" y="4"/>
                  </a:lnTo>
                  <a:lnTo>
                    <a:pt x="63" y="4"/>
                  </a:lnTo>
                  <a:lnTo>
                    <a:pt x="75" y="5"/>
                  </a:lnTo>
                  <a:lnTo>
                    <a:pt x="90" y="5"/>
                  </a:lnTo>
                  <a:lnTo>
                    <a:pt x="107" y="7"/>
                  </a:lnTo>
                  <a:lnTo>
                    <a:pt x="125" y="7"/>
                  </a:lnTo>
                  <a:lnTo>
                    <a:pt x="144" y="9"/>
                  </a:lnTo>
                  <a:lnTo>
                    <a:pt x="164" y="9"/>
                  </a:lnTo>
                  <a:lnTo>
                    <a:pt x="186" y="10"/>
                  </a:lnTo>
                  <a:lnTo>
                    <a:pt x="210" y="12"/>
                  </a:lnTo>
                  <a:lnTo>
                    <a:pt x="232" y="12"/>
                  </a:lnTo>
                  <a:lnTo>
                    <a:pt x="257" y="14"/>
                  </a:lnTo>
                  <a:lnTo>
                    <a:pt x="281" y="14"/>
                  </a:lnTo>
                  <a:lnTo>
                    <a:pt x="306" y="15"/>
                  </a:lnTo>
                  <a:lnTo>
                    <a:pt x="330" y="17"/>
                  </a:lnTo>
                  <a:lnTo>
                    <a:pt x="355" y="17"/>
                  </a:lnTo>
                  <a:lnTo>
                    <a:pt x="379" y="19"/>
                  </a:lnTo>
                  <a:lnTo>
                    <a:pt x="403" y="21"/>
                  </a:lnTo>
                  <a:lnTo>
                    <a:pt x="427" y="21"/>
                  </a:lnTo>
                  <a:lnTo>
                    <a:pt x="450" y="22"/>
                  </a:lnTo>
                  <a:lnTo>
                    <a:pt x="471" y="22"/>
                  </a:lnTo>
                  <a:lnTo>
                    <a:pt x="491" y="24"/>
                  </a:lnTo>
                  <a:lnTo>
                    <a:pt x="511" y="24"/>
                  </a:lnTo>
                  <a:lnTo>
                    <a:pt x="530" y="24"/>
                  </a:lnTo>
                  <a:lnTo>
                    <a:pt x="547" y="26"/>
                  </a:lnTo>
                  <a:lnTo>
                    <a:pt x="562" y="26"/>
                  </a:lnTo>
                  <a:lnTo>
                    <a:pt x="574" y="26"/>
                  </a:lnTo>
                  <a:lnTo>
                    <a:pt x="586" y="26"/>
                  </a:lnTo>
                  <a:lnTo>
                    <a:pt x="594" y="26"/>
                  </a:lnTo>
                  <a:lnTo>
                    <a:pt x="601" y="63"/>
                  </a:lnTo>
                  <a:lnTo>
                    <a:pt x="601" y="65"/>
                  </a:lnTo>
                  <a:lnTo>
                    <a:pt x="601" y="66"/>
                  </a:lnTo>
                  <a:lnTo>
                    <a:pt x="601" y="71"/>
                  </a:lnTo>
                  <a:lnTo>
                    <a:pt x="599" y="78"/>
                  </a:lnTo>
                  <a:lnTo>
                    <a:pt x="599" y="85"/>
                  </a:lnTo>
                  <a:lnTo>
                    <a:pt x="599" y="92"/>
                  </a:lnTo>
                  <a:lnTo>
                    <a:pt x="599" y="102"/>
                  </a:lnTo>
                  <a:lnTo>
                    <a:pt x="599" y="110"/>
                  </a:lnTo>
                  <a:lnTo>
                    <a:pt x="599" y="120"/>
                  </a:lnTo>
                  <a:lnTo>
                    <a:pt x="601" y="131"/>
                  </a:lnTo>
                  <a:lnTo>
                    <a:pt x="601" y="139"/>
                  </a:lnTo>
                  <a:lnTo>
                    <a:pt x="603" y="147"/>
                  </a:lnTo>
                  <a:lnTo>
                    <a:pt x="604" y="156"/>
                  </a:lnTo>
                  <a:lnTo>
                    <a:pt x="608" y="164"/>
                  </a:lnTo>
                  <a:lnTo>
                    <a:pt x="611" y="171"/>
                  </a:lnTo>
                  <a:lnTo>
                    <a:pt x="616" y="176"/>
                  </a:lnTo>
                  <a:lnTo>
                    <a:pt x="616" y="178"/>
                  </a:lnTo>
                  <a:lnTo>
                    <a:pt x="616" y="181"/>
                  </a:lnTo>
                  <a:lnTo>
                    <a:pt x="618" y="186"/>
                  </a:lnTo>
                  <a:lnTo>
                    <a:pt x="619" y="195"/>
                  </a:lnTo>
                  <a:lnTo>
                    <a:pt x="621" y="203"/>
                  </a:lnTo>
                  <a:lnTo>
                    <a:pt x="623" y="213"/>
                  </a:lnTo>
                  <a:lnTo>
                    <a:pt x="623" y="224"/>
                  </a:lnTo>
                  <a:lnTo>
                    <a:pt x="625" y="234"/>
                  </a:lnTo>
                  <a:lnTo>
                    <a:pt x="625" y="237"/>
                  </a:lnTo>
                  <a:lnTo>
                    <a:pt x="625" y="242"/>
                  </a:lnTo>
                  <a:lnTo>
                    <a:pt x="625" y="249"/>
                  </a:lnTo>
                  <a:lnTo>
                    <a:pt x="625" y="256"/>
                  </a:lnTo>
                  <a:lnTo>
                    <a:pt x="625" y="263"/>
                  </a:lnTo>
                  <a:lnTo>
                    <a:pt x="625" y="268"/>
                  </a:lnTo>
                  <a:lnTo>
                    <a:pt x="625" y="273"/>
                  </a:lnTo>
                  <a:lnTo>
                    <a:pt x="625" y="274"/>
                  </a:lnTo>
                  <a:lnTo>
                    <a:pt x="633" y="288"/>
                  </a:lnTo>
                  <a:lnTo>
                    <a:pt x="630" y="310"/>
                  </a:lnTo>
                  <a:lnTo>
                    <a:pt x="633" y="340"/>
                  </a:lnTo>
                  <a:lnTo>
                    <a:pt x="643" y="354"/>
                  </a:lnTo>
                  <a:lnTo>
                    <a:pt x="648" y="367"/>
                  </a:lnTo>
                  <a:lnTo>
                    <a:pt x="647" y="405"/>
                  </a:lnTo>
                  <a:lnTo>
                    <a:pt x="647" y="406"/>
                  </a:lnTo>
                  <a:lnTo>
                    <a:pt x="645" y="406"/>
                  </a:lnTo>
                  <a:lnTo>
                    <a:pt x="640" y="406"/>
                  </a:lnTo>
                  <a:lnTo>
                    <a:pt x="631" y="405"/>
                  </a:lnTo>
                  <a:lnTo>
                    <a:pt x="621" y="405"/>
                  </a:lnTo>
                  <a:lnTo>
                    <a:pt x="608" y="405"/>
                  </a:lnTo>
                  <a:lnTo>
                    <a:pt x="591" y="405"/>
                  </a:lnTo>
                  <a:lnTo>
                    <a:pt x="574" y="403"/>
                  </a:lnTo>
                  <a:lnTo>
                    <a:pt x="553" y="403"/>
                  </a:lnTo>
                  <a:lnTo>
                    <a:pt x="531" y="403"/>
                  </a:lnTo>
                  <a:lnTo>
                    <a:pt x="508" y="401"/>
                  </a:lnTo>
                  <a:lnTo>
                    <a:pt x="482" y="401"/>
                  </a:lnTo>
                  <a:lnTo>
                    <a:pt x="457" y="401"/>
                  </a:lnTo>
                  <a:lnTo>
                    <a:pt x="430" y="400"/>
                  </a:lnTo>
                  <a:lnTo>
                    <a:pt x="401" y="398"/>
                  </a:lnTo>
                  <a:lnTo>
                    <a:pt x="372" y="398"/>
                  </a:lnTo>
                  <a:lnTo>
                    <a:pt x="344" y="396"/>
                  </a:lnTo>
                  <a:lnTo>
                    <a:pt x="315" y="396"/>
                  </a:lnTo>
                  <a:lnTo>
                    <a:pt x="286" y="395"/>
                  </a:lnTo>
                  <a:lnTo>
                    <a:pt x="257" y="393"/>
                  </a:lnTo>
                  <a:lnTo>
                    <a:pt x="229" y="393"/>
                  </a:lnTo>
                  <a:lnTo>
                    <a:pt x="201" y="391"/>
                  </a:lnTo>
                  <a:lnTo>
                    <a:pt x="174" y="389"/>
                  </a:lnTo>
                  <a:lnTo>
                    <a:pt x="149" y="389"/>
                  </a:lnTo>
                  <a:lnTo>
                    <a:pt x="124" y="388"/>
                  </a:lnTo>
                  <a:lnTo>
                    <a:pt x="102" y="388"/>
                  </a:lnTo>
                  <a:lnTo>
                    <a:pt x="80" y="386"/>
                  </a:lnTo>
                  <a:lnTo>
                    <a:pt x="61" y="384"/>
                  </a:lnTo>
                  <a:lnTo>
                    <a:pt x="44" y="383"/>
                  </a:lnTo>
                  <a:lnTo>
                    <a:pt x="29" y="383"/>
                  </a:lnTo>
                  <a:lnTo>
                    <a:pt x="17" y="381"/>
                  </a:lnTo>
                  <a:lnTo>
                    <a:pt x="7" y="379"/>
                  </a:lnTo>
                  <a:lnTo>
                    <a:pt x="0" y="37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385" name="Freeform 58"/>
            <p:cNvSpPr>
              <a:spLocks/>
            </p:cNvSpPr>
            <p:nvPr/>
          </p:nvSpPr>
          <p:spPr bwMode="auto">
            <a:xfrm>
              <a:off x="2682" y="1797"/>
              <a:ext cx="572" cy="385"/>
            </a:xfrm>
            <a:custGeom>
              <a:avLst/>
              <a:gdLst>
                <a:gd name="T0" fmla="*/ 47 w 588"/>
                <a:gd name="T1" fmla="*/ 239 h 397"/>
                <a:gd name="T2" fmla="*/ 46 w 588"/>
                <a:gd name="T3" fmla="*/ 227 h 397"/>
                <a:gd name="T4" fmla="*/ 47 w 588"/>
                <a:gd name="T5" fmla="*/ 211 h 397"/>
                <a:gd name="T6" fmla="*/ 48 w 588"/>
                <a:gd name="T7" fmla="*/ 204 h 397"/>
                <a:gd name="T8" fmla="*/ 42 w 588"/>
                <a:gd name="T9" fmla="*/ 174 h 397"/>
                <a:gd name="T10" fmla="*/ 32 w 588"/>
                <a:gd name="T11" fmla="*/ 162 h 397"/>
                <a:gd name="T12" fmla="*/ 34 w 588"/>
                <a:gd name="T13" fmla="*/ 153 h 397"/>
                <a:gd name="T14" fmla="*/ 27 w 588"/>
                <a:gd name="T15" fmla="*/ 136 h 397"/>
                <a:gd name="T16" fmla="*/ 20 w 588"/>
                <a:gd name="T17" fmla="*/ 130 h 397"/>
                <a:gd name="T18" fmla="*/ 18 w 588"/>
                <a:gd name="T19" fmla="*/ 119 h 397"/>
                <a:gd name="T20" fmla="*/ 18 w 588"/>
                <a:gd name="T21" fmla="*/ 112 h 397"/>
                <a:gd name="T22" fmla="*/ 0 w 588"/>
                <a:gd name="T23" fmla="*/ 73 h 397"/>
                <a:gd name="T24" fmla="*/ 4 w 588"/>
                <a:gd name="T25" fmla="*/ 26 h 397"/>
                <a:gd name="T26" fmla="*/ 4 w 588"/>
                <a:gd name="T27" fmla="*/ 13 h 397"/>
                <a:gd name="T28" fmla="*/ 18 w 588"/>
                <a:gd name="T29" fmla="*/ 12 h 397"/>
                <a:gd name="T30" fmla="*/ 46 w 588"/>
                <a:gd name="T31" fmla="*/ 12 h 397"/>
                <a:gd name="T32" fmla="*/ 89 w 588"/>
                <a:gd name="T33" fmla="*/ 12 h 397"/>
                <a:gd name="T34" fmla="*/ 141 w 588"/>
                <a:gd name="T35" fmla="*/ 10 h 397"/>
                <a:gd name="T36" fmla="*/ 197 w 588"/>
                <a:gd name="T37" fmla="*/ 10 h 397"/>
                <a:gd name="T38" fmla="*/ 251 w 588"/>
                <a:gd name="T39" fmla="*/ 8 h 397"/>
                <a:gd name="T40" fmla="*/ 294 w 588"/>
                <a:gd name="T41" fmla="*/ 5 h 397"/>
                <a:gd name="T42" fmla="*/ 322 w 588"/>
                <a:gd name="T43" fmla="*/ 1 h 397"/>
                <a:gd name="T44" fmla="*/ 333 w 588"/>
                <a:gd name="T45" fmla="*/ 16 h 397"/>
                <a:gd name="T46" fmla="*/ 337 w 588"/>
                <a:gd name="T47" fmla="*/ 16 h 397"/>
                <a:gd name="T48" fmla="*/ 331 w 588"/>
                <a:gd name="T49" fmla="*/ 36 h 397"/>
                <a:gd name="T50" fmla="*/ 333 w 588"/>
                <a:gd name="T51" fmla="*/ 45 h 397"/>
                <a:gd name="T52" fmla="*/ 339 w 588"/>
                <a:gd name="T53" fmla="*/ 55 h 397"/>
                <a:gd name="T54" fmla="*/ 340 w 588"/>
                <a:gd name="T55" fmla="*/ 63 h 397"/>
                <a:gd name="T56" fmla="*/ 357 w 588"/>
                <a:gd name="T57" fmla="*/ 69 h 397"/>
                <a:gd name="T58" fmla="*/ 362 w 588"/>
                <a:gd name="T59" fmla="*/ 71 h 397"/>
                <a:gd name="T60" fmla="*/ 367 w 588"/>
                <a:gd name="T61" fmla="*/ 80 h 397"/>
                <a:gd name="T62" fmla="*/ 368 w 588"/>
                <a:gd name="T63" fmla="*/ 84 h 397"/>
                <a:gd name="T64" fmla="*/ 378 w 588"/>
                <a:gd name="T65" fmla="*/ 91 h 397"/>
                <a:gd name="T66" fmla="*/ 383 w 588"/>
                <a:gd name="T67" fmla="*/ 98 h 397"/>
                <a:gd name="T68" fmla="*/ 382 w 588"/>
                <a:gd name="T69" fmla="*/ 101 h 397"/>
                <a:gd name="T70" fmla="*/ 393 w 588"/>
                <a:gd name="T71" fmla="*/ 108 h 397"/>
                <a:gd name="T72" fmla="*/ 400 w 588"/>
                <a:gd name="T73" fmla="*/ 123 h 397"/>
                <a:gd name="T74" fmla="*/ 391 w 588"/>
                <a:gd name="T75" fmla="*/ 140 h 397"/>
                <a:gd name="T76" fmla="*/ 388 w 588"/>
                <a:gd name="T77" fmla="*/ 146 h 397"/>
                <a:gd name="T78" fmla="*/ 388 w 588"/>
                <a:gd name="T79" fmla="*/ 156 h 397"/>
                <a:gd name="T80" fmla="*/ 381 w 588"/>
                <a:gd name="T81" fmla="*/ 161 h 397"/>
                <a:gd name="T82" fmla="*/ 375 w 588"/>
                <a:gd name="T83" fmla="*/ 162 h 397"/>
                <a:gd name="T84" fmla="*/ 369 w 588"/>
                <a:gd name="T85" fmla="*/ 166 h 397"/>
                <a:gd name="T86" fmla="*/ 351 w 588"/>
                <a:gd name="T87" fmla="*/ 171 h 397"/>
                <a:gd name="T88" fmla="*/ 345 w 588"/>
                <a:gd name="T89" fmla="*/ 183 h 397"/>
                <a:gd name="T90" fmla="*/ 355 w 588"/>
                <a:gd name="T91" fmla="*/ 201 h 397"/>
                <a:gd name="T92" fmla="*/ 354 w 588"/>
                <a:gd name="T93" fmla="*/ 211 h 397"/>
                <a:gd name="T94" fmla="*/ 348 w 588"/>
                <a:gd name="T95" fmla="*/ 220 h 397"/>
                <a:gd name="T96" fmla="*/ 347 w 588"/>
                <a:gd name="T97" fmla="*/ 225 h 397"/>
                <a:gd name="T98" fmla="*/ 345 w 588"/>
                <a:gd name="T99" fmla="*/ 229 h 397"/>
                <a:gd name="T100" fmla="*/ 339 w 588"/>
                <a:gd name="T101" fmla="*/ 234 h 397"/>
                <a:gd name="T102" fmla="*/ 329 w 588"/>
                <a:gd name="T103" fmla="*/ 241 h 397"/>
                <a:gd name="T104" fmla="*/ 330 w 588"/>
                <a:gd name="T105" fmla="*/ 248 h 397"/>
                <a:gd name="T106" fmla="*/ 331 w 588"/>
                <a:gd name="T107" fmla="*/ 252 h 397"/>
                <a:gd name="T108" fmla="*/ 327 w 588"/>
                <a:gd name="T109" fmla="*/ 257 h 397"/>
                <a:gd name="T110" fmla="*/ 321 w 588"/>
                <a:gd name="T111" fmla="*/ 254 h 397"/>
                <a:gd name="T112" fmla="*/ 310 w 588"/>
                <a:gd name="T113" fmla="*/ 241 h 397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w 588"/>
                <a:gd name="T172" fmla="*/ 0 h 397"/>
                <a:gd name="T173" fmla="*/ 588 w 588"/>
                <a:gd name="T174" fmla="*/ 397 h 397"/>
              </a:gdLst>
              <a:ahLst/>
              <a:cxnLst>
                <a:cxn ang="T114">
                  <a:pos x="T0" y="T1"/>
                </a:cxn>
                <a:cxn ang="T115">
                  <a:pos x="T2" y="T3"/>
                </a:cxn>
                <a:cxn ang="T116">
                  <a:pos x="T4" y="T5"/>
                </a:cxn>
                <a:cxn ang="T117">
                  <a:pos x="T6" y="T7"/>
                </a:cxn>
                <a:cxn ang="T118">
                  <a:pos x="T8" y="T9"/>
                </a:cxn>
                <a:cxn ang="T119">
                  <a:pos x="T10" y="T11"/>
                </a:cxn>
                <a:cxn ang="T120">
                  <a:pos x="T12" y="T13"/>
                </a:cxn>
                <a:cxn ang="T121">
                  <a:pos x="T14" y="T15"/>
                </a:cxn>
                <a:cxn ang="T122">
                  <a:pos x="T16" y="T17"/>
                </a:cxn>
                <a:cxn ang="T123">
                  <a:pos x="T18" y="T19"/>
                </a:cxn>
                <a:cxn ang="T124">
                  <a:pos x="T20" y="T21"/>
                </a:cxn>
                <a:cxn ang="T125">
                  <a:pos x="T22" y="T23"/>
                </a:cxn>
                <a:cxn ang="T126">
                  <a:pos x="T24" y="T25"/>
                </a:cxn>
                <a:cxn ang="T127">
                  <a:pos x="T26" y="T27"/>
                </a:cxn>
                <a:cxn ang="T128">
                  <a:pos x="T28" y="T29"/>
                </a:cxn>
                <a:cxn ang="T129">
                  <a:pos x="T30" y="T31"/>
                </a:cxn>
                <a:cxn ang="T130">
                  <a:pos x="T32" y="T33"/>
                </a:cxn>
                <a:cxn ang="T131">
                  <a:pos x="T34" y="T35"/>
                </a:cxn>
                <a:cxn ang="T132">
                  <a:pos x="T36" y="T37"/>
                </a:cxn>
                <a:cxn ang="T133">
                  <a:pos x="T38" y="T39"/>
                </a:cxn>
                <a:cxn ang="T134">
                  <a:pos x="T40" y="T41"/>
                </a:cxn>
                <a:cxn ang="T135">
                  <a:pos x="T42" y="T43"/>
                </a:cxn>
                <a:cxn ang="T136">
                  <a:pos x="T44" y="T45"/>
                </a:cxn>
                <a:cxn ang="T137">
                  <a:pos x="T46" y="T47"/>
                </a:cxn>
                <a:cxn ang="T138">
                  <a:pos x="T48" y="T49"/>
                </a:cxn>
                <a:cxn ang="T139">
                  <a:pos x="T50" y="T51"/>
                </a:cxn>
                <a:cxn ang="T140">
                  <a:pos x="T52" y="T53"/>
                </a:cxn>
                <a:cxn ang="T141">
                  <a:pos x="T54" y="T55"/>
                </a:cxn>
                <a:cxn ang="T142">
                  <a:pos x="T56" y="T57"/>
                </a:cxn>
                <a:cxn ang="T143">
                  <a:pos x="T58" y="T59"/>
                </a:cxn>
                <a:cxn ang="T144">
                  <a:pos x="T60" y="T61"/>
                </a:cxn>
                <a:cxn ang="T145">
                  <a:pos x="T62" y="T63"/>
                </a:cxn>
                <a:cxn ang="T146">
                  <a:pos x="T64" y="T65"/>
                </a:cxn>
                <a:cxn ang="T147">
                  <a:pos x="T66" y="T67"/>
                </a:cxn>
                <a:cxn ang="T148">
                  <a:pos x="T68" y="T69"/>
                </a:cxn>
                <a:cxn ang="T149">
                  <a:pos x="T70" y="T71"/>
                </a:cxn>
                <a:cxn ang="T150">
                  <a:pos x="T72" y="T73"/>
                </a:cxn>
                <a:cxn ang="T151">
                  <a:pos x="T74" y="T75"/>
                </a:cxn>
                <a:cxn ang="T152">
                  <a:pos x="T76" y="T77"/>
                </a:cxn>
                <a:cxn ang="T153">
                  <a:pos x="T78" y="T79"/>
                </a:cxn>
                <a:cxn ang="T154">
                  <a:pos x="T80" y="T81"/>
                </a:cxn>
                <a:cxn ang="T155">
                  <a:pos x="T82" y="T83"/>
                </a:cxn>
                <a:cxn ang="T156">
                  <a:pos x="T84" y="T85"/>
                </a:cxn>
                <a:cxn ang="T157">
                  <a:pos x="T86" y="T87"/>
                </a:cxn>
                <a:cxn ang="T158">
                  <a:pos x="T88" y="T89"/>
                </a:cxn>
                <a:cxn ang="T159">
                  <a:pos x="T90" y="T91"/>
                </a:cxn>
                <a:cxn ang="T160">
                  <a:pos x="T92" y="T93"/>
                </a:cxn>
                <a:cxn ang="T161">
                  <a:pos x="T94" y="T95"/>
                </a:cxn>
                <a:cxn ang="T162">
                  <a:pos x="T96" y="T97"/>
                </a:cxn>
                <a:cxn ang="T163">
                  <a:pos x="T98" y="T99"/>
                </a:cxn>
                <a:cxn ang="T164">
                  <a:pos x="T100" y="T101"/>
                </a:cxn>
                <a:cxn ang="T165">
                  <a:pos x="T102" y="T103"/>
                </a:cxn>
                <a:cxn ang="T166">
                  <a:pos x="T104" y="T105"/>
                </a:cxn>
                <a:cxn ang="T167">
                  <a:pos x="T106" y="T107"/>
                </a:cxn>
                <a:cxn ang="T168">
                  <a:pos x="T108" y="T109"/>
                </a:cxn>
                <a:cxn ang="T169">
                  <a:pos x="T110" y="T111"/>
                </a:cxn>
                <a:cxn ang="T170">
                  <a:pos x="T112" y="T113"/>
                </a:cxn>
              </a:cxnLst>
              <a:rect l="T171" t="T172" r="T173" b="T174"/>
              <a:pathLst>
                <a:path w="588" h="397">
                  <a:moveTo>
                    <a:pt x="75" y="379"/>
                  </a:moveTo>
                  <a:lnTo>
                    <a:pt x="72" y="375"/>
                  </a:lnTo>
                  <a:lnTo>
                    <a:pt x="70" y="372"/>
                  </a:lnTo>
                  <a:lnTo>
                    <a:pt x="68" y="367"/>
                  </a:lnTo>
                  <a:lnTo>
                    <a:pt x="68" y="362"/>
                  </a:lnTo>
                  <a:lnTo>
                    <a:pt x="66" y="357"/>
                  </a:lnTo>
                  <a:lnTo>
                    <a:pt x="66" y="352"/>
                  </a:lnTo>
                  <a:lnTo>
                    <a:pt x="66" y="347"/>
                  </a:lnTo>
                  <a:lnTo>
                    <a:pt x="66" y="340"/>
                  </a:lnTo>
                  <a:lnTo>
                    <a:pt x="68" y="335"/>
                  </a:lnTo>
                  <a:lnTo>
                    <a:pt x="68" y="330"/>
                  </a:lnTo>
                  <a:lnTo>
                    <a:pt x="68" y="325"/>
                  </a:lnTo>
                  <a:lnTo>
                    <a:pt x="68" y="321"/>
                  </a:lnTo>
                  <a:lnTo>
                    <a:pt x="70" y="318"/>
                  </a:lnTo>
                  <a:lnTo>
                    <a:pt x="70" y="315"/>
                  </a:lnTo>
                  <a:lnTo>
                    <a:pt x="70" y="313"/>
                  </a:lnTo>
                  <a:lnTo>
                    <a:pt x="63" y="304"/>
                  </a:lnTo>
                  <a:lnTo>
                    <a:pt x="61" y="272"/>
                  </a:lnTo>
                  <a:lnTo>
                    <a:pt x="58" y="267"/>
                  </a:lnTo>
                  <a:lnTo>
                    <a:pt x="53" y="264"/>
                  </a:lnTo>
                  <a:lnTo>
                    <a:pt x="50" y="259"/>
                  </a:lnTo>
                  <a:lnTo>
                    <a:pt x="46" y="254"/>
                  </a:lnTo>
                  <a:lnTo>
                    <a:pt x="46" y="249"/>
                  </a:lnTo>
                  <a:lnTo>
                    <a:pt x="46" y="243"/>
                  </a:lnTo>
                  <a:lnTo>
                    <a:pt x="46" y="240"/>
                  </a:lnTo>
                  <a:lnTo>
                    <a:pt x="46" y="237"/>
                  </a:lnTo>
                  <a:lnTo>
                    <a:pt x="48" y="235"/>
                  </a:lnTo>
                  <a:lnTo>
                    <a:pt x="46" y="227"/>
                  </a:lnTo>
                  <a:lnTo>
                    <a:pt x="46" y="218"/>
                  </a:lnTo>
                  <a:lnTo>
                    <a:pt x="44" y="213"/>
                  </a:lnTo>
                  <a:lnTo>
                    <a:pt x="41" y="208"/>
                  </a:lnTo>
                  <a:lnTo>
                    <a:pt x="39" y="205"/>
                  </a:lnTo>
                  <a:lnTo>
                    <a:pt x="38" y="203"/>
                  </a:lnTo>
                  <a:lnTo>
                    <a:pt x="36" y="201"/>
                  </a:lnTo>
                  <a:lnTo>
                    <a:pt x="34" y="199"/>
                  </a:lnTo>
                  <a:lnTo>
                    <a:pt x="29" y="196"/>
                  </a:lnTo>
                  <a:lnTo>
                    <a:pt x="28" y="193"/>
                  </a:lnTo>
                  <a:lnTo>
                    <a:pt x="24" y="188"/>
                  </a:lnTo>
                  <a:lnTo>
                    <a:pt x="24" y="183"/>
                  </a:lnTo>
                  <a:lnTo>
                    <a:pt x="22" y="179"/>
                  </a:lnTo>
                  <a:lnTo>
                    <a:pt x="22" y="174"/>
                  </a:lnTo>
                  <a:lnTo>
                    <a:pt x="22" y="172"/>
                  </a:lnTo>
                  <a:lnTo>
                    <a:pt x="17" y="159"/>
                  </a:lnTo>
                  <a:lnTo>
                    <a:pt x="17" y="144"/>
                  </a:lnTo>
                  <a:lnTo>
                    <a:pt x="9" y="123"/>
                  </a:lnTo>
                  <a:lnTo>
                    <a:pt x="0" y="111"/>
                  </a:lnTo>
                  <a:lnTo>
                    <a:pt x="2" y="103"/>
                  </a:lnTo>
                  <a:lnTo>
                    <a:pt x="16" y="49"/>
                  </a:lnTo>
                  <a:lnTo>
                    <a:pt x="2" y="49"/>
                  </a:lnTo>
                  <a:lnTo>
                    <a:pt x="4" y="40"/>
                  </a:lnTo>
                  <a:lnTo>
                    <a:pt x="7" y="35"/>
                  </a:lnTo>
                  <a:lnTo>
                    <a:pt x="6" y="27"/>
                  </a:lnTo>
                  <a:lnTo>
                    <a:pt x="2" y="18"/>
                  </a:lnTo>
                  <a:lnTo>
                    <a:pt x="4" y="13"/>
                  </a:lnTo>
                  <a:lnTo>
                    <a:pt x="16" y="13"/>
                  </a:lnTo>
                  <a:lnTo>
                    <a:pt x="16" y="12"/>
                  </a:lnTo>
                  <a:lnTo>
                    <a:pt x="19" y="12"/>
                  </a:lnTo>
                  <a:lnTo>
                    <a:pt x="26" y="12"/>
                  </a:lnTo>
                  <a:lnTo>
                    <a:pt x="33" y="12"/>
                  </a:lnTo>
                  <a:lnTo>
                    <a:pt x="43" y="12"/>
                  </a:lnTo>
                  <a:lnTo>
                    <a:pt x="53" y="12"/>
                  </a:lnTo>
                  <a:lnTo>
                    <a:pt x="66" y="12"/>
                  </a:lnTo>
                  <a:lnTo>
                    <a:pt x="80" y="12"/>
                  </a:lnTo>
                  <a:lnTo>
                    <a:pt x="97" y="12"/>
                  </a:lnTo>
                  <a:lnTo>
                    <a:pt x="112" y="12"/>
                  </a:lnTo>
                  <a:lnTo>
                    <a:pt x="131" y="12"/>
                  </a:lnTo>
                  <a:lnTo>
                    <a:pt x="149" y="12"/>
                  </a:lnTo>
                  <a:lnTo>
                    <a:pt x="168" y="12"/>
                  </a:lnTo>
                  <a:lnTo>
                    <a:pt x="188" y="10"/>
                  </a:lnTo>
                  <a:lnTo>
                    <a:pt x="207" y="10"/>
                  </a:lnTo>
                  <a:lnTo>
                    <a:pt x="227" y="10"/>
                  </a:lnTo>
                  <a:lnTo>
                    <a:pt x="249" y="10"/>
                  </a:lnTo>
                  <a:lnTo>
                    <a:pt x="270" y="10"/>
                  </a:lnTo>
                  <a:lnTo>
                    <a:pt x="290" y="10"/>
                  </a:lnTo>
                  <a:lnTo>
                    <a:pt x="310" y="8"/>
                  </a:lnTo>
                  <a:lnTo>
                    <a:pt x="329" y="8"/>
                  </a:lnTo>
                  <a:lnTo>
                    <a:pt x="349" y="8"/>
                  </a:lnTo>
                  <a:lnTo>
                    <a:pt x="368" y="8"/>
                  </a:lnTo>
                  <a:lnTo>
                    <a:pt x="385" y="7"/>
                  </a:lnTo>
                  <a:lnTo>
                    <a:pt x="402" y="7"/>
                  </a:lnTo>
                  <a:lnTo>
                    <a:pt x="418" y="7"/>
                  </a:lnTo>
                  <a:lnTo>
                    <a:pt x="432" y="5"/>
                  </a:lnTo>
                  <a:lnTo>
                    <a:pt x="446" y="5"/>
                  </a:lnTo>
                  <a:lnTo>
                    <a:pt x="456" y="3"/>
                  </a:lnTo>
                  <a:lnTo>
                    <a:pt x="466" y="3"/>
                  </a:lnTo>
                  <a:lnTo>
                    <a:pt x="474" y="1"/>
                  </a:lnTo>
                  <a:lnTo>
                    <a:pt x="479" y="0"/>
                  </a:lnTo>
                  <a:lnTo>
                    <a:pt x="479" y="1"/>
                  </a:lnTo>
                  <a:lnTo>
                    <a:pt x="488" y="22"/>
                  </a:lnTo>
                  <a:lnTo>
                    <a:pt x="490" y="22"/>
                  </a:lnTo>
                  <a:lnTo>
                    <a:pt x="490" y="23"/>
                  </a:lnTo>
                  <a:lnTo>
                    <a:pt x="491" y="23"/>
                  </a:lnTo>
                  <a:lnTo>
                    <a:pt x="493" y="25"/>
                  </a:lnTo>
                  <a:lnTo>
                    <a:pt x="495" y="29"/>
                  </a:lnTo>
                  <a:lnTo>
                    <a:pt x="495" y="34"/>
                  </a:lnTo>
                  <a:lnTo>
                    <a:pt x="493" y="39"/>
                  </a:lnTo>
                  <a:lnTo>
                    <a:pt x="490" y="47"/>
                  </a:lnTo>
                  <a:lnTo>
                    <a:pt x="488" y="52"/>
                  </a:lnTo>
                  <a:lnTo>
                    <a:pt x="486" y="56"/>
                  </a:lnTo>
                  <a:lnTo>
                    <a:pt x="488" y="61"/>
                  </a:lnTo>
                  <a:lnTo>
                    <a:pt x="488" y="64"/>
                  </a:lnTo>
                  <a:lnTo>
                    <a:pt x="490" y="69"/>
                  </a:lnTo>
                  <a:lnTo>
                    <a:pt x="491" y="73"/>
                  </a:lnTo>
                  <a:lnTo>
                    <a:pt x="495" y="76"/>
                  </a:lnTo>
                  <a:lnTo>
                    <a:pt x="496" y="81"/>
                  </a:lnTo>
                  <a:lnTo>
                    <a:pt x="500" y="84"/>
                  </a:lnTo>
                  <a:lnTo>
                    <a:pt x="501" y="89"/>
                  </a:lnTo>
                  <a:lnTo>
                    <a:pt x="501" y="91"/>
                  </a:lnTo>
                  <a:lnTo>
                    <a:pt x="501" y="95"/>
                  </a:lnTo>
                  <a:lnTo>
                    <a:pt x="501" y="96"/>
                  </a:lnTo>
                  <a:lnTo>
                    <a:pt x="501" y="98"/>
                  </a:lnTo>
                  <a:lnTo>
                    <a:pt x="525" y="105"/>
                  </a:lnTo>
                  <a:lnTo>
                    <a:pt x="527" y="106"/>
                  </a:lnTo>
                  <a:lnTo>
                    <a:pt x="530" y="106"/>
                  </a:lnTo>
                  <a:lnTo>
                    <a:pt x="532" y="108"/>
                  </a:lnTo>
                  <a:lnTo>
                    <a:pt x="535" y="111"/>
                  </a:lnTo>
                  <a:lnTo>
                    <a:pt x="537" y="115"/>
                  </a:lnTo>
                  <a:lnTo>
                    <a:pt x="539" y="120"/>
                  </a:lnTo>
                  <a:lnTo>
                    <a:pt x="540" y="125"/>
                  </a:lnTo>
                  <a:lnTo>
                    <a:pt x="540" y="127"/>
                  </a:lnTo>
                  <a:lnTo>
                    <a:pt x="540" y="128"/>
                  </a:lnTo>
                  <a:lnTo>
                    <a:pt x="542" y="130"/>
                  </a:lnTo>
                  <a:lnTo>
                    <a:pt x="545" y="132"/>
                  </a:lnTo>
                  <a:lnTo>
                    <a:pt x="547" y="133"/>
                  </a:lnTo>
                  <a:lnTo>
                    <a:pt x="552" y="135"/>
                  </a:lnTo>
                  <a:lnTo>
                    <a:pt x="556" y="139"/>
                  </a:lnTo>
                  <a:lnTo>
                    <a:pt x="561" y="142"/>
                  </a:lnTo>
                  <a:lnTo>
                    <a:pt x="564" y="145"/>
                  </a:lnTo>
                  <a:lnTo>
                    <a:pt x="564" y="149"/>
                  </a:lnTo>
                  <a:lnTo>
                    <a:pt x="564" y="150"/>
                  </a:lnTo>
                  <a:lnTo>
                    <a:pt x="564" y="152"/>
                  </a:lnTo>
                  <a:lnTo>
                    <a:pt x="562" y="154"/>
                  </a:lnTo>
                  <a:lnTo>
                    <a:pt x="562" y="155"/>
                  </a:lnTo>
                  <a:lnTo>
                    <a:pt x="572" y="162"/>
                  </a:lnTo>
                  <a:lnTo>
                    <a:pt x="574" y="162"/>
                  </a:lnTo>
                  <a:lnTo>
                    <a:pt x="576" y="164"/>
                  </a:lnTo>
                  <a:lnTo>
                    <a:pt x="579" y="166"/>
                  </a:lnTo>
                  <a:lnTo>
                    <a:pt x="584" y="169"/>
                  </a:lnTo>
                  <a:lnTo>
                    <a:pt x="586" y="174"/>
                  </a:lnTo>
                  <a:lnTo>
                    <a:pt x="588" y="181"/>
                  </a:lnTo>
                  <a:lnTo>
                    <a:pt x="588" y="189"/>
                  </a:lnTo>
                  <a:lnTo>
                    <a:pt x="586" y="201"/>
                  </a:lnTo>
                  <a:lnTo>
                    <a:pt x="583" y="210"/>
                  </a:lnTo>
                  <a:lnTo>
                    <a:pt x="579" y="213"/>
                  </a:lnTo>
                  <a:lnTo>
                    <a:pt x="576" y="215"/>
                  </a:lnTo>
                  <a:lnTo>
                    <a:pt x="574" y="213"/>
                  </a:lnTo>
                  <a:lnTo>
                    <a:pt x="572" y="215"/>
                  </a:lnTo>
                  <a:lnTo>
                    <a:pt x="572" y="216"/>
                  </a:lnTo>
                  <a:lnTo>
                    <a:pt x="571" y="225"/>
                  </a:lnTo>
                  <a:lnTo>
                    <a:pt x="571" y="238"/>
                  </a:lnTo>
                  <a:lnTo>
                    <a:pt x="571" y="240"/>
                  </a:lnTo>
                  <a:lnTo>
                    <a:pt x="569" y="242"/>
                  </a:lnTo>
                  <a:lnTo>
                    <a:pt x="567" y="243"/>
                  </a:lnTo>
                  <a:lnTo>
                    <a:pt x="564" y="245"/>
                  </a:lnTo>
                  <a:lnTo>
                    <a:pt x="561" y="247"/>
                  </a:lnTo>
                  <a:lnTo>
                    <a:pt x="554" y="247"/>
                  </a:lnTo>
                  <a:lnTo>
                    <a:pt x="552" y="247"/>
                  </a:lnTo>
                  <a:lnTo>
                    <a:pt x="552" y="249"/>
                  </a:lnTo>
                  <a:lnTo>
                    <a:pt x="552" y="250"/>
                  </a:lnTo>
                  <a:lnTo>
                    <a:pt x="550" y="252"/>
                  </a:lnTo>
                  <a:lnTo>
                    <a:pt x="549" y="254"/>
                  </a:lnTo>
                  <a:lnTo>
                    <a:pt x="544" y="255"/>
                  </a:lnTo>
                  <a:lnTo>
                    <a:pt x="537" y="257"/>
                  </a:lnTo>
                  <a:lnTo>
                    <a:pt x="530" y="257"/>
                  </a:lnTo>
                  <a:lnTo>
                    <a:pt x="523" y="259"/>
                  </a:lnTo>
                  <a:lnTo>
                    <a:pt x="517" y="262"/>
                  </a:lnTo>
                  <a:lnTo>
                    <a:pt x="512" y="265"/>
                  </a:lnTo>
                  <a:lnTo>
                    <a:pt x="508" y="269"/>
                  </a:lnTo>
                  <a:lnTo>
                    <a:pt x="508" y="276"/>
                  </a:lnTo>
                  <a:lnTo>
                    <a:pt x="508" y="282"/>
                  </a:lnTo>
                  <a:lnTo>
                    <a:pt x="512" y="291"/>
                  </a:lnTo>
                  <a:lnTo>
                    <a:pt x="515" y="299"/>
                  </a:lnTo>
                  <a:lnTo>
                    <a:pt x="520" y="304"/>
                  </a:lnTo>
                  <a:lnTo>
                    <a:pt x="522" y="309"/>
                  </a:lnTo>
                  <a:lnTo>
                    <a:pt x="523" y="313"/>
                  </a:lnTo>
                  <a:lnTo>
                    <a:pt x="525" y="318"/>
                  </a:lnTo>
                  <a:lnTo>
                    <a:pt x="523" y="321"/>
                  </a:lnTo>
                  <a:lnTo>
                    <a:pt x="520" y="325"/>
                  </a:lnTo>
                  <a:lnTo>
                    <a:pt x="515" y="331"/>
                  </a:lnTo>
                  <a:lnTo>
                    <a:pt x="515" y="335"/>
                  </a:lnTo>
                  <a:lnTo>
                    <a:pt x="513" y="337"/>
                  </a:lnTo>
                  <a:lnTo>
                    <a:pt x="512" y="340"/>
                  </a:lnTo>
                  <a:lnTo>
                    <a:pt x="512" y="342"/>
                  </a:lnTo>
                  <a:lnTo>
                    <a:pt x="510" y="343"/>
                  </a:lnTo>
                  <a:lnTo>
                    <a:pt x="510" y="345"/>
                  </a:lnTo>
                  <a:lnTo>
                    <a:pt x="510" y="347"/>
                  </a:lnTo>
                  <a:lnTo>
                    <a:pt x="508" y="348"/>
                  </a:lnTo>
                  <a:lnTo>
                    <a:pt x="508" y="352"/>
                  </a:lnTo>
                  <a:lnTo>
                    <a:pt x="508" y="353"/>
                  </a:lnTo>
                  <a:lnTo>
                    <a:pt x="506" y="357"/>
                  </a:lnTo>
                  <a:lnTo>
                    <a:pt x="503" y="359"/>
                  </a:lnTo>
                  <a:lnTo>
                    <a:pt x="498" y="360"/>
                  </a:lnTo>
                  <a:lnTo>
                    <a:pt x="493" y="362"/>
                  </a:lnTo>
                  <a:lnTo>
                    <a:pt x="488" y="364"/>
                  </a:lnTo>
                  <a:lnTo>
                    <a:pt x="484" y="365"/>
                  </a:lnTo>
                  <a:lnTo>
                    <a:pt x="483" y="369"/>
                  </a:lnTo>
                  <a:lnTo>
                    <a:pt x="483" y="372"/>
                  </a:lnTo>
                  <a:lnTo>
                    <a:pt x="483" y="375"/>
                  </a:lnTo>
                  <a:lnTo>
                    <a:pt x="484" y="377"/>
                  </a:lnTo>
                  <a:lnTo>
                    <a:pt x="486" y="381"/>
                  </a:lnTo>
                  <a:lnTo>
                    <a:pt x="488" y="382"/>
                  </a:lnTo>
                  <a:lnTo>
                    <a:pt x="488" y="384"/>
                  </a:lnTo>
                  <a:lnTo>
                    <a:pt x="488" y="387"/>
                  </a:lnTo>
                  <a:lnTo>
                    <a:pt x="486" y="389"/>
                  </a:lnTo>
                  <a:lnTo>
                    <a:pt x="484" y="392"/>
                  </a:lnTo>
                  <a:lnTo>
                    <a:pt x="483" y="394"/>
                  </a:lnTo>
                  <a:lnTo>
                    <a:pt x="481" y="396"/>
                  </a:lnTo>
                  <a:lnTo>
                    <a:pt x="479" y="397"/>
                  </a:lnTo>
                  <a:lnTo>
                    <a:pt x="478" y="397"/>
                  </a:lnTo>
                  <a:lnTo>
                    <a:pt x="476" y="394"/>
                  </a:lnTo>
                  <a:lnTo>
                    <a:pt x="471" y="389"/>
                  </a:lnTo>
                  <a:lnTo>
                    <a:pt x="466" y="384"/>
                  </a:lnTo>
                  <a:lnTo>
                    <a:pt x="462" y="379"/>
                  </a:lnTo>
                  <a:lnTo>
                    <a:pt x="457" y="374"/>
                  </a:lnTo>
                  <a:lnTo>
                    <a:pt x="456" y="370"/>
                  </a:lnTo>
                  <a:lnTo>
                    <a:pt x="454" y="369"/>
                  </a:lnTo>
                  <a:lnTo>
                    <a:pt x="75" y="37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386" name="Freeform 59"/>
            <p:cNvSpPr>
              <a:spLocks/>
            </p:cNvSpPr>
            <p:nvPr/>
          </p:nvSpPr>
          <p:spPr bwMode="auto">
            <a:xfrm>
              <a:off x="2869" y="2644"/>
              <a:ext cx="478" cy="439"/>
            </a:xfrm>
            <a:custGeom>
              <a:avLst/>
              <a:gdLst>
                <a:gd name="T0" fmla="*/ 242 w 492"/>
                <a:gd name="T1" fmla="*/ 294 h 452"/>
                <a:gd name="T2" fmla="*/ 243 w 492"/>
                <a:gd name="T3" fmla="*/ 287 h 452"/>
                <a:gd name="T4" fmla="*/ 244 w 492"/>
                <a:gd name="T5" fmla="*/ 283 h 452"/>
                <a:gd name="T6" fmla="*/ 247 w 492"/>
                <a:gd name="T7" fmla="*/ 280 h 452"/>
                <a:gd name="T8" fmla="*/ 247 w 492"/>
                <a:gd name="T9" fmla="*/ 276 h 452"/>
                <a:gd name="T10" fmla="*/ 242 w 492"/>
                <a:gd name="T11" fmla="*/ 262 h 452"/>
                <a:gd name="T12" fmla="*/ 237 w 492"/>
                <a:gd name="T13" fmla="*/ 246 h 452"/>
                <a:gd name="T14" fmla="*/ 239 w 492"/>
                <a:gd name="T15" fmla="*/ 241 h 452"/>
                <a:gd name="T16" fmla="*/ 247 w 492"/>
                <a:gd name="T17" fmla="*/ 238 h 452"/>
                <a:gd name="T18" fmla="*/ 247 w 492"/>
                <a:gd name="T19" fmla="*/ 234 h 452"/>
                <a:gd name="T20" fmla="*/ 243 w 492"/>
                <a:gd name="T21" fmla="*/ 233 h 452"/>
                <a:gd name="T22" fmla="*/ 243 w 492"/>
                <a:gd name="T23" fmla="*/ 231 h 452"/>
                <a:gd name="T24" fmla="*/ 247 w 492"/>
                <a:gd name="T25" fmla="*/ 226 h 452"/>
                <a:gd name="T26" fmla="*/ 247 w 492"/>
                <a:gd name="T27" fmla="*/ 222 h 452"/>
                <a:gd name="T28" fmla="*/ 245 w 492"/>
                <a:gd name="T29" fmla="*/ 218 h 452"/>
                <a:gd name="T30" fmla="*/ 247 w 492"/>
                <a:gd name="T31" fmla="*/ 213 h 452"/>
                <a:gd name="T32" fmla="*/ 251 w 492"/>
                <a:gd name="T33" fmla="*/ 210 h 452"/>
                <a:gd name="T34" fmla="*/ 254 w 492"/>
                <a:gd name="T35" fmla="*/ 207 h 452"/>
                <a:gd name="T36" fmla="*/ 253 w 492"/>
                <a:gd name="T37" fmla="*/ 202 h 452"/>
                <a:gd name="T38" fmla="*/ 258 w 492"/>
                <a:gd name="T39" fmla="*/ 190 h 452"/>
                <a:gd name="T40" fmla="*/ 278 w 492"/>
                <a:gd name="T41" fmla="*/ 175 h 452"/>
                <a:gd name="T42" fmla="*/ 294 w 492"/>
                <a:gd name="T43" fmla="*/ 136 h 452"/>
                <a:gd name="T44" fmla="*/ 295 w 492"/>
                <a:gd name="T45" fmla="*/ 134 h 452"/>
                <a:gd name="T46" fmla="*/ 297 w 492"/>
                <a:gd name="T47" fmla="*/ 130 h 452"/>
                <a:gd name="T48" fmla="*/ 293 w 492"/>
                <a:gd name="T49" fmla="*/ 128 h 452"/>
                <a:gd name="T50" fmla="*/ 294 w 492"/>
                <a:gd name="T51" fmla="*/ 125 h 452"/>
                <a:gd name="T52" fmla="*/ 301 w 492"/>
                <a:gd name="T53" fmla="*/ 120 h 452"/>
                <a:gd name="T54" fmla="*/ 306 w 492"/>
                <a:gd name="T55" fmla="*/ 112 h 452"/>
                <a:gd name="T56" fmla="*/ 305 w 492"/>
                <a:gd name="T57" fmla="*/ 103 h 452"/>
                <a:gd name="T58" fmla="*/ 302 w 492"/>
                <a:gd name="T59" fmla="*/ 100 h 452"/>
                <a:gd name="T60" fmla="*/ 307 w 492"/>
                <a:gd name="T61" fmla="*/ 88 h 452"/>
                <a:gd name="T62" fmla="*/ 312 w 492"/>
                <a:gd name="T63" fmla="*/ 83 h 452"/>
                <a:gd name="T64" fmla="*/ 315 w 492"/>
                <a:gd name="T65" fmla="*/ 80 h 452"/>
                <a:gd name="T66" fmla="*/ 320 w 492"/>
                <a:gd name="T67" fmla="*/ 72 h 452"/>
                <a:gd name="T68" fmla="*/ 314 w 492"/>
                <a:gd name="T69" fmla="*/ 68 h 452"/>
                <a:gd name="T70" fmla="*/ 312 w 492"/>
                <a:gd name="T71" fmla="*/ 68 h 452"/>
                <a:gd name="T72" fmla="*/ 317 w 492"/>
                <a:gd name="T73" fmla="*/ 64 h 452"/>
                <a:gd name="T74" fmla="*/ 320 w 492"/>
                <a:gd name="T75" fmla="*/ 60 h 452"/>
                <a:gd name="T76" fmla="*/ 327 w 492"/>
                <a:gd name="T77" fmla="*/ 50 h 452"/>
                <a:gd name="T78" fmla="*/ 329 w 492"/>
                <a:gd name="T79" fmla="*/ 45 h 452"/>
                <a:gd name="T80" fmla="*/ 326 w 492"/>
                <a:gd name="T81" fmla="*/ 43 h 452"/>
                <a:gd name="T82" fmla="*/ 283 w 492"/>
                <a:gd name="T83" fmla="*/ 44 h 452"/>
                <a:gd name="T84" fmla="*/ 287 w 492"/>
                <a:gd name="T85" fmla="*/ 37 h 452"/>
                <a:gd name="T86" fmla="*/ 293 w 492"/>
                <a:gd name="T87" fmla="*/ 20 h 452"/>
                <a:gd name="T88" fmla="*/ 302 w 492"/>
                <a:gd name="T89" fmla="*/ 17 h 452"/>
                <a:gd name="T90" fmla="*/ 295 w 492"/>
                <a:gd name="T91" fmla="*/ 5 h 452"/>
                <a:gd name="T92" fmla="*/ 288 w 492"/>
                <a:gd name="T93" fmla="*/ 0 h 452"/>
                <a:gd name="T94" fmla="*/ 280 w 492"/>
                <a:gd name="T95" fmla="*/ 2 h 452"/>
                <a:gd name="T96" fmla="*/ 261 w 492"/>
                <a:gd name="T97" fmla="*/ 3 h 452"/>
                <a:gd name="T98" fmla="*/ 232 w 492"/>
                <a:gd name="T99" fmla="*/ 5 h 452"/>
                <a:gd name="T100" fmla="*/ 198 w 492"/>
                <a:gd name="T101" fmla="*/ 7 h 452"/>
                <a:gd name="T102" fmla="*/ 158 w 492"/>
                <a:gd name="T103" fmla="*/ 10 h 452"/>
                <a:gd name="T104" fmla="*/ 119 w 492"/>
                <a:gd name="T105" fmla="*/ 12 h 452"/>
                <a:gd name="T106" fmla="*/ 83 w 492"/>
                <a:gd name="T107" fmla="*/ 15 h 452"/>
                <a:gd name="T108" fmla="*/ 48 w 492"/>
                <a:gd name="T109" fmla="*/ 17 h 452"/>
                <a:gd name="T110" fmla="*/ 18 w 492"/>
                <a:gd name="T111" fmla="*/ 17 h 452"/>
                <a:gd name="T112" fmla="*/ 6 w 492"/>
                <a:gd name="T113" fmla="*/ 17 h 452"/>
                <a:gd name="T114" fmla="*/ 17 w 492"/>
                <a:gd name="T115" fmla="*/ 106 h 452"/>
                <a:gd name="T116" fmla="*/ 17 w 492"/>
                <a:gd name="T117" fmla="*/ 258 h 452"/>
                <a:gd name="T118" fmla="*/ 44 w 492"/>
                <a:gd name="T119" fmla="*/ 300 h 452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w 492"/>
                <a:gd name="T181" fmla="*/ 0 h 452"/>
                <a:gd name="T182" fmla="*/ 492 w 492"/>
                <a:gd name="T183" fmla="*/ 452 h 452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T180" t="T181" r="T182" b="T183"/>
              <a:pathLst>
                <a:path w="492" h="452">
                  <a:moveTo>
                    <a:pt x="362" y="443"/>
                  </a:moveTo>
                  <a:lnTo>
                    <a:pt x="362" y="443"/>
                  </a:lnTo>
                  <a:lnTo>
                    <a:pt x="362" y="442"/>
                  </a:lnTo>
                  <a:lnTo>
                    <a:pt x="362" y="438"/>
                  </a:lnTo>
                  <a:lnTo>
                    <a:pt x="362" y="435"/>
                  </a:lnTo>
                  <a:lnTo>
                    <a:pt x="364" y="432"/>
                  </a:lnTo>
                  <a:lnTo>
                    <a:pt x="364" y="428"/>
                  </a:lnTo>
                  <a:lnTo>
                    <a:pt x="365" y="426"/>
                  </a:lnTo>
                  <a:lnTo>
                    <a:pt x="369" y="425"/>
                  </a:lnTo>
                  <a:lnTo>
                    <a:pt x="370" y="423"/>
                  </a:lnTo>
                  <a:lnTo>
                    <a:pt x="370" y="421"/>
                  </a:lnTo>
                  <a:lnTo>
                    <a:pt x="370" y="420"/>
                  </a:lnTo>
                  <a:lnTo>
                    <a:pt x="369" y="416"/>
                  </a:lnTo>
                  <a:lnTo>
                    <a:pt x="369" y="415"/>
                  </a:lnTo>
                  <a:lnTo>
                    <a:pt x="367" y="413"/>
                  </a:lnTo>
                  <a:lnTo>
                    <a:pt x="362" y="393"/>
                  </a:lnTo>
                  <a:lnTo>
                    <a:pt x="360" y="386"/>
                  </a:lnTo>
                  <a:lnTo>
                    <a:pt x="352" y="377"/>
                  </a:lnTo>
                  <a:lnTo>
                    <a:pt x="355" y="369"/>
                  </a:lnTo>
                  <a:lnTo>
                    <a:pt x="355" y="364"/>
                  </a:lnTo>
                  <a:lnTo>
                    <a:pt x="357" y="362"/>
                  </a:lnTo>
                  <a:lnTo>
                    <a:pt x="358" y="362"/>
                  </a:lnTo>
                  <a:lnTo>
                    <a:pt x="362" y="360"/>
                  </a:lnTo>
                  <a:lnTo>
                    <a:pt x="364" y="360"/>
                  </a:lnTo>
                  <a:lnTo>
                    <a:pt x="369" y="357"/>
                  </a:lnTo>
                  <a:lnTo>
                    <a:pt x="370" y="355"/>
                  </a:lnTo>
                  <a:lnTo>
                    <a:pt x="370" y="354"/>
                  </a:lnTo>
                  <a:lnTo>
                    <a:pt x="369" y="352"/>
                  </a:lnTo>
                  <a:lnTo>
                    <a:pt x="367" y="350"/>
                  </a:lnTo>
                  <a:lnTo>
                    <a:pt x="365" y="350"/>
                  </a:lnTo>
                  <a:lnTo>
                    <a:pt x="364" y="350"/>
                  </a:lnTo>
                  <a:lnTo>
                    <a:pt x="362" y="350"/>
                  </a:lnTo>
                  <a:lnTo>
                    <a:pt x="362" y="349"/>
                  </a:lnTo>
                  <a:lnTo>
                    <a:pt x="364" y="347"/>
                  </a:lnTo>
                  <a:lnTo>
                    <a:pt x="365" y="345"/>
                  </a:lnTo>
                  <a:lnTo>
                    <a:pt x="367" y="344"/>
                  </a:lnTo>
                  <a:lnTo>
                    <a:pt x="369" y="340"/>
                  </a:lnTo>
                  <a:lnTo>
                    <a:pt x="370" y="338"/>
                  </a:lnTo>
                  <a:lnTo>
                    <a:pt x="370" y="337"/>
                  </a:lnTo>
                  <a:lnTo>
                    <a:pt x="370" y="335"/>
                  </a:lnTo>
                  <a:lnTo>
                    <a:pt x="369" y="332"/>
                  </a:lnTo>
                  <a:lnTo>
                    <a:pt x="367" y="330"/>
                  </a:lnTo>
                  <a:lnTo>
                    <a:pt x="367" y="327"/>
                  </a:lnTo>
                  <a:lnTo>
                    <a:pt x="367" y="323"/>
                  </a:lnTo>
                  <a:lnTo>
                    <a:pt x="367" y="322"/>
                  </a:lnTo>
                  <a:lnTo>
                    <a:pt x="369" y="320"/>
                  </a:lnTo>
                  <a:lnTo>
                    <a:pt x="370" y="318"/>
                  </a:lnTo>
                  <a:lnTo>
                    <a:pt x="372" y="318"/>
                  </a:lnTo>
                  <a:lnTo>
                    <a:pt x="377" y="316"/>
                  </a:lnTo>
                  <a:lnTo>
                    <a:pt x="380" y="315"/>
                  </a:lnTo>
                  <a:lnTo>
                    <a:pt x="380" y="311"/>
                  </a:lnTo>
                  <a:lnTo>
                    <a:pt x="380" y="310"/>
                  </a:lnTo>
                  <a:lnTo>
                    <a:pt x="380" y="308"/>
                  </a:lnTo>
                  <a:lnTo>
                    <a:pt x="379" y="306"/>
                  </a:lnTo>
                  <a:lnTo>
                    <a:pt x="379" y="305"/>
                  </a:lnTo>
                  <a:lnTo>
                    <a:pt x="377" y="305"/>
                  </a:lnTo>
                  <a:lnTo>
                    <a:pt x="392" y="296"/>
                  </a:lnTo>
                  <a:lnTo>
                    <a:pt x="387" y="286"/>
                  </a:lnTo>
                  <a:lnTo>
                    <a:pt x="402" y="271"/>
                  </a:lnTo>
                  <a:lnTo>
                    <a:pt x="408" y="271"/>
                  </a:lnTo>
                  <a:lnTo>
                    <a:pt x="416" y="262"/>
                  </a:lnTo>
                  <a:lnTo>
                    <a:pt x="416" y="232"/>
                  </a:lnTo>
                  <a:lnTo>
                    <a:pt x="426" y="217"/>
                  </a:lnTo>
                  <a:lnTo>
                    <a:pt x="441" y="205"/>
                  </a:lnTo>
                  <a:lnTo>
                    <a:pt x="441" y="203"/>
                  </a:lnTo>
                  <a:lnTo>
                    <a:pt x="443" y="201"/>
                  </a:lnTo>
                  <a:lnTo>
                    <a:pt x="443" y="198"/>
                  </a:lnTo>
                  <a:lnTo>
                    <a:pt x="443" y="196"/>
                  </a:lnTo>
                  <a:lnTo>
                    <a:pt x="445" y="195"/>
                  </a:lnTo>
                  <a:lnTo>
                    <a:pt x="445" y="193"/>
                  </a:lnTo>
                  <a:lnTo>
                    <a:pt x="440" y="193"/>
                  </a:lnTo>
                  <a:lnTo>
                    <a:pt x="438" y="191"/>
                  </a:lnTo>
                  <a:lnTo>
                    <a:pt x="438" y="190"/>
                  </a:lnTo>
                  <a:lnTo>
                    <a:pt x="441" y="188"/>
                  </a:lnTo>
                  <a:lnTo>
                    <a:pt x="445" y="184"/>
                  </a:lnTo>
                  <a:lnTo>
                    <a:pt x="446" y="183"/>
                  </a:lnTo>
                  <a:lnTo>
                    <a:pt x="450" y="181"/>
                  </a:lnTo>
                  <a:lnTo>
                    <a:pt x="452" y="181"/>
                  </a:lnTo>
                  <a:lnTo>
                    <a:pt x="457" y="174"/>
                  </a:lnTo>
                  <a:lnTo>
                    <a:pt x="458" y="168"/>
                  </a:lnTo>
                  <a:lnTo>
                    <a:pt x="460" y="162"/>
                  </a:lnTo>
                  <a:lnTo>
                    <a:pt x="458" y="157"/>
                  </a:lnTo>
                  <a:lnTo>
                    <a:pt x="457" y="154"/>
                  </a:lnTo>
                  <a:lnTo>
                    <a:pt x="455" y="152"/>
                  </a:lnTo>
                  <a:lnTo>
                    <a:pt x="453" y="149"/>
                  </a:lnTo>
                  <a:lnTo>
                    <a:pt x="458" y="137"/>
                  </a:lnTo>
                  <a:lnTo>
                    <a:pt x="458" y="135"/>
                  </a:lnTo>
                  <a:lnTo>
                    <a:pt x="460" y="134"/>
                  </a:lnTo>
                  <a:lnTo>
                    <a:pt x="462" y="132"/>
                  </a:lnTo>
                  <a:lnTo>
                    <a:pt x="463" y="129"/>
                  </a:lnTo>
                  <a:lnTo>
                    <a:pt x="467" y="125"/>
                  </a:lnTo>
                  <a:lnTo>
                    <a:pt x="468" y="122"/>
                  </a:lnTo>
                  <a:lnTo>
                    <a:pt x="470" y="120"/>
                  </a:lnTo>
                  <a:lnTo>
                    <a:pt x="472" y="120"/>
                  </a:lnTo>
                  <a:lnTo>
                    <a:pt x="477" y="113"/>
                  </a:lnTo>
                  <a:lnTo>
                    <a:pt x="479" y="108"/>
                  </a:lnTo>
                  <a:lnTo>
                    <a:pt x="479" y="107"/>
                  </a:lnTo>
                  <a:lnTo>
                    <a:pt x="477" y="103"/>
                  </a:lnTo>
                  <a:lnTo>
                    <a:pt x="474" y="103"/>
                  </a:lnTo>
                  <a:lnTo>
                    <a:pt x="470" y="102"/>
                  </a:lnTo>
                  <a:lnTo>
                    <a:pt x="468" y="102"/>
                  </a:lnTo>
                  <a:lnTo>
                    <a:pt x="470" y="100"/>
                  </a:lnTo>
                  <a:lnTo>
                    <a:pt x="472" y="98"/>
                  </a:lnTo>
                  <a:lnTo>
                    <a:pt x="474" y="96"/>
                  </a:lnTo>
                  <a:lnTo>
                    <a:pt x="477" y="93"/>
                  </a:lnTo>
                  <a:lnTo>
                    <a:pt x="479" y="91"/>
                  </a:lnTo>
                  <a:lnTo>
                    <a:pt x="480" y="90"/>
                  </a:lnTo>
                  <a:lnTo>
                    <a:pt x="482" y="88"/>
                  </a:lnTo>
                  <a:lnTo>
                    <a:pt x="487" y="81"/>
                  </a:lnTo>
                  <a:lnTo>
                    <a:pt x="490" y="76"/>
                  </a:lnTo>
                  <a:lnTo>
                    <a:pt x="492" y="73"/>
                  </a:lnTo>
                  <a:lnTo>
                    <a:pt x="492" y="69"/>
                  </a:lnTo>
                  <a:lnTo>
                    <a:pt x="492" y="66"/>
                  </a:lnTo>
                  <a:lnTo>
                    <a:pt x="490" y="64"/>
                  </a:lnTo>
                  <a:lnTo>
                    <a:pt x="489" y="63"/>
                  </a:lnTo>
                  <a:lnTo>
                    <a:pt x="424" y="66"/>
                  </a:lnTo>
                  <a:lnTo>
                    <a:pt x="424" y="64"/>
                  </a:lnTo>
                  <a:lnTo>
                    <a:pt x="426" y="61"/>
                  </a:lnTo>
                  <a:lnTo>
                    <a:pt x="428" y="58"/>
                  </a:lnTo>
                  <a:lnTo>
                    <a:pt x="430" y="51"/>
                  </a:lnTo>
                  <a:lnTo>
                    <a:pt x="433" y="46"/>
                  </a:lnTo>
                  <a:lnTo>
                    <a:pt x="436" y="39"/>
                  </a:lnTo>
                  <a:lnTo>
                    <a:pt x="440" y="34"/>
                  </a:lnTo>
                  <a:lnTo>
                    <a:pt x="446" y="29"/>
                  </a:lnTo>
                  <a:lnTo>
                    <a:pt x="450" y="24"/>
                  </a:lnTo>
                  <a:lnTo>
                    <a:pt x="452" y="19"/>
                  </a:lnTo>
                  <a:lnTo>
                    <a:pt x="450" y="14"/>
                  </a:lnTo>
                  <a:lnTo>
                    <a:pt x="446" y="8"/>
                  </a:lnTo>
                  <a:lnTo>
                    <a:pt x="443" y="5"/>
                  </a:lnTo>
                  <a:lnTo>
                    <a:pt x="438" y="2"/>
                  </a:lnTo>
                  <a:lnTo>
                    <a:pt x="435" y="0"/>
                  </a:lnTo>
                  <a:lnTo>
                    <a:pt x="431" y="0"/>
                  </a:lnTo>
                  <a:lnTo>
                    <a:pt x="430" y="2"/>
                  </a:lnTo>
                  <a:lnTo>
                    <a:pt x="426" y="2"/>
                  </a:lnTo>
                  <a:lnTo>
                    <a:pt x="419" y="2"/>
                  </a:lnTo>
                  <a:lnTo>
                    <a:pt x="411" y="2"/>
                  </a:lnTo>
                  <a:lnTo>
                    <a:pt x="402" y="3"/>
                  </a:lnTo>
                  <a:lnTo>
                    <a:pt x="391" y="3"/>
                  </a:lnTo>
                  <a:lnTo>
                    <a:pt x="377" y="3"/>
                  </a:lnTo>
                  <a:lnTo>
                    <a:pt x="364" y="5"/>
                  </a:lnTo>
                  <a:lnTo>
                    <a:pt x="348" y="5"/>
                  </a:lnTo>
                  <a:lnTo>
                    <a:pt x="331" y="7"/>
                  </a:lnTo>
                  <a:lnTo>
                    <a:pt x="314" y="7"/>
                  </a:lnTo>
                  <a:lnTo>
                    <a:pt x="296" y="7"/>
                  </a:lnTo>
                  <a:lnTo>
                    <a:pt x="277" y="8"/>
                  </a:lnTo>
                  <a:lnTo>
                    <a:pt x="259" y="8"/>
                  </a:lnTo>
                  <a:lnTo>
                    <a:pt x="238" y="10"/>
                  </a:lnTo>
                  <a:lnTo>
                    <a:pt x="220" y="10"/>
                  </a:lnTo>
                  <a:lnTo>
                    <a:pt x="199" y="12"/>
                  </a:lnTo>
                  <a:lnTo>
                    <a:pt x="179" y="12"/>
                  </a:lnTo>
                  <a:lnTo>
                    <a:pt x="160" y="14"/>
                  </a:lnTo>
                  <a:lnTo>
                    <a:pt x="142" y="14"/>
                  </a:lnTo>
                  <a:lnTo>
                    <a:pt x="123" y="15"/>
                  </a:lnTo>
                  <a:lnTo>
                    <a:pt x="105" y="15"/>
                  </a:lnTo>
                  <a:lnTo>
                    <a:pt x="88" y="17"/>
                  </a:lnTo>
                  <a:lnTo>
                    <a:pt x="72" y="17"/>
                  </a:lnTo>
                  <a:lnTo>
                    <a:pt x="57" y="17"/>
                  </a:lnTo>
                  <a:lnTo>
                    <a:pt x="45" y="19"/>
                  </a:lnTo>
                  <a:lnTo>
                    <a:pt x="32" y="19"/>
                  </a:lnTo>
                  <a:lnTo>
                    <a:pt x="22" y="19"/>
                  </a:lnTo>
                  <a:lnTo>
                    <a:pt x="13" y="19"/>
                  </a:lnTo>
                  <a:lnTo>
                    <a:pt x="6" y="19"/>
                  </a:lnTo>
                  <a:lnTo>
                    <a:pt x="1" y="20"/>
                  </a:lnTo>
                  <a:lnTo>
                    <a:pt x="0" y="20"/>
                  </a:lnTo>
                  <a:lnTo>
                    <a:pt x="20" y="159"/>
                  </a:lnTo>
                  <a:lnTo>
                    <a:pt x="18" y="377"/>
                  </a:lnTo>
                  <a:lnTo>
                    <a:pt x="17" y="374"/>
                  </a:lnTo>
                  <a:lnTo>
                    <a:pt x="28" y="389"/>
                  </a:lnTo>
                  <a:lnTo>
                    <a:pt x="54" y="386"/>
                  </a:lnTo>
                  <a:lnTo>
                    <a:pt x="64" y="388"/>
                  </a:lnTo>
                  <a:lnTo>
                    <a:pt x="64" y="452"/>
                  </a:lnTo>
                  <a:lnTo>
                    <a:pt x="362" y="443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387" name="Freeform 60"/>
            <p:cNvSpPr>
              <a:spLocks/>
            </p:cNvSpPr>
            <p:nvPr/>
          </p:nvSpPr>
          <p:spPr bwMode="auto">
            <a:xfrm>
              <a:off x="2931" y="3072"/>
              <a:ext cx="540" cy="475"/>
            </a:xfrm>
            <a:custGeom>
              <a:avLst/>
              <a:gdLst>
                <a:gd name="T0" fmla="*/ 27 w 555"/>
                <a:gd name="T1" fmla="*/ 234 h 489"/>
                <a:gd name="T2" fmla="*/ 27 w 555"/>
                <a:gd name="T3" fmla="*/ 209 h 489"/>
                <a:gd name="T4" fmla="*/ 43 w 555"/>
                <a:gd name="T5" fmla="*/ 176 h 489"/>
                <a:gd name="T6" fmla="*/ 35 w 555"/>
                <a:gd name="T7" fmla="*/ 153 h 489"/>
                <a:gd name="T8" fmla="*/ 203 w 555"/>
                <a:gd name="T9" fmla="*/ 0 h 489"/>
                <a:gd name="T10" fmla="*/ 204 w 555"/>
                <a:gd name="T11" fmla="*/ 12 h 489"/>
                <a:gd name="T12" fmla="*/ 206 w 555"/>
                <a:gd name="T13" fmla="*/ 30 h 489"/>
                <a:gd name="T14" fmla="*/ 211 w 555"/>
                <a:gd name="T15" fmla="*/ 45 h 489"/>
                <a:gd name="T16" fmla="*/ 217 w 555"/>
                <a:gd name="T17" fmla="*/ 51 h 489"/>
                <a:gd name="T18" fmla="*/ 221 w 555"/>
                <a:gd name="T19" fmla="*/ 63 h 489"/>
                <a:gd name="T20" fmla="*/ 206 w 555"/>
                <a:gd name="T21" fmla="*/ 70 h 489"/>
                <a:gd name="T22" fmla="*/ 209 w 555"/>
                <a:gd name="T23" fmla="*/ 84 h 489"/>
                <a:gd name="T24" fmla="*/ 193 w 555"/>
                <a:gd name="T25" fmla="*/ 118 h 489"/>
                <a:gd name="T26" fmla="*/ 188 w 555"/>
                <a:gd name="T27" fmla="*/ 130 h 489"/>
                <a:gd name="T28" fmla="*/ 186 w 555"/>
                <a:gd name="T29" fmla="*/ 141 h 489"/>
                <a:gd name="T30" fmla="*/ 177 w 555"/>
                <a:gd name="T31" fmla="*/ 153 h 489"/>
                <a:gd name="T32" fmla="*/ 180 w 555"/>
                <a:gd name="T33" fmla="*/ 162 h 489"/>
                <a:gd name="T34" fmla="*/ 313 w 555"/>
                <a:gd name="T35" fmla="*/ 179 h 489"/>
                <a:gd name="T36" fmla="*/ 318 w 555"/>
                <a:gd name="T37" fmla="*/ 202 h 489"/>
                <a:gd name="T38" fmla="*/ 326 w 555"/>
                <a:gd name="T39" fmla="*/ 227 h 489"/>
                <a:gd name="T40" fmla="*/ 304 w 555"/>
                <a:gd name="T41" fmla="*/ 222 h 489"/>
                <a:gd name="T42" fmla="*/ 282 w 555"/>
                <a:gd name="T43" fmla="*/ 220 h 489"/>
                <a:gd name="T44" fmla="*/ 273 w 555"/>
                <a:gd name="T45" fmla="*/ 230 h 489"/>
                <a:gd name="T46" fmla="*/ 289 w 555"/>
                <a:gd name="T47" fmla="*/ 242 h 489"/>
                <a:gd name="T48" fmla="*/ 312 w 555"/>
                <a:gd name="T49" fmla="*/ 234 h 489"/>
                <a:gd name="T50" fmla="*/ 322 w 555"/>
                <a:gd name="T51" fmla="*/ 242 h 489"/>
                <a:gd name="T52" fmla="*/ 322 w 555"/>
                <a:gd name="T53" fmla="*/ 249 h 489"/>
                <a:gd name="T54" fmla="*/ 333 w 555"/>
                <a:gd name="T55" fmla="*/ 247 h 489"/>
                <a:gd name="T56" fmla="*/ 341 w 555"/>
                <a:gd name="T57" fmla="*/ 238 h 489"/>
                <a:gd name="T58" fmla="*/ 342 w 555"/>
                <a:gd name="T59" fmla="*/ 242 h 489"/>
                <a:gd name="T60" fmla="*/ 344 w 555"/>
                <a:gd name="T61" fmla="*/ 263 h 489"/>
                <a:gd name="T62" fmla="*/ 332 w 555"/>
                <a:gd name="T63" fmla="*/ 284 h 489"/>
                <a:gd name="T64" fmla="*/ 370 w 555"/>
                <a:gd name="T65" fmla="*/ 304 h 489"/>
                <a:gd name="T66" fmla="*/ 360 w 555"/>
                <a:gd name="T67" fmla="*/ 320 h 489"/>
                <a:gd name="T68" fmla="*/ 352 w 555"/>
                <a:gd name="T69" fmla="*/ 314 h 489"/>
                <a:gd name="T70" fmla="*/ 342 w 555"/>
                <a:gd name="T71" fmla="*/ 304 h 489"/>
                <a:gd name="T72" fmla="*/ 321 w 555"/>
                <a:gd name="T73" fmla="*/ 300 h 489"/>
                <a:gd name="T74" fmla="*/ 315 w 555"/>
                <a:gd name="T75" fmla="*/ 288 h 489"/>
                <a:gd name="T76" fmla="*/ 291 w 555"/>
                <a:gd name="T77" fmla="*/ 283 h 489"/>
                <a:gd name="T78" fmla="*/ 301 w 555"/>
                <a:gd name="T79" fmla="*/ 300 h 489"/>
                <a:gd name="T80" fmla="*/ 301 w 555"/>
                <a:gd name="T81" fmla="*/ 310 h 489"/>
                <a:gd name="T82" fmla="*/ 290 w 555"/>
                <a:gd name="T83" fmla="*/ 322 h 489"/>
                <a:gd name="T84" fmla="*/ 265 w 555"/>
                <a:gd name="T85" fmla="*/ 313 h 489"/>
                <a:gd name="T86" fmla="*/ 239 w 555"/>
                <a:gd name="T87" fmla="*/ 318 h 489"/>
                <a:gd name="T88" fmla="*/ 223 w 555"/>
                <a:gd name="T89" fmla="*/ 314 h 489"/>
                <a:gd name="T90" fmla="*/ 193 w 555"/>
                <a:gd name="T91" fmla="*/ 291 h 489"/>
                <a:gd name="T92" fmla="*/ 185 w 555"/>
                <a:gd name="T93" fmla="*/ 278 h 489"/>
                <a:gd name="T94" fmla="*/ 173 w 555"/>
                <a:gd name="T95" fmla="*/ 275 h 489"/>
                <a:gd name="T96" fmla="*/ 167 w 555"/>
                <a:gd name="T97" fmla="*/ 268 h 489"/>
                <a:gd name="T98" fmla="*/ 139 w 555"/>
                <a:gd name="T99" fmla="*/ 292 h 489"/>
                <a:gd name="T100" fmla="*/ 114 w 555"/>
                <a:gd name="T101" fmla="*/ 290 h 489"/>
                <a:gd name="T102" fmla="*/ 77 w 555"/>
                <a:gd name="T103" fmla="*/ 278 h 489"/>
                <a:gd name="T104" fmla="*/ 60 w 555"/>
                <a:gd name="T105" fmla="*/ 276 h 489"/>
                <a:gd name="T106" fmla="*/ 57 w 555"/>
                <a:gd name="T107" fmla="*/ 272 h 489"/>
                <a:gd name="T108" fmla="*/ 28 w 555"/>
                <a:gd name="T109" fmla="*/ 280 h 489"/>
                <a:gd name="T110" fmla="*/ 18 w 555"/>
                <a:gd name="T111" fmla="*/ 275 h 489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w 555"/>
                <a:gd name="T169" fmla="*/ 0 h 489"/>
                <a:gd name="T170" fmla="*/ 555 w 555"/>
                <a:gd name="T171" fmla="*/ 489 h 489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T168" t="T169" r="T170" b="T171"/>
              <a:pathLst>
                <a:path w="555" h="489">
                  <a:moveTo>
                    <a:pt x="41" y="390"/>
                  </a:moveTo>
                  <a:lnTo>
                    <a:pt x="47" y="381"/>
                  </a:lnTo>
                  <a:lnTo>
                    <a:pt x="51" y="373"/>
                  </a:lnTo>
                  <a:lnTo>
                    <a:pt x="51" y="366"/>
                  </a:lnTo>
                  <a:lnTo>
                    <a:pt x="49" y="361"/>
                  </a:lnTo>
                  <a:lnTo>
                    <a:pt x="46" y="356"/>
                  </a:lnTo>
                  <a:lnTo>
                    <a:pt x="44" y="352"/>
                  </a:lnTo>
                  <a:lnTo>
                    <a:pt x="41" y="351"/>
                  </a:lnTo>
                  <a:lnTo>
                    <a:pt x="44" y="329"/>
                  </a:lnTo>
                  <a:lnTo>
                    <a:pt x="42" y="327"/>
                  </a:lnTo>
                  <a:lnTo>
                    <a:pt x="41" y="325"/>
                  </a:lnTo>
                  <a:lnTo>
                    <a:pt x="39" y="322"/>
                  </a:lnTo>
                  <a:lnTo>
                    <a:pt x="39" y="319"/>
                  </a:lnTo>
                  <a:lnTo>
                    <a:pt x="41" y="313"/>
                  </a:lnTo>
                  <a:lnTo>
                    <a:pt x="44" y="307"/>
                  </a:lnTo>
                  <a:lnTo>
                    <a:pt x="51" y="298"/>
                  </a:lnTo>
                  <a:lnTo>
                    <a:pt x="54" y="293"/>
                  </a:lnTo>
                  <a:lnTo>
                    <a:pt x="56" y="288"/>
                  </a:lnTo>
                  <a:lnTo>
                    <a:pt x="58" y="281"/>
                  </a:lnTo>
                  <a:lnTo>
                    <a:pt x="59" y="276"/>
                  </a:lnTo>
                  <a:lnTo>
                    <a:pt x="59" y="271"/>
                  </a:lnTo>
                  <a:lnTo>
                    <a:pt x="59" y="264"/>
                  </a:lnTo>
                  <a:lnTo>
                    <a:pt x="59" y="259"/>
                  </a:lnTo>
                  <a:lnTo>
                    <a:pt x="58" y="254"/>
                  </a:lnTo>
                  <a:lnTo>
                    <a:pt x="56" y="249"/>
                  </a:lnTo>
                  <a:lnTo>
                    <a:pt x="54" y="244"/>
                  </a:lnTo>
                  <a:lnTo>
                    <a:pt x="54" y="241"/>
                  </a:lnTo>
                  <a:lnTo>
                    <a:pt x="52" y="236"/>
                  </a:lnTo>
                  <a:lnTo>
                    <a:pt x="51" y="232"/>
                  </a:lnTo>
                  <a:lnTo>
                    <a:pt x="49" y="231"/>
                  </a:lnTo>
                  <a:lnTo>
                    <a:pt x="49" y="229"/>
                  </a:lnTo>
                  <a:lnTo>
                    <a:pt x="42" y="209"/>
                  </a:lnTo>
                  <a:lnTo>
                    <a:pt x="29" y="195"/>
                  </a:lnTo>
                  <a:lnTo>
                    <a:pt x="29" y="165"/>
                  </a:lnTo>
                  <a:lnTo>
                    <a:pt x="5" y="134"/>
                  </a:lnTo>
                  <a:lnTo>
                    <a:pt x="0" y="9"/>
                  </a:lnTo>
                  <a:lnTo>
                    <a:pt x="298" y="0"/>
                  </a:lnTo>
                  <a:lnTo>
                    <a:pt x="296" y="0"/>
                  </a:lnTo>
                  <a:lnTo>
                    <a:pt x="296" y="2"/>
                  </a:lnTo>
                  <a:lnTo>
                    <a:pt x="296" y="4"/>
                  </a:lnTo>
                  <a:lnTo>
                    <a:pt x="296" y="5"/>
                  </a:lnTo>
                  <a:lnTo>
                    <a:pt x="296" y="9"/>
                  </a:lnTo>
                  <a:lnTo>
                    <a:pt x="296" y="11"/>
                  </a:lnTo>
                  <a:lnTo>
                    <a:pt x="298" y="12"/>
                  </a:lnTo>
                  <a:lnTo>
                    <a:pt x="300" y="12"/>
                  </a:lnTo>
                  <a:lnTo>
                    <a:pt x="301" y="11"/>
                  </a:lnTo>
                  <a:lnTo>
                    <a:pt x="303" y="11"/>
                  </a:lnTo>
                  <a:lnTo>
                    <a:pt x="305" y="14"/>
                  </a:lnTo>
                  <a:lnTo>
                    <a:pt x="305" y="16"/>
                  </a:lnTo>
                  <a:lnTo>
                    <a:pt x="306" y="17"/>
                  </a:lnTo>
                  <a:lnTo>
                    <a:pt x="305" y="29"/>
                  </a:lnTo>
                  <a:lnTo>
                    <a:pt x="311" y="34"/>
                  </a:lnTo>
                  <a:lnTo>
                    <a:pt x="303" y="44"/>
                  </a:lnTo>
                  <a:lnTo>
                    <a:pt x="305" y="49"/>
                  </a:lnTo>
                  <a:lnTo>
                    <a:pt x="316" y="48"/>
                  </a:lnTo>
                  <a:lnTo>
                    <a:pt x="316" y="60"/>
                  </a:lnTo>
                  <a:lnTo>
                    <a:pt x="315" y="60"/>
                  </a:lnTo>
                  <a:lnTo>
                    <a:pt x="315" y="61"/>
                  </a:lnTo>
                  <a:lnTo>
                    <a:pt x="313" y="63"/>
                  </a:lnTo>
                  <a:lnTo>
                    <a:pt x="311" y="65"/>
                  </a:lnTo>
                  <a:lnTo>
                    <a:pt x="310" y="66"/>
                  </a:lnTo>
                  <a:lnTo>
                    <a:pt x="311" y="68"/>
                  </a:lnTo>
                  <a:lnTo>
                    <a:pt x="313" y="70"/>
                  </a:lnTo>
                  <a:lnTo>
                    <a:pt x="320" y="70"/>
                  </a:lnTo>
                  <a:lnTo>
                    <a:pt x="320" y="71"/>
                  </a:lnTo>
                  <a:lnTo>
                    <a:pt x="320" y="73"/>
                  </a:lnTo>
                  <a:lnTo>
                    <a:pt x="318" y="75"/>
                  </a:lnTo>
                  <a:lnTo>
                    <a:pt x="318" y="78"/>
                  </a:lnTo>
                  <a:lnTo>
                    <a:pt x="320" y="80"/>
                  </a:lnTo>
                  <a:lnTo>
                    <a:pt x="323" y="82"/>
                  </a:lnTo>
                  <a:lnTo>
                    <a:pt x="328" y="82"/>
                  </a:lnTo>
                  <a:lnTo>
                    <a:pt x="327" y="85"/>
                  </a:lnTo>
                  <a:lnTo>
                    <a:pt x="325" y="87"/>
                  </a:lnTo>
                  <a:lnTo>
                    <a:pt x="325" y="90"/>
                  </a:lnTo>
                  <a:lnTo>
                    <a:pt x="323" y="93"/>
                  </a:lnTo>
                  <a:lnTo>
                    <a:pt x="322" y="97"/>
                  </a:lnTo>
                  <a:lnTo>
                    <a:pt x="320" y="99"/>
                  </a:lnTo>
                  <a:lnTo>
                    <a:pt x="320" y="100"/>
                  </a:lnTo>
                  <a:lnTo>
                    <a:pt x="318" y="100"/>
                  </a:lnTo>
                  <a:lnTo>
                    <a:pt x="315" y="100"/>
                  </a:lnTo>
                  <a:lnTo>
                    <a:pt x="310" y="102"/>
                  </a:lnTo>
                  <a:lnTo>
                    <a:pt x="306" y="102"/>
                  </a:lnTo>
                  <a:lnTo>
                    <a:pt x="303" y="104"/>
                  </a:lnTo>
                  <a:lnTo>
                    <a:pt x="303" y="105"/>
                  </a:lnTo>
                  <a:lnTo>
                    <a:pt x="306" y="107"/>
                  </a:lnTo>
                  <a:lnTo>
                    <a:pt x="313" y="110"/>
                  </a:lnTo>
                  <a:lnTo>
                    <a:pt x="313" y="112"/>
                  </a:lnTo>
                  <a:lnTo>
                    <a:pt x="313" y="114"/>
                  </a:lnTo>
                  <a:lnTo>
                    <a:pt x="311" y="119"/>
                  </a:lnTo>
                  <a:lnTo>
                    <a:pt x="308" y="122"/>
                  </a:lnTo>
                  <a:lnTo>
                    <a:pt x="306" y="126"/>
                  </a:lnTo>
                  <a:lnTo>
                    <a:pt x="303" y="129"/>
                  </a:lnTo>
                  <a:lnTo>
                    <a:pt x="303" y="132"/>
                  </a:lnTo>
                  <a:lnTo>
                    <a:pt x="301" y="134"/>
                  </a:lnTo>
                  <a:lnTo>
                    <a:pt x="300" y="146"/>
                  </a:lnTo>
                  <a:lnTo>
                    <a:pt x="291" y="146"/>
                  </a:lnTo>
                  <a:lnTo>
                    <a:pt x="284" y="173"/>
                  </a:lnTo>
                  <a:lnTo>
                    <a:pt x="276" y="178"/>
                  </a:lnTo>
                  <a:lnTo>
                    <a:pt x="284" y="178"/>
                  </a:lnTo>
                  <a:lnTo>
                    <a:pt x="284" y="180"/>
                  </a:lnTo>
                  <a:lnTo>
                    <a:pt x="283" y="180"/>
                  </a:lnTo>
                  <a:lnTo>
                    <a:pt x="279" y="183"/>
                  </a:lnTo>
                  <a:lnTo>
                    <a:pt x="278" y="185"/>
                  </a:lnTo>
                  <a:lnTo>
                    <a:pt x="274" y="188"/>
                  </a:lnTo>
                  <a:lnTo>
                    <a:pt x="274" y="190"/>
                  </a:lnTo>
                  <a:lnTo>
                    <a:pt x="274" y="193"/>
                  </a:lnTo>
                  <a:lnTo>
                    <a:pt x="276" y="195"/>
                  </a:lnTo>
                  <a:lnTo>
                    <a:pt x="276" y="197"/>
                  </a:lnTo>
                  <a:lnTo>
                    <a:pt x="274" y="198"/>
                  </a:lnTo>
                  <a:lnTo>
                    <a:pt x="272" y="200"/>
                  </a:lnTo>
                  <a:lnTo>
                    <a:pt x="269" y="203"/>
                  </a:lnTo>
                  <a:lnTo>
                    <a:pt x="269" y="207"/>
                  </a:lnTo>
                  <a:lnTo>
                    <a:pt x="267" y="209"/>
                  </a:lnTo>
                  <a:lnTo>
                    <a:pt x="269" y="210"/>
                  </a:lnTo>
                  <a:lnTo>
                    <a:pt x="272" y="210"/>
                  </a:lnTo>
                  <a:lnTo>
                    <a:pt x="274" y="212"/>
                  </a:lnTo>
                  <a:lnTo>
                    <a:pt x="274" y="215"/>
                  </a:lnTo>
                  <a:lnTo>
                    <a:pt x="272" y="217"/>
                  </a:lnTo>
                  <a:lnTo>
                    <a:pt x="267" y="222"/>
                  </a:lnTo>
                  <a:lnTo>
                    <a:pt x="264" y="224"/>
                  </a:lnTo>
                  <a:lnTo>
                    <a:pt x="261" y="225"/>
                  </a:lnTo>
                  <a:lnTo>
                    <a:pt x="259" y="227"/>
                  </a:lnTo>
                  <a:lnTo>
                    <a:pt x="259" y="231"/>
                  </a:lnTo>
                  <a:lnTo>
                    <a:pt x="259" y="232"/>
                  </a:lnTo>
                  <a:lnTo>
                    <a:pt x="261" y="234"/>
                  </a:lnTo>
                  <a:lnTo>
                    <a:pt x="262" y="236"/>
                  </a:lnTo>
                  <a:lnTo>
                    <a:pt x="264" y="236"/>
                  </a:lnTo>
                  <a:lnTo>
                    <a:pt x="266" y="237"/>
                  </a:lnTo>
                  <a:lnTo>
                    <a:pt x="264" y="239"/>
                  </a:lnTo>
                  <a:lnTo>
                    <a:pt x="264" y="242"/>
                  </a:lnTo>
                  <a:lnTo>
                    <a:pt x="264" y="244"/>
                  </a:lnTo>
                  <a:lnTo>
                    <a:pt x="262" y="247"/>
                  </a:lnTo>
                  <a:lnTo>
                    <a:pt x="262" y="251"/>
                  </a:lnTo>
                  <a:lnTo>
                    <a:pt x="262" y="253"/>
                  </a:lnTo>
                  <a:lnTo>
                    <a:pt x="262" y="254"/>
                  </a:lnTo>
                  <a:lnTo>
                    <a:pt x="462" y="241"/>
                  </a:lnTo>
                  <a:lnTo>
                    <a:pt x="462" y="264"/>
                  </a:lnTo>
                  <a:lnTo>
                    <a:pt x="460" y="264"/>
                  </a:lnTo>
                  <a:lnTo>
                    <a:pt x="459" y="268"/>
                  </a:lnTo>
                  <a:lnTo>
                    <a:pt x="457" y="273"/>
                  </a:lnTo>
                  <a:lnTo>
                    <a:pt x="455" y="276"/>
                  </a:lnTo>
                  <a:lnTo>
                    <a:pt x="454" y="283"/>
                  </a:lnTo>
                  <a:lnTo>
                    <a:pt x="454" y="288"/>
                  </a:lnTo>
                  <a:lnTo>
                    <a:pt x="457" y="293"/>
                  </a:lnTo>
                  <a:lnTo>
                    <a:pt x="462" y="297"/>
                  </a:lnTo>
                  <a:lnTo>
                    <a:pt x="464" y="298"/>
                  </a:lnTo>
                  <a:lnTo>
                    <a:pt x="467" y="302"/>
                  </a:lnTo>
                  <a:lnTo>
                    <a:pt x="470" y="307"/>
                  </a:lnTo>
                  <a:lnTo>
                    <a:pt x="476" y="313"/>
                  </a:lnTo>
                  <a:lnTo>
                    <a:pt x="479" y="320"/>
                  </a:lnTo>
                  <a:lnTo>
                    <a:pt x="482" y="327"/>
                  </a:lnTo>
                  <a:lnTo>
                    <a:pt x="482" y="335"/>
                  </a:lnTo>
                  <a:lnTo>
                    <a:pt x="481" y="342"/>
                  </a:lnTo>
                  <a:lnTo>
                    <a:pt x="479" y="342"/>
                  </a:lnTo>
                  <a:lnTo>
                    <a:pt x="477" y="342"/>
                  </a:lnTo>
                  <a:lnTo>
                    <a:pt x="474" y="342"/>
                  </a:lnTo>
                  <a:lnTo>
                    <a:pt x="472" y="342"/>
                  </a:lnTo>
                  <a:lnTo>
                    <a:pt x="470" y="342"/>
                  </a:lnTo>
                  <a:lnTo>
                    <a:pt x="469" y="342"/>
                  </a:lnTo>
                  <a:lnTo>
                    <a:pt x="467" y="342"/>
                  </a:lnTo>
                  <a:lnTo>
                    <a:pt x="450" y="334"/>
                  </a:lnTo>
                  <a:lnTo>
                    <a:pt x="445" y="335"/>
                  </a:lnTo>
                  <a:lnTo>
                    <a:pt x="443" y="334"/>
                  </a:lnTo>
                  <a:lnTo>
                    <a:pt x="442" y="332"/>
                  </a:lnTo>
                  <a:lnTo>
                    <a:pt x="440" y="329"/>
                  </a:lnTo>
                  <a:lnTo>
                    <a:pt x="437" y="325"/>
                  </a:lnTo>
                  <a:lnTo>
                    <a:pt x="432" y="322"/>
                  </a:lnTo>
                  <a:lnTo>
                    <a:pt x="426" y="322"/>
                  </a:lnTo>
                  <a:lnTo>
                    <a:pt x="421" y="324"/>
                  </a:lnTo>
                  <a:lnTo>
                    <a:pt x="415" y="329"/>
                  </a:lnTo>
                  <a:lnTo>
                    <a:pt x="413" y="330"/>
                  </a:lnTo>
                  <a:lnTo>
                    <a:pt x="411" y="332"/>
                  </a:lnTo>
                  <a:lnTo>
                    <a:pt x="410" y="335"/>
                  </a:lnTo>
                  <a:lnTo>
                    <a:pt x="408" y="339"/>
                  </a:lnTo>
                  <a:lnTo>
                    <a:pt x="404" y="341"/>
                  </a:lnTo>
                  <a:lnTo>
                    <a:pt x="403" y="344"/>
                  </a:lnTo>
                  <a:lnTo>
                    <a:pt x="403" y="346"/>
                  </a:lnTo>
                  <a:lnTo>
                    <a:pt x="401" y="346"/>
                  </a:lnTo>
                  <a:lnTo>
                    <a:pt x="401" y="347"/>
                  </a:lnTo>
                  <a:lnTo>
                    <a:pt x="399" y="349"/>
                  </a:lnTo>
                  <a:lnTo>
                    <a:pt x="398" y="352"/>
                  </a:lnTo>
                  <a:lnTo>
                    <a:pt x="398" y="356"/>
                  </a:lnTo>
                  <a:lnTo>
                    <a:pt x="399" y="359"/>
                  </a:lnTo>
                  <a:lnTo>
                    <a:pt x="403" y="361"/>
                  </a:lnTo>
                  <a:lnTo>
                    <a:pt x="411" y="364"/>
                  </a:lnTo>
                  <a:lnTo>
                    <a:pt x="423" y="364"/>
                  </a:lnTo>
                  <a:lnTo>
                    <a:pt x="426" y="366"/>
                  </a:lnTo>
                  <a:lnTo>
                    <a:pt x="428" y="366"/>
                  </a:lnTo>
                  <a:lnTo>
                    <a:pt x="433" y="366"/>
                  </a:lnTo>
                  <a:lnTo>
                    <a:pt x="437" y="364"/>
                  </a:lnTo>
                  <a:lnTo>
                    <a:pt x="443" y="363"/>
                  </a:lnTo>
                  <a:lnTo>
                    <a:pt x="450" y="359"/>
                  </a:lnTo>
                  <a:lnTo>
                    <a:pt x="457" y="352"/>
                  </a:lnTo>
                  <a:lnTo>
                    <a:pt x="459" y="352"/>
                  </a:lnTo>
                  <a:lnTo>
                    <a:pt x="462" y="352"/>
                  </a:lnTo>
                  <a:lnTo>
                    <a:pt x="464" y="356"/>
                  </a:lnTo>
                  <a:lnTo>
                    <a:pt x="465" y="356"/>
                  </a:lnTo>
                  <a:lnTo>
                    <a:pt x="474" y="347"/>
                  </a:lnTo>
                  <a:lnTo>
                    <a:pt x="481" y="352"/>
                  </a:lnTo>
                  <a:lnTo>
                    <a:pt x="474" y="363"/>
                  </a:lnTo>
                  <a:lnTo>
                    <a:pt x="472" y="363"/>
                  </a:lnTo>
                  <a:lnTo>
                    <a:pt x="469" y="364"/>
                  </a:lnTo>
                  <a:lnTo>
                    <a:pt x="465" y="366"/>
                  </a:lnTo>
                  <a:lnTo>
                    <a:pt x="462" y="368"/>
                  </a:lnTo>
                  <a:lnTo>
                    <a:pt x="460" y="369"/>
                  </a:lnTo>
                  <a:lnTo>
                    <a:pt x="459" y="373"/>
                  </a:lnTo>
                  <a:lnTo>
                    <a:pt x="462" y="373"/>
                  </a:lnTo>
                  <a:lnTo>
                    <a:pt x="470" y="374"/>
                  </a:lnTo>
                  <a:lnTo>
                    <a:pt x="472" y="374"/>
                  </a:lnTo>
                  <a:lnTo>
                    <a:pt x="474" y="376"/>
                  </a:lnTo>
                  <a:lnTo>
                    <a:pt x="479" y="378"/>
                  </a:lnTo>
                  <a:lnTo>
                    <a:pt x="484" y="379"/>
                  </a:lnTo>
                  <a:lnTo>
                    <a:pt x="487" y="381"/>
                  </a:lnTo>
                  <a:lnTo>
                    <a:pt x="491" y="379"/>
                  </a:lnTo>
                  <a:lnTo>
                    <a:pt x="491" y="378"/>
                  </a:lnTo>
                  <a:lnTo>
                    <a:pt x="489" y="373"/>
                  </a:lnTo>
                  <a:lnTo>
                    <a:pt x="489" y="371"/>
                  </a:lnTo>
                  <a:lnTo>
                    <a:pt x="491" y="369"/>
                  </a:lnTo>
                  <a:lnTo>
                    <a:pt x="492" y="368"/>
                  </a:lnTo>
                  <a:lnTo>
                    <a:pt x="494" y="364"/>
                  </a:lnTo>
                  <a:lnTo>
                    <a:pt x="496" y="363"/>
                  </a:lnTo>
                  <a:lnTo>
                    <a:pt x="496" y="361"/>
                  </a:lnTo>
                  <a:lnTo>
                    <a:pt x="498" y="359"/>
                  </a:lnTo>
                  <a:lnTo>
                    <a:pt x="499" y="357"/>
                  </a:lnTo>
                  <a:lnTo>
                    <a:pt x="503" y="357"/>
                  </a:lnTo>
                  <a:lnTo>
                    <a:pt x="504" y="357"/>
                  </a:lnTo>
                  <a:lnTo>
                    <a:pt x="506" y="357"/>
                  </a:lnTo>
                  <a:lnTo>
                    <a:pt x="504" y="359"/>
                  </a:lnTo>
                  <a:lnTo>
                    <a:pt x="503" y="361"/>
                  </a:lnTo>
                  <a:lnTo>
                    <a:pt x="503" y="364"/>
                  </a:lnTo>
                  <a:lnTo>
                    <a:pt x="504" y="366"/>
                  </a:lnTo>
                  <a:lnTo>
                    <a:pt x="506" y="369"/>
                  </a:lnTo>
                  <a:lnTo>
                    <a:pt x="508" y="369"/>
                  </a:lnTo>
                  <a:lnTo>
                    <a:pt x="506" y="383"/>
                  </a:lnTo>
                  <a:lnTo>
                    <a:pt x="509" y="388"/>
                  </a:lnTo>
                  <a:lnTo>
                    <a:pt x="523" y="388"/>
                  </a:lnTo>
                  <a:lnTo>
                    <a:pt x="521" y="395"/>
                  </a:lnTo>
                  <a:lnTo>
                    <a:pt x="506" y="395"/>
                  </a:lnTo>
                  <a:lnTo>
                    <a:pt x="499" y="400"/>
                  </a:lnTo>
                  <a:lnTo>
                    <a:pt x="486" y="400"/>
                  </a:lnTo>
                  <a:lnTo>
                    <a:pt x="486" y="417"/>
                  </a:lnTo>
                  <a:lnTo>
                    <a:pt x="486" y="418"/>
                  </a:lnTo>
                  <a:lnTo>
                    <a:pt x="486" y="422"/>
                  </a:lnTo>
                  <a:lnTo>
                    <a:pt x="486" y="423"/>
                  </a:lnTo>
                  <a:lnTo>
                    <a:pt x="486" y="427"/>
                  </a:lnTo>
                  <a:lnTo>
                    <a:pt x="487" y="429"/>
                  </a:lnTo>
                  <a:lnTo>
                    <a:pt x="489" y="430"/>
                  </a:lnTo>
                  <a:lnTo>
                    <a:pt x="494" y="432"/>
                  </a:lnTo>
                  <a:lnTo>
                    <a:pt x="499" y="437"/>
                  </a:lnTo>
                  <a:lnTo>
                    <a:pt x="504" y="442"/>
                  </a:lnTo>
                  <a:lnTo>
                    <a:pt x="516" y="442"/>
                  </a:lnTo>
                  <a:lnTo>
                    <a:pt x="523" y="449"/>
                  </a:lnTo>
                  <a:lnTo>
                    <a:pt x="543" y="456"/>
                  </a:lnTo>
                  <a:lnTo>
                    <a:pt x="542" y="462"/>
                  </a:lnTo>
                  <a:lnTo>
                    <a:pt x="555" y="462"/>
                  </a:lnTo>
                  <a:lnTo>
                    <a:pt x="553" y="474"/>
                  </a:lnTo>
                  <a:lnTo>
                    <a:pt x="542" y="479"/>
                  </a:lnTo>
                  <a:lnTo>
                    <a:pt x="540" y="486"/>
                  </a:lnTo>
                  <a:lnTo>
                    <a:pt x="531" y="478"/>
                  </a:lnTo>
                  <a:lnTo>
                    <a:pt x="530" y="478"/>
                  </a:lnTo>
                  <a:lnTo>
                    <a:pt x="528" y="481"/>
                  </a:lnTo>
                  <a:lnTo>
                    <a:pt x="525" y="484"/>
                  </a:lnTo>
                  <a:lnTo>
                    <a:pt x="521" y="488"/>
                  </a:lnTo>
                  <a:lnTo>
                    <a:pt x="520" y="489"/>
                  </a:lnTo>
                  <a:lnTo>
                    <a:pt x="518" y="489"/>
                  </a:lnTo>
                  <a:lnTo>
                    <a:pt x="518" y="486"/>
                  </a:lnTo>
                  <a:lnTo>
                    <a:pt x="521" y="478"/>
                  </a:lnTo>
                  <a:lnTo>
                    <a:pt x="521" y="474"/>
                  </a:lnTo>
                  <a:lnTo>
                    <a:pt x="518" y="471"/>
                  </a:lnTo>
                  <a:lnTo>
                    <a:pt x="514" y="469"/>
                  </a:lnTo>
                  <a:lnTo>
                    <a:pt x="513" y="467"/>
                  </a:lnTo>
                  <a:lnTo>
                    <a:pt x="513" y="466"/>
                  </a:lnTo>
                  <a:lnTo>
                    <a:pt x="513" y="464"/>
                  </a:lnTo>
                  <a:lnTo>
                    <a:pt x="511" y="462"/>
                  </a:lnTo>
                  <a:lnTo>
                    <a:pt x="508" y="461"/>
                  </a:lnTo>
                  <a:lnTo>
                    <a:pt x="503" y="457"/>
                  </a:lnTo>
                  <a:lnTo>
                    <a:pt x="494" y="456"/>
                  </a:lnTo>
                  <a:lnTo>
                    <a:pt x="484" y="454"/>
                  </a:lnTo>
                  <a:lnTo>
                    <a:pt x="481" y="454"/>
                  </a:lnTo>
                  <a:lnTo>
                    <a:pt x="477" y="454"/>
                  </a:lnTo>
                  <a:lnTo>
                    <a:pt x="476" y="452"/>
                  </a:lnTo>
                  <a:lnTo>
                    <a:pt x="472" y="452"/>
                  </a:lnTo>
                  <a:lnTo>
                    <a:pt x="470" y="452"/>
                  </a:lnTo>
                  <a:lnTo>
                    <a:pt x="469" y="451"/>
                  </a:lnTo>
                  <a:lnTo>
                    <a:pt x="469" y="447"/>
                  </a:lnTo>
                  <a:lnTo>
                    <a:pt x="467" y="442"/>
                  </a:lnTo>
                  <a:lnTo>
                    <a:pt x="465" y="439"/>
                  </a:lnTo>
                  <a:lnTo>
                    <a:pt x="464" y="435"/>
                  </a:lnTo>
                  <a:lnTo>
                    <a:pt x="462" y="432"/>
                  </a:lnTo>
                  <a:lnTo>
                    <a:pt x="459" y="432"/>
                  </a:lnTo>
                  <a:lnTo>
                    <a:pt x="454" y="435"/>
                  </a:lnTo>
                  <a:lnTo>
                    <a:pt x="452" y="435"/>
                  </a:lnTo>
                  <a:lnTo>
                    <a:pt x="447" y="432"/>
                  </a:lnTo>
                  <a:lnTo>
                    <a:pt x="440" y="429"/>
                  </a:lnTo>
                  <a:lnTo>
                    <a:pt x="435" y="425"/>
                  </a:lnTo>
                  <a:lnTo>
                    <a:pt x="430" y="423"/>
                  </a:lnTo>
                  <a:lnTo>
                    <a:pt x="428" y="425"/>
                  </a:lnTo>
                  <a:lnTo>
                    <a:pt x="433" y="430"/>
                  </a:lnTo>
                  <a:lnTo>
                    <a:pt x="443" y="440"/>
                  </a:lnTo>
                  <a:lnTo>
                    <a:pt x="443" y="444"/>
                  </a:lnTo>
                  <a:lnTo>
                    <a:pt x="443" y="445"/>
                  </a:lnTo>
                  <a:lnTo>
                    <a:pt x="445" y="449"/>
                  </a:lnTo>
                  <a:lnTo>
                    <a:pt x="445" y="451"/>
                  </a:lnTo>
                  <a:lnTo>
                    <a:pt x="443" y="451"/>
                  </a:lnTo>
                  <a:lnTo>
                    <a:pt x="442" y="451"/>
                  </a:lnTo>
                  <a:lnTo>
                    <a:pt x="438" y="449"/>
                  </a:lnTo>
                  <a:lnTo>
                    <a:pt x="435" y="451"/>
                  </a:lnTo>
                  <a:lnTo>
                    <a:pt x="433" y="451"/>
                  </a:lnTo>
                  <a:lnTo>
                    <a:pt x="432" y="452"/>
                  </a:lnTo>
                  <a:lnTo>
                    <a:pt x="433" y="456"/>
                  </a:lnTo>
                  <a:lnTo>
                    <a:pt x="437" y="461"/>
                  </a:lnTo>
                  <a:lnTo>
                    <a:pt x="438" y="462"/>
                  </a:lnTo>
                  <a:lnTo>
                    <a:pt x="442" y="466"/>
                  </a:lnTo>
                  <a:lnTo>
                    <a:pt x="445" y="469"/>
                  </a:lnTo>
                  <a:lnTo>
                    <a:pt x="445" y="471"/>
                  </a:lnTo>
                  <a:lnTo>
                    <a:pt x="432" y="484"/>
                  </a:lnTo>
                  <a:lnTo>
                    <a:pt x="430" y="484"/>
                  </a:lnTo>
                  <a:lnTo>
                    <a:pt x="428" y="484"/>
                  </a:lnTo>
                  <a:lnTo>
                    <a:pt x="425" y="483"/>
                  </a:lnTo>
                  <a:lnTo>
                    <a:pt x="425" y="481"/>
                  </a:lnTo>
                  <a:lnTo>
                    <a:pt x="423" y="478"/>
                  </a:lnTo>
                  <a:lnTo>
                    <a:pt x="423" y="473"/>
                  </a:lnTo>
                  <a:lnTo>
                    <a:pt x="411" y="459"/>
                  </a:lnTo>
                  <a:lnTo>
                    <a:pt x="401" y="454"/>
                  </a:lnTo>
                  <a:lnTo>
                    <a:pt x="393" y="462"/>
                  </a:lnTo>
                  <a:lnTo>
                    <a:pt x="386" y="459"/>
                  </a:lnTo>
                  <a:lnTo>
                    <a:pt x="388" y="469"/>
                  </a:lnTo>
                  <a:lnTo>
                    <a:pt x="369" y="484"/>
                  </a:lnTo>
                  <a:lnTo>
                    <a:pt x="366" y="486"/>
                  </a:lnTo>
                  <a:lnTo>
                    <a:pt x="362" y="486"/>
                  </a:lnTo>
                  <a:lnTo>
                    <a:pt x="359" y="486"/>
                  </a:lnTo>
                  <a:lnTo>
                    <a:pt x="355" y="484"/>
                  </a:lnTo>
                  <a:lnTo>
                    <a:pt x="352" y="481"/>
                  </a:lnTo>
                  <a:lnTo>
                    <a:pt x="352" y="478"/>
                  </a:lnTo>
                  <a:lnTo>
                    <a:pt x="355" y="471"/>
                  </a:lnTo>
                  <a:lnTo>
                    <a:pt x="355" y="469"/>
                  </a:lnTo>
                  <a:lnTo>
                    <a:pt x="359" y="467"/>
                  </a:lnTo>
                  <a:lnTo>
                    <a:pt x="360" y="466"/>
                  </a:lnTo>
                  <a:lnTo>
                    <a:pt x="362" y="466"/>
                  </a:lnTo>
                  <a:lnTo>
                    <a:pt x="345" y="467"/>
                  </a:lnTo>
                  <a:lnTo>
                    <a:pt x="342" y="478"/>
                  </a:lnTo>
                  <a:lnTo>
                    <a:pt x="327" y="471"/>
                  </a:lnTo>
                  <a:lnTo>
                    <a:pt x="330" y="462"/>
                  </a:lnTo>
                  <a:lnTo>
                    <a:pt x="308" y="440"/>
                  </a:lnTo>
                  <a:lnTo>
                    <a:pt x="301" y="440"/>
                  </a:lnTo>
                  <a:lnTo>
                    <a:pt x="289" y="435"/>
                  </a:lnTo>
                  <a:lnTo>
                    <a:pt x="288" y="437"/>
                  </a:lnTo>
                  <a:lnTo>
                    <a:pt x="286" y="437"/>
                  </a:lnTo>
                  <a:lnTo>
                    <a:pt x="284" y="439"/>
                  </a:lnTo>
                  <a:lnTo>
                    <a:pt x="281" y="439"/>
                  </a:lnTo>
                  <a:lnTo>
                    <a:pt x="281" y="437"/>
                  </a:lnTo>
                  <a:lnTo>
                    <a:pt x="279" y="435"/>
                  </a:lnTo>
                  <a:lnTo>
                    <a:pt x="278" y="432"/>
                  </a:lnTo>
                  <a:lnTo>
                    <a:pt x="278" y="423"/>
                  </a:lnTo>
                  <a:lnTo>
                    <a:pt x="271" y="420"/>
                  </a:lnTo>
                  <a:lnTo>
                    <a:pt x="271" y="418"/>
                  </a:lnTo>
                  <a:lnTo>
                    <a:pt x="271" y="417"/>
                  </a:lnTo>
                  <a:lnTo>
                    <a:pt x="269" y="413"/>
                  </a:lnTo>
                  <a:lnTo>
                    <a:pt x="269" y="412"/>
                  </a:lnTo>
                  <a:lnTo>
                    <a:pt x="267" y="408"/>
                  </a:lnTo>
                  <a:lnTo>
                    <a:pt x="264" y="407"/>
                  </a:lnTo>
                  <a:lnTo>
                    <a:pt x="261" y="408"/>
                  </a:lnTo>
                  <a:lnTo>
                    <a:pt x="256" y="412"/>
                  </a:lnTo>
                  <a:lnTo>
                    <a:pt x="254" y="413"/>
                  </a:lnTo>
                  <a:lnTo>
                    <a:pt x="252" y="415"/>
                  </a:lnTo>
                  <a:lnTo>
                    <a:pt x="250" y="417"/>
                  </a:lnTo>
                  <a:lnTo>
                    <a:pt x="247" y="417"/>
                  </a:lnTo>
                  <a:lnTo>
                    <a:pt x="245" y="415"/>
                  </a:lnTo>
                  <a:lnTo>
                    <a:pt x="244" y="412"/>
                  </a:lnTo>
                  <a:lnTo>
                    <a:pt x="244" y="405"/>
                  </a:lnTo>
                  <a:lnTo>
                    <a:pt x="245" y="403"/>
                  </a:lnTo>
                  <a:lnTo>
                    <a:pt x="245" y="401"/>
                  </a:lnTo>
                  <a:lnTo>
                    <a:pt x="245" y="400"/>
                  </a:lnTo>
                  <a:lnTo>
                    <a:pt x="232" y="401"/>
                  </a:lnTo>
                  <a:lnTo>
                    <a:pt x="215" y="412"/>
                  </a:lnTo>
                  <a:lnTo>
                    <a:pt x="210" y="415"/>
                  </a:lnTo>
                  <a:lnTo>
                    <a:pt x="225" y="429"/>
                  </a:lnTo>
                  <a:lnTo>
                    <a:pt x="223" y="435"/>
                  </a:lnTo>
                  <a:lnTo>
                    <a:pt x="203" y="440"/>
                  </a:lnTo>
                  <a:lnTo>
                    <a:pt x="200" y="440"/>
                  </a:lnTo>
                  <a:lnTo>
                    <a:pt x="196" y="440"/>
                  </a:lnTo>
                  <a:lnTo>
                    <a:pt x="193" y="440"/>
                  </a:lnTo>
                  <a:lnTo>
                    <a:pt x="186" y="440"/>
                  </a:lnTo>
                  <a:lnTo>
                    <a:pt x="179" y="439"/>
                  </a:lnTo>
                  <a:lnTo>
                    <a:pt x="173" y="439"/>
                  </a:lnTo>
                  <a:lnTo>
                    <a:pt x="166" y="437"/>
                  </a:lnTo>
                  <a:lnTo>
                    <a:pt x="159" y="435"/>
                  </a:lnTo>
                  <a:lnTo>
                    <a:pt x="151" y="434"/>
                  </a:lnTo>
                  <a:lnTo>
                    <a:pt x="142" y="432"/>
                  </a:lnTo>
                  <a:lnTo>
                    <a:pt x="135" y="430"/>
                  </a:lnTo>
                  <a:lnTo>
                    <a:pt x="129" y="427"/>
                  </a:lnTo>
                  <a:lnTo>
                    <a:pt x="122" y="423"/>
                  </a:lnTo>
                  <a:lnTo>
                    <a:pt x="117" y="420"/>
                  </a:lnTo>
                  <a:lnTo>
                    <a:pt x="112" y="417"/>
                  </a:lnTo>
                  <a:lnTo>
                    <a:pt x="108" y="417"/>
                  </a:lnTo>
                  <a:lnTo>
                    <a:pt x="105" y="417"/>
                  </a:lnTo>
                  <a:lnTo>
                    <a:pt x="100" y="415"/>
                  </a:lnTo>
                  <a:lnTo>
                    <a:pt x="95" y="415"/>
                  </a:lnTo>
                  <a:lnTo>
                    <a:pt x="91" y="415"/>
                  </a:lnTo>
                  <a:lnTo>
                    <a:pt x="90" y="415"/>
                  </a:lnTo>
                  <a:lnTo>
                    <a:pt x="88" y="415"/>
                  </a:lnTo>
                  <a:lnTo>
                    <a:pt x="90" y="407"/>
                  </a:lnTo>
                  <a:lnTo>
                    <a:pt x="98" y="400"/>
                  </a:lnTo>
                  <a:lnTo>
                    <a:pt x="88" y="381"/>
                  </a:lnTo>
                  <a:lnTo>
                    <a:pt x="81" y="391"/>
                  </a:lnTo>
                  <a:lnTo>
                    <a:pt x="85" y="396"/>
                  </a:lnTo>
                  <a:lnTo>
                    <a:pt x="81" y="400"/>
                  </a:lnTo>
                  <a:lnTo>
                    <a:pt x="76" y="405"/>
                  </a:lnTo>
                  <a:lnTo>
                    <a:pt x="85" y="408"/>
                  </a:lnTo>
                  <a:lnTo>
                    <a:pt x="81" y="417"/>
                  </a:lnTo>
                  <a:lnTo>
                    <a:pt x="76" y="417"/>
                  </a:lnTo>
                  <a:lnTo>
                    <a:pt x="71" y="417"/>
                  </a:lnTo>
                  <a:lnTo>
                    <a:pt x="64" y="417"/>
                  </a:lnTo>
                  <a:lnTo>
                    <a:pt x="56" y="417"/>
                  </a:lnTo>
                  <a:lnTo>
                    <a:pt x="49" y="418"/>
                  </a:lnTo>
                  <a:lnTo>
                    <a:pt x="42" y="420"/>
                  </a:lnTo>
                  <a:lnTo>
                    <a:pt x="36" y="423"/>
                  </a:lnTo>
                  <a:lnTo>
                    <a:pt x="34" y="423"/>
                  </a:lnTo>
                  <a:lnTo>
                    <a:pt x="32" y="422"/>
                  </a:lnTo>
                  <a:lnTo>
                    <a:pt x="32" y="420"/>
                  </a:lnTo>
                  <a:lnTo>
                    <a:pt x="30" y="417"/>
                  </a:lnTo>
                  <a:lnTo>
                    <a:pt x="29" y="415"/>
                  </a:lnTo>
                  <a:lnTo>
                    <a:pt x="29" y="413"/>
                  </a:lnTo>
                  <a:lnTo>
                    <a:pt x="27" y="413"/>
                  </a:lnTo>
                  <a:lnTo>
                    <a:pt x="39" y="400"/>
                  </a:lnTo>
                  <a:lnTo>
                    <a:pt x="41" y="390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388" name="Freeform 61"/>
            <p:cNvSpPr>
              <a:spLocks/>
            </p:cNvSpPr>
            <p:nvPr/>
          </p:nvSpPr>
          <p:spPr bwMode="auto">
            <a:xfrm>
              <a:off x="3486" y="1959"/>
              <a:ext cx="289" cy="512"/>
            </a:xfrm>
            <a:custGeom>
              <a:avLst/>
              <a:gdLst>
                <a:gd name="T0" fmla="*/ 0 w 298"/>
                <a:gd name="T1" fmla="*/ 333 h 528"/>
                <a:gd name="T2" fmla="*/ 5 w 298"/>
                <a:gd name="T3" fmla="*/ 327 h 528"/>
                <a:gd name="T4" fmla="*/ 7 w 298"/>
                <a:gd name="T5" fmla="*/ 317 h 528"/>
                <a:gd name="T6" fmla="*/ 10 w 298"/>
                <a:gd name="T7" fmla="*/ 307 h 528"/>
                <a:gd name="T8" fmla="*/ 16 w 298"/>
                <a:gd name="T9" fmla="*/ 297 h 528"/>
                <a:gd name="T10" fmla="*/ 20 w 298"/>
                <a:gd name="T11" fmla="*/ 277 h 528"/>
                <a:gd name="T12" fmla="*/ 24 w 298"/>
                <a:gd name="T13" fmla="*/ 271 h 528"/>
                <a:gd name="T14" fmla="*/ 29 w 298"/>
                <a:gd name="T15" fmla="*/ 255 h 528"/>
                <a:gd name="T16" fmla="*/ 18 w 298"/>
                <a:gd name="T17" fmla="*/ 238 h 528"/>
                <a:gd name="T18" fmla="*/ 16 w 298"/>
                <a:gd name="T19" fmla="*/ 217 h 528"/>
                <a:gd name="T20" fmla="*/ 18 w 298"/>
                <a:gd name="T21" fmla="*/ 208 h 528"/>
                <a:gd name="T22" fmla="*/ 16 w 298"/>
                <a:gd name="T23" fmla="*/ 189 h 528"/>
                <a:gd name="T24" fmla="*/ 16 w 298"/>
                <a:gd name="T25" fmla="*/ 161 h 528"/>
                <a:gd name="T26" fmla="*/ 16 w 298"/>
                <a:gd name="T27" fmla="*/ 127 h 528"/>
                <a:gd name="T28" fmla="*/ 16 w 298"/>
                <a:gd name="T29" fmla="*/ 91 h 528"/>
                <a:gd name="T30" fmla="*/ 12 w 298"/>
                <a:gd name="T31" fmla="*/ 59 h 528"/>
                <a:gd name="T32" fmla="*/ 9 w 298"/>
                <a:gd name="T33" fmla="*/ 37 h 528"/>
                <a:gd name="T34" fmla="*/ 7 w 298"/>
                <a:gd name="T35" fmla="*/ 20 h 528"/>
                <a:gd name="T36" fmla="*/ 9 w 298"/>
                <a:gd name="T37" fmla="*/ 22 h 528"/>
                <a:gd name="T38" fmla="*/ 16 w 298"/>
                <a:gd name="T39" fmla="*/ 29 h 528"/>
                <a:gd name="T40" fmla="*/ 18 w 298"/>
                <a:gd name="T41" fmla="*/ 30 h 528"/>
                <a:gd name="T42" fmla="*/ 41 w 298"/>
                <a:gd name="T43" fmla="*/ 16 h 528"/>
                <a:gd name="T44" fmla="*/ 168 w 298"/>
                <a:gd name="T45" fmla="*/ 16 h 528"/>
                <a:gd name="T46" fmla="*/ 191 w 298"/>
                <a:gd name="T47" fmla="*/ 218 h 528"/>
                <a:gd name="T48" fmla="*/ 189 w 298"/>
                <a:gd name="T49" fmla="*/ 228 h 528"/>
                <a:gd name="T50" fmla="*/ 192 w 298"/>
                <a:gd name="T51" fmla="*/ 238 h 528"/>
                <a:gd name="T52" fmla="*/ 193 w 298"/>
                <a:gd name="T53" fmla="*/ 245 h 528"/>
                <a:gd name="T54" fmla="*/ 179 w 298"/>
                <a:gd name="T55" fmla="*/ 247 h 528"/>
                <a:gd name="T56" fmla="*/ 170 w 298"/>
                <a:gd name="T57" fmla="*/ 249 h 528"/>
                <a:gd name="T58" fmla="*/ 166 w 298"/>
                <a:gd name="T59" fmla="*/ 249 h 528"/>
                <a:gd name="T60" fmla="*/ 156 w 298"/>
                <a:gd name="T61" fmla="*/ 256 h 528"/>
                <a:gd name="T62" fmla="*/ 159 w 298"/>
                <a:gd name="T63" fmla="*/ 267 h 528"/>
                <a:gd name="T64" fmla="*/ 156 w 298"/>
                <a:gd name="T65" fmla="*/ 271 h 528"/>
                <a:gd name="T66" fmla="*/ 149 w 298"/>
                <a:gd name="T67" fmla="*/ 278 h 528"/>
                <a:gd name="T68" fmla="*/ 146 w 298"/>
                <a:gd name="T69" fmla="*/ 286 h 528"/>
                <a:gd name="T70" fmla="*/ 146 w 298"/>
                <a:gd name="T71" fmla="*/ 288 h 528"/>
                <a:gd name="T72" fmla="*/ 143 w 298"/>
                <a:gd name="T73" fmla="*/ 289 h 528"/>
                <a:gd name="T74" fmla="*/ 137 w 298"/>
                <a:gd name="T75" fmla="*/ 293 h 528"/>
                <a:gd name="T76" fmla="*/ 133 w 298"/>
                <a:gd name="T77" fmla="*/ 306 h 528"/>
                <a:gd name="T78" fmla="*/ 132 w 298"/>
                <a:gd name="T79" fmla="*/ 311 h 528"/>
                <a:gd name="T80" fmla="*/ 123 w 298"/>
                <a:gd name="T81" fmla="*/ 315 h 528"/>
                <a:gd name="T82" fmla="*/ 110 w 298"/>
                <a:gd name="T83" fmla="*/ 306 h 528"/>
                <a:gd name="T84" fmla="*/ 104 w 298"/>
                <a:gd name="T85" fmla="*/ 302 h 528"/>
                <a:gd name="T86" fmla="*/ 98 w 298"/>
                <a:gd name="T87" fmla="*/ 317 h 528"/>
                <a:gd name="T88" fmla="*/ 92 w 298"/>
                <a:gd name="T89" fmla="*/ 332 h 528"/>
                <a:gd name="T90" fmla="*/ 81 w 298"/>
                <a:gd name="T91" fmla="*/ 324 h 528"/>
                <a:gd name="T92" fmla="*/ 76 w 298"/>
                <a:gd name="T93" fmla="*/ 321 h 528"/>
                <a:gd name="T94" fmla="*/ 67 w 298"/>
                <a:gd name="T95" fmla="*/ 332 h 528"/>
                <a:gd name="T96" fmla="*/ 59 w 298"/>
                <a:gd name="T97" fmla="*/ 337 h 528"/>
                <a:gd name="T98" fmla="*/ 48 w 298"/>
                <a:gd name="T99" fmla="*/ 332 h 528"/>
                <a:gd name="T100" fmla="*/ 42 w 298"/>
                <a:gd name="T101" fmla="*/ 328 h 528"/>
                <a:gd name="T102" fmla="*/ 37 w 298"/>
                <a:gd name="T103" fmla="*/ 329 h 528"/>
                <a:gd name="T104" fmla="*/ 32 w 298"/>
                <a:gd name="T105" fmla="*/ 328 h 528"/>
                <a:gd name="T106" fmla="*/ 32 w 298"/>
                <a:gd name="T107" fmla="*/ 336 h 528"/>
                <a:gd name="T108" fmla="*/ 29 w 298"/>
                <a:gd name="T109" fmla="*/ 339 h 528"/>
                <a:gd name="T110" fmla="*/ 16 w 298"/>
                <a:gd name="T111" fmla="*/ 335 h 528"/>
                <a:gd name="T112" fmla="*/ 12 w 298"/>
                <a:gd name="T113" fmla="*/ 333 h 528"/>
                <a:gd name="T114" fmla="*/ 16 w 298"/>
                <a:gd name="T115" fmla="*/ 339 h 528"/>
                <a:gd name="T116" fmla="*/ 10 w 298"/>
                <a:gd name="T117" fmla="*/ 343 h 528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w 298"/>
                <a:gd name="T178" fmla="*/ 0 h 528"/>
                <a:gd name="T179" fmla="*/ 298 w 298"/>
                <a:gd name="T180" fmla="*/ 528 h 528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T177" t="T178" r="T179" b="T180"/>
              <a:pathLst>
                <a:path w="298" h="528">
                  <a:moveTo>
                    <a:pt x="7" y="528"/>
                  </a:moveTo>
                  <a:lnTo>
                    <a:pt x="2" y="523"/>
                  </a:lnTo>
                  <a:lnTo>
                    <a:pt x="0" y="518"/>
                  </a:lnTo>
                  <a:lnTo>
                    <a:pt x="0" y="513"/>
                  </a:lnTo>
                  <a:lnTo>
                    <a:pt x="0" y="510"/>
                  </a:lnTo>
                  <a:lnTo>
                    <a:pt x="2" y="506"/>
                  </a:lnTo>
                  <a:lnTo>
                    <a:pt x="4" y="505"/>
                  </a:lnTo>
                  <a:lnTo>
                    <a:pt x="5" y="503"/>
                  </a:lnTo>
                  <a:lnTo>
                    <a:pt x="7" y="493"/>
                  </a:lnTo>
                  <a:lnTo>
                    <a:pt x="7" y="491"/>
                  </a:lnTo>
                  <a:lnTo>
                    <a:pt x="7" y="489"/>
                  </a:lnTo>
                  <a:lnTo>
                    <a:pt x="7" y="486"/>
                  </a:lnTo>
                  <a:lnTo>
                    <a:pt x="9" y="481"/>
                  </a:lnTo>
                  <a:lnTo>
                    <a:pt x="9" y="478"/>
                  </a:lnTo>
                  <a:lnTo>
                    <a:pt x="10" y="474"/>
                  </a:lnTo>
                  <a:lnTo>
                    <a:pt x="10" y="471"/>
                  </a:lnTo>
                  <a:lnTo>
                    <a:pt x="10" y="469"/>
                  </a:lnTo>
                  <a:lnTo>
                    <a:pt x="17" y="464"/>
                  </a:lnTo>
                  <a:lnTo>
                    <a:pt x="22" y="456"/>
                  </a:lnTo>
                  <a:lnTo>
                    <a:pt x="26" y="447"/>
                  </a:lnTo>
                  <a:lnTo>
                    <a:pt x="29" y="440"/>
                  </a:lnTo>
                  <a:lnTo>
                    <a:pt x="32" y="432"/>
                  </a:lnTo>
                  <a:lnTo>
                    <a:pt x="34" y="427"/>
                  </a:lnTo>
                  <a:lnTo>
                    <a:pt x="36" y="422"/>
                  </a:lnTo>
                  <a:lnTo>
                    <a:pt x="36" y="420"/>
                  </a:lnTo>
                  <a:lnTo>
                    <a:pt x="38" y="417"/>
                  </a:lnTo>
                  <a:lnTo>
                    <a:pt x="39" y="413"/>
                  </a:lnTo>
                  <a:lnTo>
                    <a:pt x="41" y="412"/>
                  </a:lnTo>
                  <a:lnTo>
                    <a:pt x="43" y="401"/>
                  </a:lnTo>
                  <a:lnTo>
                    <a:pt x="43" y="393"/>
                  </a:lnTo>
                  <a:lnTo>
                    <a:pt x="41" y="384"/>
                  </a:lnTo>
                  <a:lnTo>
                    <a:pt x="38" y="378"/>
                  </a:lnTo>
                  <a:lnTo>
                    <a:pt x="36" y="371"/>
                  </a:lnTo>
                  <a:lnTo>
                    <a:pt x="32" y="366"/>
                  </a:lnTo>
                  <a:lnTo>
                    <a:pt x="31" y="362"/>
                  </a:lnTo>
                  <a:lnTo>
                    <a:pt x="29" y="361"/>
                  </a:lnTo>
                  <a:lnTo>
                    <a:pt x="29" y="357"/>
                  </a:lnTo>
                  <a:lnTo>
                    <a:pt x="29" y="334"/>
                  </a:lnTo>
                  <a:lnTo>
                    <a:pt x="32" y="329"/>
                  </a:lnTo>
                  <a:lnTo>
                    <a:pt x="32" y="327"/>
                  </a:lnTo>
                  <a:lnTo>
                    <a:pt x="32" y="325"/>
                  </a:lnTo>
                  <a:lnTo>
                    <a:pt x="32" y="320"/>
                  </a:lnTo>
                  <a:lnTo>
                    <a:pt x="31" y="315"/>
                  </a:lnTo>
                  <a:lnTo>
                    <a:pt x="31" y="308"/>
                  </a:lnTo>
                  <a:lnTo>
                    <a:pt x="31" y="300"/>
                  </a:lnTo>
                  <a:lnTo>
                    <a:pt x="29" y="291"/>
                  </a:lnTo>
                  <a:lnTo>
                    <a:pt x="29" y="281"/>
                  </a:lnTo>
                  <a:lnTo>
                    <a:pt x="27" y="271"/>
                  </a:lnTo>
                  <a:lnTo>
                    <a:pt x="27" y="259"/>
                  </a:lnTo>
                  <a:lnTo>
                    <a:pt x="26" y="247"/>
                  </a:lnTo>
                  <a:lnTo>
                    <a:pt x="24" y="234"/>
                  </a:lnTo>
                  <a:lnTo>
                    <a:pt x="24" y="222"/>
                  </a:lnTo>
                  <a:lnTo>
                    <a:pt x="22" y="208"/>
                  </a:lnTo>
                  <a:lnTo>
                    <a:pt x="21" y="195"/>
                  </a:lnTo>
                  <a:lnTo>
                    <a:pt x="21" y="181"/>
                  </a:lnTo>
                  <a:lnTo>
                    <a:pt x="19" y="166"/>
                  </a:lnTo>
                  <a:lnTo>
                    <a:pt x="17" y="153"/>
                  </a:lnTo>
                  <a:lnTo>
                    <a:pt x="17" y="139"/>
                  </a:lnTo>
                  <a:lnTo>
                    <a:pt x="16" y="127"/>
                  </a:lnTo>
                  <a:lnTo>
                    <a:pt x="14" y="114"/>
                  </a:lnTo>
                  <a:lnTo>
                    <a:pt x="14" y="102"/>
                  </a:lnTo>
                  <a:lnTo>
                    <a:pt x="12" y="90"/>
                  </a:lnTo>
                  <a:lnTo>
                    <a:pt x="12" y="80"/>
                  </a:lnTo>
                  <a:lnTo>
                    <a:pt x="10" y="70"/>
                  </a:lnTo>
                  <a:lnTo>
                    <a:pt x="10" y="60"/>
                  </a:lnTo>
                  <a:lnTo>
                    <a:pt x="9" y="53"/>
                  </a:lnTo>
                  <a:lnTo>
                    <a:pt x="9" y="46"/>
                  </a:lnTo>
                  <a:lnTo>
                    <a:pt x="9" y="41"/>
                  </a:lnTo>
                  <a:lnTo>
                    <a:pt x="7" y="36"/>
                  </a:lnTo>
                  <a:lnTo>
                    <a:pt x="7" y="34"/>
                  </a:lnTo>
                  <a:lnTo>
                    <a:pt x="7" y="32"/>
                  </a:lnTo>
                  <a:lnTo>
                    <a:pt x="7" y="34"/>
                  </a:lnTo>
                  <a:lnTo>
                    <a:pt x="9" y="36"/>
                  </a:lnTo>
                  <a:lnTo>
                    <a:pt x="10" y="38"/>
                  </a:lnTo>
                  <a:lnTo>
                    <a:pt x="12" y="39"/>
                  </a:lnTo>
                  <a:lnTo>
                    <a:pt x="14" y="41"/>
                  </a:lnTo>
                  <a:lnTo>
                    <a:pt x="16" y="43"/>
                  </a:lnTo>
                  <a:lnTo>
                    <a:pt x="19" y="44"/>
                  </a:lnTo>
                  <a:lnTo>
                    <a:pt x="22" y="44"/>
                  </a:lnTo>
                  <a:lnTo>
                    <a:pt x="27" y="44"/>
                  </a:lnTo>
                  <a:lnTo>
                    <a:pt x="32" y="44"/>
                  </a:lnTo>
                  <a:lnTo>
                    <a:pt x="38" y="43"/>
                  </a:lnTo>
                  <a:lnTo>
                    <a:pt x="46" y="39"/>
                  </a:lnTo>
                  <a:lnTo>
                    <a:pt x="53" y="36"/>
                  </a:lnTo>
                  <a:lnTo>
                    <a:pt x="61" y="29"/>
                  </a:lnTo>
                  <a:lnTo>
                    <a:pt x="71" y="22"/>
                  </a:lnTo>
                  <a:lnTo>
                    <a:pt x="70" y="22"/>
                  </a:lnTo>
                  <a:lnTo>
                    <a:pt x="254" y="0"/>
                  </a:lnTo>
                  <a:lnTo>
                    <a:pt x="258" y="17"/>
                  </a:lnTo>
                  <a:lnTo>
                    <a:pt x="293" y="335"/>
                  </a:lnTo>
                  <a:lnTo>
                    <a:pt x="295" y="334"/>
                  </a:lnTo>
                  <a:lnTo>
                    <a:pt x="293" y="334"/>
                  </a:lnTo>
                  <a:lnTo>
                    <a:pt x="293" y="335"/>
                  </a:lnTo>
                  <a:lnTo>
                    <a:pt x="291" y="337"/>
                  </a:lnTo>
                  <a:lnTo>
                    <a:pt x="291" y="340"/>
                  </a:lnTo>
                  <a:lnTo>
                    <a:pt x="290" y="346"/>
                  </a:lnTo>
                  <a:lnTo>
                    <a:pt x="290" y="351"/>
                  </a:lnTo>
                  <a:lnTo>
                    <a:pt x="290" y="356"/>
                  </a:lnTo>
                  <a:lnTo>
                    <a:pt x="291" y="362"/>
                  </a:lnTo>
                  <a:lnTo>
                    <a:pt x="293" y="364"/>
                  </a:lnTo>
                  <a:lnTo>
                    <a:pt x="295" y="366"/>
                  </a:lnTo>
                  <a:lnTo>
                    <a:pt x="296" y="369"/>
                  </a:lnTo>
                  <a:lnTo>
                    <a:pt x="298" y="371"/>
                  </a:lnTo>
                  <a:lnTo>
                    <a:pt x="298" y="374"/>
                  </a:lnTo>
                  <a:lnTo>
                    <a:pt x="296" y="376"/>
                  </a:lnTo>
                  <a:lnTo>
                    <a:pt x="290" y="378"/>
                  </a:lnTo>
                  <a:lnTo>
                    <a:pt x="281" y="379"/>
                  </a:lnTo>
                  <a:lnTo>
                    <a:pt x="280" y="379"/>
                  </a:lnTo>
                  <a:lnTo>
                    <a:pt x="276" y="379"/>
                  </a:lnTo>
                  <a:lnTo>
                    <a:pt x="273" y="381"/>
                  </a:lnTo>
                  <a:lnTo>
                    <a:pt x="268" y="383"/>
                  </a:lnTo>
                  <a:lnTo>
                    <a:pt x="264" y="383"/>
                  </a:lnTo>
                  <a:lnTo>
                    <a:pt x="261" y="384"/>
                  </a:lnTo>
                  <a:lnTo>
                    <a:pt x="259" y="384"/>
                  </a:lnTo>
                  <a:lnTo>
                    <a:pt x="258" y="384"/>
                  </a:lnTo>
                  <a:lnTo>
                    <a:pt x="254" y="384"/>
                  </a:lnTo>
                  <a:lnTo>
                    <a:pt x="251" y="386"/>
                  </a:lnTo>
                  <a:lnTo>
                    <a:pt x="246" y="388"/>
                  </a:lnTo>
                  <a:lnTo>
                    <a:pt x="242" y="390"/>
                  </a:lnTo>
                  <a:lnTo>
                    <a:pt x="239" y="395"/>
                  </a:lnTo>
                  <a:lnTo>
                    <a:pt x="241" y="400"/>
                  </a:lnTo>
                  <a:lnTo>
                    <a:pt x="244" y="408"/>
                  </a:lnTo>
                  <a:lnTo>
                    <a:pt x="244" y="410"/>
                  </a:lnTo>
                  <a:lnTo>
                    <a:pt x="244" y="412"/>
                  </a:lnTo>
                  <a:lnTo>
                    <a:pt x="242" y="413"/>
                  </a:lnTo>
                  <a:lnTo>
                    <a:pt x="241" y="417"/>
                  </a:lnTo>
                  <a:lnTo>
                    <a:pt x="239" y="418"/>
                  </a:lnTo>
                  <a:lnTo>
                    <a:pt x="236" y="422"/>
                  </a:lnTo>
                  <a:lnTo>
                    <a:pt x="232" y="425"/>
                  </a:lnTo>
                  <a:lnTo>
                    <a:pt x="232" y="427"/>
                  </a:lnTo>
                  <a:lnTo>
                    <a:pt x="230" y="428"/>
                  </a:lnTo>
                  <a:lnTo>
                    <a:pt x="229" y="430"/>
                  </a:lnTo>
                  <a:lnTo>
                    <a:pt x="229" y="434"/>
                  </a:lnTo>
                  <a:lnTo>
                    <a:pt x="227" y="435"/>
                  </a:lnTo>
                  <a:lnTo>
                    <a:pt x="225" y="439"/>
                  </a:lnTo>
                  <a:lnTo>
                    <a:pt x="225" y="440"/>
                  </a:lnTo>
                  <a:lnTo>
                    <a:pt x="225" y="442"/>
                  </a:lnTo>
                  <a:lnTo>
                    <a:pt x="224" y="442"/>
                  </a:lnTo>
                  <a:lnTo>
                    <a:pt x="224" y="444"/>
                  </a:lnTo>
                  <a:lnTo>
                    <a:pt x="222" y="445"/>
                  </a:lnTo>
                  <a:lnTo>
                    <a:pt x="220" y="445"/>
                  </a:lnTo>
                  <a:lnTo>
                    <a:pt x="217" y="447"/>
                  </a:lnTo>
                  <a:lnTo>
                    <a:pt x="212" y="447"/>
                  </a:lnTo>
                  <a:lnTo>
                    <a:pt x="210" y="450"/>
                  </a:lnTo>
                  <a:lnTo>
                    <a:pt x="208" y="456"/>
                  </a:lnTo>
                  <a:lnTo>
                    <a:pt x="207" y="461"/>
                  </a:lnTo>
                  <a:lnTo>
                    <a:pt x="205" y="467"/>
                  </a:lnTo>
                  <a:lnTo>
                    <a:pt x="203" y="471"/>
                  </a:lnTo>
                  <a:lnTo>
                    <a:pt x="203" y="474"/>
                  </a:lnTo>
                  <a:lnTo>
                    <a:pt x="203" y="476"/>
                  </a:lnTo>
                  <a:lnTo>
                    <a:pt x="203" y="478"/>
                  </a:lnTo>
                  <a:lnTo>
                    <a:pt x="202" y="479"/>
                  </a:lnTo>
                  <a:lnTo>
                    <a:pt x="200" y="481"/>
                  </a:lnTo>
                  <a:lnTo>
                    <a:pt x="198" y="483"/>
                  </a:lnTo>
                  <a:lnTo>
                    <a:pt x="193" y="484"/>
                  </a:lnTo>
                  <a:lnTo>
                    <a:pt x="188" y="484"/>
                  </a:lnTo>
                  <a:lnTo>
                    <a:pt x="180" y="483"/>
                  </a:lnTo>
                  <a:lnTo>
                    <a:pt x="170" y="478"/>
                  </a:lnTo>
                  <a:lnTo>
                    <a:pt x="170" y="476"/>
                  </a:lnTo>
                  <a:lnTo>
                    <a:pt x="170" y="472"/>
                  </a:lnTo>
                  <a:lnTo>
                    <a:pt x="168" y="469"/>
                  </a:lnTo>
                  <a:lnTo>
                    <a:pt x="166" y="466"/>
                  </a:lnTo>
                  <a:lnTo>
                    <a:pt x="163" y="464"/>
                  </a:lnTo>
                  <a:lnTo>
                    <a:pt x="159" y="464"/>
                  </a:lnTo>
                  <a:lnTo>
                    <a:pt x="156" y="471"/>
                  </a:lnTo>
                  <a:lnTo>
                    <a:pt x="151" y="481"/>
                  </a:lnTo>
                  <a:lnTo>
                    <a:pt x="151" y="484"/>
                  </a:lnTo>
                  <a:lnTo>
                    <a:pt x="149" y="489"/>
                  </a:lnTo>
                  <a:lnTo>
                    <a:pt x="149" y="496"/>
                  </a:lnTo>
                  <a:lnTo>
                    <a:pt x="148" y="503"/>
                  </a:lnTo>
                  <a:lnTo>
                    <a:pt x="144" y="506"/>
                  </a:lnTo>
                  <a:lnTo>
                    <a:pt x="141" y="510"/>
                  </a:lnTo>
                  <a:lnTo>
                    <a:pt x="134" y="508"/>
                  </a:lnTo>
                  <a:lnTo>
                    <a:pt x="127" y="501"/>
                  </a:lnTo>
                  <a:lnTo>
                    <a:pt x="126" y="500"/>
                  </a:lnTo>
                  <a:lnTo>
                    <a:pt x="126" y="498"/>
                  </a:lnTo>
                  <a:lnTo>
                    <a:pt x="126" y="496"/>
                  </a:lnTo>
                  <a:lnTo>
                    <a:pt x="124" y="493"/>
                  </a:lnTo>
                  <a:lnTo>
                    <a:pt x="122" y="493"/>
                  </a:lnTo>
                  <a:lnTo>
                    <a:pt x="117" y="493"/>
                  </a:lnTo>
                  <a:lnTo>
                    <a:pt x="112" y="498"/>
                  </a:lnTo>
                  <a:lnTo>
                    <a:pt x="104" y="505"/>
                  </a:lnTo>
                  <a:lnTo>
                    <a:pt x="104" y="506"/>
                  </a:lnTo>
                  <a:lnTo>
                    <a:pt x="102" y="510"/>
                  </a:lnTo>
                  <a:lnTo>
                    <a:pt x="100" y="513"/>
                  </a:lnTo>
                  <a:lnTo>
                    <a:pt x="98" y="516"/>
                  </a:lnTo>
                  <a:lnTo>
                    <a:pt x="95" y="520"/>
                  </a:lnTo>
                  <a:lnTo>
                    <a:pt x="90" y="520"/>
                  </a:lnTo>
                  <a:lnTo>
                    <a:pt x="85" y="518"/>
                  </a:lnTo>
                  <a:lnTo>
                    <a:pt x="78" y="513"/>
                  </a:lnTo>
                  <a:lnTo>
                    <a:pt x="78" y="511"/>
                  </a:lnTo>
                  <a:lnTo>
                    <a:pt x="76" y="510"/>
                  </a:lnTo>
                  <a:lnTo>
                    <a:pt x="73" y="508"/>
                  </a:lnTo>
                  <a:lnTo>
                    <a:pt x="70" y="506"/>
                  </a:lnTo>
                  <a:lnTo>
                    <a:pt x="66" y="505"/>
                  </a:lnTo>
                  <a:lnTo>
                    <a:pt x="63" y="505"/>
                  </a:lnTo>
                  <a:lnTo>
                    <a:pt x="58" y="505"/>
                  </a:lnTo>
                  <a:lnTo>
                    <a:pt x="54" y="508"/>
                  </a:lnTo>
                  <a:lnTo>
                    <a:pt x="53" y="506"/>
                  </a:lnTo>
                  <a:lnTo>
                    <a:pt x="51" y="505"/>
                  </a:lnTo>
                  <a:lnTo>
                    <a:pt x="49" y="505"/>
                  </a:lnTo>
                  <a:lnTo>
                    <a:pt x="48" y="505"/>
                  </a:lnTo>
                  <a:lnTo>
                    <a:pt x="46" y="505"/>
                  </a:lnTo>
                  <a:lnTo>
                    <a:pt x="46" y="510"/>
                  </a:lnTo>
                  <a:lnTo>
                    <a:pt x="46" y="515"/>
                  </a:lnTo>
                  <a:lnTo>
                    <a:pt x="46" y="516"/>
                  </a:lnTo>
                  <a:lnTo>
                    <a:pt x="46" y="518"/>
                  </a:lnTo>
                  <a:lnTo>
                    <a:pt x="44" y="520"/>
                  </a:lnTo>
                  <a:lnTo>
                    <a:pt x="44" y="522"/>
                  </a:lnTo>
                  <a:lnTo>
                    <a:pt x="43" y="522"/>
                  </a:lnTo>
                  <a:lnTo>
                    <a:pt x="39" y="520"/>
                  </a:lnTo>
                  <a:lnTo>
                    <a:pt x="36" y="516"/>
                  </a:lnTo>
                  <a:lnTo>
                    <a:pt x="34" y="516"/>
                  </a:lnTo>
                  <a:lnTo>
                    <a:pt x="29" y="515"/>
                  </a:lnTo>
                  <a:lnTo>
                    <a:pt x="24" y="513"/>
                  </a:lnTo>
                  <a:lnTo>
                    <a:pt x="19" y="513"/>
                  </a:lnTo>
                  <a:lnTo>
                    <a:pt x="16" y="513"/>
                  </a:lnTo>
                  <a:lnTo>
                    <a:pt x="12" y="513"/>
                  </a:lnTo>
                  <a:lnTo>
                    <a:pt x="12" y="516"/>
                  </a:lnTo>
                  <a:lnTo>
                    <a:pt x="16" y="520"/>
                  </a:lnTo>
                  <a:lnTo>
                    <a:pt x="16" y="522"/>
                  </a:lnTo>
                  <a:lnTo>
                    <a:pt x="14" y="525"/>
                  </a:lnTo>
                  <a:lnTo>
                    <a:pt x="14" y="527"/>
                  </a:lnTo>
                  <a:lnTo>
                    <a:pt x="12" y="527"/>
                  </a:lnTo>
                  <a:lnTo>
                    <a:pt x="10" y="528"/>
                  </a:lnTo>
                  <a:lnTo>
                    <a:pt x="9" y="528"/>
                  </a:lnTo>
                  <a:lnTo>
                    <a:pt x="7" y="528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389" name="Freeform 62"/>
            <p:cNvSpPr>
              <a:spLocks/>
            </p:cNvSpPr>
            <p:nvPr/>
          </p:nvSpPr>
          <p:spPr bwMode="auto">
            <a:xfrm>
              <a:off x="3357" y="2283"/>
              <a:ext cx="703" cy="359"/>
            </a:xfrm>
            <a:custGeom>
              <a:avLst/>
              <a:gdLst>
                <a:gd name="T0" fmla="*/ 426 w 723"/>
                <a:gd name="T1" fmla="*/ 23 h 370"/>
                <a:gd name="T2" fmla="*/ 415 w 723"/>
                <a:gd name="T3" fmla="*/ 16 h 370"/>
                <a:gd name="T4" fmla="*/ 394 w 723"/>
                <a:gd name="T5" fmla="*/ 26 h 370"/>
                <a:gd name="T6" fmla="*/ 378 w 723"/>
                <a:gd name="T7" fmla="*/ 21 h 370"/>
                <a:gd name="T8" fmla="*/ 362 w 723"/>
                <a:gd name="T9" fmla="*/ 28 h 370"/>
                <a:gd name="T10" fmla="*/ 329 w 723"/>
                <a:gd name="T11" fmla="*/ 16 h 370"/>
                <a:gd name="T12" fmla="*/ 300 w 723"/>
                <a:gd name="T13" fmla="*/ 1 h 370"/>
                <a:gd name="T14" fmla="*/ 289 w 723"/>
                <a:gd name="T15" fmla="*/ 0 h 370"/>
                <a:gd name="T16" fmla="*/ 285 w 723"/>
                <a:gd name="T17" fmla="*/ 16 h 370"/>
                <a:gd name="T18" fmla="*/ 289 w 723"/>
                <a:gd name="T19" fmla="*/ 28 h 370"/>
                <a:gd name="T20" fmla="*/ 267 w 723"/>
                <a:gd name="T21" fmla="*/ 35 h 370"/>
                <a:gd name="T22" fmla="*/ 256 w 723"/>
                <a:gd name="T23" fmla="*/ 38 h 370"/>
                <a:gd name="T24" fmla="*/ 254 w 723"/>
                <a:gd name="T25" fmla="*/ 50 h 370"/>
                <a:gd name="T26" fmla="*/ 245 w 723"/>
                <a:gd name="T27" fmla="*/ 62 h 370"/>
                <a:gd name="T28" fmla="*/ 241 w 723"/>
                <a:gd name="T29" fmla="*/ 70 h 370"/>
                <a:gd name="T30" fmla="*/ 232 w 723"/>
                <a:gd name="T31" fmla="*/ 75 h 370"/>
                <a:gd name="T32" fmla="*/ 226 w 723"/>
                <a:gd name="T33" fmla="*/ 92 h 370"/>
                <a:gd name="T34" fmla="*/ 216 w 723"/>
                <a:gd name="T35" fmla="*/ 99 h 370"/>
                <a:gd name="T36" fmla="*/ 199 w 723"/>
                <a:gd name="T37" fmla="*/ 84 h 370"/>
                <a:gd name="T38" fmla="*/ 188 w 723"/>
                <a:gd name="T39" fmla="*/ 111 h 370"/>
                <a:gd name="T40" fmla="*/ 174 w 723"/>
                <a:gd name="T41" fmla="*/ 106 h 370"/>
                <a:gd name="T42" fmla="*/ 158 w 723"/>
                <a:gd name="T43" fmla="*/ 115 h 370"/>
                <a:gd name="T44" fmla="*/ 142 w 723"/>
                <a:gd name="T45" fmla="*/ 115 h 370"/>
                <a:gd name="T46" fmla="*/ 125 w 723"/>
                <a:gd name="T47" fmla="*/ 114 h 370"/>
                <a:gd name="T48" fmla="*/ 120 w 723"/>
                <a:gd name="T49" fmla="*/ 115 h 370"/>
                <a:gd name="T50" fmla="*/ 118 w 723"/>
                <a:gd name="T51" fmla="*/ 123 h 370"/>
                <a:gd name="T52" fmla="*/ 100 w 723"/>
                <a:gd name="T53" fmla="*/ 117 h 370"/>
                <a:gd name="T54" fmla="*/ 97 w 723"/>
                <a:gd name="T55" fmla="*/ 127 h 370"/>
                <a:gd name="T56" fmla="*/ 90 w 723"/>
                <a:gd name="T57" fmla="*/ 131 h 370"/>
                <a:gd name="T58" fmla="*/ 88 w 723"/>
                <a:gd name="T59" fmla="*/ 146 h 370"/>
                <a:gd name="T60" fmla="*/ 86 w 723"/>
                <a:gd name="T61" fmla="*/ 156 h 370"/>
                <a:gd name="T62" fmla="*/ 65 w 723"/>
                <a:gd name="T63" fmla="*/ 167 h 370"/>
                <a:gd name="T64" fmla="*/ 71 w 723"/>
                <a:gd name="T65" fmla="*/ 188 h 370"/>
                <a:gd name="T66" fmla="*/ 43 w 723"/>
                <a:gd name="T67" fmla="*/ 178 h 370"/>
                <a:gd name="T68" fmla="*/ 18 w 723"/>
                <a:gd name="T69" fmla="*/ 188 h 370"/>
                <a:gd name="T70" fmla="*/ 18 w 723"/>
                <a:gd name="T71" fmla="*/ 198 h 370"/>
                <a:gd name="T72" fmla="*/ 0 w 723"/>
                <a:gd name="T73" fmla="*/ 243 h 370"/>
                <a:gd name="T74" fmla="*/ 108 w 723"/>
                <a:gd name="T75" fmla="*/ 219 h 370"/>
                <a:gd name="T76" fmla="*/ 134 w 723"/>
                <a:gd name="T77" fmla="*/ 219 h 370"/>
                <a:gd name="T78" fmla="*/ 184 w 723"/>
                <a:gd name="T79" fmla="*/ 215 h 370"/>
                <a:gd name="T80" fmla="*/ 264 w 723"/>
                <a:gd name="T81" fmla="*/ 209 h 370"/>
                <a:gd name="T82" fmla="*/ 339 w 723"/>
                <a:gd name="T83" fmla="*/ 203 h 370"/>
                <a:gd name="T84" fmla="*/ 376 w 723"/>
                <a:gd name="T85" fmla="*/ 199 h 370"/>
                <a:gd name="T86" fmla="*/ 390 w 723"/>
                <a:gd name="T87" fmla="*/ 194 h 370"/>
                <a:gd name="T88" fmla="*/ 413 w 723"/>
                <a:gd name="T89" fmla="*/ 181 h 370"/>
                <a:gd name="T90" fmla="*/ 423 w 723"/>
                <a:gd name="T91" fmla="*/ 174 h 370"/>
                <a:gd name="T92" fmla="*/ 436 w 723"/>
                <a:gd name="T93" fmla="*/ 166 h 370"/>
                <a:gd name="T94" fmla="*/ 439 w 723"/>
                <a:gd name="T95" fmla="*/ 156 h 370"/>
                <a:gd name="T96" fmla="*/ 449 w 723"/>
                <a:gd name="T97" fmla="*/ 142 h 370"/>
                <a:gd name="T98" fmla="*/ 473 w 723"/>
                <a:gd name="T99" fmla="*/ 124 h 370"/>
                <a:gd name="T100" fmla="*/ 473 w 723"/>
                <a:gd name="T101" fmla="*/ 123 h 370"/>
                <a:gd name="T102" fmla="*/ 477 w 723"/>
                <a:gd name="T103" fmla="*/ 100 h 370"/>
                <a:gd name="T104" fmla="*/ 464 w 723"/>
                <a:gd name="T105" fmla="*/ 90 h 370"/>
                <a:gd name="T106" fmla="*/ 439 w 723"/>
                <a:gd name="T107" fmla="*/ 58 h 370"/>
                <a:gd name="T108" fmla="*/ 437 w 723"/>
                <a:gd name="T109" fmla="*/ 39 h 370"/>
                <a:gd name="T110" fmla="*/ 439 w 723"/>
                <a:gd name="T111" fmla="*/ 37 h 370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w 723"/>
                <a:gd name="T169" fmla="*/ 0 h 370"/>
                <a:gd name="T170" fmla="*/ 723 w 723"/>
                <a:gd name="T171" fmla="*/ 370 h 370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T168" t="T169" r="T170" b="T171"/>
              <a:pathLst>
                <a:path w="723" h="370">
                  <a:moveTo>
                    <a:pt x="650" y="52"/>
                  </a:moveTo>
                  <a:lnTo>
                    <a:pt x="648" y="50"/>
                  </a:lnTo>
                  <a:lnTo>
                    <a:pt x="647" y="49"/>
                  </a:lnTo>
                  <a:lnTo>
                    <a:pt x="643" y="45"/>
                  </a:lnTo>
                  <a:lnTo>
                    <a:pt x="640" y="42"/>
                  </a:lnTo>
                  <a:lnTo>
                    <a:pt x="635" y="39"/>
                  </a:lnTo>
                  <a:lnTo>
                    <a:pt x="631" y="37"/>
                  </a:lnTo>
                  <a:lnTo>
                    <a:pt x="626" y="37"/>
                  </a:lnTo>
                  <a:lnTo>
                    <a:pt x="623" y="40"/>
                  </a:lnTo>
                  <a:lnTo>
                    <a:pt x="621" y="39"/>
                  </a:lnTo>
                  <a:lnTo>
                    <a:pt x="621" y="35"/>
                  </a:lnTo>
                  <a:lnTo>
                    <a:pt x="621" y="30"/>
                  </a:lnTo>
                  <a:lnTo>
                    <a:pt x="620" y="25"/>
                  </a:lnTo>
                  <a:lnTo>
                    <a:pt x="616" y="22"/>
                  </a:lnTo>
                  <a:lnTo>
                    <a:pt x="611" y="20"/>
                  </a:lnTo>
                  <a:lnTo>
                    <a:pt x="604" y="23"/>
                  </a:lnTo>
                  <a:lnTo>
                    <a:pt x="594" y="32"/>
                  </a:lnTo>
                  <a:lnTo>
                    <a:pt x="593" y="34"/>
                  </a:lnTo>
                  <a:lnTo>
                    <a:pt x="591" y="35"/>
                  </a:lnTo>
                  <a:lnTo>
                    <a:pt x="588" y="39"/>
                  </a:lnTo>
                  <a:lnTo>
                    <a:pt x="584" y="40"/>
                  </a:lnTo>
                  <a:lnTo>
                    <a:pt x="579" y="42"/>
                  </a:lnTo>
                  <a:lnTo>
                    <a:pt x="574" y="44"/>
                  </a:lnTo>
                  <a:lnTo>
                    <a:pt x="567" y="40"/>
                  </a:lnTo>
                  <a:lnTo>
                    <a:pt x="562" y="37"/>
                  </a:lnTo>
                  <a:lnTo>
                    <a:pt x="560" y="35"/>
                  </a:lnTo>
                  <a:lnTo>
                    <a:pt x="559" y="35"/>
                  </a:lnTo>
                  <a:lnTo>
                    <a:pt x="557" y="34"/>
                  </a:lnTo>
                  <a:lnTo>
                    <a:pt x="554" y="35"/>
                  </a:lnTo>
                  <a:lnTo>
                    <a:pt x="550" y="35"/>
                  </a:lnTo>
                  <a:lnTo>
                    <a:pt x="547" y="39"/>
                  </a:lnTo>
                  <a:lnTo>
                    <a:pt x="542" y="44"/>
                  </a:lnTo>
                  <a:lnTo>
                    <a:pt x="540" y="44"/>
                  </a:lnTo>
                  <a:lnTo>
                    <a:pt x="537" y="42"/>
                  </a:lnTo>
                  <a:lnTo>
                    <a:pt x="533" y="42"/>
                  </a:lnTo>
                  <a:lnTo>
                    <a:pt x="532" y="42"/>
                  </a:lnTo>
                  <a:lnTo>
                    <a:pt x="518" y="30"/>
                  </a:lnTo>
                  <a:lnTo>
                    <a:pt x="488" y="28"/>
                  </a:lnTo>
                  <a:lnTo>
                    <a:pt x="488" y="27"/>
                  </a:lnTo>
                  <a:lnTo>
                    <a:pt x="488" y="23"/>
                  </a:lnTo>
                  <a:lnTo>
                    <a:pt x="486" y="20"/>
                  </a:lnTo>
                  <a:lnTo>
                    <a:pt x="484" y="15"/>
                  </a:lnTo>
                  <a:lnTo>
                    <a:pt x="479" y="10"/>
                  </a:lnTo>
                  <a:lnTo>
                    <a:pt x="472" y="5"/>
                  </a:lnTo>
                  <a:lnTo>
                    <a:pt x="462" y="3"/>
                  </a:lnTo>
                  <a:lnTo>
                    <a:pt x="450" y="1"/>
                  </a:lnTo>
                  <a:lnTo>
                    <a:pt x="449" y="1"/>
                  </a:lnTo>
                  <a:lnTo>
                    <a:pt x="445" y="1"/>
                  </a:lnTo>
                  <a:lnTo>
                    <a:pt x="442" y="1"/>
                  </a:lnTo>
                  <a:lnTo>
                    <a:pt x="437" y="1"/>
                  </a:lnTo>
                  <a:lnTo>
                    <a:pt x="432" y="1"/>
                  </a:lnTo>
                  <a:lnTo>
                    <a:pt x="428" y="1"/>
                  </a:lnTo>
                  <a:lnTo>
                    <a:pt x="427" y="1"/>
                  </a:lnTo>
                  <a:lnTo>
                    <a:pt x="425" y="1"/>
                  </a:lnTo>
                  <a:lnTo>
                    <a:pt x="427" y="0"/>
                  </a:lnTo>
                  <a:lnTo>
                    <a:pt x="425" y="0"/>
                  </a:lnTo>
                  <a:lnTo>
                    <a:pt x="425" y="1"/>
                  </a:lnTo>
                  <a:lnTo>
                    <a:pt x="423" y="3"/>
                  </a:lnTo>
                  <a:lnTo>
                    <a:pt x="423" y="6"/>
                  </a:lnTo>
                  <a:lnTo>
                    <a:pt x="422" y="12"/>
                  </a:lnTo>
                  <a:lnTo>
                    <a:pt x="422" y="17"/>
                  </a:lnTo>
                  <a:lnTo>
                    <a:pt x="422" y="22"/>
                  </a:lnTo>
                  <a:lnTo>
                    <a:pt x="423" y="28"/>
                  </a:lnTo>
                  <a:lnTo>
                    <a:pt x="425" y="30"/>
                  </a:lnTo>
                  <a:lnTo>
                    <a:pt x="427" y="32"/>
                  </a:lnTo>
                  <a:lnTo>
                    <a:pt x="428" y="35"/>
                  </a:lnTo>
                  <a:lnTo>
                    <a:pt x="430" y="37"/>
                  </a:lnTo>
                  <a:lnTo>
                    <a:pt x="430" y="40"/>
                  </a:lnTo>
                  <a:lnTo>
                    <a:pt x="428" y="42"/>
                  </a:lnTo>
                  <a:lnTo>
                    <a:pt x="422" y="44"/>
                  </a:lnTo>
                  <a:lnTo>
                    <a:pt x="413" y="45"/>
                  </a:lnTo>
                  <a:lnTo>
                    <a:pt x="412" y="45"/>
                  </a:lnTo>
                  <a:lnTo>
                    <a:pt x="408" y="45"/>
                  </a:lnTo>
                  <a:lnTo>
                    <a:pt x="405" y="47"/>
                  </a:lnTo>
                  <a:lnTo>
                    <a:pt x="400" y="49"/>
                  </a:lnTo>
                  <a:lnTo>
                    <a:pt x="396" y="49"/>
                  </a:lnTo>
                  <a:lnTo>
                    <a:pt x="393" y="50"/>
                  </a:lnTo>
                  <a:lnTo>
                    <a:pt x="391" y="50"/>
                  </a:lnTo>
                  <a:lnTo>
                    <a:pt x="390" y="50"/>
                  </a:lnTo>
                  <a:lnTo>
                    <a:pt x="386" y="50"/>
                  </a:lnTo>
                  <a:lnTo>
                    <a:pt x="383" y="52"/>
                  </a:lnTo>
                  <a:lnTo>
                    <a:pt x="378" y="54"/>
                  </a:lnTo>
                  <a:lnTo>
                    <a:pt x="374" y="56"/>
                  </a:lnTo>
                  <a:lnTo>
                    <a:pt x="371" y="61"/>
                  </a:lnTo>
                  <a:lnTo>
                    <a:pt x="373" y="66"/>
                  </a:lnTo>
                  <a:lnTo>
                    <a:pt x="376" y="74"/>
                  </a:lnTo>
                  <a:lnTo>
                    <a:pt x="376" y="76"/>
                  </a:lnTo>
                  <a:lnTo>
                    <a:pt x="376" y="78"/>
                  </a:lnTo>
                  <a:lnTo>
                    <a:pt x="374" y="79"/>
                  </a:lnTo>
                  <a:lnTo>
                    <a:pt x="373" y="83"/>
                  </a:lnTo>
                  <a:lnTo>
                    <a:pt x="371" y="84"/>
                  </a:lnTo>
                  <a:lnTo>
                    <a:pt x="368" y="88"/>
                  </a:lnTo>
                  <a:lnTo>
                    <a:pt x="364" y="91"/>
                  </a:lnTo>
                  <a:lnTo>
                    <a:pt x="364" y="93"/>
                  </a:lnTo>
                  <a:lnTo>
                    <a:pt x="362" y="94"/>
                  </a:lnTo>
                  <a:lnTo>
                    <a:pt x="361" y="96"/>
                  </a:lnTo>
                  <a:lnTo>
                    <a:pt x="361" y="100"/>
                  </a:lnTo>
                  <a:lnTo>
                    <a:pt x="359" y="101"/>
                  </a:lnTo>
                  <a:lnTo>
                    <a:pt x="357" y="105"/>
                  </a:lnTo>
                  <a:lnTo>
                    <a:pt x="357" y="106"/>
                  </a:lnTo>
                  <a:lnTo>
                    <a:pt x="357" y="108"/>
                  </a:lnTo>
                  <a:lnTo>
                    <a:pt x="356" y="108"/>
                  </a:lnTo>
                  <a:lnTo>
                    <a:pt x="356" y="110"/>
                  </a:lnTo>
                  <a:lnTo>
                    <a:pt x="354" y="111"/>
                  </a:lnTo>
                  <a:lnTo>
                    <a:pt x="352" y="111"/>
                  </a:lnTo>
                  <a:lnTo>
                    <a:pt x="349" y="113"/>
                  </a:lnTo>
                  <a:lnTo>
                    <a:pt x="344" y="113"/>
                  </a:lnTo>
                  <a:lnTo>
                    <a:pt x="342" y="116"/>
                  </a:lnTo>
                  <a:lnTo>
                    <a:pt x="340" y="122"/>
                  </a:lnTo>
                  <a:lnTo>
                    <a:pt x="339" y="127"/>
                  </a:lnTo>
                  <a:lnTo>
                    <a:pt x="337" y="133"/>
                  </a:lnTo>
                  <a:lnTo>
                    <a:pt x="335" y="137"/>
                  </a:lnTo>
                  <a:lnTo>
                    <a:pt x="335" y="140"/>
                  </a:lnTo>
                  <a:lnTo>
                    <a:pt x="335" y="142"/>
                  </a:lnTo>
                  <a:lnTo>
                    <a:pt x="335" y="144"/>
                  </a:lnTo>
                  <a:lnTo>
                    <a:pt x="334" y="145"/>
                  </a:lnTo>
                  <a:lnTo>
                    <a:pt x="332" y="147"/>
                  </a:lnTo>
                  <a:lnTo>
                    <a:pt x="330" y="149"/>
                  </a:lnTo>
                  <a:lnTo>
                    <a:pt x="325" y="150"/>
                  </a:lnTo>
                  <a:lnTo>
                    <a:pt x="320" y="150"/>
                  </a:lnTo>
                  <a:lnTo>
                    <a:pt x="312" y="149"/>
                  </a:lnTo>
                  <a:lnTo>
                    <a:pt x="302" y="144"/>
                  </a:lnTo>
                  <a:lnTo>
                    <a:pt x="302" y="142"/>
                  </a:lnTo>
                  <a:lnTo>
                    <a:pt x="302" y="138"/>
                  </a:lnTo>
                  <a:lnTo>
                    <a:pt x="300" y="135"/>
                  </a:lnTo>
                  <a:lnTo>
                    <a:pt x="298" y="132"/>
                  </a:lnTo>
                  <a:lnTo>
                    <a:pt x="295" y="130"/>
                  </a:lnTo>
                  <a:lnTo>
                    <a:pt x="291" y="130"/>
                  </a:lnTo>
                  <a:lnTo>
                    <a:pt x="288" y="137"/>
                  </a:lnTo>
                  <a:lnTo>
                    <a:pt x="283" y="147"/>
                  </a:lnTo>
                  <a:lnTo>
                    <a:pt x="283" y="150"/>
                  </a:lnTo>
                  <a:lnTo>
                    <a:pt x="281" y="155"/>
                  </a:lnTo>
                  <a:lnTo>
                    <a:pt x="281" y="162"/>
                  </a:lnTo>
                  <a:lnTo>
                    <a:pt x="280" y="169"/>
                  </a:lnTo>
                  <a:lnTo>
                    <a:pt x="276" y="172"/>
                  </a:lnTo>
                  <a:lnTo>
                    <a:pt x="273" y="176"/>
                  </a:lnTo>
                  <a:lnTo>
                    <a:pt x="266" y="174"/>
                  </a:lnTo>
                  <a:lnTo>
                    <a:pt x="259" y="167"/>
                  </a:lnTo>
                  <a:lnTo>
                    <a:pt x="258" y="166"/>
                  </a:lnTo>
                  <a:lnTo>
                    <a:pt x="258" y="164"/>
                  </a:lnTo>
                  <a:lnTo>
                    <a:pt x="258" y="162"/>
                  </a:lnTo>
                  <a:lnTo>
                    <a:pt x="256" y="159"/>
                  </a:lnTo>
                  <a:lnTo>
                    <a:pt x="254" y="159"/>
                  </a:lnTo>
                  <a:lnTo>
                    <a:pt x="249" y="159"/>
                  </a:lnTo>
                  <a:lnTo>
                    <a:pt x="244" y="164"/>
                  </a:lnTo>
                  <a:lnTo>
                    <a:pt x="236" y="171"/>
                  </a:lnTo>
                  <a:lnTo>
                    <a:pt x="236" y="172"/>
                  </a:lnTo>
                  <a:lnTo>
                    <a:pt x="234" y="176"/>
                  </a:lnTo>
                  <a:lnTo>
                    <a:pt x="232" y="179"/>
                  </a:lnTo>
                  <a:lnTo>
                    <a:pt x="230" y="182"/>
                  </a:lnTo>
                  <a:lnTo>
                    <a:pt x="227" y="186"/>
                  </a:lnTo>
                  <a:lnTo>
                    <a:pt x="222" y="186"/>
                  </a:lnTo>
                  <a:lnTo>
                    <a:pt x="217" y="184"/>
                  </a:lnTo>
                  <a:lnTo>
                    <a:pt x="210" y="179"/>
                  </a:lnTo>
                  <a:lnTo>
                    <a:pt x="210" y="177"/>
                  </a:lnTo>
                  <a:lnTo>
                    <a:pt x="208" y="176"/>
                  </a:lnTo>
                  <a:lnTo>
                    <a:pt x="205" y="174"/>
                  </a:lnTo>
                  <a:lnTo>
                    <a:pt x="202" y="172"/>
                  </a:lnTo>
                  <a:lnTo>
                    <a:pt x="198" y="171"/>
                  </a:lnTo>
                  <a:lnTo>
                    <a:pt x="195" y="171"/>
                  </a:lnTo>
                  <a:lnTo>
                    <a:pt x="190" y="171"/>
                  </a:lnTo>
                  <a:lnTo>
                    <a:pt x="186" y="174"/>
                  </a:lnTo>
                  <a:lnTo>
                    <a:pt x="185" y="172"/>
                  </a:lnTo>
                  <a:lnTo>
                    <a:pt x="183" y="171"/>
                  </a:lnTo>
                  <a:lnTo>
                    <a:pt x="181" y="171"/>
                  </a:lnTo>
                  <a:lnTo>
                    <a:pt x="180" y="171"/>
                  </a:lnTo>
                  <a:lnTo>
                    <a:pt x="178" y="171"/>
                  </a:lnTo>
                  <a:lnTo>
                    <a:pt x="178" y="176"/>
                  </a:lnTo>
                  <a:lnTo>
                    <a:pt x="178" y="181"/>
                  </a:lnTo>
                  <a:lnTo>
                    <a:pt x="178" y="182"/>
                  </a:lnTo>
                  <a:lnTo>
                    <a:pt x="178" y="184"/>
                  </a:lnTo>
                  <a:lnTo>
                    <a:pt x="176" y="186"/>
                  </a:lnTo>
                  <a:lnTo>
                    <a:pt x="176" y="188"/>
                  </a:lnTo>
                  <a:lnTo>
                    <a:pt x="175" y="188"/>
                  </a:lnTo>
                  <a:lnTo>
                    <a:pt x="171" y="186"/>
                  </a:lnTo>
                  <a:lnTo>
                    <a:pt x="168" y="182"/>
                  </a:lnTo>
                  <a:lnTo>
                    <a:pt x="166" y="182"/>
                  </a:lnTo>
                  <a:lnTo>
                    <a:pt x="161" y="181"/>
                  </a:lnTo>
                  <a:lnTo>
                    <a:pt x="156" y="179"/>
                  </a:lnTo>
                  <a:lnTo>
                    <a:pt x="151" y="179"/>
                  </a:lnTo>
                  <a:lnTo>
                    <a:pt x="148" y="179"/>
                  </a:lnTo>
                  <a:lnTo>
                    <a:pt x="144" y="179"/>
                  </a:lnTo>
                  <a:lnTo>
                    <a:pt x="144" y="182"/>
                  </a:lnTo>
                  <a:lnTo>
                    <a:pt x="148" y="186"/>
                  </a:lnTo>
                  <a:lnTo>
                    <a:pt x="148" y="188"/>
                  </a:lnTo>
                  <a:lnTo>
                    <a:pt x="146" y="188"/>
                  </a:lnTo>
                  <a:lnTo>
                    <a:pt x="146" y="191"/>
                  </a:lnTo>
                  <a:lnTo>
                    <a:pt x="144" y="193"/>
                  </a:lnTo>
                  <a:lnTo>
                    <a:pt x="142" y="193"/>
                  </a:lnTo>
                  <a:lnTo>
                    <a:pt x="141" y="194"/>
                  </a:lnTo>
                  <a:lnTo>
                    <a:pt x="139" y="194"/>
                  </a:lnTo>
                  <a:lnTo>
                    <a:pt x="136" y="194"/>
                  </a:lnTo>
                  <a:lnTo>
                    <a:pt x="136" y="196"/>
                  </a:lnTo>
                  <a:lnTo>
                    <a:pt x="136" y="198"/>
                  </a:lnTo>
                  <a:lnTo>
                    <a:pt x="134" y="199"/>
                  </a:lnTo>
                  <a:lnTo>
                    <a:pt x="134" y="201"/>
                  </a:lnTo>
                  <a:lnTo>
                    <a:pt x="132" y="204"/>
                  </a:lnTo>
                  <a:lnTo>
                    <a:pt x="131" y="206"/>
                  </a:lnTo>
                  <a:lnTo>
                    <a:pt x="129" y="208"/>
                  </a:lnTo>
                  <a:lnTo>
                    <a:pt x="129" y="210"/>
                  </a:lnTo>
                  <a:lnTo>
                    <a:pt x="127" y="218"/>
                  </a:lnTo>
                  <a:lnTo>
                    <a:pt x="131" y="223"/>
                  </a:lnTo>
                  <a:lnTo>
                    <a:pt x="132" y="225"/>
                  </a:lnTo>
                  <a:lnTo>
                    <a:pt x="134" y="226"/>
                  </a:lnTo>
                  <a:lnTo>
                    <a:pt x="134" y="228"/>
                  </a:lnTo>
                  <a:lnTo>
                    <a:pt x="136" y="232"/>
                  </a:lnTo>
                  <a:lnTo>
                    <a:pt x="136" y="235"/>
                  </a:lnTo>
                  <a:lnTo>
                    <a:pt x="134" y="237"/>
                  </a:lnTo>
                  <a:lnTo>
                    <a:pt x="127" y="238"/>
                  </a:lnTo>
                  <a:lnTo>
                    <a:pt x="119" y="240"/>
                  </a:lnTo>
                  <a:lnTo>
                    <a:pt x="117" y="240"/>
                  </a:lnTo>
                  <a:lnTo>
                    <a:pt x="112" y="240"/>
                  </a:lnTo>
                  <a:lnTo>
                    <a:pt x="107" y="243"/>
                  </a:lnTo>
                  <a:lnTo>
                    <a:pt x="102" y="245"/>
                  </a:lnTo>
                  <a:lnTo>
                    <a:pt x="97" y="250"/>
                  </a:lnTo>
                  <a:lnTo>
                    <a:pt x="95" y="255"/>
                  </a:lnTo>
                  <a:lnTo>
                    <a:pt x="95" y="264"/>
                  </a:lnTo>
                  <a:lnTo>
                    <a:pt x="100" y="272"/>
                  </a:lnTo>
                  <a:lnTo>
                    <a:pt x="100" y="274"/>
                  </a:lnTo>
                  <a:lnTo>
                    <a:pt x="104" y="277"/>
                  </a:lnTo>
                  <a:lnTo>
                    <a:pt x="104" y="281"/>
                  </a:lnTo>
                  <a:lnTo>
                    <a:pt x="105" y="284"/>
                  </a:lnTo>
                  <a:lnTo>
                    <a:pt x="104" y="287"/>
                  </a:lnTo>
                  <a:lnTo>
                    <a:pt x="98" y="289"/>
                  </a:lnTo>
                  <a:lnTo>
                    <a:pt x="88" y="287"/>
                  </a:lnTo>
                  <a:lnTo>
                    <a:pt x="75" y="282"/>
                  </a:lnTo>
                  <a:lnTo>
                    <a:pt x="71" y="281"/>
                  </a:lnTo>
                  <a:lnTo>
                    <a:pt x="68" y="277"/>
                  </a:lnTo>
                  <a:lnTo>
                    <a:pt x="65" y="276"/>
                  </a:lnTo>
                  <a:lnTo>
                    <a:pt x="60" y="272"/>
                  </a:lnTo>
                  <a:lnTo>
                    <a:pt x="54" y="272"/>
                  </a:lnTo>
                  <a:lnTo>
                    <a:pt x="49" y="272"/>
                  </a:lnTo>
                  <a:lnTo>
                    <a:pt x="44" y="276"/>
                  </a:lnTo>
                  <a:lnTo>
                    <a:pt x="38" y="282"/>
                  </a:lnTo>
                  <a:lnTo>
                    <a:pt x="38" y="284"/>
                  </a:lnTo>
                  <a:lnTo>
                    <a:pt x="36" y="286"/>
                  </a:lnTo>
                  <a:lnTo>
                    <a:pt x="32" y="287"/>
                  </a:lnTo>
                  <a:lnTo>
                    <a:pt x="31" y="289"/>
                  </a:lnTo>
                  <a:lnTo>
                    <a:pt x="27" y="292"/>
                  </a:lnTo>
                  <a:lnTo>
                    <a:pt x="26" y="294"/>
                  </a:lnTo>
                  <a:lnTo>
                    <a:pt x="26" y="296"/>
                  </a:lnTo>
                  <a:lnTo>
                    <a:pt x="24" y="296"/>
                  </a:lnTo>
                  <a:lnTo>
                    <a:pt x="26" y="298"/>
                  </a:lnTo>
                  <a:lnTo>
                    <a:pt x="29" y="301"/>
                  </a:lnTo>
                  <a:lnTo>
                    <a:pt x="32" y="303"/>
                  </a:lnTo>
                  <a:lnTo>
                    <a:pt x="34" y="304"/>
                  </a:lnTo>
                  <a:lnTo>
                    <a:pt x="43" y="311"/>
                  </a:lnTo>
                  <a:lnTo>
                    <a:pt x="38" y="320"/>
                  </a:lnTo>
                  <a:lnTo>
                    <a:pt x="38" y="355"/>
                  </a:lnTo>
                  <a:lnTo>
                    <a:pt x="19" y="357"/>
                  </a:lnTo>
                  <a:lnTo>
                    <a:pt x="0" y="370"/>
                  </a:lnTo>
                  <a:lnTo>
                    <a:pt x="0" y="369"/>
                  </a:lnTo>
                  <a:lnTo>
                    <a:pt x="148" y="357"/>
                  </a:lnTo>
                  <a:lnTo>
                    <a:pt x="148" y="333"/>
                  </a:lnTo>
                  <a:lnTo>
                    <a:pt x="149" y="335"/>
                  </a:lnTo>
                  <a:lnTo>
                    <a:pt x="153" y="335"/>
                  </a:lnTo>
                  <a:lnTo>
                    <a:pt x="158" y="335"/>
                  </a:lnTo>
                  <a:lnTo>
                    <a:pt x="164" y="335"/>
                  </a:lnTo>
                  <a:lnTo>
                    <a:pt x="171" y="336"/>
                  </a:lnTo>
                  <a:lnTo>
                    <a:pt x="178" y="336"/>
                  </a:lnTo>
                  <a:lnTo>
                    <a:pt x="186" y="336"/>
                  </a:lnTo>
                  <a:lnTo>
                    <a:pt x="188" y="336"/>
                  </a:lnTo>
                  <a:lnTo>
                    <a:pt x="192" y="336"/>
                  </a:lnTo>
                  <a:lnTo>
                    <a:pt x="197" y="335"/>
                  </a:lnTo>
                  <a:lnTo>
                    <a:pt x="203" y="335"/>
                  </a:lnTo>
                  <a:lnTo>
                    <a:pt x="212" y="333"/>
                  </a:lnTo>
                  <a:lnTo>
                    <a:pt x="222" y="333"/>
                  </a:lnTo>
                  <a:lnTo>
                    <a:pt x="232" y="331"/>
                  </a:lnTo>
                  <a:lnTo>
                    <a:pt x="246" y="331"/>
                  </a:lnTo>
                  <a:lnTo>
                    <a:pt x="259" y="330"/>
                  </a:lnTo>
                  <a:lnTo>
                    <a:pt x="273" y="328"/>
                  </a:lnTo>
                  <a:lnTo>
                    <a:pt x="288" y="328"/>
                  </a:lnTo>
                  <a:lnTo>
                    <a:pt x="305" y="326"/>
                  </a:lnTo>
                  <a:lnTo>
                    <a:pt x="322" y="325"/>
                  </a:lnTo>
                  <a:lnTo>
                    <a:pt x="339" y="323"/>
                  </a:lnTo>
                  <a:lnTo>
                    <a:pt x="356" y="321"/>
                  </a:lnTo>
                  <a:lnTo>
                    <a:pt x="373" y="320"/>
                  </a:lnTo>
                  <a:lnTo>
                    <a:pt x="391" y="318"/>
                  </a:lnTo>
                  <a:lnTo>
                    <a:pt x="408" y="318"/>
                  </a:lnTo>
                  <a:lnTo>
                    <a:pt x="425" y="316"/>
                  </a:lnTo>
                  <a:lnTo>
                    <a:pt x="440" y="314"/>
                  </a:lnTo>
                  <a:lnTo>
                    <a:pt x="457" y="313"/>
                  </a:lnTo>
                  <a:lnTo>
                    <a:pt x="472" y="311"/>
                  </a:lnTo>
                  <a:lnTo>
                    <a:pt x="488" y="309"/>
                  </a:lnTo>
                  <a:lnTo>
                    <a:pt x="501" y="309"/>
                  </a:lnTo>
                  <a:lnTo>
                    <a:pt x="513" y="308"/>
                  </a:lnTo>
                  <a:lnTo>
                    <a:pt x="525" y="306"/>
                  </a:lnTo>
                  <a:lnTo>
                    <a:pt x="535" y="306"/>
                  </a:lnTo>
                  <a:lnTo>
                    <a:pt x="544" y="306"/>
                  </a:lnTo>
                  <a:lnTo>
                    <a:pt x="549" y="304"/>
                  </a:lnTo>
                  <a:lnTo>
                    <a:pt x="554" y="304"/>
                  </a:lnTo>
                  <a:lnTo>
                    <a:pt x="557" y="304"/>
                  </a:lnTo>
                  <a:lnTo>
                    <a:pt x="559" y="304"/>
                  </a:lnTo>
                  <a:lnTo>
                    <a:pt x="560" y="303"/>
                  </a:lnTo>
                  <a:lnTo>
                    <a:pt x="564" y="301"/>
                  </a:lnTo>
                  <a:lnTo>
                    <a:pt x="567" y="299"/>
                  </a:lnTo>
                  <a:lnTo>
                    <a:pt x="571" y="298"/>
                  </a:lnTo>
                  <a:lnTo>
                    <a:pt x="576" y="296"/>
                  </a:lnTo>
                  <a:lnTo>
                    <a:pt x="581" y="292"/>
                  </a:lnTo>
                  <a:lnTo>
                    <a:pt x="586" y="291"/>
                  </a:lnTo>
                  <a:lnTo>
                    <a:pt x="591" y="287"/>
                  </a:lnTo>
                  <a:lnTo>
                    <a:pt x="596" y="286"/>
                  </a:lnTo>
                  <a:lnTo>
                    <a:pt x="601" y="282"/>
                  </a:lnTo>
                  <a:lnTo>
                    <a:pt x="606" y="281"/>
                  </a:lnTo>
                  <a:lnTo>
                    <a:pt x="611" y="277"/>
                  </a:lnTo>
                  <a:lnTo>
                    <a:pt x="615" y="276"/>
                  </a:lnTo>
                  <a:lnTo>
                    <a:pt x="618" y="274"/>
                  </a:lnTo>
                  <a:lnTo>
                    <a:pt x="620" y="274"/>
                  </a:lnTo>
                  <a:lnTo>
                    <a:pt x="621" y="272"/>
                  </a:lnTo>
                  <a:lnTo>
                    <a:pt x="621" y="270"/>
                  </a:lnTo>
                  <a:lnTo>
                    <a:pt x="623" y="269"/>
                  </a:lnTo>
                  <a:lnTo>
                    <a:pt x="625" y="265"/>
                  </a:lnTo>
                  <a:lnTo>
                    <a:pt x="626" y="264"/>
                  </a:lnTo>
                  <a:lnTo>
                    <a:pt x="630" y="260"/>
                  </a:lnTo>
                  <a:lnTo>
                    <a:pt x="635" y="259"/>
                  </a:lnTo>
                  <a:lnTo>
                    <a:pt x="640" y="255"/>
                  </a:lnTo>
                  <a:lnTo>
                    <a:pt x="643" y="255"/>
                  </a:lnTo>
                  <a:lnTo>
                    <a:pt x="643" y="254"/>
                  </a:lnTo>
                  <a:lnTo>
                    <a:pt x="645" y="252"/>
                  </a:lnTo>
                  <a:lnTo>
                    <a:pt x="647" y="252"/>
                  </a:lnTo>
                  <a:lnTo>
                    <a:pt x="647" y="248"/>
                  </a:lnTo>
                  <a:lnTo>
                    <a:pt x="647" y="247"/>
                  </a:lnTo>
                  <a:lnTo>
                    <a:pt x="648" y="245"/>
                  </a:lnTo>
                  <a:lnTo>
                    <a:pt x="648" y="243"/>
                  </a:lnTo>
                  <a:lnTo>
                    <a:pt x="650" y="240"/>
                  </a:lnTo>
                  <a:lnTo>
                    <a:pt x="652" y="238"/>
                  </a:lnTo>
                  <a:lnTo>
                    <a:pt x="653" y="237"/>
                  </a:lnTo>
                  <a:lnTo>
                    <a:pt x="655" y="235"/>
                  </a:lnTo>
                  <a:lnTo>
                    <a:pt x="657" y="232"/>
                  </a:lnTo>
                  <a:lnTo>
                    <a:pt x="659" y="228"/>
                  </a:lnTo>
                  <a:lnTo>
                    <a:pt x="660" y="225"/>
                  </a:lnTo>
                  <a:lnTo>
                    <a:pt x="662" y="221"/>
                  </a:lnTo>
                  <a:lnTo>
                    <a:pt x="664" y="215"/>
                  </a:lnTo>
                  <a:lnTo>
                    <a:pt x="667" y="211"/>
                  </a:lnTo>
                  <a:lnTo>
                    <a:pt x="672" y="208"/>
                  </a:lnTo>
                  <a:lnTo>
                    <a:pt x="677" y="204"/>
                  </a:lnTo>
                  <a:lnTo>
                    <a:pt x="684" y="201"/>
                  </a:lnTo>
                  <a:lnTo>
                    <a:pt x="689" y="198"/>
                  </a:lnTo>
                  <a:lnTo>
                    <a:pt x="694" y="194"/>
                  </a:lnTo>
                  <a:lnTo>
                    <a:pt x="699" y="189"/>
                  </a:lnTo>
                  <a:lnTo>
                    <a:pt x="701" y="184"/>
                  </a:lnTo>
                  <a:lnTo>
                    <a:pt x="703" y="182"/>
                  </a:lnTo>
                  <a:lnTo>
                    <a:pt x="704" y="182"/>
                  </a:lnTo>
                  <a:lnTo>
                    <a:pt x="703" y="184"/>
                  </a:lnTo>
                  <a:lnTo>
                    <a:pt x="701" y="186"/>
                  </a:lnTo>
                  <a:lnTo>
                    <a:pt x="701" y="188"/>
                  </a:lnTo>
                  <a:lnTo>
                    <a:pt x="699" y="188"/>
                  </a:lnTo>
                  <a:lnTo>
                    <a:pt x="699" y="189"/>
                  </a:lnTo>
                  <a:lnTo>
                    <a:pt x="723" y="157"/>
                  </a:lnTo>
                  <a:lnTo>
                    <a:pt x="711" y="157"/>
                  </a:lnTo>
                  <a:lnTo>
                    <a:pt x="711" y="155"/>
                  </a:lnTo>
                  <a:lnTo>
                    <a:pt x="709" y="154"/>
                  </a:lnTo>
                  <a:lnTo>
                    <a:pt x="709" y="152"/>
                  </a:lnTo>
                  <a:lnTo>
                    <a:pt x="708" y="150"/>
                  </a:lnTo>
                  <a:lnTo>
                    <a:pt x="704" y="150"/>
                  </a:lnTo>
                  <a:lnTo>
                    <a:pt x="701" y="149"/>
                  </a:lnTo>
                  <a:lnTo>
                    <a:pt x="696" y="149"/>
                  </a:lnTo>
                  <a:lnTo>
                    <a:pt x="696" y="147"/>
                  </a:lnTo>
                  <a:lnTo>
                    <a:pt x="692" y="142"/>
                  </a:lnTo>
                  <a:lnTo>
                    <a:pt x="687" y="137"/>
                  </a:lnTo>
                  <a:lnTo>
                    <a:pt x="682" y="128"/>
                  </a:lnTo>
                  <a:lnTo>
                    <a:pt x="675" y="120"/>
                  </a:lnTo>
                  <a:lnTo>
                    <a:pt x="669" y="110"/>
                  </a:lnTo>
                  <a:lnTo>
                    <a:pt x="660" y="101"/>
                  </a:lnTo>
                  <a:lnTo>
                    <a:pt x="652" y="91"/>
                  </a:lnTo>
                  <a:lnTo>
                    <a:pt x="652" y="88"/>
                  </a:lnTo>
                  <a:lnTo>
                    <a:pt x="652" y="84"/>
                  </a:lnTo>
                  <a:lnTo>
                    <a:pt x="653" y="79"/>
                  </a:lnTo>
                  <a:lnTo>
                    <a:pt x="653" y="76"/>
                  </a:lnTo>
                  <a:lnTo>
                    <a:pt x="653" y="71"/>
                  </a:lnTo>
                  <a:lnTo>
                    <a:pt x="652" y="64"/>
                  </a:lnTo>
                  <a:lnTo>
                    <a:pt x="650" y="59"/>
                  </a:lnTo>
                  <a:lnTo>
                    <a:pt x="647" y="56"/>
                  </a:lnTo>
                  <a:lnTo>
                    <a:pt x="647" y="52"/>
                  </a:lnTo>
                  <a:lnTo>
                    <a:pt x="647" y="50"/>
                  </a:lnTo>
                  <a:lnTo>
                    <a:pt x="648" y="50"/>
                  </a:lnTo>
                  <a:lnTo>
                    <a:pt x="648" y="52"/>
                  </a:lnTo>
                  <a:lnTo>
                    <a:pt x="650" y="52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390" name="Group 63"/>
            <p:cNvGrpSpPr>
              <a:grpSpLocks/>
            </p:cNvGrpSpPr>
            <p:nvPr/>
          </p:nvGrpSpPr>
          <p:grpSpPr bwMode="auto">
            <a:xfrm>
              <a:off x="4830" y="1006"/>
              <a:ext cx="350" cy="562"/>
              <a:chOff x="5086" y="1113"/>
              <a:chExt cx="359" cy="579"/>
            </a:xfrm>
          </p:grpSpPr>
          <p:sp>
            <p:nvSpPr>
              <p:cNvPr id="516" name="Freeform 64"/>
              <p:cNvSpPr>
                <a:spLocks/>
              </p:cNvSpPr>
              <p:nvPr/>
            </p:nvSpPr>
            <p:spPr bwMode="auto">
              <a:xfrm>
                <a:off x="5086" y="1113"/>
                <a:ext cx="359" cy="579"/>
              </a:xfrm>
              <a:custGeom>
                <a:avLst/>
                <a:gdLst>
                  <a:gd name="T0" fmla="*/ 90 w 359"/>
                  <a:gd name="T1" fmla="*/ 565 h 579"/>
                  <a:gd name="T2" fmla="*/ 74 w 359"/>
                  <a:gd name="T3" fmla="*/ 550 h 579"/>
                  <a:gd name="T4" fmla="*/ 0 w 359"/>
                  <a:gd name="T5" fmla="*/ 318 h 579"/>
                  <a:gd name="T6" fmla="*/ 15 w 359"/>
                  <a:gd name="T7" fmla="*/ 311 h 579"/>
                  <a:gd name="T8" fmla="*/ 18 w 359"/>
                  <a:gd name="T9" fmla="*/ 311 h 579"/>
                  <a:gd name="T10" fmla="*/ 18 w 359"/>
                  <a:gd name="T11" fmla="*/ 294 h 579"/>
                  <a:gd name="T12" fmla="*/ 27 w 359"/>
                  <a:gd name="T13" fmla="*/ 289 h 579"/>
                  <a:gd name="T14" fmla="*/ 30 w 359"/>
                  <a:gd name="T15" fmla="*/ 259 h 579"/>
                  <a:gd name="T16" fmla="*/ 39 w 359"/>
                  <a:gd name="T17" fmla="*/ 250 h 579"/>
                  <a:gd name="T18" fmla="*/ 39 w 359"/>
                  <a:gd name="T19" fmla="*/ 238 h 579"/>
                  <a:gd name="T20" fmla="*/ 47 w 359"/>
                  <a:gd name="T21" fmla="*/ 221 h 579"/>
                  <a:gd name="T22" fmla="*/ 39 w 359"/>
                  <a:gd name="T23" fmla="*/ 198 h 579"/>
                  <a:gd name="T24" fmla="*/ 39 w 359"/>
                  <a:gd name="T25" fmla="*/ 169 h 579"/>
                  <a:gd name="T26" fmla="*/ 44 w 359"/>
                  <a:gd name="T27" fmla="*/ 154 h 579"/>
                  <a:gd name="T28" fmla="*/ 44 w 359"/>
                  <a:gd name="T29" fmla="*/ 125 h 579"/>
                  <a:gd name="T30" fmla="*/ 51 w 359"/>
                  <a:gd name="T31" fmla="*/ 98 h 579"/>
                  <a:gd name="T32" fmla="*/ 91 w 359"/>
                  <a:gd name="T33" fmla="*/ 12 h 579"/>
                  <a:gd name="T34" fmla="*/ 105 w 359"/>
                  <a:gd name="T35" fmla="*/ 34 h 579"/>
                  <a:gd name="T36" fmla="*/ 125 w 359"/>
                  <a:gd name="T37" fmla="*/ 29 h 579"/>
                  <a:gd name="T38" fmla="*/ 145 w 359"/>
                  <a:gd name="T39" fmla="*/ 12 h 579"/>
                  <a:gd name="T40" fmla="*/ 152 w 359"/>
                  <a:gd name="T41" fmla="*/ 3 h 579"/>
                  <a:gd name="T42" fmla="*/ 174 w 359"/>
                  <a:gd name="T43" fmla="*/ 7 h 579"/>
                  <a:gd name="T44" fmla="*/ 205 w 359"/>
                  <a:gd name="T45" fmla="*/ 22 h 579"/>
                  <a:gd name="T46" fmla="*/ 255 w 359"/>
                  <a:gd name="T47" fmla="*/ 177 h 579"/>
                  <a:gd name="T48" fmla="*/ 294 w 359"/>
                  <a:gd name="T49" fmla="*/ 213 h 579"/>
                  <a:gd name="T50" fmla="*/ 311 w 359"/>
                  <a:gd name="T51" fmla="*/ 237 h 579"/>
                  <a:gd name="T52" fmla="*/ 332 w 359"/>
                  <a:gd name="T53" fmla="*/ 243 h 579"/>
                  <a:gd name="T54" fmla="*/ 340 w 359"/>
                  <a:gd name="T55" fmla="*/ 265 h 579"/>
                  <a:gd name="T56" fmla="*/ 359 w 359"/>
                  <a:gd name="T57" fmla="*/ 267 h 579"/>
                  <a:gd name="T58" fmla="*/ 350 w 359"/>
                  <a:gd name="T59" fmla="*/ 289 h 579"/>
                  <a:gd name="T60" fmla="*/ 335 w 359"/>
                  <a:gd name="T61" fmla="*/ 293 h 579"/>
                  <a:gd name="T62" fmla="*/ 323 w 359"/>
                  <a:gd name="T63" fmla="*/ 306 h 579"/>
                  <a:gd name="T64" fmla="*/ 320 w 359"/>
                  <a:gd name="T65" fmla="*/ 320 h 579"/>
                  <a:gd name="T66" fmla="*/ 304 w 359"/>
                  <a:gd name="T67" fmla="*/ 326 h 579"/>
                  <a:gd name="T68" fmla="*/ 299 w 359"/>
                  <a:gd name="T69" fmla="*/ 323 h 579"/>
                  <a:gd name="T70" fmla="*/ 296 w 359"/>
                  <a:gd name="T71" fmla="*/ 330 h 579"/>
                  <a:gd name="T72" fmla="*/ 284 w 359"/>
                  <a:gd name="T73" fmla="*/ 357 h 579"/>
                  <a:gd name="T74" fmla="*/ 264 w 359"/>
                  <a:gd name="T75" fmla="*/ 335 h 579"/>
                  <a:gd name="T76" fmla="*/ 262 w 359"/>
                  <a:gd name="T77" fmla="*/ 348 h 579"/>
                  <a:gd name="T78" fmla="*/ 244 w 359"/>
                  <a:gd name="T79" fmla="*/ 362 h 579"/>
                  <a:gd name="T80" fmla="*/ 220 w 359"/>
                  <a:gd name="T81" fmla="*/ 362 h 579"/>
                  <a:gd name="T82" fmla="*/ 213 w 359"/>
                  <a:gd name="T83" fmla="*/ 353 h 579"/>
                  <a:gd name="T84" fmla="*/ 208 w 359"/>
                  <a:gd name="T85" fmla="*/ 372 h 579"/>
                  <a:gd name="T86" fmla="*/ 198 w 359"/>
                  <a:gd name="T87" fmla="*/ 436 h 579"/>
                  <a:gd name="T88" fmla="*/ 171 w 359"/>
                  <a:gd name="T89" fmla="*/ 450 h 579"/>
                  <a:gd name="T90" fmla="*/ 162 w 359"/>
                  <a:gd name="T91" fmla="*/ 448 h 579"/>
                  <a:gd name="T92" fmla="*/ 156 w 359"/>
                  <a:gd name="T93" fmla="*/ 448 h 579"/>
                  <a:gd name="T94" fmla="*/ 157 w 359"/>
                  <a:gd name="T95" fmla="*/ 475 h 579"/>
                  <a:gd name="T96" fmla="*/ 144 w 359"/>
                  <a:gd name="T97" fmla="*/ 460 h 579"/>
                  <a:gd name="T98" fmla="*/ 125 w 359"/>
                  <a:gd name="T99" fmla="*/ 475 h 579"/>
                  <a:gd name="T100" fmla="*/ 122 w 359"/>
                  <a:gd name="T101" fmla="*/ 506 h 579"/>
                  <a:gd name="T102" fmla="*/ 120 w 359"/>
                  <a:gd name="T103" fmla="*/ 528 h 579"/>
                  <a:gd name="T104" fmla="*/ 106 w 359"/>
                  <a:gd name="T105" fmla="*/ 541 h 579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w 359"/>
                  <a:gd name="T160" fmla="*/ 0 h 579"/>
                  <a:gd name="T161" fmla="*/ 359 w 359"/>
                  <a:gd name="T162" fmla="*/ 579 h 579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T159" t="T160" r="T161" b="T162"/>
                <a:pathLst>
                  <a:path w="359" h="579">
                    <a:moveTo>
                      <a:pt x="98" y="579"/>
                    </a:moveTo>
                    <a:lnTo>
                      <a:pt x="96" y="577"/>
                    </a:lnTo>
                    <a:lnTo>
                      <a:pt x="95" y="575"/>
                    </a:lnTo>
                    <a:lnTo>
                      <a:pt x="91" y="573"/>
                    </a:lnTo>
                    <a:lnTo>
                      <a:pt x="90" y="572"/>
                    </a:lnTo>
                    <a:lnTo>
                      <a:pt x="90" y="565"/>
                    </a:lnTo>
                    <a:lnTo>
                      <a:pt x="88" y="560"/>
                    </a:lnTo>
                    <a:lnTo>
                      <a:pt x="84" y="557"/>
                    </a:lnTo>
                    <a:lnTo>
                      <a:pt x="83" y="553"/>
                    </a:lnTo>
                    <a:lnTo>
                      <a:pt x="79" y="551"/>
                    </a:lnTo>
                    <a:lnTo>
                      <a:pt x="78" y="551"/>
                    </a:lnTo>
                    <a:lnTo>
                      <a:pt x="74" y="550"/>
                    </a:lnTo>
                    <a:lnTo>
                      <a:pt x="68" y="541"/>
                    </a:lnTo>
                    <a:lnTo>
                      <a:pt x="2" y="323"/>
                    </a:lnTo>
                    <a:lnTo>
                      <a:pt x="0" y="323"/>
                    </a:lnTo>
                    <a:lnTo>
                      <a:pt x="0" y="321"/>
                    </a:lnTo>
                    <a:lnTo>
                      <a:pt x="0" y="318"/>
                    </a:lnTo>
                    <a:lnTo>
                      <a:pt x="0" y="315"/>
                    </a:lnTo>
                    <a:lnTo>
                      <a:pt x="2" y="311"/>
                    </a:lnTo>
                    <a:lnTo>
                      <a:pt x="3" y="308"/>
                    </a:lnTo>
                    <a:lnTo>
                      <a:pt x="7" y="306"/>
                    </a:lnTo>
                    <a:lnTo>
                      <a:pt x="10" y="308"/>
                    </a:lnTo>
                    <a:lnTo>
                      <a:pt x="15" y="311"/>
                    </a:lnTo>
                    <a:lnTo>
                      <a:pt x="15" y="313"/>
                    </a:lnTo>
                    <a:lnTo>
                      <a:pt x="17" y="313"/>
                    </a:lnTo>
                    <a:lnTo>
                      <a:pt x="17" y="315"/>
                    </a:lnTo>
                    <a:lnTo>
                      <a:pt x="18" y="315"/>
                    </a:lnTo>
                    <a:lnTo>
                      <a:pt x="18" y="313"/>
                    </a:lnTo>
                    <a:lnTo>
                      <a:pt x="18" y="311"/>
                    </a:lnTo>
                    <a:lnTo>
                      <a:pt x="20" y="306"/>
                    </a:lnTo>
                    <a:lnTo>
                      <a:pt x="20" y="301"/>
                    </a:lnTo>
                    <a:lnTo>
                      <a:pt x="20" y="299"/>
                    </a:lnTo>
                    <a:lnTo>
                      <a:pt x="18" y="298"/>
                    </a:lnTo>
                    <a:lnTo>
                      <a:pt x="18" y="296"/>
                    </a:lnTo>
                    <a:lnTo>
                      <a:pt x="18" y="294"/>
                    </a:lnTo>
                    <a:lnTo>
                      <a:pt x="18" y="293"/>
                    </a:lnTo>
                    <a:lnTo>
                      <a:pt x="20" y="291"/>
                    </a:lnTo>
                    <a:lnTo>
                      <a:pt x="24" y="293"/>
                    </a:lnTo>
                    <a:lnTo>
                      <a:pt x="30" y="294"/>
                    </a:lnTo>
                    <a:lnTo>
                      <a:pt x="29" y="293"/>
                    </a:lnTo>
                    <a:lnTo>
                      <a:pt x="27" y="289"/>
                    </a:lnTo>
                    <a:lnTo>
                      <a:pt x="25" y="284"/>
                    </a:lnTo>
                    <a:lnTo>
                      <a:pt x="24" y="279"/>
                    </a:lnTo>
                    <a:lnTo>
                      <a:pt x="22" y="274"/>
                    </a:lnTo>
                    <a:lnTo>
                      <a:pt x="24" y="267"/>
                    </a:lnTo>
                    <a:lnTo>
                      <a:pt x="25" y="262"/>
                    </a:lnTo>
                    <a:lnTo>
                      <a:pt x="30" y="259"/>
                    </a:lnTo>
                    <a:lnTo>
                      <a:pt x="32" y="257"/>
                    </a:lnTo>
                    <a:lnTo>
                      <a:pt x="34" y="255"/>
                    </a:lnTo>
                    <a:lnTo>
                      <a:pt x="35" y="254"/>
                    </a:lnTo>
                    <a:lnTo>
                      <a:pt x="37" y="252"/>
                    </a:lnTo>
                    <a:lnTo>
                      <a:pt x="39" y="250"/>
                    </a:lnTo>
                    <a:lnTo>
                      <a:pt x="39" y="249"/>
                    </a:lnTo>
                    <a:lnTo>
                      <a:pt x="40" y="249"/>
                    </a:lnTo>
                    <a:lnTo>
                      <a:pt x="40" y="247"/>
                    </a:lnTo>
                    <a:lnTo>
                      <a:pt x="39" y="245"/>
                    </a:lnTo>
                    <a:lnTo>
                      <a:pt x="39" y="242"/>
                    </a:lnTo>
                    <a:lnTo>
                      <a:pt x="39" y="238"/>
                    </a:lnTo>
                    <a:lnTo>
                      <a:pt x="40" y="235"/>
                    </a:lnTo>
                    <a:lnTo>
                      <a:pt x="42" y="230"/>
                    </a:lnTo>
                    <a:lnTo>
                      <a:pt x="44" y="227"/>
                    </a:lnTo>
                    <a:lnTo>
                      <a:pt x="49" y="223"/>
                    </a:lnTo>
                    <a:lnTo>
                      <a:pt x="47" y="223"/>
                    </a:lnTo>
                    <a:lnTo>
                      <a:pt x="47" y="221"/>
                    </a:lnTo>
                    <a:lnTo>
                      <a:pt x="47" y="218"/>
                    </a:lnTo>
                    <a:lnTo>
                      <a:pt x="46" y="215"/>
                    </a:lnTo>
                    <a:lnTo>
                      <a:pt x="44" y="211"/>
                    </a:lnTo>
                    <a:lnTo>
                      <a:pt x="42" y="208"/>
                    </a:lnTo>
                    <a:lnTo>
                      <a:pt x="40" y="203"/>
                    </a:lnTo>
                    <a:lnTo>
                      <a:pt x="39" y="198"/>
                    </a:lnTo>
                    <a:lnTo>
                      <a:pt x="39" y="193"/>
                    </a:lnTo>
                    <a:lnTo>
                      <a:pt x="37" y="188"/>
                    </a:lnTo>
                    <a:lnTo>
                      <a:pt x="37" y="183"/>
                    </a:lnTo>
                    <a:lnTo>
                      <a:pt x="37" y="177"/>
                    </a:lnTo>
                    <a:lnTo>
                      <a:pt x="39" y="172"/>
                    </a:lnTo>
                    <a:lnTo>
                      <a:pt x="39" y="169"/>
                    </a:lnTo>
                    <a:lnTo>
                      <a:pt x="42" y="164"/>
                    </a:lnTo>
                    <a:lnTo>
                      <a:pt x="46" y="161"/>
                    </a:lnTo>
                    <a:lnTo>
                      <a:pt x="46" y="159"/>
                    </a:lnTo>
                    <a:lnTo>
                      <a:pt x="44" y="157"/>
                    </a:lnTo>
                    <a:lnTo>
                      <a:pt x="44" y="154"/>
                    </a:lnTo>
                    <a:lnTo>
                      <a:pt x="44" y="149"/>
                    </a:lnTo>
                    <a:lnTo>
                      <a:pt x="44" y="145"/>
                    </a:lnTo>
                    <a:lnTo>
                      <a:pt x="44" y="140"/>
                    </a:lnTo>
                    <a:lnTo>
                      <a:pt x="44" y="135"/>
                    </a:lnTo>
                    <a:lnTo>
                      <a:pt x="44" y="130"/>
                    </a:lnTo>
                    <a:lnTo>
                      <a:pt x="44" y="125"/>
                    </a:lnTo>
                    <a:lnTo>
                      <a:pt x="44" y="120"/>
                    </a:lnTo>
                    <a:lnTo>
                      <a:pt x="44" y="115"/>
                    </a:lnTo>
                    <a:lnTo>
                      <a:pt x="46" y="110"/>
                    </a:lnTo>
                    <a:lnTo>
                      <a:pt x="47" y="105"/>
                    </a:lnTo>
                    <a:lnTo>
                      <a:pt x="49" y="101"/>
                    </a:lnTo>
                    <a:lnTo>
                      <a:pt x="51" y="98"/>
                    </a:lnTo>
                    <a:lnTo>
                      <a:pt x="78" y="15"/>
                    </a:lnTo>
                    <a:lnTo>
                      <a:pt x="79" y="13"/>
                    </a:lnTo>
                    <a:lnTo>
                      <a:pt x="81" y="13"/>
                    </a:lnTo>
                    <a:lnTo>
                      <a:pt x="84" y="12"/>
                    </a:lnTo>
                    <a:lnTo>
                      <a:pt x="88" y="10"/>
                    </a:lnTo>
                    <a:lnTo>
                      <a:pt x="91" y="12"/>
                    </a:lnTo>
                    <a:lnTo>
                      <a:pt x="95" y="13"/>
                    </a:lnTo>
                    <a:lnTo>
                      <a:pt x="98" y="18"/>
                    </a:lnTo>
                    <a:lnTo>
                      <a:pt x="101" y="29"/>
                    </a:lnTo>
                    <a:lnTo>
                      <a:pt x="101" y="30"/>
                    </a:lnTo>
                    <a:lnTo>
                      <a:pt x="103" y="32"/>
                    </a:lnTo>
                    <a:lnTo>
                      <a:pt x="105" y="34"/>
                    </a:lnTo>
                    <a:lnTo>
                      <a:pt x="108" y="35"/>
                    </a:lnTo>
                    <a:lnTo>
                      <a:pt x="110" y="37"/>
                    </a:lnTo>
                    <a:lnTo>
                      <a:pt x="115" y="37"/>
                    </a:lnTo>
                    <a:lnTo>
                      <a:pt x="118" y="34"/>
                    </a:lnTo>
                    <a:lnTo>
                      <a:pt x="125" y="30"/>
                    </a:lnTo>
                    <a:lnTo>
                      <a:pt x="125" y="29"/>
                    </a:lnTo>
                    <a:lnTo>
                      <a:pt x="128" y="27"/>
                    </a:lnTo>
                    <a:lnTo>
                      <a:pt x="132" y="23"/>
                    </a:lnTo>
                    <a:lnTo>
                      <a:pt x="135" y="20"/>
                    </a:lnTo>
                    <a:lnTo>
                      <a:pt x="139" y="17"/>
                    </a:lnTo>
                    <a:lnTo>
                      <a:pt x="142" y="13"/>
                    </a:lnTo>
                    <a:lnTo>
                      <a:pt x="145" y="12"/>
                    </a:lnTo>
                    <a:lnTo>
                      <a:pt x="152" y="10"/>
                    </a:lnTo>
                    <a:lnTo>
                      <a:pt x="152" y="8"/>
                    </a:lnTo>
                    <a:lnTo>
                      <a:pt x="152" y="5"/>
                    </a:lnTo>
                    <a:lnTo>
                      <a:pt x="152" y="3"/>
                    </a:lnTo>
                    <a:lnTo>
                      <a:pt x="154" y="1"/>
                    </a:lnTo>
                    <a:lnTo>
                      <a:pt x="157" y="0"/>
                    </a:lnTo>
                    <a:lnTo>
                      <a:pt x="162" y="1"/>
                    </a:lnTo>
                    <a:lnTo>
                      <a:pt x="169" y="3"/>
                    </a:lnTo>
                    <a:lnTo>
                      <a:pt x="171" y="5"/>
                    </a:lnTo>
                    <a:lnTo>
                      <a:pt x="174" y="7"/>
                    </a:lnTo>
                    <a:lnTo>
                      <a:pt x="179" y="10"/>
                    </a:lnTo>
                    <a:lnTo>
                      <a:pt x="186" y="13"/>
                    </a:lnTo>
                    <a:lnTo>
                      <a:pt x="193" y="15"/>
                    </a:lnTo>
                    <a:lnTo>
                      <a:pt x="198" y="18"/>
                    </a:lnTo>
                    <a:lnTo>
                      <a:pt x="203" y="20"/>
                    </a:lnTo>
                    <a:lnTo>
                      <a:pt x="205" y="22"/>
                    </a:lnTo>
                    <a:lnTo>
                      <a:pt x="213" y="30"/>
                    </a:lnTo>
                    <a:lnTo>
                      <a:pt x="254" y="164"/>
                    </a:lnTo>
                    <a:lnTo>
                      <a:pt x="254" y="166"/>
                    </a:lnTo>
                    <a:lnTo>
                      <a:pt x="254" y="169"/>
                    </a:lnTo>
                    <a:lnTo>
                      <a:pt x="254" y="172"/>
                    </a:lnTo>
                    <a:lnTo>
                      <a:pt x="255" y="177"/>
                    </a:lnTo>
                    <a:lnTo>
                      <a:pt x="260" y="184"/>
                    </a:lnTo>
                    <a:lnTo>
                      <a:pt x="266" y="188"/>
                    </a:lnTo>
                    <a:lnTo>
                      <a:pt x="276" y="191"/>
                    </a:lnTo>
                    <a:lnTo>
                      <a:pt x="289" y="193"/>
                    </a:lnTo>
                    <a:lnTo>
                      <a:pt x="294" y="196"/>
                    </a:lnTo>
                    <a:lnTo>
                      <a:pt x="294" y="213"/>
                    </a:lnTo>
                    <a:lnTo>
                      <a:pt x="303" y="221"/>
                    </a:lnTo>
                    <a:lnTo>
                      <a:pt x="304" y="225"/>
                    </a:lnTo>
                    <a:lnTo>
                      <a:pt x="306" y="228"/>
                    </a:lnTo>
                    <a:lnTo>
                      <a:pt x="308" y="233"/>
                    </a:lnTo>
                    <a:lnTo>
                      <a:pt x="311" y="237"/>
                    </a:lnTo>
                    <a:lnTo>
                      <a:pt x="315" y="238"/>
                    </a:lnTo>
                    <a:lnTo>
                      <a:pt x="318" y="238"/>
                    </a:lnTo>
                    <a:lnTo>
                      <a:pt x="321" y="237"/>
                    </a:lnTo>
                    <a:lnTo>
                      <a:pt x="323" y="237"/>
                    </a:lnTo>
                    <a:lnTo>
                      <a:pt x="326" y="240"/>
                    </a:lnTo>
                    <a:lnTo>
                      <a:pt x="332" y="243"/>
                    </a:lnTo>
                    <a:lnTo>
                      <a:pt x="337" y="247"/>
                    </a:lnTo>
                    <a:lnTo>
                      <a:pt x="340" y="250"/>
                    </a:lnTo>
                    <a:lnTo>
                      <a:pt x="345" y="254"/>
                    </a:lnTo>
                    <a:lnTo>
                      <a:pt x="348" y="257"/>
                    </a:lnTo>
                    <a:lnTo>
                      <a:pt x="340" y="265"/>
                    </a:lnTo>
                    <a:lnTo>
                      <a:pt x="347" y="276"/>
                    </a:lnTo>
                    <a:lnTo>
                      <a:pt x="350" y="272"/>
                    </a:lnTo>
                    <a:lnTo>
                      <a:pt x="354" y="271"/>
                    </a:lnTo>
                    <a:lnTo>
                      <a:pt x="357" y="267"/>
                    </a:lnTo>
                    <a:lnTo>
                      <a:pt x="359" y="267"/>
                    </a:lnTo>
                    <a:lnTo>
                      <a:pt x="359" y="269"/>
                    </a:lnTo>
                    <a:lnTo>
                      <a:pt x="359" y="274"/>
                    </a:lnTo>
                    <a:lnTo>
                      <a:pt x="354" y="284"/>
                    </a:lnTo>
                    <a:lnTo>
                      <a:pt x="352" y="287"/>
                    </a:lnTo>
                    <a:lnTo>
                      <a:pt x="350" y="289"/>
                    </a:lnTo>
                    <a:lnTo>
                      <a:pt x="347" y="293"/>
                    </a:lnTo>
                    <a:lnTo>
                      <a:pt x="345" y="296"/>
                    </a:lnTo>
                    <a:lnTo>
                      <a:pt x="343" y="298"/>
                    </a:lnTo>
                    <a:lnTo>
                      <a:pt x="342" y="299"/>
                    </a:lnTo>
                    <a:lnTo>
                      <a:pt x="342" y="301"/>
                    </a:lnTo>
                    <a:lnTo>
                      <a:pt x="335" y="293"/>
                    </a:lnTo>
                    <a:lnTo>
                      <a:pt x="330" y="298"/>
                    </a:lnTo>
                    <a:lnTo>
                      <a:pt x="333" y="306"/>
                    </a:lnTo>
                    <a:lnTo>
                      <a:pt x="326" y="308"/>
                    </a:lnTo>
                    <a:lnTo>
                      <a:pt x="325" y="308"/>
                    </a:lnTo>
                    <a:lnTo>
                      <a:pt x="323" y="306"/>
                    </a:lnTo>
                    <a:lnTo>
                      <a:pt x="321" y="306"/>
                    </a:lnTo>
                    <a:lnTo>
                      <a:pt x="318" y="306"/>
                    </a:lnTo>
                    <a:lnTo>
                      <a:pt x="318" y="308"/>
                    </a:lnTo>
                    <a:lnTo>
                      <a:pt x="318" y="311"/>
                    </a:lnTo>
                    <a:lnTo>
                      <a:pt x="320" y="316"/>
                    </a:lnTo>
                    <a:lnTo>
                      <a:pt x="320" y="320"/>
                    </a:lnTo>
                    <a:lnTo>
                      <a:pt x="318" y="321"/>
                    </a:lnTo>
                    <a:lnTo>
                      <a:pt x="316" y="323"/>
                    </a:lnTo>
                    <a:lnTo>
                      <a:pt x="313" y="325"/>
                    </a:lnTo>
                    <a:lnTo>
                      <a:pt x="310" y="326"/>
                    </a:lnTo>
                    <a:lnTo>
                      <a:pt x="306" y="326"/>
                    </a:lnTo>
                    <a:lnTo>
                      <a:pt x="304" y="326"/>
                    </a:lnTo>
                    <a:lnTo>
                      <a:pt x="301" y="325"/>
                    </a:lnTo>
                    <a:lnTo>
                      <a:pt x="298" y="321"/>
                    </a:lnTo>
                    <a:lnTo>
                      <a:pt x="299" y="323"/>
                    </a:lnTo>
                    <a:lnTo>
                      <a:pt x="299" y="321"/>
                    </a:lnTo>
                    <a:lnTo>
                      <a:pt x="298" y="321"/>
                    </a:lnTo>
                    <a:lnTo>
                      <a:pt x="298" y="323"/>
                    </a:lnTo>
                    <a:lnTo>
                      <a:pt x="296" y="326"/>
                    </a:lnTo>
                    <a:lnTo>
                      <a:pt x="296" y="330"/>
                    </a:lnTo>
                    <a:lnTo>
                      <a:pt x="296" y="338"/>
                    </a:lnTo>
                    <a:lnTo>
                      <a:pt x="294" y="340"/>
                    </a:lnTo>
                    <a:lnTo>
                      <a:pt x="293" y="345"/>
                    </a:lnTo>
                    <a:lnTo>
                      <a:pt x="289" y="347"/>
                    </a:lnTo>
                    <a:lnTo>
                      <a:pt x="289" y="348"/>
                    </a:lnTo>
                    <a:lnTo>
                      <a:pt x="284" y="357"/>
                    </a:lnTo>
                    <a:lnTo>
                      <a:pt x="277" y="348"/>
                    </a:lnTo>
                    <a:lnTo>
                      <a:pt x="277" y="342"/>
                    </a:lnTo>
                    <a:lnTo>
                      <a:pt x="267" y="337"/>
                    </a:lnTo>
                    <a:lnTo>
                      <a:pt x="267" y="335"/>
                    </a:lnTo>
                    <a:lnTo>
                      <a:pt x="266" y="335"/>
                    </a:lnTo>
                    <a:lnTo>
                      <a:pt x="264" y="335"/>
                    </a:lnTo>
                    <a:lnTo>
                      <a:pt x="262" y="335"/>
                    </a:lnTo>
                    <a:lnTo>
                      <a:pt x="260" y="337"/>
                    </a:lnTo>
                    <a:lnTo>
                      <a:pt x="260" y="338"/>
                    </a:lnTo>
                    <a:lnTo>
                      <a:pt x="260" y="342"/>
                    </a:lnTo>
                    <a:lnTo>
                      <a:pt x="262" y="347"/>
                    </a:lnTo>
                    <a:lnTo>
                      <a:pt x="262" y="348"/>
                    </a:lnTo>
                    <a:lnTo>
                      <a:pt x="260" y="350"/>
                    </a:lnTo>
                    <a:lnTo>
                      <a:pt x="257" y="353"/>
                    </a:lnTo>
                    <a:lnTo>
                      <a:pt x="254" y="355"/>
                    </a:lnTo>
                    <a:lnTo>
                      <a:pt x="249" y="359"/>
                    </a:lnTo>
                    <a:lnTo>
                      <a:pt x="245" y="360"/>
                    </a:lnTo>
                    <a:lnTo>
                      <a:pt x="244" y="362"/>
                    </a:lnTo>
                    <a:lnTo>
                      <a:pt x="242" y="362"/>
                    </a:lnTo>
                    <a:lnTo>
                      <a:pt x="244" y="375"/>
                    </a:lnTo>
                    <a:lnTo>
                      <a:pt x="223" y="375"/>
                    </a:lnTo>
                    <a:lnTo>
                      <a:pt x="230" y="364"/>
                    </a:lnTo>
                    <a:lnTo>
                      <a:pt x="220" y="364"/>
                    </a:lnTo>
                    <a:lnTo>
                      <a:pt x="220" y="362"/>
                    </a:lnTo>
                    <a:lnTo>
                      <a:pt x="220" y="359"/>
                    </a:lnTo>
                    <a:lnTo>
                      <a:pt x="218" y="353"/>
                    </a:lnTo>
                    <a:lnTo>
                      <a:pt x="218" y="350"/>
                    </a:lnTo>
                    <a:lnTo>
                      <a:pt x="216" y="348"/>
                    </a:lnTo>
                    <a:lnTo>
                      <a:pt x="215" y="348"/>
                    </a:lnTo>
                    <a:lnTo>
                      <a:pt x="213" y="353"/>
                    </a:lnTo>
                    <a:lnTo>
                      <a:pt x="210" y="364"/>
                    </a:lnTo>
                    <a:lnTo>
                      <a:pt x="210" y="365"/>
                    </a:lnTo>
                    <a:lnTo>
                      <a:pt x="210" y="367"/>
                    </a:lnTo>
                    <a:lnTo>
                      <a:pt x="210" y="370"/>
                    </a:lnTo>
                    <a:lnTo>
                      <a:pt x="208" y="372"/>
                    </a:lnTo>
                    <a:lnTo>
                      <a:pt x="208" y="375"/>
                    </a:lnTo>
                    <a:lnTo>
                      <a:pt x="208" y="377"/>
                    </a:lnTo>
                    <a:lnTo>
                      <a:pt x="210" y="411"/>
                    </a:lnTo>
                    <a:lnTo>
                      <a:pt x="205" y="421"/>
                    </a:lnTo>
                    <a:lnTo>
                      <a:pt x="198" y="436"/>
                    </a:lnTo>
                    <a:lnTo>
                      <a:pt x="193" y="428"/>
                    </a:lnTo>
                    <a:lnTo>
                      <a:pt x="183" y="431"/>
                    </a:lnTo>
                    <a:lnTo>
                      <a:pt x="179" y="450"/>
                    </a:lnTo>
                    <a:lnTo>
                      <a:pt x="171" y="448"/>
                    </a:lnTo>
                    <a:lnTo>
                      <a:pt x="171" y="450"/>
                    </a:lnTo>
                    <a:lnTo>
                      <a:pt x="171" y="453"/>
                    </a:lnTo>
                    <a:lnTo>
                      <a:pt x="169" y="453"/>
                    </a:lnTo>
                    <a:lnTo>
                      <a:pt x="169" y="455"/>
                    </a:lnTo>
                    <a:lnTo>
                      <a:pt x="167" y="455"/>
                    </a:lnTo>
                    <a:lnTo>
                      <a:pt x="166" y="453"/>
                    </a:lnTo>
                    <a:lnTo>
                      <a:pt x="162" y="448"/>
                    </a:lnTo>
                    <a:lnTo>
                      <a:pt x="162" y="447"/>
                    </a:lnTo>
                    <a:lnTo>
                      <a:pt x="161" y="447"/>
                    </a:lnTo>
                    <a:lnTo>
                      <a:pt x="161" y="445"/>
                    </a:lnTo>
                    <a:lnTo>
                      <a:pt x="159" y="445"/>
                    </a:lnTo>
                    <a:lnTo>
                      <a:pt x="157" y="447"/>
                    </a:lnTo>
                    <a:lnTo>
                      <a:pt x="156" y="448"/>
                    </a:lnTo>
                    <a:lnTo>
                      <a:pt x="156" y="453"/>
                    </a:lnTo>
                    <a:lnTo>
                      <a:pt x="154" y="462"/>
                    </a:lnTo>
                    <a:lnTo>
                      <a:pt x="156" y="463"/>
                    </a:lnTo>
                    <a:lnTo>
                      <a:pt x="156" y="467"/>
                    </a:lnTo>
                    <a:lnTo>
                      <a:pt x="156" y="472"/>
                    </a:lnTo>
                    <a:lnTo>
                      <a:pt x="157" y="475"/>
                    </a:lnTo>
                    <a:lnTo>
                      <a:pt x="156" y="477"/>
                    </a:lnTo>
                    <a:lnTo>
                      <a:pt x="154" y="475"/>
                    </a:lnTo>
                    <a:lnTo>
                      <a:pt x="152" y="469"/>
                    </a:lnTo>
                    <a:lnTo>
                      <a:pt x="147" y="457"/>
                    </a:lnTo>
                    <a:lnTo>
                      <a:pt x="144" y="460"/>
                    </a:lnTo>
                    <a:lnTo>
                      <a:pt x="140" y="462"/>
                    </a:lnTo>
                    <a:lnTo>
                      <a:pt x="137" y="465"/>
                    </a:lnTo>
                    <a:lnTo>
                      <a:pt x="132" y="469"/>
                    </a:lnTo>
                    <a:lnTo>
                      <a:pt x="128" y="472"/>
                    </a:lnTo>
                    <a:lnTo>
                      <a:pt x="127" y="475"/>
                    </a:lnTo>
                    <a:lnTo>
                      <a:pt x="125" y="475"/>
                    </a:lnTo>
                    <a:lnTo>
                      <a:pt x="122" y="497"/>
                    </a:lnTo>
                    <a:lnTo>
                      <a:pt x="127" y="499"/>
                    </a:lnTo>
                    <a:lnTo>
                      <a:pt x="127" y="506"/>
                    </a:lnTo>
                    <a:lnTo>
                      <a:pt x="123" y="506"/>
                    </a:lnTo>
                    <a:lnTo>
                      <a:pt x="122" y="506"/>
                    </a:lnTo>
                    <a:lnTo>
                      <a:pt x="118" y="507"/>
                    </a:lnTo>
                    <a:lnTo>
                      <a:pt x="117" y="511"/>
                    </a:lnTo>
                    <a:lnTo>
                      <a:pt x="115" y="514"/>
                    </a:lnTo>
                    <a:lnTo>
                      <a:pt x="117" y="519"/>
                    </a:lnTo>
                    <a:lnTo>
                      <a:pt x="120" y="528"/>
                    </a:lnTo>
                    <a:lnTo>
                      <a:pt x="118" y="529"/>
                    </a:lnTo>
                    <a:lnTo>
                      <a:pt x="117" y="533"/>
                    </a:lnTo>
                    <a:lnTo>
                      <a:pt x="113" y="536"/>
                    </a:lnTo>
                    <a:lnTo>
                      <a:pt x="110" y="538"/>
                    </a:lnTo>
                    <a:lnTo>
                      <a:pt x="108" y="541"/>
                    </a:lnTo>
                    <a:lnTo>
                      <a:pt x="106" y="541"/>
                    </a:lnTo>
                    <a:lnTo>
                      <a:pt x="106" y="543"/>
                    </a:lnTo>
                    <a:lnTo>
                      <a:pt x="106" y="565"/>
                    </a:lnTo>
                    <a:lnTo>
                      <a:pt x="98" y="57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517" name="Freeform 65"/>
              <p:cNvSpPr>
                <a:spLocks/>
              </p:cNvSpPr>
              <p:nvPr/>
            </p:nvSpPr>
            <p:spPr bwMode="auto">
              <a:xfrm>
                <a:off x="5343" y="1465"/>
                <a:ext cx="17" cy="23"/>
              </a:xfrm>
              <a:custGeom>
                <a:avLst/>
                <a:gdLst>
                  <a:gd name="T0" fmla="*/ 9 w 17"/>
                  <a:gd name="T1" fmla="*/ 0 h 23"/>
                  <a:gd name="T2" fmla="*/ 17 w 17"/>
                  <a:gd name="T3" fmla="*/ 7 h 23"/>
                  <a:gd name="T4" fmla="*/ 14 w 17"/>
                  <a:gd name="T5" fmla="*/ 15 h 23"/>
                  <a:gd name="T6" fmla="*/ 10 w 17"/>
                  <a:gd name="T7" fmla="*/ 17 h 23"/>
                  <a:gd name="T8" fmla="*/ 10 w 17"/>
                  <a:gd name="T9" fmla="*/ 17 h 23"/>
                  <a:gd name="T10" fmla="*/ 12 w 17"/>
                  <a:gd name="T11" fmla="*/ 18 h 23"/>
                  <a:gd name="T12" fmla="*/ 12 w 17"/>
                  <a:gd name="T13" fmla="*/ 20 h 23"/>
                  <a:gd name="T14" fmla="*/ 12 w 17"/>
                  <a:gd name="T15" fmla="*/ 23 h 23"/>
                  <a:gd name="T16" fmla="*/ 10 w 17"/>
                  <a:gd name="T17" fmla="*/ 23 h 23"/>
                  <a:gd name="T18" fmla="*/ 9 w 17"/>
                  <a:gd name="T19" fmla="*/ 23 h 23"/>
                  <a:gd name="T20" fmla="*/ 5 w 17"/>
                  <a:gd name="T21" fmla="*/ 22 h 23"/>
                  <a:gd name="T22" fmla="*/ 0 w 17"/>
                  <a:gd name="T23" fmla="*/ 18 h 23"/>
                  <a:gd name="T24" fmla="*/ 0 w 17"/>
                  <a:gd name="T25" fmla="*/ 17 h 23"/>
                  <a:gd name="T26" fmla="*/ 0 w 17"/>
                  <a:gd name="T27" fmla="*/ 12 h 23"/>
                  <a:gd name="T28" fmla="*/ 0 w 17"/>
                  <a:gd name="T29" fmla="*/ 10 h 23"/>
                  <a:gd name="T30" fmla="*/ 2 w 17"/>
                  <a:gd name="T31" fmla="*/ 8 h 23"/>
                  <a:gd name="T32" fmla="*/ 9 w 17"/>
                  <a:gd name="T33" fmla="*/ 0 h 23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7"/>
                  <a:gd name="T52" fmla="*/ 0 h 23"/>
                  <a:gd name="T53" fmla="*/ 17 w 17"/>
                  <a:gd name="T54" fmla="*/ 23 h 23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7" h="23">
                    <a:moveTo>
                      <a:pt x="9" y="0"/>
                    </a:moveTo>
                    <a:lnTo>
                      <a:pt x="17" y="7"/>
                    </a:lnTo>
                    <a:lnTo>
                      <a:pt x="14" y="15"/>
                    </a:lnTo>
                    <a:lnTo>
                      <a:pt x="10" y="17"/>
                    </a:lnTo>
                    <a:lnTo>
                      <a:pt x="12" y="18"/>
                    </a:lnTo>
                    <a:lnTo>
                      <a:pt x="12" y="20"/>
                    </a:lnTo>
                    <a:lnTo>
                      <a:pt x="12" y="23"/>
                    </a:lnTo>
                    <a:lnTo>
                      <a:pt x="10" y="23"/>
                    </a:lnTo>
                    <a:lnTo>
                      <a:pt x="9" y="23"/>
                    </a:lnTo>
                    <a:lnTo>
                      <a:pt x="5" y="22"/>
                    </a:lnTo>
                    <a:lnTo>
                      <a:pt x="0" y="18"/>
                    </a:lnTo>
                    <a:lnTo>
                      <a:pt x="0" y="17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2" y="8"/>
                    </a:lnTo>
                    <a:lnTo>
                      <a:pt x="9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391" name="Group 66"/>
            <p:cNvGrpSpPr>
              <a:grpSpLocks/>
            </p:cNvGrpSpPr>
            <p:nvPr/>
          </p:nvGrpSpPr>
          <p:grpSpPr bwMode="auto">
            <a:xfrm>
              <a:off x="4607" y="1852"/>
              <a:ext cx="126" cy="291"/>
              <a:chOff x="4856" y="1462"/>
              <a:chExt cx="130" cy="300"/>
            </a:xfrm>
          </p:grpSpPr>
          <p:sp>
            <p:nvSpPr>
              <p:cNvPr id="514" name="Freeform 67"/>
              <p:cNvSpPr>
                <a:spLocks/>
              </p:cNvSpPr>
              <p:nvPr/>
            </p:nvSpPr>
            <p:spPr bwMode="auto">
              <a:xfrm>
                <a:off x="4856" y="1462"/>
                <a:ext cx="130" cy="300"/>
              </a:xfrm>
              <a:custGeom>
                <a:avLst/>
                <a:gdLst>
                  <a:gd name="T0" fmla="*/ 12 w 130"/>
                  <a:gd name="T1" fmla="*/ 202 h 300"/>
                  <a:gd name="T2" fmla="*/ 23 w 130"/>
                  <a:gd name="T3" fmla="*/ 192 h 300"/>
                  <a:gd name="T4" fmla="*/ 32 w 130"/>
                  <a:gd name="T5" fmla="*/ 186 h 300"/>
                  <a:gd name="T6" fmla="*/ 39 w 130"/>
                  <a:gd name="T7" fmla="*/ 171 h 300"/>
                  <a:gd name="T8" fmla="*/ 49 w 130"/>
                  <a:gd name="T9" fmla="*/ 159 h 300"/>
                  <a:gd name="T10" fmla="*/ 57 w 130"/>
                  <a:gd name="T11" fmla="*/ 154 h 300"/>
                  <a:gd name="T12" fmla="*/ 59 w 130"/>
                  <a:gd name="T13" fmla="*/ 146 h 300"/>
                  <a:gd name="T14" fmla="*/ 56 w 130"/>
                  <a:gd name="T15" fmla="*/ 141 h 300"/>
                  <a:gd name="T16" fmla="*/ 49 w 130"/>
                  <a:gd name="T17" fmla="*/ 137 h 300"/>
                  <a:gd name="T18" fmla="*/ 32 w 130"/>
                  <a:gd name="T19" fmla="*/ 122 h 300"/>
                  <a:gd name="T20" fmla="*/ 20 w 130"/>
                  <a:gd name="T21" fmla="*/ 112 h 300"/>
                  <a:gd name="T22" fmla="*/ 3 w 130"/>
                  <a:gd name="T23" fmla="*/ 93 h 300"/>
                  <a:gd name="T24" fmla="*/ 6 w 130"/>
                  <a:gd name="T25" fmla="*/ 76 h 300"/>
                  <a:gd name="T26" fmla="*/ 0 w 130"/>
                  <a:gd name="T27" fmla="*/ 56 h 300"/>
                  <a:gd name="T28" fmla="*/ 28 w 130"/>
                  <a:gd name="T29" fmla="*/ 0 h 300"/>
                  <a:gd name="T30" fmla="*/ 113 w 130"/>
                  <a:gd name="T31" fmla="*/ 60 h 300"/>
                  <a:gd name="T32" fmla="*/ 106 w 130"/>
                  <a:gd name="T33" fmla="*/ 76 h 300"/>
                  <a:gd name="T34" fmla="*/ 106 w 130"/>
                  <a:gd name="T35" fmla="*/ 87 h 300"/>
                  <a:gd name="T36" fmla="*/ 96 w 130"/>
                  <a:gd name="T37" fmla="*/ 95 h 300"/>
                  <a:gd name="T38" fmla="*/ 113 w 130"/>
                  <a:gd name="T39" fmla="*/ 102 h 300"/>
                  <a:gd name="T40" fmla="*/ 118 w 130"/>
                  <a:gd name="T41" fmla="*/ 100 h 300"/>
                  <a:gd name="T42" fmla="*/ 120 w 130"/>
                  <a:gd name="T43" fmla="*/ 97 h 300"/>
                  <a:gd name="T44" fmla="*/ 122 w 130"/>
                  <a:gd name="T45" fmla="*/ 95 h 300"/>
                  <a:gd name="T46" fmla="*/ 125 w 130"/>
                  <a:gd name="T47" fmla="*/ 98 h 300"/>
                  <a:gd name="T48" fmla="*/ 127 w 130"/>
                  <a:gd name="T49" fmla="*/ 107 h 300"/>
                  <a:gd name="T50" fmla="*/ 127 w 130"/>
                  <a:gd name="T51" fmla="*/ 127 h 300"/>
                  <a:gd name="T52" fmla="*/ 127 w 130"/>
                  <a:gd name="T53" fmla="*/ 141 h 300"/>
                  <a:gd name="T54" fmla="*/ 127 w 130"/>
                  <a:gd name="T55" fmla="*/ 146 h 300"/>
                  <a:gd name="T56" fmla="*/ 127 w 130"/>
                  <a:gd name="T57" fmla="*/ 151 h 300"/>
                  <a:gd name="T58" fmla="*/ 130 w 130"/>
                  <a:gd name="T59" fmla="*/ 161 h 300"/>
                  <a:gd name="T60" fmla="*/ 130 w 130"/>
                  <a:gd name="T61" fmla="*/ 173 h 300"/>
                  <a:gd name="T62" fmla="*/ 130 w 130"/>
                  <a:gd name="T63" fmla="*/ 183 h 300"/>
                  <a:gd name="T64" fmla="*/ 128 w 130"/>
                  <a:gd name="T65" fmla="*/ 181 h 300"/>
                  <a:gd name="T66" fmla="*/ 125 w 130"/>
                  <a:gd name="T67" fmla="*/ 163 h 300"/>
                  <a:gd name="T68" fmla="*/ 122 w 130"/>
                  <a:gd name="T69" fmla="*/ 151 h 300"/>
                  <a:gd name="T70" fmla="*/ 118 w 130"/>
                  <a:gd name="T71" fmla="*/ 151 h 300"/>
                  <a:gd name="T72" fmla="*/ 122 w 130"/>
                  <a:gd name="T73" fmla="*/ 168 h 300"/>
                  <a:gd name="T74" fmla="*/ 122 w 130"/>
                  <a:gd name="T75" fmla="*/ 175 h 300"/>
                  <a:gd name="T76" fmla="*/ 122 w 130"/>
                  <a:gd name="T77" fmla="*/ 186 h 300"/>
                  <a:gd name="T78" fmla="*/ 122 w 130"/>
                  <a:gd name="T79" fmla="*/ 190 h 300"/>
                  <a:gd name="T80" fmla="*/ 122 w 130"/>
                  <a:gd name="T81" fmla="*/ 193 h 300"/>
                  <a:gd name="T82" fmla="*/ 118 w 130"/>
                  <a:gd name="T83" fmla="*/ 202 h 300"/>
                  <a:gd name="T84" fmla="*/ 115 w 130"/>
                  <a:gd name="T85" fmla="*/ 208 h 300"/>
                  <a:gd name="T86" fmla="*/ 110 w 130"/>
                  <a:gd name="T87" fmla="*/ 219 h 300"/>
                  <a:gd name="T88" fmla="*/ 108 w 130"/>
                  <a:gd name="T89" fmla="*/ 230 h 300"/>
                  <a:gd name="T90" fmla="*/ 103 w 130"/>
                  <a:gd name="T91" fmla="*/ 239 h 300"/>
                  <a:gd name="T92" fmla="*/ 94 w 130"/>
                  <a:gd name="T93" fmla="*/ 249 h 300"/>
                  <a:gd name="T94" fmla="*/ 96 w 130"/>
                  <a:gd name="T95" fmla="*/ 256 h 300"/>
                  <a:gd name="T96" fmla="*/ 86 w 130"/>
                  <a:gd name="T97" fmla="*/ 290 h 300"/>
                  <a:gd name="T98" fmla="*/ 76 w 130"/>
                  <a:gd name="T99" fmla="*/ 300 h 300"/>
                  <a:gd name="T100" fmla="*/ 71 w 130"/>
                  <a:gd name="T101" fmla="*/ 295 h 300"/>
                  <a:gd name="T102" fmla="*/ 72 w 130"/>
                  <a:gd name="T103" fmla="*/ 285 h 300"/>
                  <a:gd name="T104" fmla="*/ 74 w 130"/>
                  <a:gd name="T105" fmla="*/ 276 h 300"/>
                  <a:gd name="T106" fmla="*/ 64 w 130"/>
                  <a:gd name="T107" fmla="*/ 271 h 300"/>
                  <a:gd name="T108" fmla="*/ 49 w 130"/>
                  <a:gd name="T109" fmla="*/ 278 h 300"/>
                  <a:gd name="T110" fmla="*/ 44 w 130"/>
                  <a:gd name="T111" fmla="*/ 271 h 300"/>
                  <a:gd name="T112" fmla="*/ 34 w 130"/>
                  <a:gd name="T113" fmla="*/ 266 h 300"/>
                  <a:gd name="T114" fmla="*/ 23 w 130"/>
                  <a:gd name="T115" fmla="*/ 261 h 300"/>
                  <a:gd name="T116" fmla="*/ 6 w 130"/>
                  <a:gd name="T117" fmla="*/ 247 h 300"/>
                  <a:gd name="T118" fmla="*/ 3 w 130"/>
                  <a:gd name="T119" fmla="*/ 237 h 300"/>
                  <a:gd name="T120" fmla="*/ 1 w 130"/>
                  <a:gd name="T121" fmla="*/ 227 h 300"/>
                  <a:gd name="T122" fmla="*/ 3 w 130"/>
                  <a:gd name="T123" fmla="*/ 219 h 300"/>
                  <a:gd name="T124" fmla="*/ 13 w 130"/>
                  <a:gd name="T125" fmla="*/ 205 h 300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  <a:gd name="T189" fmla="*/ 0 w 130"/>
                  <a:gd name="T190" fmla="*/ 0 h 300"/>
                  <a:gd name="T191" fmla="*/ 130 w 130"/>
                  <a:gd name="T192" fmla="*/ 300 h 300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T189" t="T190" r="T191" b="T192"/>
                <a:pathLst>
                  <a:path w="130" h="300">
                    <a:moveTo>
                      <a:pt x="8" y="205"/>
                    </a:moveTo>
                    <a:lnTo>
                      <a:pt x="8" y="203"/>
                    </a:lnTo>
                    <a:lnTo>
                      <a:pt x="12" y="202"/>
                    </a:lnTo>
                    <a:lnTo>
                      <a:pt x="15" y="198"/>
                    </a:lnTo>
                    <a:lnTo>
                      <a:pt x="20" y="195"/>
                    </a:lnTo>
                    <a:lnTo>
                      <a:pt x="23" y="192"/>
                    </a:lnTo>
                    <a:lnTo>
                      <a:pt x="28" y="190"/>
                    </a:lnTo>
                    <a:lnTo>
                      <a:pt x="30" y="186"/>
                    </a:lnTo>
                    <a:lnTo>
                      <a:pt x="32" y="186"/>
                    </a:lnTo>
                    <a:lnTo>
                      <a:pt x="32" y="181"/>
                    </a:lnTo>
                    <a:lnTo>
                      <a:pt x="35" y="176"/>
                    </a:lnTo>
                    <a:lnTo>
                      <a:pt x="39" y="171"/>
                    </a:lnTo>
                    <a:lnTo>
                      <a:pt x="42" y="166"/>
                    </a:lnTo>
                    <a:lnTo>
                      <a:pt x="45" y="163"/>
                    </a:lnTo>
                    <a:lnTo>
                      <a:pt x="49" y="159"/>
                    </a:lnTo>
                    <a:lnTo>
                      <a:pt x="52" y="158"/>
                    </a:lnTo>
                    <a:lnTo>
                      <a:pt x="54" y="156"/>
                    </a:lnTo>
                    <a:lnTo>
                      <a:pt x="57" y="154"/>
                    </a:lnTo>
                    <a:lnTo>
                      <a:pt x="59" y="151"/>
                    </a:lnTo>
                    <a:lnTo>
                      <a:pt x="59" y="149"/>
                    </a:lnTo>
                    <a:lnTo>
                      <a:pt x="59" y="146"/>
                    </a:lnTo>
                    <a:lnTo>
                      <a:pt x="57" y="144"/>
                    </a:lnTo>
                    <a:lnTo>
                      <a:pt x="56" y="142"/>
                    </a:lnTo>
                    <a:lnTo>
                      <a:pt x="56" y="141"/>
                    </a:lnTo>
                    <a:lnTo>
                      <a:pt x="54" y="141"/>
                    </a:lnTo>
                    <a:lnTo>
                      <a:pt x="52" y="139"/>
                    </a:lnTo>
                    <a:lnTo>
                      <a:pt x="49" y="137"/>
                    </a:lnTo>
                    <a:lnTo>
                      <a:pt x="44" y="132"/>
                    </a:lnTo>
                    <a:lnTo>
                      <a:pt x="39" y="127"/>
                    </a:lnTo>
                    <a:lnTo>
                      <a:pt x="32" y="122"/>
                    </a:lnTo>
                    <a:lnTo>
                      <a:pt x="27" y="117"/>
                    </a:lnTo>
                    <a:lnTo>
                      <a:pt x="22" y="114"/>
                    </a:lnTo>
                    <a:lnTo>
                      <a:pt x="20" y="112"/>
                    </a:lnTo>
                    <a:lnTo>
                      <a:pt x="10" y="107"/>
                    </a:lnTo>
                    <a:lnTo>
                      <a:pt x="5" y="100"/>
                    </a:lnTo>
                    <a:lnTo>
                      <a:pt x="3" y="93"/>
                    </a:lnTo>
                    <a:lnTo>
                      <a:pt x="3" y="87"/>
                    </a:lnTo>
                    <a:lnTo>
                      <a:pt x="5" y="82"/>
                    </a:lnTo>
                    <a:lnTo>
                      <a:pt x="6" y="76"/>
                    </a:lnTo>
                    <a:lnTo>
                      <a:pt x="8" y="73"/>
                    </a:lnTo>
                    <a:lnTo>
                      <a:pt x="10" y="73"/>
                    </a:lnTo>
                    <a:lnTo>
                      <a:pt x="0" y="56"/>
                    </a:lnTo>
                    <a:lnTo>
                      <a:pt x="17" y="31"/>
                    </a:lnTo>
                    <a:lnTo>
                      <a:pt x="23" y="9"/>
                    </a:lnTo>
                    <a:lnTo>
                      <a:pt x="28" y="0"/>
                    </a:lnTo>
                    <a:lnTo>
                      <a:pt x="113" y="27"/>
                    </a:lnTo>
                    <a:lnTo>
                      <a:pt x="115" y="60"/>
                    </a:lnTo>
                    <a:lnTo>
                      <a:pt x="113" y="60"/>
                    </a:lnTo>
                    <a:lnTo>
                      <a:pt x="105" y="75"/>
                    </a:lnTo>
                    <a:lnTo>
                      <a:pt x="105" y="76"/>
                    </a:lnTo>
                    <a:lnTo>
                      <a:pt x="106" y="76"/>
                    </a:lnTo>
                    <a:lnTo>
                      <a:pt x="106" y="80"/>
                    </a:lnTo>
                    <a:lnTo>
                      <a:pt x="106" y="83"/>
                    </a:lnTo>
                    <a:lnTo>
                      <a:pt x="106" y="87"/>
                    </a:lnTo>
                    <a:lnTo>
                      <a:pt x="105" y="90"/>
                    </a:lnTo>
                    <a:lnTo>
                      <a:pt x="101" y="93"/>
                    </a:lnTo>
                    <a:lnTo>
                      <a:pt x="96" y="95"/>
                    </a:lnTo>
                    <a:lnTo>
                      <a:pt x="94" y="100"/>
                    </a:lnTo>
                    <a:lnTo>
                      <a:pt x="113" y="100"/>
                    </a:lnTo>
                    <a:lnTo>
                      <a:pt x="113" y="102"/>
                    </a:lnTo>
                    <a:lnTo>
                      <a:pt x="116" y="104"/>
                    </a:lnTo>
                    <a:lnTo>
                      <a:pt x="118" y="104"/>
                    </a:lnTo>
                    <a:lnTo>
                      <a:pt x="118" y="100"/>
                    </a:lnTo>
                    <a:lnTo>
                      <a:pt x="118" y="98"/>
                    </a:lnTo>
                    <a:lnTo>
                      <a:pt x="120" y="97"/>
                    </a:lnTo>
                    <a:lnTo>
                      <a:pt x="122" y="95"/>
                    </a:lnTo>
                    <a:lnTo>
                      <a:pt x="123" y="95"/>
                    </a:lnTo>
                    <a:lnTo>
                      <a:pt x="123" y="97"/>
                    </a:lnTo>
                    <a:lnTo>
                      <a:pt x="125" y="98"/>
                    </a:lnTo>
                    <a:lnTo>
                      <a:pt x="125" y="100"/>
                    </a:lnTo>
                    <a:lnTo>
                      <a:pt x="125" y="104"/>
                    </a:lnTo>
                    <a:lnTo>
                      <a:pt x="127" y="107"/>
                    </a:lnTo>
                    <a:lnTo>
                      <a:pt x="127" y="112"/>
                    </a:lnTo>
                    <a:lnTo>
                      <a:pt x="127" y="119"/>
                    </a:lnTo>
                    <a:lnTo>
                      <a:pt x="127" y="127"/>
                    </a:lnTo>
                    <a:lnTo>
                      <a:pt x="125" y="137"/>
                    </a:lnTo>
                    <a:lnTo>
                      <a:pt x="125" y="139"/>
                    </a:lnTo>
                    <a:lnTo>
                      <a:pt x="127" y="141"/>
                    </a:lnTo>
                    <a:lnTo>
                      <a:pt x="127" y="142"/>
                    </a:lnTo>
                    <a:lnTo>
                      <a:pt x="127" y="144"/>
                    </a:lnTo>
                    <a:lnTo>
                      <a:pt x="127" y="146"/>
                    </a:lnTo>
                    <a:lnTo>
                      <a:pt x="127" y="148"/>
                    </a:lnTo>
                    <a:lnTo>
                      <a:pt x="127" y="149"/>
                    </a:lnTo>
                    <a:lnTo>
                      <a:pt x="127" y="151"/>
                    </a:lnTo>
                    <a:lnTo>
                      <a:pt x="128" y="153"/>
                    </a:lnTo>
                    <a:lnTo>
                      <a:pt x="128" y="156"/>
                    </a:lnTo>
                    <a:lnTo>
                      <a:pt x="130" y="161"/>
                    </a:lnTo>
                    <a:lnTo>
                      <a:pt x="130" y="164"/>
                    </a:lnTo>
                    <a:lnTo>
                      <a:pt x="130" y="170"/>
                    </a:lnTo>
                    <a:lnTo>
                      <a:pt x="130" y="173"/>
                    </a:lnTo>
                    <a:lnTo>
                      <a:pt x="130" y="178"/>
                    </a:lnTo>
                    <a:lnTo>
                      <a:pt x="130" y="180"/>
                    </a:lnTo>
                    <a:lnTo>
                      <a:pt x="130" y="183"/>
                    </a:lnTo>
                    <a:lnTo>
                      <a:pt x="128" y="181"/>
                    </a:lnTo>
                    <a:lnTo>
                      <a:pt x="127" y="178"/>
                    </a:lnTo>
                    <a:lnTo>
                      <a:pt x="127" y="171"/>
                    </a:lnTo>
                    <a:lnTo>
                      <a:pt x="125" y="163"/>
                    </a:lnTo>
                    <a:lnTo>
                      <a:pt x="123" y="153"/>
                    </a:lnTo>
                    <a:lnTo>
                      <a:pt x="123" y="151"/>
                    </a:lnTo>
                    <a:lnTo>
                      <a:pt x="122" y="151"/>
                    </a:lnTo>
                    <a:lnTo>
                      <a:pt x="120" y="149"/>
                    </a:lnTo>
                    <a:lnTo>
                      <a:pt x="118" y="151"/>
                    </a:lnTo>
                    <a:lnTo>
                      <a:pt x="118" y="154"/>
                    </a:lnTo>
                    <a:lnTo>
                      <a:pt x="120" y="159"/>
                    </a:lnTo>
                    <a:lnTo>
                      <a:pt x="122" y="168"/>
                    </a:lnTo>
                    <a:lnTo>
                      <a:pt x="122" y="170"/>
                    </a:lnTo>
                    <a:lnTo>
                      <a:pt x="122" y="171"/>
                    </a:lnTo>
                    <a:lnTo>
                      <a:pt x="122" y="175"/>
                    </a:lnTo>
                    <a:lnTo>
                      <a:pt x="122" y="178"/>
                    </a:lnTo>
                    <a:lnTo>
                      <a:pt x="122" y="183"/>
                    </a:lnTo>
                    <a:lnTo>
                      <a:pt x="122" y="186"/>
                    </a:lnTo>
                    <a:lnTo>
                      <a:pt x="122" y="188"/>
                    </a:lnTo>
                    <a:lnTo>
                      <a:pt x="122" y="190"/>
                    </a:lnTo>
                    <a:lnTo>
                      <a:pt x="122" y="192"/>
                    </a:lnTo>
                    <a:lnTo>
                      <a:pt x="122" y="193"/>
                    </a:lnTo>
                    <a:lnTo>
                      <a:pt x="122" y="197"/>
                    </a:lnTo>
                    <a:lnTo>
                      <a:pt x="122" y="198"/>
                    </a:lnTo>
                    <a:lnTo>
                      <a:pt x="118" y="202"/>
                    </a:lnTo>
                    <a:lnTo>
                      <a:pt x="116" y="205"/>
                    </a:lnTo>
                    <a:lnTo>
                      <a:pt x="116" y="207"/>
                    </a:lnTo>
                    <a:lnTo>
                      <a:pt x="115" y="208"/>
                    </a:lnTo>
                    <a:lnTo>
                      <a:pt x="115" y="212"/>
                    </a:lnTo>
                    <a:lnTo>
                      <a:pt x="115" y="214"/>
                    </a:lnTo>
                    <a:lnTo>
                      <a:pt x="110" y="219"/>
                    </a:lnTo>
                    <a:lnTo>
                      <a:pt x="108" y="227"/>
                    </a:lnTo>
                    <a:lnTo>
                      <a:pt x="108" y="229"/>
                    </a:lnTo>
                    <a:lnTo>
                      <a:pt x="108" y="230"/>
                    </a:lnTo>
                    <a:lnTo>
                      <a:pt x="106" y="232"/>
                    </a:lnTo>
                    <a:lnTo>
                      <a:pt x="105" y="236"/>
                    </a:lnTo>
                    <a:lnTo>
                      <a:pt x="103" y="239"/>
                    </a:lnTo>
                    <a:lnTo>
                      <a:pt x="100" y="244"/>
                    </a:lnTo>
                    <a:lnTo>
                      <a:pt x="98" y="247"/>
                    </a:lnTo>
                    <a:lnTo>
                      <a:pt x="94" y="249"/>
                    </a:lnTo>
                    <a:lnTo>
                      <a:pt x="94" y="251"/>
                    </a:lnTo>
                    <a:lnTo>
                      <a:pt x="96" y="254"/>
                    </a:lnTo>
                    <a:lnTo>
                      <a:pt x="96" y="256"/>
                    </a:lnTo>
                    <a:lnTo>
                      <a:pt x="96" y="258"/>
                    </a:lnTo>
                    <a:lnTo>
                      <a:pt x="89" y="281"/>
                    </a:lnTo>
                    <a:lnTo>
                      <a:pt x="86" y="290"/>
                    </a:lnTo>
                    <a:lnTo>
                      <a:pt x="83" y="296"/>
                    </a:lnTo>
                    <a:lnTo>
                      <a:pt x="79" y="300"/>
                    </a:lnTo>
                    <a:lnTo>
                      <a:pt x="76" y="300"/>
                    </a:lnTo>
                    <a:lnTo>
                      <a:pt x="74" y="300"/>
                    </a:lnTo>
                    <a:lnTo>
                      <a:pt x="72" y="296"/>
                    </a:lnTo>
                    <a:lnTo>
                      <a:pt x="71" y="295"/>
                    </a:lnTo>
                    <a:lnTo>
                      <a:pt x="71" y="290"/>
                    </a:lnTo>
                    <a:lnTo>
                      <a:pt x="72" y="286"/>
                    </a:lnTo>
                    <a:lnTo>
                      <a:pt x="72" y="285"/>
                    </a:lnTo>
                    <a:lnTo>
                      <a:pt x="74" y="283"/>
                    </a:lnTo>
                    <a:lnTo>
                      <a:pt x="74" y="280"/>
                    </a:lnTo>
                    <a:lnTo>
                      <a:pt x="74" y="276"/>
                    </a:lnTo>
                    <a:lnTo>
                      <a:pt x="72" y="273"/>
                    </a:lnTo>
                    <a:lnTo>
                      <a:pt x="69" y="271"/>
                    </a:lnTo>
                    <a:lnTo>
                      <a:pt x="64" y="271"/>
                    </a:lnTo>
                    <a:lnTo>
                      <a:pt x="56" y="273"/>
                    </a:lnTo>
                    <a:lnTo>
                      <a:pt x="49" y="278"/>
                    </a:lnTo>
                    <a:lnTo>
                      <a:pt x="49" y="276"/>
                    </a:lnTo>
                    <a:lnTo>
                      <a:pt x="47" y="274"/>
                    </a:lnTo>
                    <a:lnTo>
                      <a:pt x="44" y="271"/>
                    </a:lnTo>
                    <a:lnTo>
                      <a:pt x="42" y="269"/>
                    </a:lnTo>
                    <a:lnTo>
                      <a:pt x="39" y="266"/>
                    </a:lnTo>
                    <a:lnTo>
                      <a:pt x="34" y="266"/>
                    </a:lnTo>
                    <a:lnTo>
                      <a:pt x="28" y="264"/>
                    </a:lnTo>
                    <a:lnTo>
                      <a:pt x="27" y="263"/>
                    </a:lnTo>
                    <a:lnTo>
                      <a:pt x="23" y="261"/>
                    </a:lnTo>
                    <a:lnTo>
                      <a:pt x="20" y="258"/>
                    </a:lnTo>
                    <a:lnTo>
                      <a:pt x="18" y="256"/>
                    </a:lnTo>
                    <a:lnTo>
                      <a:pt x="6" y="247"/>
                    </a:lnTo>
                    <a:lnTo>
                      <a:pt x="6" y="239"/>
                    </a:lnTo>
                    <a:lnTo>
                      <a:pt x="3" y="237"/>
                    </a:lnTo>
                    <a:lnTo>
                      <a:pt x="1" y="234"/>
                    </a:lnTo>
                    <a:lnTo>
                      <a:pt x="1" y="230"/>
                    </a:lnTo>
                    <a:lnTo>
                      <a:pt x="1" y="227"/>
                    </a:lnTo>
                    <a:lnTo>
                      <a:pt x="1" y="224"/>
                    </a:lnTo>
                    <a:lnTo>
                      <a:pt x="1" y="220"/>
                    </a:lnTo>
                    <a:lnTo>
                      <a:pt x="3" y="219"/>
                    </a:lnTo>
                    <a:lnTo>
                      <a:pt x="5" y="217"/>
                    </a:lnTo>
                    <a:lnTo>
                      <a:pt x="12" y="208"/>
                    </a:lnTo>
                    <a:lnTo>
                      <a:pt x="13" y="205"/>
                    </a:lnTo>
                    <a:lnTo>
                      <a:pt x="8" y="20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515" name="Freeform 68"/>
              <p:cNvSpPr>
                <a:spLocks/>
              </p:cNvSpPr>
              <p:nvPr/>
            </p:nvSpPr>
            <p:spPr bwMode="auto">
              <a:xfrm>
                <a:off x="4856" y="1462"/>
                <a:ext cx="130" cy="300"/>
              </a:xfrm>
              <a:custGeom>
                <a:avLst/>
                <a:gdLst>
                  <a:gd name="T0" fmla="*/ 12 w 130"/>
                  <a:gd name="T1" fmla="*/ 202 h 300"/>
                  <a:gd name="T2" fmla="*/ 28 w 130"/>
                  <a:gd name="T3" fmla="*/ 190 h 300"/>
                  <a:gd name="T4" fmla="*/ 32 w 130"/>
                  <a:gd name="T5" fmla="*/ 181 h 300"/>
                  <a:gd name="T6" fmla="*/ 45 w 130"/>
                  <a:gd name="T7" fmla="*/ 163 h 300"/>
                  <a:gd name="T8" fmla="*/ 54 w 130"/>
                  <a:gd name="T9" fmla="*/ 156 h 300"/>
                  <a:gd name="T10" fmla="*/ 59 w 130"/>
                  <a:gd name="T11" fmla="*/ 146 h 300"/>
                  <a:gd name="T12" fmla="*/ 54 w 130"/>
                  <a:gd name="T13" fmla="*/ 141 h 300"/>
                  <a:gd name="T14" fmla="*/ 44 w 130"/>
                  <a:gd name="T15" fmla="*/ 132 h 300"/>
                  <a:gd name="T16" fmla="*/ 22 w 130"/>
                  <a:gd name="T17" fmla="*/ 114 h 300"/>
                  <a:gd name="T18" fmla="*/ 5 w 130"/>
                  <a:gd name="T19" fmla="*/ 100 h 300"/>
                  <a:gd name="T20" fmla="*/ 6 w 130"/>
                  <a:gd name="T21" fmla="*/ 76 h 300"/>
                  <a:gd name="T22" fmla="*/ 17 w 130"/>
                  <a:gd name="T23" fmla="*/ 31 h 300"/>
                  <a:gd name="T24" fmla="*/ 115 w 130"/>
                  <a:gd name="T25" fmla="*/ 60 h 300"/>
                  <a:gd name="T26" fmla="*/ 105 w 130"/>
                  <a:gd name="T27" fmla="*/ 76 h 300"/>
                  <a:gd name="T28" fmla="*/ 106 w 130"/>
                  <a:gd name="T29" fmla="*/ 87 h 300"/>
                  <a:gd name="T30" fmla="*/ 94 w 130"/>
                  <a:gd name="T31" fmla="*/ 100 h 300"/>
                  <a:gd name="T32" fmla="*/ 116 w 130"/>
                  <a:gd name="T33" fmla="*/ 104 h 300"/>
                  <a:gd name="T34" fmla="*/ 118 w 130"/>
                  <a:gd name="T35" fmla="*/ 98 h 300"/>
                  <a:gd name="T36" fmla="*/ 122 w 130"/>
                  <a:gd name="T37" fmla="*/ 95 h 300"/>
                  <a:gd name="T38" fmla="*/ 125 w 130"/>
                  <a:gd name="T39" fmla="*/ 98 h 300"/>
                  <a:gd name="T40" fmla="*/ 127 w 130"/>
                  <a:gd name="T41" fmla="*/ 112 h 300"/>
                  <a:gd name="T42" fmla="*/ 125 w 130"/>
                  <a:gd name="T43" fmla="*/ 137 h 300"/>
                  <a:gd name="T44" fmla="*/ 127 w 130"/>
                  <a:gd name="T45" fmla="*/ 144 h 300"/>
                  <a:gd name="T46" fmla="*/ 127 w 130"/>
                  <a:gd name="T47" fmla="*/ 151 h 300"/>
                  <a:gd name="T48" fmla="*/ 130 w 130"/>
                  <a:gd name="T49" fmla="*/ 161 h 300"/>
                  <a:gd name="T50" fmla="*/ 130 w 130"/>
                  <a:gd name="T51" fmla="*/ 178 h 300"/>
                  <a:gd name="T52" fmla="*/ 130 w 130"/>
                  <a:gd name="T53" fmla="*/ 183 h 300"/>
                  <a:gd name="T54" fmla="*/ 125 w 130"/>
                  <a:gd name="T55" fmla="*/ 163 h 300"/>
                  <a:gd name="T56" fmla="*/ 122 w 130"/>
                  <a:gd name="T57" fmla="*/ 151 h 300"/>
                  <a:gd name="T58" fmla="*/ 118 w 130"/>
                  <a:gd name="T59" fmla="*/ 154 h 300"/>
                  <a:gd name="T60" fmla="*/ 122 w 130"/>
                  <a:gd name="T61" fmla="*/ 170 h 300"/>
                  <a:gd name="T62" fmla="*/ 122 w 130"/>
                  <a:gd name="T63" fmla="*/ 183 h 300"/>
                  <a:gd name="T64" fmla="*/ 122 w 130"/>
                  <a:gd name="T65" fmla="*/ 190 h 300"/>
                  <a:gd name="T66" fmla="*/ 122 w 130"/>
                  <a:gd name="T67" fmla="*/ 193 h 300"/>
                  <a:gd name="T68" fmla="*/ 116 w 130"/>
                  <a:gd name="T69" fmla="*/ 205 h 300"/>
                  <a:gd name="T70" fmla="*/ 115 w 130"/>
                  <a:gd name="T71" fmla="*/ 212 h 300"/>
                  <a:gd name="T72" fmla="*/ 108 w 130"/>
                  <a:gd name="T73" fmla="*/ 227 h 300"/>
                  <a:gd name="T74" fmla="*/ 105 w 130"/>
                  <a:gd name="T75" fmla="*/ 236 h 300"/>
                  <a:gd name="T76" fmla="*/ 94 w 130"/>
                  <a:gd name="T77" fmla="*/ 249 h 300"/>
                  <a:gd name="T78" fmla="*/ 96 w 130"/>
                  <a:gd name="T79" fmla="*/ 256 h 300"/>
                  <a:gd name="T80" fmla="*/ 86 w 130"/>
                  <a:gd name="T81" fmla="*/ 290 h 300"/>
                  <a:gd name="T82" fmla="*/ 74 w 130"/>
                  <a:gd name="T83" fmla="*/ 300 h 300"/>
                  <a:gd name="T84" fmla="*/ 72 w 130"/>
                  <a:gd name="T85" fmla="*/ 286 h 300"/>
                  <a:gd name="T86" fmla="*/ 74 w 130"/>
                  <a:gd name="T87" fmla="*/ 280 h 300"/>
                  <a:gd name="T88" fmla="*/ 64 w 130"/>
                  <a:gd name="T89" fmla="*/ 271 h 300"/>
                  <a:gd name="T90" fmla="*/ 49 w 130"/>
                  <a:gd name="T91" fmla="*/ 278 h 300"/>
                  <a:gd name="T92" fmla="*/ 42 w 130"/>
                  <a:gd name="T93" fmla="*/ 269 h 300"/>
                  <a:gd name="T94" fmla="*/ 28 w 130"/>
                  <a:gd name="T95" fmla="*/ 264 h 300"/>
                  <a:gd name="T96" fmla="*/ 18 w 130"/>
                  <a:gd name="T97" fmla="*/ 256 h 300"/>
                  <a:gd name="T98" fmla="*/ 3 w 130"/>
                  <a:gd name="T99" fmla="*/ 237 h 300"/>
                  <a:gd name="T100" fmla="*/ 1 w 130"/>
                  <a:gd name="T101" fmla="*/ 227 h 300"/>
                  <a:gd name="T102" fmla="*/ 5 w 130"/>
                  <a:gd name="T103" fmla="*/ 217 h 300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w 130"/>
                  <a:gd name="T157" fmla="*/ 0 h 300"/>
                  <a:gd name="T158" fmla="*/ 130 w 130"/>
                  <a:gd name="T159" fmla="*/ 300 h 300"/>
                </a:gdLst>
                <a:ahLst/>
                <a:cxnLst>
                  <a:cxn ang="T104">
                    <a:pos x="T0" y="T1"/>
                  </a:cxn>
                  <a:cxn ang="T105">
                    <a:pos x="T2" y="T3"/>
                  </a:cxn>
                  <a:cxn ang="T106">
                    <a:pos x="T4" y="T5"/>
                  </a:cxn>
                  <a:cxn ang="T107">
                    <a:pos x="T6" y="T7"/>
                  </a:cxn>
                  <a:cxn ang="T108">
                    <a:pos x="T8" y="T9"/>
                  </a:cxn>
                  <a:cxn ang="T109">
                    <a:pos x="T10" y="T11"/>
                  </a:cxn>
                  <a:cxn ang="T110">
                    <a:pos x="T12" y="T13"/>
                  </a:cxn>
                  <a:cxn ang="T111">
                    <a:pos x="T14" y="T15"/>
                  </a:cxn>
                  <a:cxn ang="T112">
                    <a:pos x="T16" y="T17"/>
                  </a:cxn>
                  <a:cxn ang="T113">
                    <a:pos x="T18" y="T19"/>
                  </a:cxn>
                  <a:cxn ang="T114">
                    <a:pos x="T20" y="T21"/>
                  </a:cxn>
                  <a:cxn ang="T115">
                    <a:pos x="T22" y="T23"/>
                  </a:cxn>
                  <a:cxn ang="T116">
                    <a:pos x="T24" y="T25"/>
                  </a:cxn>
                  <a:cxn ang="T117">
                    <a:pos x="T26" y="T27"/>
                  </a:cxn>
                  <a:cxn ang="T118">
                    <a:pos x="T28" y="T29"/>
                  </a:cxn>
                  <a:cxn ang="T119">
                    <a:pos x="T30" y="T31"/>
                  </a:cxn>
                  <a:cxn ang="T120">
                    <a:pos x="T32" y="T33"/>
                  </a:cxn>
                  <a:cxn ang="T121">
                    <a:pos x="T34" y="T35"/>
                  </a:cxn>
                  <a:cxn ang="T122">
                    <a:pos x="T36" y="T37"/>
                  </a:cxn>
                  <a:cxn ang="T123">
                    <a:pos x="T38" y="T39"/>
                  </a:cxn>
                  <a:cxn ang="T124">
                    <a:pos x="T40" y="T41"/>
                  </a:cxn>
                  <a:cxn ang="T125">
                    <a:pos x="T42" y="T43"/>
                  </a:cxn>
                  <a:cxn ang="T126">
                    <a:pos x="T44" y="T45"/>
                  </a:cxn>
                  <a:cxn ang="T127">
                    <a:pos x="T46" y="T47"/>
                  </a:cxn>
                  <a:cxn ang="T128">
                    <a:pos x="T48" y="T49"/>
                  </a:cxn>
                  <a:cxn ang="T129">
                    <a:pos x="T50" y="T51"/>
                  </a:cxn>
                  <a:cxn ang="T130">
                    <a:pos x="T52" y="T53"/>
                  </a:cxn>
                  <a:cxn ang="T131">
                    <a:pos x="T54" y="T55"/>
                  </a:cxn>
                  <a:cxn ang="T132">
                    <a:pos x="T56" y="T57"/>
                  </a:cxn>
                  <a:cxn ang="T133">
                    <a:pos x="T58" y="T59"/>
                  </a:cxn>
                  <a:cxn ang="T134">
                    <a:pos x="T60" y="T61"/>
                  </a:cxn>
                  <a:cxn ang="T135">
                    <a:pos x="T62" y="T63"/>
                  </a:cxn>
                  <a:cxn ang="T136">
                    <a:pos x="T64" y="T65"/>
                  </a:cxn>
                  <a:cxn ang="T137">
                    <a:pos x="T66" y="T67"/>
                  </a:cxn>
                  <a:cxn ang="T138">
                    <a:pos x="T68" y="T69"/>
                  </a:cxn>
                  <a:cxn ang="T139">
                    <a:pos x="T70" y="T71"/>
                  </a:cxn>
                  <a:cxn ang="T140">
                    <a:pos x="T72" y="T73"/>
                  </a:cxn>
                  <a:cxn ang="T141">
                    <a:pos x="T74" y="T75"/>
                  </a:cxn>
                  <a:cxn ang="T142">
                    <a:pos x="T76" y="T77"/>
                  </a:cxn>
                  <a:cxn ang="T143">
                    <a:pos x="T78" y="T79"/>
                  </a:cxn>
                  <a:cxn ang="T144">
                    <a:pos x="T80" y="T81"/>
                  </a:cxn>
                  <a:cxn ang="T145">
                    <a:pos x="T82" y="T83"/>
                  </a:cxn>
                  <a:cxn ang="T146">
                    <a:pos x="T84" y="T85"/>
                  </a:cxn>
                  <a:cxn ang="T147">
                    <a:pos x="T86" y="T87"/>
                  </a:cxn>
                  <a:cxn ang="T148">
                    <a:pos x="T88" y="T89"/>
                  </a:cxn>
                  <a:cxn ang="T149">
                    <a:pos x="T90" y="T91"/>
                  </a:cxn>
                  <a:cxn ang="T150">
                    <a:pos x="T92" y="T93"/>
                  </a:cxn>
                  <a:cxn ang="T151">
                    <a:pos x="T94" y="T95"/>
                  </a:cxn>
                  <a:cxn ang="T152">
                    <a:pos x="T96" y="T97"/>
                  </a:cxn>
                  <a:cxn ang="T153">
                    <a:pos x="T98" y="T99"/>
                  </a:cxn>
                  <a:cxn ang="T154">
                    <a:pos x="T100" y="T101"/>
                  </a:cxn>
                  <a:cxn ang="T155">
                    <a:pos x="T102" y="T103"/>
                  </a:cxn>
                </a:cxnLst>
                <a:rect l="T156" t="T157" r="T158" b="T159"/>
                <a:pathLst>
                  <a:path w="130" h="300">
                    <a:moveTo>
                      <a:pt x="8" y="205"/>
                    </a:moveTo>
                    <a:lnTo>
                      <a:pt x="8" y="205"/>
                    </a:lnTo>
                    <a:lnTo>
                      <a:pt x="8" y="203"/>
                    </a:lnTo>
                    <a:lnTo>
                      <a:pt x="12" y="202"/>
                    </a:lnTo>
                    <a:lnTo>
                      <a:pt x="15" y="198"/>
                    </a:lnTo>
                    <a:lnTo>
                      <a:pt x="20" y="195"/>
                    </a:lnTo>
                    <a:lnTo>
                      <a:pt x="23" y="192"/>
                    </a:lnTo>
                    <a:lnTo>
                      <a:pt x="28" y="190"/>
                    </a:lnTo>
                    <a:lnTo>
                      <a:pt x="30" y="186"/>
                    </a:lnTo>
                    <a:lnTo>
                      <a:pt x="32" y="186"/>
                    </a:lnTo>
                    <a:lnTo>
                      <a:pt x="32" y="181"/>
                    </a:lnTo>
                    <a:lnTo>
                      <a:pt x="35" y="176"/>
                    </a:lnTo>
                    <a:lnTo>
                      <a:pt x="39" y="171"/>
                    </a:lnTo>
                    <a:lnTo>
                      <a:pt x="42" y="166"/>
                    </a:lnTo>
                    <a:lnTo>
                      <a:pt x="45" y="163"/>
                    </a:lnTo>
                    <a:lnTo>
                      <a:pt x="49" y="159"/>
                    </a:lnTo>
                    <a:lnTo>
                      <a:pt x="52" y="158"/>
                    </a:lnTo>
                    <a:lnTo>
                      <a:pt x="54" y="156"/>
                    </a:lnTo>
                    <a:lnTo>
                      <a:pt x="57" y="154"/>
                    </a:lnTo>
                    <a:lnTo>
                      <a:pt x="59" y="151"/>
                    </a:lnTo>
                    <a:lnTo>
                      <a:pt x="59" y="149"/>
                    </a:lnTo>
                    <a:lnTo>
                      <a:pt x="59" y="146"/>
                    </a:lnTo>
                    <a:lnTo>
                      <a:pt x="57" y="144"/>
                    </a:lnTo>
                    <a:lnTo>
                      <a:pt x="56" y="142"/>
                    </a:lnTo>
                    <a:lnTo>
                      <a:pt x="56" y="141"/>
                    </a:lnTo>
                    <a:lnTo>
                      <a:pt x="54" y="141"/>
                    </a:lnTo>
                    <a:lnTo>
                      <a:pt x="52" y="139"/>
                    </a:lnTo>
                    <a:lnTo>
                      <a:pt x="49" y="137"/>
                    </a:lnTo>
                    <a:lnTo>
                      <a:pt x="44" y="132"/>
                    </a:lnTo>
                    <a:lnTo>
                      <a:pt x="39" y="127"/>
                    </a:lnTo>
                    <a:lnTo>
                      <a:pt x="32" y="122"/>
                    </a:lnTo>
                    <a:lnTo>
                      <a:pt x="27" y="117"/>
                    </a:lnTo>
                    <a:lnTo>
                      <a:pt x="22" y="114"/>
                    </a:lnTo>
                    <a:lnTo>
                      <a:pt x="20" y="112"/>
                    </a:lnTo>
                    <a:lnTo>
                      <a:pt x="10" y="107"/>
                    </a:lnTo>
                    <a:lnTo>
                      <a:pt x="5" y="100"/>
                    </a:lnTo>
                    <a:lnTo>
                      <a:pt x="3" y="93"/>
                    </a:lnTo>
                    <a:lnTo>
                      <a:pt x="3" y="87"/>
                    </a:lnTo>
                    <a:lnTo>
                      <a:pt x="5" y="82"/>
                    </a:lnTo>
                    <a:lnTo>
                      <a:pt x="6" y="76"/>
                    </a:lnTo>
                    <a:lnTo>
                      <a:pt x="8" y="73"/>
                    </a:lnTo>
                    <a:lnTo>
                      <a:pt x="10" y="73"/>
                    </a:lnTo>
                    <a:lnTo>
                      <a:pt x="0" y="56"/>
                    </a:lnTo>
                    <a:lnTo>
                      <a:pt x="17" y="31"/>
                    </a:lnTo>
                    <a:lnTo>
                      <a:pt x="23" y="9"/>
                    </a:lnTo>
                    <a:lnTo>
                      <a:pt x="28" y="0"/>
                    </a:lnTo>
                    <a:lnTo>
                      <a:pt x="113" y="27"/>
                    </a:lnTo>
                    <a:lnTo>
                      <a:pt x="115" y="60"/>
                    </a:lnTo>
                    <a:lnTo>
                      <a:pt x="113" y="60"/>
                    </a:lnTo>
                    <a:lnTo>
                      <a:pt x="105" y="75"/>
                    </a:lnTo>
                    <a:lnTo>
                      <a:pt x="105" y="76"/>
                    </a:lnTo>
                    <a:lnTo>
                      <a:pt x="106" y="76"/>
                    </a:lnTo>
                    <a:lnTo>
                      <a:pt x="106" y="80"/>
                    </a:lnTo>
                    <a:lnTo>
                      <a:pt x="106" y="83"/>
                    </a:lnTo>
                    <a:lnTo>
                      <a:pt x="106" y="87"/>
                    </a:lnTo>
                    <a:lnTo>
                      <a:pt x="105" y="90"/>
                    </a:lnTo>
                    <a:lnTo>
                      <a:pt x="101" y="93"/>
                    </a:lnTo>
                    <a:lnTo>
                      <a:pt x="96" y="95"/>
                    </a:lnTo>
                    <a:lnTo>
                      <a:pt x="94" y="100"/>
                    </a:lnTo>
                    <a:lnTo>
                      <a:pt x="113" y="100"/>
                    </a:lnTo>
                    <a:lnTo>
                      <a:pt x="113" y="102"/>
                    </a:lnTo>
                    <a:lnTo>
                      <a:pt x="116" y="104"/>
                    </a:lnTo>
                    <a:lnTo>
                      <a:pt x="118" y="104"/>
                    </a:lnTo>
                    <a:lnTo>
                      <a:pt x="118" y="100"/>
                    </a:lnTo>
                    <a:lnTo>
                      <a:pt x="118" y="98"/>
                    </a:lnTo>
                    <a:lnTo>
                      <a:pt x="120" y="97"/>
                    </a:lnTo>
                    <a:lnTo>
                      <a:pt x="122" y="95"/>
                    </a:lnTo>
                    <a:lnTo>
                      <a:pt x="123" y="95"/>
                    </a:lnTo>
                    <a:lnTo>
                      <a:pt x="123" y="97"/>
                    </a:lnTo>
                    <a:lnTo>
                      <a:pt x="125" y="98"/>
                    </a:lnTo>
                    <a:lnTo>
                      <a:pt x="125" y="100"/>
                    </a:lnTo>
                    <a:lnTo>
                      <a:pt x="125" y="104"/>
                    </a:lnTo>
                    <a:lnTo>
                      <a:pt x="127" y="107"/>
                    </a:lnTo>
                    <a:lnTo>
                      <a:pt x="127" y="112"/>
                    </a:lnTo>
                    <a:lnTo>
                      <a:pt x="127" y="119"/>
                    </a:lnTo>
                    <a:lnTo>
                      <a:pt x="127" y="127"/>
                    </a:lnTo>
                    <a:lnTo>
                      <a:pt x="125" y="137"/>
                    </a:lnTo>
                    <a:lnTo>
                      <a:pt x="125" y="139"/>
                    </a:lnTo>
                    <a:lnTo>
                      <a:pt x="127" y="141"/>
                    </a:lnTo>
                    <a:lnTo>
                      <a:pt x="127" y="142"/>
                    </a:lnTo>
                    <a:lnTo>
                      <a:pt x="127" y="144"/>
                    </a:lnTo>
                    <a:lnTo>
                      <a:pt x="127" y="146"/>
                    </a:lnTo>
                    <a:lnTo>
                      <a:pt x="127" y="148"/>
                    </a:lnTo>
                    <a:lnTo>
                      <a:pt x="127" y="149"/>
                    </a:lnTo>
                    <a:lnTo>
                      <a:pt x="127" y="151"/>
                    </a:lnTo>
                    <a:lnTo>
                      <a:pt x="128" y="153"/>
                    </a:lnTo>
                    <a:lnTo>
                      <a:pt x="128" y="156"/>
                    </a:lnTo>
                    <a:lnTo>
                      <a:pt x="130" y="161"/>
                    </a:lnTo>
                    <a:lnTo>
                      <a:pt x="130" y="164"/>
                    </a:lnTo>
                    <a:lnTo>
                      <a:pt x="130" y="170"/>
                    </a:lnTo>
                    <a:lnTo>
                      <a:pt x="130" y="173"/>
                    </a:lnTo>
                    <a:lnTo>
                      <a:pt x="130" y="178"/>
                    </a:lnTo>
                    <a:lnTo>
                      <a:pt x="130" y="180"/>
                    </a:lnTo>
                    <a:lnTo>
                      <a:pt x="130" y="183"/>
                    </a:lnTo>
                    <a:lnTo>
                      <a:pt x="128" y="181"/>
                    </a:lnTo>
                    <a:lnTo>
                      <a:pt x="127" y="178"/>
                    </a:lnTo>
                    <a:lnTo>
                      <a:pt x="127" y="171"/>
                    </a:lnTo>
                    <a:lnTo>
                      <a:pt x="125" y="163"/>
                    </a:lnTo>
                    <a:lnTo>
                      <a:pt x="123" y="153"/>
                    </a:lnTo>
                    <a:lnTo>
                      <a:pt x="123" y="151"/>
                    </a:lnTo>
                    <a:lnTo>
                      <a:pt x="122" y="151"/>
                    </a:lnTo>
                    <a:lnTo>
                      <a:pt x="120" y="149"/>
                    </a:lnTo>
                    <a:lnTo>
                      <a:pt x="118" y="151"/>
                    </a:lnTo>
                    <a:lnTo>
                      <a:pt x="118" y="154"/>
                    </a:lnTo>
                    <a:lnTo>
                      <a:pt x="120" y="159"/>
                    </a:lnTo>
                    <a:lnTo>
                      <a:pt x="122" y="168"/>
                    </a:lnTo>
                    <a:lnTo>
                      <a:pt x="122" y="170"/>
                    </a:lnTo>
                    <a:lnTo>
                      <a:pt x="122" y="171"/>
                    </a:lnTo>
                    <a:lnTo>
                      <a:pt x="122" y="175"/>
                    </a:lnTo>
                    <a:lnTo>
                      <a:pt x="122" y="178"/>
                    </a:lnTo>
                    <a:lnTo>
                      <a:pt x="122" y="183"/>
                    </a:lnTo>
                    <a:lnTo>
                      <a:pt x="122" y="186"/>
                    </a:lnTo>
                    <a:lnTo>
                      <a:pt x="122" y="188"/>
                    </a:lnTo>
                    <a:lnTo>
                      <a:pt x="122" y="190"/>
                    </a:lnTo>
                    <a:lnTo>
                      <a:pt x="122" y="192"/>
                    </a:lnTo>
                    <a:lnTo>
                      <a:pt x="122" y="193"/>
                    </a:lnTo>
                    <a:lnTo>
                      <a:pt x="122" y="197"/>
                    </a:lnTo>
                    <a:lnTo>
                      <a:pt x="122" y="198"/>
                    </a:lnTo>
                    <a:lnTo>
                      <a:pt x="118" y="202"/>
                    </a:lnTo>
                    <a:lnTo>
                      <a:pt x="116" y="205"/>
                    </a:lnTo>
                    <a:lnTo>
                      <a:pt x="116" y="207"/>
                    </a:lnTo>
                    <a:lnTo>
                      <a:pt x="115" y="208"/>
                    </a:lnTo>
                    <a:lnTo>
                      <a:pt x="115" y="212"/>
                    </a:lnTo>
                    <a:lnTo>
                      <a:pt x="115" y="214"/>
                    </a:lnTo>
                    <a:lnTo>
                      <a:pt x="110" y="219"/>
                    </a:lnTo>
                    <a:lnTo>
                      <a:pt x="108" y="227"/>
                    </a:lnTo>
                    <a:lnTo>
                      <a:pt x="108" y="229"/>
                    </a:lnTo>
                    <a:lnTo>
                      <a:pt x="108" y="230"/>
                    </a:lnTo>
                    <a:lnTo>
                      <a:pt x="106" y="232"/>
                    </a:lnTo>
                    <a:lnTo>
                      <a:pt x="105" y="236"/>
                    </a:lnTo>
                    <a:lnTo>
                      <a:pt x="103" y="239"/>
                    </a:lnTo>
                    <a:lnTo>
                      <a:pt x="100" y="244"/>
                    </a:lnTo>
                    <a:lnTo>
                      <a:pt x="98" y="247"/>
                    </a:lnTo>
                    <a:lnTo>
                      <a:pt x="94" y="249"/>
                    </a:lnTo>
                    <a:lnTo>
                      <a:pt x="94" y="251"/>
                    </a:lnTo>
                    <a:lnTo>
                      <a:pt x="96" y="254"/>
                    </a:lnTo>
                    <a:lnTo>
                      <a:pt x="96" y="256"/>
                    </a:lnTo>
                    <a:lnTo>
                      <a:pt x="96" y="258"/>
                    </a:lnTo>
                    <a:lnTo>
                      <a:pt x="89" y="281"/>
                    </a:lnTo>
                    <a:lnTo>
                      <a:pt x="86" y="290"/>
                    </a:lnTo>
                    <a:lnTo>
                      <a:pt x="83" y="296"/>
                    </a:lnTo>
                    <a:lnTo>
                      <a:pt x="79" y="300"/>
                    </a:lnTo>
                    <a:lnTo>
                      <a:pt x="76" y="300"/>
                    </a:lnTo>
                    <a:lnTo>
                      <a:pt x="74" y="300"/>
                    </a:lnTo>
                    <a:lnTo>
                      <a:pt x="72" y="296"/>
                    </a:lnTo>
                    <a:lnTo>
                      <a:pt x="71" y="295"/>
                    </a:lnTo>
                    <a:lnTo>
                      <a:pt x="71" y="290"/>
                    </a:lnTo>
                    <a:lnTo>
                      <a:pt x="72" y="286"/>
                    </a:lnTo>
                    <a:lnTo>
                      <a:pt x="72" y="285"/>
                    </a:lnTo>
                    <a:lnTo>
                      <a:pt x="74" y="283"/>
                    </a:lnTo>
                    <a:lnTo>
                      <a:pt x="74" y="280"/>
                    </a:lnTo>
                    <a:lnTo>
                      <a:pt x="74" y="276"/>
                    </a:lnTo>
                    <a:lnTo>
                      <a:pt x="72" y="273"/>
                    </a:lnTo>
                    <a:lnTo>
                      <a:pt x="69" y="271"/>
                    </a:lnTo>
                    <a:lnTo>
                      <a:pt x="64" y="271"/>
                    </a:lnTo>
                    <a:lnTo>
                      <a:pt x="56" y="273"/>
                    </a:lnTo>
                    <a:lnTo>
                      <a:pt x="49" y="278"/>
                    </a:lnTo>
                    <a:lnTo>
                      <a:pt x="49" y="276"/>
                    </a:lnTo>
                    <a:lnTo>
                      <a:pt x="47" y="274"/>
                    </a:lnTo>
                    <a:lnTo>
                      <a:pt x="44" y="271"/>
                    </a:lnTo>
                    <a:lnTo>
                      <a:pt x="42" y="269"/>
                    </a:lnTo>
                    <a:lnTo>
                      <a:pt x="39" y="266"/>
                    </a:lnTo>
                    <a:lnTo>
                      <a:pt x="34" y="266"/>
                    </a:lnTo>
                    <a:lnTo>
                      <a:pt x="28" y="264"/>
                    </a:lnTo>
                    <a:lnTo>
                      <a:pt x="27" y="263"/>
                    </a:lnTo>
                    <a:lnTo>
                      <a:pt x="23" y="261"/>
                    </a:lnTo>
                    <a:lnTo>
                      <a:pt x="20" y="258"/>
                    </a:lnTo>
                    <a:lnTo>
                      <a:pt x="18" y="256"/>
                    </a:lnTo>
                    <a:lnTo>
                      <a:pt x="6" y="247"/>
                    </a:lnTo>
                    <a:lnTo>
                      <a:pt x="6" y="239"/>
                    </a:lnTo>
                    <a:lnTo>
                      <a:pt x="3" y="237"/>
                    </a:lnTo>
                    <a:lnTo>
                      <a:pt x="1" y="234"/>
                    </a:lnTo>
                    <a:lnTo>
                      <a:pt x="1" y="230"/>
                    </a:lnTo>
                    <a:lnTo>
                      <a:pt x="1" y="227"/>
                    </a:lnTo>
                    <a:lnTo>
                      <a:pt x="1" y="224"/>
                    </a:lnTo>
                    <a:lnTo>
                      <a:pt x="1" y="220"/>
                    </a:lnTo>
                    <a:lnTo>
                      <a:pt x="3" y="219"/>
                    </a:lnTo>
                    <a:lnTo>
                      <a:pt x="5" y="217"/>
                    </a:lnTo>
                    <a:lnTo>
                      <a:pt x="12" y="208"/>
                    </a:lnTo>
                    <a:lnTo>
                      <a:pt x="13" y="205"/>
                    </a:lnTo>
                    <a:lnTo>
                      <a:pt x="8" y="205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392" name="Freeform 69"/>
            <p:cNvSpPr>
              <a:spLocks/>
            </p:cNvSpPr>
            <p:nvPr/>
          </p:nvSpPr>
          <p:spPr bwMode="auto">
            <a:xfrm>
              <a:off x="3295" y="2545"/>
              <a:ext cx="810" cy="287"/>
            </a:xfrm>
            <a:custGeom>
              <a:avLst/>
              <a:gdLst>
                <a:gd name="T0" fmla="*/ 562 w 833"/>
                <a:gd name="T1" fmla="*/ 0 h 295"/>
                <a:gd name="T2" fmla="*/ 562 w 833"/>
                <a:gd name="T3" fmla="*/ 12 h 295"/>
                <a:gd name="T4" fmla="*/ 562 w 833"/>
                <a:gd name="T5" fmla="*/ 18 h 295"/>
                <a:gd name="T6" fmla="*/ 556 w 833"/>
                <a:gd name="T7" fmla="*/ 22 h 295"/>
                <a:gd name="T8" fmla="*/ 549 w 833"/>
                <a:gd name="T9" fmla="*/ 37 h 295"/>
                <a:gd name="T10" fmla="*/ 544 w 833"/>
                <a:gd name="T11" fmla="*/ 46 h 295"/>
                <a:gd name="T12" fmla="*/ 534 w 833"/>
                <a:gd name="T13" fmla="*/ 45 h 295"/>
                <a:gd name="T14" fmla="*/ 519 w 833"/>
                <a:gd name="T15" fmla="*/ 55 h 295"/>
                <a:gd name="T16" fmla="*/ 508 w 833"/>
                <a:gd name="T17" fmla="*/ 65 h 295"/>
                <a:gd name="T18" fmla="*/ 505 w 833"/>
                <a:gd name="T19" fmla="*/ 57 h 295"/>
                <a:gd name="T20" fmla="*/ 497 w 833"/>
                <a:gd name="T21" fmla="*/ 60 h 295"/>
                <a:gd name="T22" fmla="*/ 492 w 833"/>
                <a:gd name="T23" fmla="*/ 69 h 295"/>
                <a:gd name="T24" fmla="*/ 488 w 833"/>
                <a:gd name="T25" fmla="*/ 78 h 295"/>
                <a:gd name="T26" fmla="*/ 483 w 833"/>
                <a:gd name="T27" fmla="*/ 84 h 295"/>
                <a:gd name="T28" fmla="*/ 473 w 833"/>
                <a:gd name="T29" fmla="*/ 88 h 295"/>
                <a:gd name="T30" fmla="*/ 457 w 833"/>
                <a:gd name="T31" fmla="*/ 99 h 295"/>
                <a:gd name="T32" fmla="*/ 449 w 833"/>
                <a:gd name="T33" fmla="*/ 108 h 295"/>
                <a:gd name="T34" fmla="*/ 432 w 833"/>
                <a:gd name="T35" fmla="*/ 114 h 295"/>
                <a:gd name="T36" fmla="*/ 424 w 833"/>
                <a:gd name="T37" fmla="*/ 123 h 295"/>
                <a:gd name="T38" fmla="*/ 421 w 833"/>
                <a:gd name="T39" fmla="*/ 130 h 295"/>
                <a:gd name="T40" fmla="*/ 413 w 833"/>
                <a:gd name="T41" fmla="*/ 139 h 295"/>
                <a:gd name="T42" fmla="*/ 405 w 833"/>
                <a:gd name="T43" fmla="*/ 140 h 295"/>
                <a:gd name="T44" fmla="*/ 317 w 833"/>
                <a:gd name="T45" fmla="*/ 172 h 295"/>
                <a:gd name="T46" fmla="*/ 7 w 833"/>
                <a:gd name="T47" fmla="*/ 200 h 295"/>
                <a:gd name="T48" fmla="*/ 0 w 833"/>
                <a:gd name="T49" fmla="*/ 198 h 295"/>
                <a:gd name="T50" fmla="*/ 8 w 833"/>
                <a:gd name="T51" fmla="*/ 193 h 295"/>
                <a:gd name="T52" fmla="*/ 18 w 833"/>
                <a:gd name="T53" fmla="*/ 188 h 295"/>
                <a:gd name="T54" fmla="*/ 18 w 833"/>
                <a:gd name="T55" fmla="*/ 177 h 295"/>
                <a:gd name="T56" fmla="*/ 15 w 833"/>
                <a:gd name="T57" fmla="*/ 171 h 295"/>
                <a:gd name="T58" fmla="*/ 18 w 833"/>
                <a:gd name="T59" fmla="*/ 161 h 295"/>
                <a:gd name="T60" fmla="*/ 18 w 833"/>
                <a:gd name="T61" fmla="*/ 157 h 295"/>
                <a:gd name="T62" fmla="*/ 18 w 833"/>
                <a:gd name="T63" fmla="*/ 151 h 295"/>
                <a:gd name="T64" fmla="*/ 27 w 833"/>
                <a:gd name="T65" fmla="*/ 143 h 295"/>
                <a:gd name="T66" fmla="*/ 22 w 833"/>
                <a:gd name="T67" fmla="*/ 140 h 295"/>
                <a:gd name="T68" fmla="*/ 18 w 833"/>
                <a:gd name="T69" fmla="*/ 139 h 295"/>
                <a:gd name="T70" fmla="*/ 20 w 833"/>
                <a:gd name="T71" fmla="*/ 137 h 295"/>
                <a:gd name="T72" fmla="*/ 27 w 833"/>
                <a:gd name="T73" fmla="*/ 131 h 295"/>
                <a:gd name="T74" fmla="*/ 35 w 833"/>
                <a:gd name="T75" fmla="*/ 124 h 295"/>
                <a:gd name="T76" fmla="*/ 40 w 833"/>
                <a:gd name="T77" fmla="*/ 117 h 295"/>
                <a:gd name="T78" fmla="*/ 37 w 833"/>
                <a:gd name="T79" fmla="*/ 114 h 295"/>
                <a:gd name="T80" fmla="*/ 43 w 833"/>
                <a:gd name="T81" fmla="*/ 101 h 295"/>
                <a:gd name="T82" fmla="*/ 45 w 833"/>
                <a:gd name="T83" fmla="*/ 101 h 295"/>
                <a:gd name="T84" fmla="*/ 44 w 833"/>
                <a:gd name="T85" fmla="*/ 97 h 295"/>
                <a:gd name="T86" fmla="*/ 38 w 833"/>
                <a:gd name="T87" fmla="*/ 90 h 295"/>
                <a:gd name="T88" fmla="*/ 42 w 833"/>
                <a:gd name="T89" fmla="*/ 88 h 295"/>
                <a:gd name="T90" fmla="*/ 44 w 833"/>
                <a:gd name="T91" fmla="*/ 88 h 295"/>
                <a:gd name="T92" fmla="*/ 143 w 833"/>
                <a:gd name="T93" fmla="*/ 59 h 295"/>
                <a:gd name="T94" fmla="*/ 144 w 833"/>
                <a:gd name="T95" fmla="*/ 46 h 295"/>
                <a:gd name="T96" fmla="*/ 154 w 833"/>
                <a:gd name="T97" fmla="*/ 46 h 295"/>
                <a:gd name="T98" fmla="*/ 169 w 833"/>
                <a:gd name="T99" fmla="*/ 46 h 295"/>
                <a:gd name="T100" fmla="*/ 177 w 833"/>
                <a:gd name="T101" fmla="*/ 46 h 295"/>
                <a:gd name="T102" fmla="*/ 194 w 833"/>
                <a:gd name="T103" fmla="*/ 45 h 295"/>
                <a:gd name="T104" fmla="*/ 218 w 833"/>
                <a:gd name="T105" fmla="*/ 43 h 295"/>
                <a:gd name="T106" fmla="*/ 250 w 833"/>
                <a:gd name="T107" fmla="*/ 41 h 295"/>
                <a:gd name="T108" fmla="*/ 283 w 833"/>
                <a:gd name="T109" fmla="*/ 37 h 295"/>
                <a:gd name="T110" fmla="*/ 319 w 833"/>
                <a:gd name="T111" fmla="*/ 34 h 295"/>
                <a:gd name="T112" fmla="*/ 352 w 833"/>
                <a:gd name="T113" fmla="*/ 29 h 295"/>
                <a:gd name="T114" fmla="*/ 382 w 833"/>
                <a:gd name="T115" fmla="*/ 25 h 295"/>
                <a:gd name="T116" fmla="*/ 405 w 833"/>
                <a:gd name="T117" fmla="*/ 22 h 295"/>
                <a:gd name="T118" fmla="*/ 417 w 833"/>
                <a:gd name="T119" fmla="*/ 20 h 295"/>
                <a:gd name="T120" fmla="*/ 544 w 833"/>
                <a:gd name="T121" fmla="*/ 7 h 295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w 833"/>
                <a:gd name="T184" fmla="*/ 0 h 295"/>
                <a:gd name="T185" fmla="*/ 833 w 833"/>
                <a:gd name="T186" fmla="*/ 295 h 295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T183" t="T184" r="T185" b="T186"/>
              <a:pathLst>
                <a:path w="833" h="295">
                  <a:moveTo>
                    <a:pt x="804" y="7"/>
                  </a:moveTo>
                  <a:lnTo>
                    <a:pt x="816" y="0"/>
                  </a:lnTo>
                  <a:lnTo>
                    <a:pt x="831" y="0"/>
                  </a:lnTo>
                  <a:lnTo>
                    <a:pt x="831" y="2"/>
                  </a:lnTo>
                  <a:lnTo>
                    <a:pt x="831" y="6"/>
                  </a:lnTo>
                  <a:lnTo>
                    <a:pt x="831" y="12"/>
                  </a:lnTo>
                  <a:lnTo>
                    <a:pt x="831" y="17"/>
                  </a:lnTo>
                  <a:lnTo>
                    <a:pt x="833" y="24"/>
                  </a:lnTo>
                  <a:lnTo>
                    <a:pt x="831" y="31"/>
                  </a:lnTo>
                  <a:lnTo>
                    <a:pt x="831" y="34"/>
                  </a:lnTo>
                  <a:lnTo>
                    <a:pt x="831" y="36"/>
                  </a:lnTo>
                  <a:lnTo>
                    <a:pt x="824" y="36"/>
                  </a:lnTo>
                  <a:lnTo>
                    <a:pt x="819" y="39"/>
                  </a:lnTo>
                  <a:lnTo>
                    <a:pt x="814" y="44"/>
                  </a:lnTo>
                  <a:lnTo>
                    <a:pt x="811" y="51"/>
                  </a:lnTo>
                  <a:lnTo>
                    <a:pt x="807" y="58"/>
                  </a:lnTo>
                  <a:lnTo>
                    <a:pt x="805" y="63"/>
                  </a:lnTo>
                  <a:lnTo>
                    <a:pt x="804" y="66"/>
                  </a:lnTo>
                  <a:lnTo>
                    <a:pt x="797" y="63"/>
                  </a:lnTo>
                  <a:lnTo>
                    <a:pt x="790" y="63"/>
                  </a:lnTo>
                  <a:lnTo>
                    <a:pt x="782" y="68"/>
                  </a:lnTo>
                  <a:lnTo>
                    <a:pt x="773" y="75"/>
                  </a:lnTo>
                  <a:lnTo>
                    <a:pt x="767" y="83"/>
                  </a:lnTo>
                  <a:lnTo>
                    <a:pt x="760" y="90"/>
                  </a:lnTo>
                  <a:lnTo>
                    <a:pt x="755" y="94"/>
                  </a:lnTo>
                  <a:lnTo>
                    <a:pt x="753" y="94"/>
                  </a:lnTo>
                  <a:lnTo>
                    <a:pt x="751" y="88"/>
                  </a:lnTo>
                  <a:lnTo>
                    <a:pt x="748" y="87"/>
                  </a:lnTo>
                  <a:lnTo>
                    <a:pt x="746" y="85"/>
                  </a:lnTo>
                  <a:lnTo>
                    <a:pt x="743" y="85"/>
                  </a:lnTo>
                  <a:lnTo>
                    <a:pt x="739" y="87"/>
                  </a:lnTo>
                  <a:lnTo>
                    <a:pt x="736" y="88"/>
                  </a:lnTo>
                  <a:lnTo>
                    <a:pt x="733" y="92"/>
                  </a:lnTo>
                  <a:lnTo>
                    <a:pt x="731" y="97"/>
                  </a:lnTo>
                  <a:lnTo>
                    <a:pt x="728" y="100"/>
                  </a:lnTo>
                  <a:lnTo>
                    <a:pt x="724" y="105"/>
                  </a:lnTo>
                  <a:lnTo>
                    <a:pt x="723" y="110"/>
                  </a:lnTo>
                  <a:lnTo>
                    <a:pt x="721" y="114"/>
                  </a:lnTo>
                  <a:lnTo>
                    <a:pt x="717" y="119"/>
                  </a:lnTo>
                  <a:lnTo>
                    <a:pt x="717" y="121"/>
                  </a:lnTo>
                  <a:lnTo>
                    <a:pt x="716" y="122"/>
                  </a:lnTo>
                  <a:lnTo>
                    <a:pt x="716" y="124"/>
                  </a:lnTo>
                  <a:lnTo>
                    <a:pt x="707" y="126"/>
                  </a:lnTo>
                  <a:lnTo>
                    <a:pt x="699" y="129"/>
                  </a:lnTo>
                  <a:lnTo>
                    <a:pt x="690" y="134"/>
                  </a:lnTo>
                  <a:lnTo>
                    <a:pt x="682" y="141"/>
                  </a:lnTo>
                  <a:lnTo>
                    <a:pt x="677" y="146"/>
                  </a:lnTo>
                  <a:lnTo>
                    <a:pt x="670" y="153"/>
                  </a:lnTo>
                  <a:lnTo>
                    <a:pt x="667" y="156"/>
                  </a:lnTo>
                  <a:lnTo>
                    <a:pt x="665" y="158"/>
                  </a:lnTo>
                  <a:lnTo>
                    <a:pt x="655" y="158"/>
                  </a:lnTo>
                  <a:lnTo>
                    <a:pt x="646" y="161"/>
                  </a:lnTo>
                  <a:lnTo>
                    <a:pt x="640" y="165"/>
                  </a:lnTo>
                  <a:lnTo>
                    <a:pt x="633" y="170"/>
                  </a:lnTo>
                  <a:lnTo>
                    <a:pt x="630" y="175"/>
                  </a:lnTo>
                  <a:lnTo>
                    <a:pt x="626" y="180"/>
                  </a:lnTo>
                  <a:lnTo>
                    <a:pt x="624" y="183"/>
                  </a:lnTo>
                  <a:lnTo>
                    <a:pt x="624" y="185"/>
                  </a:lnTo>
                  <a:lnTo>
                    <a:pt x="623" y="192"/>
                  </a:lnTo>
                  <a:lnTo>
                    <a:pt x="619" y="197"/>
                  </a:lnTo>
                  <a:lnTo>
                    <a:pt x="616" y="202"/>
                  </a:lnTo>
                  <a:lnTo>
                    <a:pt x="611" y="204"/>
                  </a:lnTo>
                  <a:lnTo>
                    <a:pt x="608" y="205"/>
                  </a:lnTo>
                  <a:lnTo>
                    <a:pt x="602" y="205"/>
                  </a:lnTo>
                  <a:lnTo>
                    <a:pt x="599" y="205"/>
                  </a:lnTo>
                  <a:lnTo>
                    <a:pt x="599" y="239"/>
                  </a:lnTo>
                  <a:lnTo>
                    <a:pt x="470" y="253"/>
                  </a:lnTo>
                  <a:lnTo>
                    <a:pt x="218" y="275"/>
                  </a:lnTo>
                  <a:lnTo>
                    <a:pt x="7" y="293"/>
                  </a:lnTo>
                  <a:lnTo>
                    <a:pt x="7" y="295"/>
                  </a:lnTo>
                  <a:lnTo>
                    <a:pt x="2" y="295"/>
                  </a:lnTo>
                  <a:lnTo>
                    <a:pt x="0" y="293"/>
                  </a:lnTo>
                  <a:lnTo>
                    <a:pt x="0" y="292"/>
                  </a:lnTo>
                  <a:lnTo>
                    <a:pt x="3" y="290"/>
                  </a:lnTo>
                  <a:lnTo>
                    <a:pt x="7" y="286"/>
                  </a:lnTo>
                  <a:lnTo>
                    <a:pt x="8" y="285"/>
                  </a:lnTo>
                  <a:lnTo>
                    <a:pt x="12" y="283"/>
                  </a:lnTo>
                  <a:lnTo>
                    <a:pt x="14" y="283"/>
                  </a:lnTo>
                  <a:lnTo>
                    <a:pt x="19" y="276"/>
                  </a:lnTo>
                  <a:lnTo>
                    <a:pt x="20" y="270"/>
                  </a:lnTo>
                  <a:lnTo>
                    <a:pt x="22" y="264"/>
                  </a:lnTo>
                  <a:lnTo>
                    <a:pt x="20" y="259"/>
                  </a:lnTo>
                  <a:lnTo>
                    <a:pt x="19" y="256"/>
                  </a:lnTo>
                  <a:lnTo>
                    <a:pt x="17" y="254"/>
                  </a:lnTo>
                  <a:lnTo>
                    <a:pt x="15" y="251"/>
                  </a:lnTo>
                  <a:lnTo>
                    <a:pt x="20" y="239"/>
                  </a:lnTo>
                  <a:lnTo>
                    <a:pt x="20" y="237"/>
                  </a:lnTo>
                  <a:lnTo>
                    <a:pt x="22" y="236"/>
                  </a:lnTo>
                  <a:lnTo>
                    <a:pt x="24" y="234"/>
                  </a:lnTo>
                  <a:lnTo>
                    <a:pt x="25" y="231"/>
                  </a:lnTo>
                  <a:lnTo>
                    <a:pt x="29" y="227"/>
                  </a:lnTo>
                  <a:lnTo>
                    <a:pt x="30" y="224"/>
                  </a:lnTo>
                  <a:lnTo>
                    <a:pt x="32" y="222"/>
                  </a:lnTo>
                  <a:lnTo>
                    <a:pt x="34" y="222"/>
                  </a:lnTo>
                  <a:lnTo>
                    <a:pt x="39" y="215"/>
                  </a:lnTo>
                  <a:lnTo>
                    <a:pt x="41" y="210"/>
                  </a:lnTo>
                  <a:lnTo>
                    <a:pt x="41" y="209"/>
                  </a:lnTo>
                  <a:lnTo>
                    <a:pt x="39" y="205"/>
                  </a:lnTo>
                  <a:lnTo>
                    <a:pt x="36" y="205"/>
                  </a:lnTo>
                  <a:lnTo>
                    <a:pt x="32" y="204"/>
                  </a:lnTo>
                  <a:lnTo>
                    <a:pt x="30" y="204"/>
                  </a:lnTo>
                  <a:lnTo>
                    <a:pt x="32" y="202"/>
                  </a:lnTo>
                  <a:lnTo>
                    <a:pt x="34" y="200"/>
                  </a:lnTo>
                  <a:lnTo>
                    <a:pt x="36" y="198"/>
                  </a:lnTo>
                  <a:lnTo>
                    <a:pt x="39" y="195"/>
                  </a:lnTo>
                  <a:lnTo>
                    <a:pt x="41" y="193"/>
                  </a:lnTo>
                  <a:lnTo>
                    <a:pt x="42" y="192"/>
                  </a:lnTo>
                  <a:lnTo>
                    <a:pt x="44" y="190"/>
                  </a:lnTo>
                  <a:lnTo>
                    <a:pt x="49" y="183"/>
                  </a:lnTo>
                  <a:lnTo>
                    <a:pt x="52" y="178"/>
                  </a:lnTo>
                  <a:lnTo>
                    <a:pt x="54" y="175"/>
                  </a:lnTo>
                  <a:lnTo>
                    <a:pt x="54" y="171"/>
                  </a:lnTo>
                  <a:lnTo>
                    <a:pt x="54" y="168"/>
                  </a:lnTo>
                  <a:lnTo>
                    <a:pt x="52" y="166"/>
                  </a:lnTo>
                  <a:lnTo>
                    <a:pt x="51" y="165"/>
                  </a:lnTo>
                  <a:lnTo>
                    <a:pt x="61" y="148"/>
                  </a:lnTo>
                  <a:lnTo>
                    <a:pt x="63" y="148"/>
                  </a:lnTo>
                  <a:lnTo>
                    <a:pt x="64" y="148"/>
                  </a:lnTo>
                  <a:lnTo>
                    <a:pt x="64" y="146"/>
                  </a:lnTo>
                  <a:lnTo>
                    <a:pt x="63" y="143"/>
                  </a:lnTo>
                  <a:lnTo>
                    <a:pt x="58" y="139"/>
                  </a:lnTo>
                  <a:lnTo>
                    <a:pt x="54" y="136"/>
                  </a:lnTo>
                  <a:lnTo>
                    <a:pt x="52" y="132"/>
                  </a:lnTo>
                  <a:lnTo>
                    <a:pt x="52" y="131"/>
                  </a:lnTo>
                  <a:lnTo>
                    <a:pt x="54" y="129"/>
                  </a:lnTo>
                  <a:lnTo>
                    <a:pt x="58" y="129"/>
                  </a:lnTo>
                  <a:lnTo>
                    <a:pt x="59" y="129"/>
                  </a:lnTo>
                  <a:lnTo>
                    <a:pt x="61" y="129"/>
                  </a:lnTo>
                  <a:lnTo>
                    <a:pt x="63" y="129"/>
                  </a:lnTo>
                  <a:lnTo>
                    <a:pt x="64" y="100"/>
                  </a:lnTo>
                  <a:lnTo>
                    <a:pt x="64" y="99"/>
                  </a:lnTo>
                  <a:lnTo>
                    <a:pt x="212" y="87"/>
                  </a:lnTo>
                  <a:lnTo>
                    <a:pt x="212" y="63"/>
                  </a:lnTo>
                  <a:lnTo>
                    <a:pt x="213" y="65"/>
                  </a:lnTo>
                  <a:lnTo>
                    <a:pt x="217" y="65"/>
                  </a:lnTo>
                  <a:lnTo>
                    <a:pt x="222" y="65"/>
                  </a:lnTo>
                  <a:lnTo>
                    <a:pt x="228" y="65"/>
                  </a:lnTo>
                  <a:lnTo>
                    <a:pt x="235" y="66"/>
                  </a:lnTo>
                  <a:lnTo>
                    <a:pt x="242" y="66"/>
                  </a:lnTo>
                  <a:lnTo>
                    <a:pt x="250" y="66"/>
                  </a:lnTo>
                  <a:lnTo>
                    <a:pt x="252" y="66"/>
                  </a:lnTo>
                  <a:lnTo>
                    <a:pt x="256" y="66"/>
                  </a:lnTo>
                  <a:lnTo>
                    <a:pt x="261" y="65"/>
                  </a:lnTo>
                  <a:lnTo>
                    <a:pt x="267" y="65"/>
                  </a:lnTo>
                  <a:lnTo>
                    <a:pt x="276" y="63"/>
                  </a:lnTo>
                  <a:lnTo>
                    <a:pt x="286" y="63"/>
                  </a:lnTo>
                  <a:lnTo>
                    <a:pt x="296" y="61"/>
                  </a:lnTo>
                  <a:lnTo>
                    <a:pt x="310" y="61"/>
                  </a:lnTo>
                  <a:lnTo>
                    <a:pt x="323" y="60"/>
                  </a:lnTo>
                  <a:lnTo>
                    <a:pt x="337" y="58"/>
                  </a:lnTo>
                  <a:lnTo>
                    <a:pt x="352" y="58"/>
                  </a:lnTo>
                  <a:lnTo>
                    <a:pt x="369" y="56"/>
                  </a:lnTo>
                  <a:lnTo>
                    <a:pt x="386" y="55"/>
                  </a:lnTo>
                  <a:lnTo>
                    <a:pt x="403" y="53"/>
                  </a:lnTo>
                  <a:lnTo>
                    <a:pt x="420" y="51"/>
                  </a:lnTo>
                  <a:lnTo>
                    <a:pt x="437" y="50"/>
                  </a:lnTo>
                  <a:lnTo>
                    <a:pt x="455" y="48"/>
                  </a:lnTo>
                  <a:lnTo>
                    <a:pt x="472" y="48"/>
                  </a:lnTo>
                  <a:lnTo>
                    <a:pt x="489" y="46"/>
                  </a:lnTo>
                  <a:lnTo>
                    <a:pt x="504" y="44"/>
                  </a:lnTo>
                  <a:lnTo>
                    <a:pt x="521" y="43"/>
                  </a:lnTo>
                  <a:lnTo>
                    <a:pt x="536" y="41"/>
                  </a:lnTo>
                  <a:lnTo>
                    <a:pt x="552" y="39"/>
                  </a:lnTo>
                  <a:lnTo>
                    <a:pt x="565" y="39"/>
                  </a:lnTo>
                  <a:lnTo>
                    <a:pt x="577" y="38"/>
                  </a:lnTo>
                  <a:lnTo>
                    <a:pt x="589" y="36"/>
                  </a:lnTo>
                  <a:lnTo>
                    <a:pt x="599" y="36"/>
                  </a:lnTo>
                  <a:lnTo>
                    <a:pt x="608" y="36"/>
                  </a:lnTo>
                  <a:lnTo>
                    <a:pt x="613" y="34"/>
                  </a:lnTo>
                  <a:lnTo>
                    <a:pt x="618" y="34"/>
                  </a:lnTo>
                  <a:lnTo>
                    <a:pt x="621" y="34"/>
                  </a:lnTo>
                  <a:lnTo>
                    <a:pt x="623" y="34"/>
                  </a:lnTo>
                  <a:lnTo>
                    <a:pt x="804" y="7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393" name="Group 70"/>
            <p:cNvGrpSpPr>
              <a:grpSpLocks/>
            </p:cNvGrpSpPr>
            <p:nvPr/>
          </p:nvGrpSpPr>
          <p:grpSpPr bwMode="auto">
            <a:xfrm>
              <a:off x="3183" y="2812"/>
              <a:ext cx="342" cy="594"/>
              <a:chOff x="3392" y="2451"/>
              <a:chExt cx="352" cy="612"/>
            </a:xfrm>
          </p:grpSpPr>
          <p:sp>
            <p:nvSpPr>
              <p:cNvPr id="512" name="Freeform 71"/>
              <p:cNvSpPr>
                <a:spLocks/>
              </p:cNvSpPr>
              <p:nvPr/>
            </p:nvSpPr>
            <p:spPr bwMode="auto">
              <a:xfrm>
                <a:off x="3392" y="2451"/>
                <a:ext cx="352" cy="612"/>
              </a:xfrm>
              <a:custGeom>
                <a:avLst/>
                <a:gdLst>
                  <a:gd name="T0" fmla="*/ 262 w 352"/>
                  <a:gd name="T1" fmla="*/ 594 h 612"/>
                  <a:gd name="T2" fmla="*/ 276 w 352"/>
                  <a:gd name="T3" fmla="*/ 589 h 612"/>
                  <a:gd name="T4" fmla="*/ 291 w 352"/>
                  <a:gd name="T5" fmla="*/ 585 h 612"/>
                  <a:gd name="T6" fmla="*/ 305 w 352"/>
                  <a:gd name="T7" fmla="*/ 580 h 612"/>
                  <a:gd name="T8" fmla="*/ 293 w 352"/>
                  <a:gd name="T9" fmla="*/ 577 h 612"/>
                  <a:gd name="T10" fmla="*/ 313 w 352"/>
                  <a:gd name="T11" fmla="*/ 577 h 612"/>
                  <a:gd name="T12" fmla="*/ 315 w 352"/>
                  <a:gd name="T13" fmla="*/ 583 h 612"/>
                  <a:gd name="T14" fmla="*/ 333 w 352"/>
                  <a:gd name="T15" fmla="*/ 577 h 612"/>
                  <a:gd name="T16" fmla="*/ 343 w 352"/>
                  <a:gd name="T17" fmla="*/ 585 h 612"/>
                  <a:gd name="T18" fmla="*/ 352 w 352"/>
                  <a:gd name="T19" fmla="*/ 578 h 612"/>
                  <a:gd name="T20" fmla="*/ 333 w 352"/>
                  <a:gd name="T21" fmla="*/ 0 h 612"/>
                  <a:gd name="T22" fmla="*/ 122 w 352"/>
                  <a:gd name="T23" fmla="*/ 20 h 612"/>
                  <a:gd name="T24" fmla="*/ 120 w 352"/>
                  <a:gd name="T25" fmla="*/ 28 h 612"/>
                  <a:gd name="T26" fmla="*/ 93 w 352"/>
                  <a:gd name="T27" fmla="*/ 59 h 612"/>
                  <a:gd name="T28" fmla="*/ 64 w 352"/>
                  <a:gd name="T29" fmla="*/ 113 h 612"/>
                  <a:gd name="T30" fmla="*/ 56 w 352"/>
                  <a:gd name="T31" fmla="*/ 133 h 612"/>
                  <a:gd name="T32" fmla="*/ 57 w 352"/>
                  <a:gd name="T33" fmla="*/ 142 h 612"/>
                  <a:gd name="T34" fmla="*/ 46 w 352"/>
                  <a:gd name="T35" fmla="*/ 147 h 612"/>
                  <a:gd name="T36" fmla="*/ 44 w 352"/>
                  <a:gd name="T37" fmla="*/ 157 h 612"/>
                  <a:gd name="T38" fmla="*/ 47 w 352"/>
                  <a:gd name="T39" fmla="*/ 165 h 612"/>
                  <a:gd name="T40" fmla="*/ 41 w 352"/>
                  <a:gd name="T41" fmla="*/ 174 h 612"/>
                  <a:gd name="T42" fmla="*/ 42 w 352"/>
                  <a:gd name="T43" fmla="*/ 177 h 612"/>
                  <a:gd name="T44" fmla="*/ 47 w 352"/>
                  <a:gd name="T45" fmla="*/ 182 h 612"/>
                  <a:gd name="T46" fmla="*/ 35 w 352"/>
                  <a:gd name="T47" fmla="*/ 189 h 612"/>
                  <a:gd name="T48" fmla="*/ 29 w 352"/>
                  <a:gd name="T49" fmla="*/ 204 h 612"/>
                  <a:gd name="T50" fmla="*/ 44 w 352"/>
                  <a:gd name="T51" fmla="*/ 240 h 612"/>
                  <a:gd name="T52" fmla="*/ 47 w 352"/>
                  <a:gd name="T53" fmla="*/ 248 h 612"/>
                  <a:gd name="T54" fmla="*/ 42 w 352"/>
                  <a:gd name="T55" fmla="*/ 253 h 612"/>
                  <a:gd name="T56" fmla="*/ 39 w 352"/>
                  <a:gd name="T57" fmla="*/ 265 h 612"/>
                  <a:gd name="T58" fmla="*/ 37 w 352"/>
                  <a:gd name="T59" fmla="*/ 270 h 612"/>
                  <a:gd name="T60" fmla="*/ 37 w 352"/>
                  <a:gd name="T61" fmla="*/ 279 h 612"/>
                  <a:gd name="T62" fmla="*/ 42 w 352"/>
                  <a:gd name="T63" fmla="*/ 281 h 612"/>
                  <a:gd name="T64" fmla="*/ 47 w 352"/>
                  <a:gd name="T65" fmla="*/ 287 h 612"/>
                  <a:gd name="T66" fmla="*/ 46 w 352"/>
                  <a:gd name="T67" fmla="*/ 319 h 612"/>
                  <a:gd name="T68" fmla="*/ 56 w 352"/>
                  <a:gd name="T69" fmla="*/ 331 h 612"/>
                  <a:gd name="T70" fmla="*/ 52 w 352"/>
                  <a:gd name="T71" fmla="*/ 338 h 612"/>
                  <a:gd name="T72" fmla="*/ 61 w 352"/>
                  <a:gd name="T73" fmla="*/ 341 h 612"/>
                  <a:gd name="T74" fmla="*/ 61 w 352"/>
                  <a:gd name="T75" fmla="*/ 350 h 612"/>
                  <a:gd name="T76" fmla="*/ 68 w 352"/>
                  <a:gd name="T77" fmla="*/ 355 h 612"/>
                  <a:gd name="T78" fmla="*/ 63 w 352"/>
                  <a:gd name="T79" fmla="*/ 367 h 612"/>
                  <a:gd name="T80" fmla="*/ 56 w 352"/>
                  <a:gd name="T81" fmla="*/ 370 h 612"/>
                  <a:gd name="T82" fmla="*/ 44 w 352"/>
                  <a:gd name="T83" fmla="*/ 375 h 612"/>
                  <a:gd name="T84" fmla="*/ 54 w 352"/>
                  <a:gd name="T85" fmla="*/ 384 h 612"/>
                  <a:gd name="T86" fmla="*/ 44 w 352"/>
                  <a:gd name="T87" fmla="*/ 399 h 612"/>
                  <a:gd name="T88" fmla="*/ 32 w 352"/>
                  <a:gd name="T89" fmla="*/ 416 h 612"/>
                  <a:gd name="T90" fmla="*/ 25 w 352"/>
                  <a:gd name="T91" fmla="*/ 450 h 612"/>
                  <a:gd name="T92" fmla="*/ 15 w 352"/>
                  <a:gd name="T93" fmla="*/ 458 h 612"/>
                  <a:gd name="T94" fmla="*/ 17 w 352"/>
                  <a:gd name="T95" fmla="*/ 467 h 612"/>
                  <a:gd name="T96" fmla="*/ 10 w 352"/>
                  <a:gd name="T97" fmla="*/ 477 h 612"/>
                  <a:gd name="T98" fmla="*/ 15 w 352"/>
                  <a:gd name="T99" fmla="*/ 482 h 612"/>
                  <a:gd name="T100" fmla="*/ 5 w 352"/>
                  <a:gd name="T101" fmla="*/ 494 h 612"/>
                  <a:gd name="T102" fmla="*/ 0 w 352"/>
                  <a:gd name="T103" fmla="*/ 502 h 612"/>
                  <a:gd name="T104" fmla="*/ 7 w 352"/>
                  <a:gd name="T105" fmla="*/ 507 h 612"/>
                  <a:gd name="T106" fmla="*/ 3 w 352"/>
                  <a:gd name="T107" fmla="*/ 517 h 612"/>
                  <a:gd name="T108" fmla="*/ 203 w 352"/>
                  <a:gd name="T109" fmla="*/ 511 h 612"/>
                  <a:gd name="T110" fmla="*/ 198 w 352"/>
                  <a:gd name="T111" fmla="*/ 543 h 612"/>
                  <a:gd name="T112" fmla="*/ 198 w 352"/>
                  <a:gd name="T113" fmla="*/ 563 h 612"/>
                  <a:gd name="T114" fmla="*/ 211 w 352"/>
                  <a:gd name="T115" fmla="*/ 577 h 612"/>
                  <a:gd name="T116" fmla="*/ 223 w 352"/>
                  <a:gd name="T117" fmla="*/ 605 h 612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352"/>
                  <a:gd name="T178" fmla="*/ 0 h 612"/>
                  <a:gd name="T179" fmla="*/ 352 w 352"/>
                  <a:gd name="T180" fmla="*/ 612 h 612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352" h="612">
                    <a:moveTo>
                      <a:pt x="240" y="609"/>
                    </a:moveTo>
                    <a:lnTo>
                      <a:pt x="252" y="599"/>
                    </a:lnTo>
                    <a:lnTo>
                      <a:pt x="252" y="590"/>
                    </a:lnTo>
                    <a:lnTo>
                      <a:pt x="262" y="594"/>
                    </a:lnTo>
                    <a:lnTo>
                      <a:pt x="266" y="592"/>
                    </a:lnTo>
                    <a:lnTo>
                      <a:pt x="271" y="590"/>
                    </a:lnTo>
                    <a:lnTo>
                      <a:pt x="276" y="589"/>
                    </a:lnTo>
                    <a:lnTo>
                      <a:pt x="281" y="587"/>
                    </a:lnTo>
                    <a:lnTo>
                      <a:pt x="284" y="585"/>
                    </a:lnTo>
                    <a:lnTo>
                      <a:pt x="288" y="585"/>
                    </a:lnTo>
                    <a:lnTo>
                      <a:pt x="291" y="585"/>
                    </a:lnTo>
                    <a:lnTo>
                      <a:pt x="301" y="583"/>
                    </a:lnTo>
                    <a:lnTo>
                      <a:pt x="306" y="583"/>
                    </a:lnTo>
                    <a:lnTo>
                      <a:pt x="306" y="582"/>
                    </a:lnTo>
                    <a:lnTo>
                      <a:pt x="305" y="580"/>
                    </a:lnTo>
                    <a:lnTo>
                      <a:pt x="301" y="578"/>
                    </a:lnTo>
                    <a:lnTo>
                      <a:pt x="296" y="577"/>
                    </a:lnTo>
                    <a:lnTo>
                      <a:pt x="293" y="577"/>
                    </a:lnTo>
                    <a:lnTo>
                      <a:pt x="301" y="573"/>
                    </a:lnTo>
                    <a:lnTo>
                      <a:pt x="306" y="573"/>
                    </a:lnTo>
                    <a:lnTo>
                      <a:pt x="311" y="575"/>
                    </a:lnTo>
                    <a:lnTo>
                      <a:pt x="313" y="577"/>
                    </a:lnTo>
                    <a:lnTo>
                      <a:pt x="315" y="578"/>
                    </a:lnTo>
                    <a:lnTo>
                      <a:pt x="315" y="582"/>
                    </a:lnTo>
                    <a:lnTo>
                      <a:pt x="315" y="583"/>
                    </a:lnTo>
                    <a:lnTo>
                      <a:pt x="323" y="585"/>
                    </a:lnTo>
                    <a:lnTo>
                      <a:pt x="332" y="575"/>
                    </a:lnTo>
                    <a:lnTo>
                      <a:pt x="333" y="577"/>
                    </a:lnTo>
                    <a:lnTo>
                      <a:pt x="335" y="578"/>
                    </a:lnTo>
                    <a:lnTo>
                      <a:pt x="335" y="580"/>
                    </a:lnTo>
                    <a:lnTo>
                      <a:pt x="340" y="583"/>
                    </a:lnTo>
                    <a:lnTo>
                      <a:pt x="343" y="585"/>
                    </a:lnTo>
                    <a:lnTo>
                      <a:pt x="347" y="585"/>
                    </a:lnTo>
                    <a:lnTo>
                      <a:pt x="349" y="583"/>
                    </a:lnTo>
                    <a:lnTo>
                      <a:pt x="350" y="582"/>
                    </a:lnTo>
                    <a:lnTo>
                      <a:pt x="352" y="578"/>
                    </a:lnTo>
                    <a:lnTo>
                      <a:pt x="352" y="577"/>
                    </a:lnTo>
                    <a:lnTo>
                      <a:pt x="328" y="392"/>
                    </a:lnTo>
                    <a:lnTo>
                      <a:pt x="333" y="0"/>
                    </a:lnTo>
                    <a:lnTo>
                      <a:pt x="122" y="18"/>
                    </a:lnTo>
                    <a:lnTo>
                      <a:pt x="122" y="20"/>
                    </a:lnTo>
                    <a:lnTo>
                      <a:pt x="122" y="22"/>
                    </a:lnTo>
                    <a:lnTo>
                      <a:pt x="120" y="25"/>
                    </a:lnTo>
                    <a:lnTo>
                      <a:pt x="120" y="27"/>
                    </a:lnTo>
                    <a:lnTo>
                      <a:pt x="120" y="28"/>
                    </a:lnTo>
                    <a:lnTo>
                      <a:pt x="118" y="30"/>
                    </a:lnTo>
                    <a:lnTo>
                      <a:pt x="118" y="32"/>
                    </a:lnTo>
                    <a:lnTo>
                      <a:pt x="103" y="44"/>
                    </a:lnTo>
                    <a:lnTo>
                      <a:pt x="93" y="59"/>
                    </a:lnTo>
                    <a:lnTo>
                      <a:pt x="93" y="89"/>
                    </a:lnTo>
                    <a:lnTo>
                      <a:pt x="85" y="98"/>
                    </a:lnTo>
                    <a:lnTo>
                      <a:pt x="79" y="98"/>
                    </a:lnTo>
                    <a:lnTo>
                      <a:pt x="64" y="113"/>
                    </a:lnTo>
                    <a:lnTo>
                      <a:pt x="69" y="123"/>
                    </a:lnTo>
                    <a:lnTo>
                      <a:pt x="54" y="132"/>
                    </a:lnTo>
                    <a:lnTo>
                      <a:pt x="56" y="132"/>
                    </a:lnTo>
                    <a:lnTo>
                      <a:pt x="56" y="133"/>
                    </a:lnTo>
                    <a:lnTo>
                      <a:pt x="57" y="135"/>
                    </a:lnTo>
                    <a:lnTo>
                      <a:pt x="57" y="137"/>
                    </a:lnTo>
                    <a:lnTo>
                      <a:pt x="57" y="138"/>
                    </a:lnTo>
                    <a:lnTo>
                      <a:pt x="57" y="142"/>
                    </a:lnTo>
                    <a:lnTo>
                      <a:pt x="54" y="143"/>
                    </a:lnTo>
                    <a:lnTo>
                      <a:pt x="49" y="145"/>
                    </a:lnTo>
                    <a:lnTo>
                      <a:pt x="47" y="145"/>
                    </a:lnTo>
                    <a:lnTo>
                      <a:pt x="46" y="147"/>
                    </a:lnTo>
                    <a:lnTo>
                      <a:pt x="44" y="149"/>
                    </a:lnTo>
                    <a:lnTo>
                      <a:pt x="44" y="150"/>
                    </a:lnTo>
                    <a:lnTo>
                      <a:pt x="44" y="154"/>
                    </a:lnTo>
                    <a:lnTo>
                      <a:pt x="44" y="157"/>
                    </a:lnTo>
                    <a:lnTo>
                      <a:pt x="46" y="159"/>
                    </a:lnTo>
                    <a:lnTo>
                      <a:pt x="47" y="162"/>
                    </a:lnTo>
                    <a:lnTo>
                      <a:pt x="47" y="164"/>
                    </a:lnTo>
                    <a:lnTo>
                      <a:pt x="47" y="165"/>
                    </a:lnTo>
                    <a:lnTo>
                      <a:pt x="46" y="167"/>
                    </a:lnTo>
                    <a:lnTo>
                      <a:pt x="44" y="171"/>
                    </a:lnTo>
                    <a:lnTo>
                      <a:pt x="42" y="172"/>
                    </a:lnTo>
                    <a:lnTo>
                      <a:pt x="41" y="174"/>
                    </a:lnTo>
                    <a:lnTo>
                      <a:pt x="39" y="176"/>
                    </a:lnTo>
                    <a:lnTo>
                      <a:pt x="39" y="177"/>
                    </a:lnTo>
                    <a:lnTo>
                      <a:pt x="41" y="177"/>
                    </a:lnTo>
                    <a:lnTo>
                      <a:pt x="42" y="177"/>
                    </a:lnTo>
                    <a:lnTo>
                      <a:pt x="44" y="177"/>
                    </a:lnTo>
                    <a:lnTo>
                      <a:pt x="46" y="179"/>
                    </a:lnTo>
                    <a:lnTo>
                      <a:pt x="47" y="181"/>
                    </a:lnTo>
                    <a:lnTo>
                      <a:pt x="47" y="182"/>
                    </a:lnTo>
                    <a:lnTo>
                      <a:pt x="46" y="184"/>
                    </a:lnTo>
                    <a:lnTo>
                      <a:pt x="41" y="187"/>
                    </a:lnTo>
                    <a:lnTo>
                      <a:pt x="39" y="187"/>
                    </a:lnTo>
                    <a:lnTo>
                      <a:pt x="35" y="189"/>
                    </a:lnTo>
                    <a:lnTo>
                      <a:pt x="34" y="189"/>
                    </a:lnTo>
                    <a:lnTo>
                      <a:pt x="32" y="191"/>
                    </a:lnTo>
                    <a:lnTo>
                      <a:pt x="32" y="196"/>
                    </a:lnTo>
                    <a:lnTo>
                      <a:pt x="29" y="204"/>
                    </a:lnTo>
                    <a:lnTo>
                      <a:pt x="37" y="213"/>
                    </a:lnTo>
                    <a:lnTo>
                      <a:pt x="39" y="220"/>
                    </a:lnTo>
                    <a:lnTo>
                      <a:pt x="44" y="240"/>
                    </a:lnTo>
                    <a:lnTo>
                      <a:pt x="46" y="242"/>
                    </a:lnTo>
                    <a:lnTo>
                      <a:pt x="46" y="243"/>
                    </a:lnTo>
                    <a:lnTo>
                      <a:pt x="47" y="247"/>
                    </a:lnTo>
                    <a:lnTo>
                      <a:pt x="47" y="248"/>
                    </a:lnTo>
                    <a:lnTo>
                      <a:pt x="47" y="250"/>
                    </a:lnTo>
                    <a:lnTo>
                      <a:pt x="46" y="252"/>
                    </a:lnTo>
                    <a:lnTo>
                      <a:pt x="42" y="253"/>
                    </a:lnTo>
                    <a:lnTo>
                      <a:pt x="41" y="255"/>
                    </a:lnTo>
                    <a:lnTo>
                      <a:pt x="41" y="259"/>
                    </a:lnTo>
                    <a:lnTo>
                      <a:pt x="39" y="262"/>
                    </a:lnTo>
                    <a:lnTo>
                      <a:pt x="39" y="265"/>
                    </a:lnTo>
                    <a:lnTo>
                      <a:pt x="39" y="269"/>
                    </a:lnTo>
                    <a:lnTo>
                      <a:pt x="39" y="270"/>
                    </a:lnTo>
                    <a:lnTo>
                      <a:pt x="37" y="270"/>
                    </a:lnTo>
                    <a:lnTo>
                      <a:pt x="37" y="272"/>
                    </a:lnTo>
                    <a:lnTo>
                      <a:pt x="37" y="274"/>
                    </a:lnTo>
                    <a:lnTo>
                      <a:pt x="37" y="275"/>
                    </a:lnTo>
                    <a:lnTo>
                      <a:pt x="37" y="279"/>
                    </a:lnTo>
                    <a:lnTo>
                      <a:pt x="37" y="281"/>
                    </a:lnTo>
                    <a:lnTo>
                      <a:pt x="39" y="282"/>
                    </a:lnTo>
                    <a:lnTo>
                      <a:pt x="41" y="282"/>
                    </a:lnTo>
                    <a:lnTo>
                      <a:pt x="42" y="281"/>
                    </a:lnTo>
                    <a:lnTo>
                      <a:pt x="44" y="281"/>
                    </a:lnTo>
                    <a:lnTo>
                      <a:pt x="46" y="284"/>
                    </a:lnTo>
                    <a:lnTo>
                      <a:pt x="46" y="286"/>
                    </a:lnTo>
                    <a:lnTo>
                      <a:pt x="47" y="287"/>
                    </a:lnTo>
                    <a:lnTo>
                      <a:pt x="46" y="299"/>
                    </a:lnTo>
                    <a:lnTo>
                      <a:pt x="52" y="304"/>
                    </a:lnTo>
                    <a:lnTo>
                      <a:pt x="44" y="314"/>
                    </a:lnTo>
                    <a:lnTo>
                      <a:pt x="46" y="319"/>
                    </a:lnTo>
                    <a:lnTo>
                      <a:pt x="57" y="318"/>
                    </a:lnTo>
                    <a:lnTo>
                      <a:pt x="57" y="330"/>
                    </a:lnTo>
                    <a:lnTo>
                      <a:pt x="56" y="330"/>
                    </a:lnTo>
                    <a:lnTo>
                      <a:pt x="56" y="331"/>
                    </a:lnTo>
                    <a:lnTo>
                      <a:pt x="54" y="333"/>
                    </a:lnTo>
                    <a:lnTo>
                      <a:pt x="52" y="335"/>
                    </a:lnTo>
                    <a:lnTo>
                      <a:pt x="51" y="336"/>
                    </a:lnTo>
                    <a:lnTo>
                      <a:pt x="52" y="338"/>
                    </a:lnTo>
                    <a:lnTo>
                      <a:pt x="54" y="340"/>
                    </a:lnTo>
                    <a:lnTo>
                      <a:pt x="61" y="340"/>
                    </a:lnTo>
                    <a:lnTo>
                      <a:pt x="61" y="341"/>
                    </a:lnTo>
                    <a:lnTo>
                      <a:pt x="61" y="343"/>
                    </a:lnTo>
                    <a:lnTo>
                      <a:pt x="59" y="345"/>
                    </a:lnTo>
                    <a:lnTo>
                      <a:pt x="59" y="348"/>
                    </a:lnTo>
                    <a:lnTo>
                      <a:pt x="61" y="350"/>
                    </a:lnTo>
                    <a:lnTo>
                      <a:pt x="64" y="352"/>
                    </a:lnTo>
                    <a:lnTo>
                      <a:pt x="69" y="352"/>
                    </a:lnTo>
                    <a:lnTo>
                      <a:pt x="68" y="355"/>
                    </a:lnTo>
                    <a:lnTo>
                      <a:pt x="66" y="357"/>
                    </a:lnTo>
                    <a:lnTo>
                      <a:pt x="66" y="360"/>
                    </a:lnTo>
                    <a:lnTo>
                      <a:pt x="64" y="363"/>
                    </a:lnTo>
                    <a:lnTo>
                      <a:pt x="63" y="367"/>
                    </a:lnTo>
                    <a:lnTo>
                      <a:pt x="61" y="369"/>
                    </a:lnTo>
                    <a:lnTo>
                      <a:pt x="61" y="370"/>
                    </a:lnTo>
                    <a:lnTo>
                      <a:pt x="59" y="370"/>
                    </a:lnTo>
                    <a:lnTo>
                      <a:pt x="56" y="370"/>
                    </a:lnTo>
                    <a:lnTo>
                      <a:pt x="51" y="372"/>
                    </a:lnTo>
                    <a:lnTo>
                      <a:pt x="47" y="372"/>
                    </a:lnTo>
                    <a:lnTo>
                      <a:pt x="44" y="374"/>
                    </a:lnTo>
                    <a:lnTo>
                      <a:pt x="44" y="375"/>
                    </a:lnTo>
                    <a:lnTo>
                      <a:pt x="47" y="377"/>
                    </a:lnTo>
                    <a:lnTo>
                      <a:pt x="54" y="380"/>
                    </a:lnTo>
                    <a:lnTo>
                      <a:pt x="54" y="382"/>
                    </a:lnTo>
                    <a:lnTo>
                      <a:pt x="54" y="384"/>
                    </a:lnTo>
                    <a:lnTo>
                      <a:pt x="52" y="389"/>
                    </a:lnTo>
                    <a:lnTo>
                      <a:pt x="49" y="392"/>
                    </a:lnTo>
                    <a:lnTo>
                      <a:pt x="47" y="396"/>
                    </a:lnTo>
                    <a:lnTo>
                      <a:pt x="44" y="399"/>
                    </a:lnTo>
                    <a:lnTo>
                      <a:pt x="44" y="402"/>
                    </a:lnTo>
                    <a:lnTo>
                      <a:pt x="42" y="404"/>
                    </a:lnTo>
                    <a:lnTo>
                      <a:pt x="41" y="416"/>
                    </a:lnTo>
                    <a:lnTo>
                      <a:pt x="32" y="416"/>
                    </a:lnTo>
                    <a:lnTo>
                      <a:pt x="25" y="443"/>
                    </a:lnTo>
                    <a:lnTo>
                      <a:pt x="17" y="448"/>
                    </a:lnTo>
                    <a:lnTo>
                      <a:pt x="25" y="448"/>
                    </a:lnTo>
                    <a:lnTo>
                      <a:pt x="25" y="450"/>
                    </a:lnTo>
                    <a:lnTo>
                      <a:pt x="24" y="450"/>
                    </a:lnTo>
                    <a:lnTo>
                      <a:pt x="20" y="453"/>
                    </a:lnTo>
                    <a:lnTo>
                      <a:pt x="19" y="455"/>
                    </a:lnTo>
                    <a:lnTo>
                      <a:pt x="15" y="458"/>
                    </a:lnTo>
                    <a:lnTo>
                      <a:pt x="15" y="460"/>
                    </a:lnTo>
                    <a:lnTo>
                      <a:pt x="15" y="463"/>
                    </a:lnTo>
                    <a:lnTo>
                      <a:pt x="17" y="465"/>
                    </a:lnTo>
                    <a:lnTo>
                      <a:pt x="17" y="467"/>
                    </a:lnTo>
                    <a:lnTo>
                      <a:pt x="15" y="468"/>
                    </a:lnTo>
                    <a:lnTo>
                      <a:pt x="13" y="470"/>
                    </a:lnTo>
                    <a:lnTo>
                      <a:pt x="10" y="473"/>
                    </a:lnTo>
                    <a:lnTo>
                      <a:pt x="10" y="477"/>
                    </a:lnTo>
                    <a:lnTo>
                      <a:pt x="8" y="479"/>
                    </a:lnTo>
                    <a:lnTo>
                      <a:pt x="10" y="480"/>
                    </a:lnTo>
                    <a:lnTo>
                      <a:pt x="13" y="480"/>
                    </a:lnTo>
                    <a:lnTo>
                      <a:pt x="15" y="482"/>
                    </a:lnTo>
                    <a:lnTo>
                      <a:pt x="15" y="485"/>
                    </a:lnTo>
                    <a:lnTo>
                      <a:pt x="13" y="487"/>
                    </a:lnTo>
                    <a:lnTo>
                      <a:pt x="8" y="492"/>
                    </a:lnTo>
                    <a:lnTo>
                      <a:pt x="5" y="494"/>
                    </a:lnTo>
                    <a:lnTo>
                      <a:pt x="2" y="495"/>
                    </a:lnTo>
                    <a:lnTo>
                      <a:pt x="0" y="497"/>
                    </a:lnTo>
                    <a:lnTo>
                      <a:pt x="0" y="501"/>
                    </a:lnTo>
                    <a:lnTo>
                      <a:pt x="0" y="502"/>
                    </a:lnTo>
                    <a:lnTo>
                      <a:pt x="2" y="504"/>
                    </a:lnTo>
                    <a:lnTo>
                      <a:pt x="3" y="506"/>
                    </a:lnTo>
                    <a:lnTo>
                      <a:pt x="5" y="506"/>
                    </a:lnTo>
                    <a:lnTo>
                      <a:pt x="7" y="507"/>
                    </a:lnTo>
                    <a:lnTo>
                      <a:pt x="5" y="509"/>
                    </a:lnTo>
                    <a:lnTo>
                      <a:pt x="5" y="512"/>
                    </a:lnTo>
                    <a:lnTo>
                      <a:pt x="5" y="514"/>
                    </a:lnTo>
                    <a:lnTo>
                      <a:pt x="3" y="517"/>
                    </a:lnTo>
                    <a:lnTo>
                      <a:pt x="3" y="521"/>
                    </a:lnTo>
                    <a:lnTo>
                      <a:pt x="3" y="523"/>
                    </a:lnTo>
                    <a:lnTo>
                      <a:pt x="3" y="524"/>
                    </a:lnTo>
                    <a:lnTo>
                      <a:pt x="203" y="511"/>
                    </a:lnTo>
                    <a:lnTo>
                      <a:pt x="203" y="534"/>
                    </a:lnTo>
                    <a:lnTo>
                      <a:pt x="201" y="534"/>
                    </a:lnTo>
                    <a:lnTo>
                      <a:pt x="200" y="538"/>
                    </a:lnTo>
                    <a:lnTo>
                      <a:pt x="198" y="543"/>
                    </a:lnTo>
                    <a:lnTo>
                      <a:pt x="196" y="546"/>
                    </a:lnTo>
                    <a:lnTo>
                      <a:pt x="195" y="553"/>
                    </a:lnTo>
                    <a:lnTo>
                      <a:pt x="195" y="558"/>
                    </a:lnTo>
                    <a:lnTo>
                      <a:pt x="198" y="563"/>
                    </a:lnTo>
                    <a:lnTo>
                      <a:pt x="203" y="567"/>
                    </a:lnTo>
                    <a:lnTo>
                      <a:pt x="205" y="568"/>
                    </a:lnTo>
                    <a:lnTo>
                      <a:pt x="208" y="572"/>
                    </a:lnTo>
                    <a:lnTo>
                      <a:pt x="211" y="577"/>
                    </a:lnTo>
                    <a:lnTo>
                      <a:pt x="217" y="583"/>
                    </a:lnTo>
                    <a:lnTo>
                      <a:pt x="220" y="590"/>
                    </a:lnTo>
                    <a:lnTo>
                      <a:pt x="223" y="597"/>
                    </a:lnTo>
                    <a:lnTo>
                      <a:pt x="223" y="605"/>
                    </a:lnTo>
                    <a:lnTo>
                      <a:pt x="222" y="612"/>
                    </a:lnTo>
                    <a:lnTo>
                      <a:pt x="240" y="60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513" name="Freeform 72"/>
              <p:cNvSpPr>
                <a:spLocks/>
              </p:cNvSpPr>
              <p:nvPr/>
            </p:nvSpPr>
            <p:spPr bwMode="auto">
              <a:xfrm>
                <a:off x="3392" y="2451"/>
                <a:ext cx="352" cy="612"/>
              </a:xfrm>
              <a:custGeom>
                <a:avLst/>
                <a:gdLst>
                  <a:gd name="T0" fmla="*/ 262 w 352"/>
                  <a:gd name="T1" fmla="*/ 594 h 612"/>
                  <a:gd name="T2" fmla="*/ 281 w 352"/>
                  <a:gd name="T3" fmla="*/ 587 h 612"/>
                  <a:gd name="T4" fmla="*/ 301 w 352"/>
                  <a:gd name="T5" fmla="*/ 583 h 612"/>
                  <a:gd name="T6" fmla="*/ 296 w 352"/>
                  <a:gd name="T7" fmla="*/ 577 h 612"/>
                  <a:gd name="T8" fmla="*/ 306 w 352"/>
                  <a:gd name="T9" fmla="*/ 573 h 612"/>
                  <a:gd name="T10" fmla="*/ 315 w 352"/>
                  <a:gd name="T11" fmla="*/ 582 h 612"/>
                  <a:gd name="T12" fmla="*/ 332 w 352"/>
                  <a:gd name="T13" fmla="*/ 575 h 612"/>
                  <a:gd name="T14" fmla="*/ 340 w 352"/>
                  <a:gd name="T15" fmla="*/ 583 h 612"/>
                  <a:gd name="T16" fmla="*/ 352 w 352"/>
                  <a:gd name="T17" fmla="*/ 578 h 612"/>
                  <a:gd name="T18" fmla="*/ 333 w 352"/>
                  <a:gd name="T19" fmla="*/ 0 h 612"/>
                  <a:gd name="T20" fmla="*/ 122 w 352"/>
                  <a:gd name="T21" fmla="*/ 22 h 612"/>
                  <a:gd name="T22" fmla="*/ 118 w 352"/>
                  <a:gd name="T23" fmla="*/ 32 h 612"/>
                  <a:gd name="T24" fmla="*/ 79 w 352"/>
                  <a:gd name="T25" fmla="*/ 98 h 612"/>
                  <a:gd name="T26" fmla="*/ 56 w 352"/>
                  <a:gd name="T27" fmla="*/ 132 h 612"/>
                  <a:gd name="T28" fmla="*/ 57 w 352"/>
                  <a:gd name="T29" fmla="*/ 142 h 612"/>
                  <a:gd name="T30" fmla="*/ 46 w 352"/>
                  <a:gd name="T31" fmla="*/ 147 h 612"/>
                  <a:gd name="T32" fmla="*/ 46 w 352"/>
                  <a:gd name="T33" fmla="*/ 159 h 612"/>
                  <a:gd name="T34" fmla="*/ 46 w 352"/>
                  <a:gd name="T35" fmla="*/ 167 h 612"/>
                  <a:gd name="T36" fmla="*/ 39 w 352"/>
                  <a:gd name="T37" fmla="*/ 177 h 612"/>
                  <a:gd name="T38" fmla="*/ 46 w 352"/>
                  <a:gd name="T39" fmla="*/ 179 h 612"/>
                  <a:gd name="T40" fmla="*/ 41 w 352"/>
                  <a:gd name="T41" fmla="*/ 187 h 612"/>
                  <a:gd name="T42" fmla="*/ 32 w 352"/>
                  <a:gd name="T43" fmla="*/ 196 h 612"/>
                  <a:gd name="T44" fmla="*/ 44 w 352"/>
                  <a:gd name="T45" fmla="*/ 240 h 612"/>
                  <a:gd name="T46" fmla="*/ 47 w 352"/>
                  <a:gd name="T47" fmla="*/ 248 h 612"/>
                  <a:gd name="T48" fmla="*/ 42 w 352"/>
                  <a:gd name="T49" fmla="*/ 253 h 612"/>
                  <a:gd name="T50" fmla="*/ 39 w 352"/>
                  <a:gd name="T51" fmla="*/ 269 h 612"/>
                  <a:gd name="T52" fmla="*/ 37 w 352"/>
                  <a:gd name="T53" fmla="*/ 272 h 612"/>
                  <a:gd name="T54" fmla="*/ 39 w 352"/>
                  <a:gd name="T55" fmla="*/ 282 h 612"/>
                  <a:gd name="T56" fmla="*/ 46 w 352"/>
                  <a:gd name="T57" fmla="*/ 284 h 612"/>
                  <a:gd name="T58" fmla="*/ 44 w 352"/>
                  <a:gd name="T59" fmla="*/ 314 h 612"/>
                  <a:gd name="T60" fmla="*/ 56 w 352"/>
                  <a:gd name="T61" fmla="*/ 330 h 612"/>
                  <a:gd name="T62" fmla="*/ 52 w 352"/>
                  <a:gd name="T63" fmla="*/ 338 h 612"/>
                  <a:gd name="T64" fmla="*/ 61 w 352"/>
                  <a:gd name="T65" fmla="*/ 341 h 612"/>
                  <a:gd name="T66" fmla="*/ 64 w 352"/>
                  <a:gd name="T67" fmla="*/ 352 h 612"/>
                  <a:gd name="T68" fmla="*/ 66 w 352"/>
                  <a:gd name="T69" fmla="*/ 357 h 612"/>
                  <a:gd name="T70" fmla="*/ 61 w 352"/>
                  <a:gd name="T71" fmla="*/ 370 h 612"/>
                  <a:gd name="T72" fmla="*/ 47 w 352"/>
                  <a:gd name="T73" fmla="*/ 372 h 612"/>
                  <a:gd name="T74" fmla="*/ 54 w 352"/>
                  <a:gd name="T75" fmla="*/ 380 h 612"/>
                  <a:gd name="T76" fmla="*/ 47 w 352"/>
                  <a:gd name="T77" fmla="*/ 396 h 612"/>
                  <a:gd name="T78" fmla="*/ 32 w 352"/>
                  <a:gd name="T79" fmla="*/ 416 h 612"/>
                  <a:gd name="T80" fmla="*/ 25 w 352"/>
                  <a:gd name="T81" fmla="*/ 450 h 612"/>
                  <a:gd name="T82" fmla="*/ 15 w 352"/>
                  <a:gd name="T83" fmla="*/ 460 h 612"/>
                  <a:gd name="T84" fmla="*/ 15 w 352"/>
                  <a:gd name="T85" fmla="*/ 468 h 612"/>
                  <a:gd name="T86" fmla="*/ 10 w 352"/>
                  <a:gd name="T87" fmla="*/ 480 h 612"/>
                  <a:gd name="T88" fmla="*/ 13 w 352"/>
                  <a:gd name="T89" fmla="*/ 487 h 612"/>
                  <a:gd name="T90" fmla="*/ 0 w 352"/>
                  <a:gd name="T91" fmla="*/ 497 h 612"/>
                  <a:gd name="T92" fmla="*/ 5 w 352"/>
                  <a:gd name="T93" fmla="*/ 506 h 612"/>
                  <a:gd name="T94" fmla="*/ 5 w 352"/>
                  <a:gd name="T95" fmla="*/ 514 h 612"/>
                  <a:gd name="T96" fmla="*/ 203 w 352"/>
                  <a:gd name="T97" fmla="*/ 511 h 612"/>
                  <a:gd name="T98" fmla="*/ 198 w 352"/>
                  <a:gd name="T99" fmla="*/ 543 h 612"/>
                  <a:gd name="T100" fmla="*/ 203 w 352"/>
                  <a:gd name="T101" fmla="*/ 567 h 612"/>
                  <a:gd name="T102" fmla="*/ 217 w 352"/>
                  <a:gd name="T103" fmla="*/ 583 h 612"/>
                  <a:gd name="T104" fmla="*/ 240 w 352"/>
                  <a:gd name="T105" fmla="*/ 609 h 612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w 352"/>
                  <a:gd name="T160" fmla="*/ 0 h 612"/>
                  <a:gd name="T161" fmla="*/ 352 w 352"/>
                  <a:gd name="T162" fmla="*/ 612 h 612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T159" t="T160" r="T161" b="T162"/>
                <a:pathLst>
                  <a:path w="352" h="612">
                    <a:moveTo>
                      <a:pt x="240" y="609"/>
                    </a:moveTo>
                    <a:lnTo>
                      <a:pt x="252" y="599"/>
                    </a:lnTo>
                    <a:lnTo>
                      <a:pt x="252" y="590"/>
                    </a:lnTo>
                    <a:lnTo>
                      <a:pt x="262" y="594"/>
                    </a:lnTo>
                    <a:lnTo>
                      <a:pt x="266" y="592"/>
                    </a:lnTo>
                    <a:lnTo>
                      <a:pt x="271" y="590"/>
                    </a:lnTo>
                    <a:lnTo>
                      <a:pt x="276" y="589"/>
                    </a:lnTo>
                    <a:lnTo>
                      <a:pt x="281" y="587"/>
                    </a:lnTo>
                    <a:lnTo>
                      <a:pt x="284" y="585"/>
                    </a:lnTo>
                    <a:lnTo>
                      <a:pt x="288" y="585"/>
                    </a:lnTo>
                    <a:lnTo>
                      <a:pt x="291" y="585"/>
                    </a:lnTo>
                    <a:lnTo>
                      <a:pt x="301" y="583"/>
                    </a:lnTo>
                    <a:lnTo>
                      <a:pt x="306" y="583"/>
                    </a:lnTo>
                    <a:lnTo>
                      <a:pt x="306" y="582"/>
                    </a:lnTo>
                    <a:lnTo>
                      <a:pt x="305" y="580"/>
                    </a:lnTo>
                    <a:lnTo>
                      <a:pt x="301" y="578"/>
                    </a:lnTo>
                    <a:lnTo>
                      <a:pt x="296" y="577"/>
                    </a:lnTo>
                    <a:lnTo>
                      <a:pt x="293" y="577"/>
                    </a:lnTo>
                    <a:lnTo>
                      <a:pt x="301" y="573"/>
                    </a:lnTo>
                    <a:lnTo>
                      <a:pt x="306" y="573"/>
                    </a:lnTo>
                    <a:lnTo>
                      <a:pt x="311" y="575"/>
                    </a:lnTo>
                    <a:lnTo>
                      <a:pt x="313" y="577"/>
                    </a:lnTo>
                    <a:lnTo>
                      <a:pt x="315" y="578"/>
                    </a:lnTo>
                    <a:lnTo>
                      <a:pt x="315" y="582"/>
                    </a:lnTo>
                    <a:lnTo>
                      <a:pt x="315" y="583"/>
                    </a:lnTo>
                    <a:lnTo>
                      <a:pt x="323" y="585"/>
                    </a:lnTo>
                    <a:lnTo>
                      <a:pt x="332" y="575"/>
                    </a:lnTo>
                    <a:lnTo>
                      <a:pt x="333" y="577"/>
                    </a:lnTo>
                    <a:lnTo>
                      <a:pt x="335" y="578"/>
                    </a:lnTo>
                    <a:lnTo>
                      <a:pt x="335" y="580"/>
                    </a:lnTo>
                    <a:lnTo>
                      <a:pt x="340" y="583"/>
                    </a:lnTo>
                    <a:lnTo>
                      <a:pt x="343" y="585"/>
                    </a:lnTo>
                    <a:lnTo>
                      <a:pt x="347" y="585"/>
                    </a:lnTo>
                    <a:lnTo>
                      <a:pt x="349" y="583"/>
                    </a:lnTo>
                    <a:lnTo>
                      <a:pt x="350" y="582"/>
                    </a:lnTo>
                    <a:lnTo>
                      <a:pt x="352" y="578"/>
                    </a:lnTo>
                    <a:lnTo>
                      <a:pt x="352" y="577"/>
                    </a:lnTo>
                    <a:lnTo>
                      <a:pt x="328" y="392"/>
                    </a:lnTo>
                    <a:lnTo>
                      <a:pt x="333" y="0"/>
                    </a:lnTo>
                    <a:lnTo>
                      <a:pt x="122" y="18"/>
                    </a:lnTo>
                    <a:lnTo>
                      <a:pt x="122" y="20"/>
                    </a:lnTo>
                    <a:lnTo>
                      <a:pt x="122" y="22"/>
                    </a:lnTo>
                    <a:lnTo>
                      <a:pt x="120" y="25"/>
                    </a:lnTo>
                    <a:lnTo>
                      <a:pt x="120" y="27"/>
                    </a:lnTo>
                    <a:lnTo>
                      <a:pt x="120" y="28"/>
                    </a:lnTo>
                    <a:lnTo>
                      <a:pt x="118" y="30"/>
                    </a:lnTo>
                    <a:lnTo>
                      <a:pt x="118" y="32"/>
                    </a:lnTo>
                    <a:lnTo>
                      <a:pt x="103" y="44"/>
                    </a:lnTo>
                    <a:lnTo>
                      <a:pt x="93" y="59"/>
                    </a:lnTo>
                    <a:lnTo>
                      <a:pt x="93" y="89"/>
                    </a:lnTo>
                    <a:lnTo>
                      <a:pt x="85" y="98"/>
                    </a:lnTo>
                    <a:lnTo>
                      <a:pt x="79" y="98"/>
                    </a:lnTo>
                    <a:lnTo>
                      <a:pt x="64" y="113"/>
                    </a:lnTo>
                    <a:lnTo>
                      <a:pt x="69" y="123"/>
                    </a:lnTo>
                    <a:lnTo>
                      <a:pt x="54" y="132"/>
                    </a:lnTo>
                    <a:lnTo>
                      <a:pt x="56" y="132"/>
                    </a:lnTo>
                    <a:lnTo>
                      <a:pt x="56" y="133"/>
                    </a:lnTo>
                    <a:lnTo>
                      <a:pt x="57" y="135"/>
                    </a:lnTo>
                    <a:lnTo>
                      <a:pt x="57" y="137"/>
                    </a:lnTo>
                    <a:lnTo>
                      <a:pt x="57" y="138"/>
                    </a:lnTo>
                    <a:lnTo>
                      <a:pt x="57" y="142"/>
                    </a:lnTo>
                    <a:lnTo>
                      <a:pt x="54" y="143"/>
                    </a:lnTo>
                    <a:lnTo>
                      <a:pt x="49" y="145"/>
                    </a:lnTo>
                    <a:lnTo>
                      <a:pt x="47" y="145"/>
                    </a:lnTo>
                    <a:lnTo>
                      <a:pt x="46" y="147"/>
                    </a:lnTo>
                    <a:lnTo>
                      <a:pt x="44" y="149"/>
                    </a:lnTo>
                    <a:lnTo>
                      <a:pt x="44" y="150"/>
                    </a:lnTo>
                    <a:lnTo>
                      <a:pt x="44" y="154"/>
                    </a:lnTo>
                    <a:lnTo>
                      <a:pt x="44" y="157"/>
                    </a:lnTo>
                    <a:lnTo>
                      <a:pt x="46" y="159"/>
                    </a:lnTo>
                    <a:lnTo>
                      <a:pt x="47" y="162"/>
                    </a:lnTo>
                    <a:lnTo>
                      <a:pt x="47" y="164"/>
                    </a:lnTo>
                    <a:lnTo>
                      <a:pt x="47" y="165"/>
                    </a:lnTo>
                    <a:lnTo>
                      <a:pt x="46" y="167"/>
                    </a:lnTo>
                    <a:lnTo>
                      <a:pt x="44" y="171"/>
                    </a:lnTo>
                    <a:lnTo>
                      <a:pt x="42" y="172"/>
                    </a:lnTo>
                    <a:lnTo>
                      <a:pt x="41" y="174"/>
                    </a:lnTo>
                    <a:lnTo>
                      <a:pt x="39" y="176"/>
                    </a:lnTo>
                    <a:lnTo>
                      <a:pt x="39" y="177"/>
                    </a:lnTo>
                    <a:lnTo>
                      <a:pt x="41" y="177"/>
                    </a:lnTo>
                    <a:lnTo>
                      <a:pt x="42" y="177"/>
                    </a:lnTo>
                    <a:lnTo>
                      <a:pt x="44" y="177"/>
                    </a:lnTo>
                    <a:lnTo>
                      <a:pt x="46" y="179"/>
                    </a:lnTo>
                    <a:lnTo>
                      <a:pt x="47" y="181"/>
                    </a:lnTo>
                    <a:lnTo>
                      <a:pt x="47" y="182"/>
                    </a:lnTo>
                    <a:lnTo>
                      <a:pt x="46" y="184"/>
                    </a:lnTo>
                    <a:lnTo>
                      <a:pt x="41" y="187"/>
                    </a:lnTo>
                    <a:lnTo>
                      <a:pt x="39" y="187"/>
                    </a:lnTo>
                    <a:lnTo>
                      <a:pt x="35" y="189"/>
                    </a:lnTo>
                    <a:lnTo>
                      <a:pt x="34" y="189"/>
                    </a:lnTo>
                    <a:lnTo>
                      <a:pt x="32" y="191"/>
                    </a:lnTo>
                    <a:lnTo>
                      <a:pt x="32" y="196"/>
                    </a:lnTo>
                    <a:lnTo>
                      <a:pt x="29" y="204"/>
                    </a:lnTo>
                    <a:lnTo>
                      <a:pt x="37" y="213"/>
                    </a:lnTo>
                    <a:lnTo>
                      <a:pt x="39" y="220"/>
                    </a:lnTo>
                    <a:lnTo>
                      <a:pt x="44" y="240"/>
                    </a:lnTo>
                    <a:lnTo>
                      <a:pt x="46" y="242"/>
                    </a:lnTo>
                    <a:lnTo>
                      <a:pt x="46" y="243"/>
                    </a:lnTo>
                    <a:lnTo>
                      <a:pt x="47" y="247"/>
                    </a:lnTo>
                    <a:lnTo>
                      <a:pt x="47" y="248"/>
                    </a:lnTo>
                    <a:lnTo>
                      <a:pt x="47" y="250"/>
                    </a:lnTo>
                    <a:lnTo>
                      <a:pt x="46" y="252"/>
                    </a:lnTo>
                    <a:lnTo>
                      <a:pt x="42" y="253"/>
                    </a:lnTo>
                    <a:lnTo>
                      <a:pt x="41" y="255"/>
                    </a:lnTo>
                    <a:lnTo>
                      <a:pt x="41" y="259"/>
                    </a:lnTo>
                    <a:lnTo>
                      <a:pt x="39" y="262"/>
                    </a:lnTo>
                    <a:lnTo>
                      <a:pt x="39" y="265"/>
                    </a:lnTo>
                    <a:lnTo>
                      <a:pt x="39" y="269"/>
                    </a:lnTo>
                    <a:lnTo>
                      <a:pt x="39" y="270"/>
                    </a:lnTo>
                    <a:lnTo>
                      <a:pt x="37" y="270"/>
                    </a:lnTo>
                    <a:lnTo>
                      <a:pt x="37" y="272"/>
                    </a:lnTo>
                    <a:lnTo>
                      <a:pt x="37" y="274"/>
                    </a:lnTo>
                    <a:lnTo>
                      <a:pt x="37" y="275"/>
                    </a:lnTo>
                    <a:lnTo>
                      <a:pt x="37" y="279"/>
                    </a:lnTo>
                    <a:lnTo>
                      <a:pt x="37" y="281"/>
                    </a:lnTo>
                    <a:lnTo>
                      <a:pt x="39" y="282"/>
                    </a:lnTo>
                    <a:lnTo>
                      <a:pt x="41" y="282"/>
                    </a:lnTo>
                    <a:lnTo>
                      <a:pt x="42" y="281"/>
                    </a:lnTo>
                    <a:lnTo>
                      <a:pt x="44" y="281"/>
                    </a:lnTo>
                    <a:lnTo>
                      <a:pt x="46" y="284"/>
                    </a:lnTo>
                    <a:lnTo>
                      <a:pt x="46" y="286"/>
                    </a:lnTo>
                    <a:lnTo>
                      <a:pt x="47" y="287"/>
                    </a:lnTo>
                    <a:lnTo>
                      <a:pt x="46" y="299"/>
                    </a:lnTo>
                    <a:lnTo>
                      <a:pt x="52" y="304"/>
                    </a:lnTo>
                    <a:lnTo>
                      <a:pt x="44" y="314"/>
                    </a:lnTo>
                    <a:lnTo>
                      <a:pt x="46" y="319"/>
                    </a:lnTo>
                    <a:lnTo>
                      <a:pt x="57" y="318"/>
                    </a:lnTo>
                    <a:lnTo>
                      <a:pt x="57" y="330"/>
                    </a:lnTo>
                    <a:lnTo>
                      <a:pt x="56" y="330"/>
                    </a:lnTo>
                    <a:lnTo>
                      <a:pt x="56" y="331"/>
                    </a:lnTo>
                    <a:lnTo>
                      <a:pt x="54" y="333"/>
                    </a:lnTo>
                    <a:lnTo>
                      <a:pt x="52" y="335"/>
                    </a:lnTo>
                    <a:lnTo>
                      <a:pt x="51" y="336"/>
                    </a:lnTo>
                    <a:lnTo>
                      <a:pt x="52" y="338"/>
                    </a:lnTo>
                    <a:lnTo>
                      <a:pt x="54" y="340"/>
                    </a:lnTo>
                    <a:lnTo>
                      <a:pt x="61" y="340"/>
                    </a:lnTo>
                    <a:lnTo>
                      <a:pt x="61" y="341"/>
                    </a:lnTo>
                    <a:lnTo>
                      <a:pt x="61" y="343"/>
                    </a:lnTo>
                    <a:lnTo>
                      <a:pt x="59" y="345"/>
                    </a:lnTo>
                    <a:lnTo>
                      <a:pt x="59" y="348"/>
                    </a:lnTo>
                    <a:lnTo>
                      <a:pt x="61" y="350"/>
                    </a:lnTo>
                    <a:lnTo>
                      <a:pt x="64" y="352"/>
                    </a:lnTo>
                    <a:lnTo>
                      <a:pt x="69" y="352"/>
                    </a:lnTo>
                    <a:lnTo>
                      <a:pt x="68" y="355"/>
                    </a:lnTo>
                    <a:lnTo>
                      <a:pt x="66" y="357"/>
                    </a:lnTo>
                    <a:lnTo>
                      <a:pt x="66" y="360"/>
                    </a:lnTo>
                    <a:lnTo>
                      <a:pt x="64" y="363"/>
                    </a:lnTo>
                    <a:lnTo>
                      <a:pt x="63" y="367"/>
                    </a:lnTo>
                    <a:lnTo>
                      <a:pt x="61" y="369"/>
                    </a:lnTo>
                    <a:lnTo>
                      <a:pt x="61" y="370"/>
                    </a:lnTo>
                    <a:lnTo>
                      <a:pt x="59" y="370"/>
                    </a:lnTo>
                    <a:lnTo>
                      <a:pt x="56" y="370"/>
                    </a:lnTo>
                    <a:lnTo>
                      <a:pt x="51" y="372"/>
                    </a:lnTo>
                    <a:lnTo>
                      <a:pt x="47" y="372"/>
                    </a:lnTo>
                    <a:lnTo>
                      <a:pt x="44" y="374"/>
                    </a:lnTo>
                    <a:lnTo>
                      <a:pt x="44" y="375"/>
                    </a:lnTo>
                    <a:lnTo>
                      <a:pt x="47" y="377"/>
                    </a:lnTo>
                    <a:lnTo>
                      <a:pt x="54" y="380"/>
                    </a:lnTo>
                    <a:lnTo>
                      <a:pt x="54" y="382"/>
                    </a:lnTo>
                    <a:lnTo>
                      <a:pt x="54" y="384"/>
                    </a:lnTo>
                    <a:lnTo>
                      <a:pt x="52" y="389"/>
                    </a:lnTo>
                    <a:lnTo>
                      <a:pt x="49" y="392"/>
                    </a:lnTo>
                    <a:lnTo>
                      <a:pt x="47" y="396"/>
                    </a:lnTo>
                    <a:lnTo>
                      <a:pt x="44" y="399"/>
                    </a:lnTo>
                    <a:lnTo>
                      <a:pt x="44" y="402"/>
                    </a:lnTo>
                    <a:lnTo>
                      <a:pt x="42" y="404"/>
                    </a:lnTo>
                    <a:lnTo>
                      <a:pt x="41" y="416"/>
                    </a:lnTo>
                    <a:lnTo>
                      <a:pt x="32" y="416"/>
                    </a:lnTo>
                    <a:lnTo>
                      <a:pt x="25" y="443"/>
                    </a:lnTo>
                    <a:lnTo>
                      <a:pt x="17" y="448"/>
                    </a:lnTo>
                    <a:lnTo>
                      <a:pt x="25" y="448"/>
                    </a:lnTo>
                    <a:lnTo>
                      <a:pt x="25" y="450"/>
                    </a:lnTo>
                    <a:lnTo>
                      <a:pt x="24" y="450"/>
                    </a:lnTo>
                    <a:lnTo>
                      <a:pt x="20" y="453"/>
                    </a:lnTo>
                    <a:lnTo>
                      <a:pt x="19" y="455"/>
                    </a:lnTo>
                    <a:lnTo>
                      <a:pt x="15" y="458"/>
                    </a:lnTo>
                    <a:lnTo>
                      <a:pt x="15" y="460"/>
                    </a:lnTo>
                    <a:lnTo>
                      <a:pt x="15" y="463"/>
                    </a:lnTo>
                    <a:lnTo>
                      <a:pt x="17" y="465"/>
                    </a:lnTo>
                    <a:lnTo>
                      <a:pt x="17" y="467"/>
                    </a:lnTo>
                    <a:lnTo>
                      <a:pt x="15" y="468"/>
                    </a:lnTo>
                    <a:lnTo>
                      <a:pt x="13" y="470"/>
                    </a:lnTo>
                    <a:lnTo>
                      <a:pt x="10" y="473"/>
                    </a:lnTo>
                    <a:lnTo>
                      <a:pt x="10" y="477"/>
                    </a:lnTo>
                    <a:lnTo>
                      <a:pt x="8" y="479"/>
                    </a:lnTo>
                    <a:lnTo>
                      <a:pt x="10" y="480"/>
                    </a:lnTo>
                    <a:lnTo>
                      <a:pt x="13" y="480"/>
                    </a:lnTo>
                    <a:lnTo>
                      <a:pt x="15" y="482"/>
                    </a:lnTo>
                    <a:lnTo>
                      <a:pt x="15" y="485"/>
                    </a:lnTo>
                    <a:lnTo>
                      <a:pt x="13" y="487"/>
                    </a:lnTo>
                    <a:lnTo>
                      <a:pt x="8" y="492"/>
                    </a:lnTo>
                    <a:lnTo>
                      <a:pt x="5" y="494"/>
                    </a:lnTo>
                    <a:lnTo>
                      <a:pt x="2" y="495"/>
                    </a:lnTo>
                    <a:lnTo>
                      <a:pt x="0" y="497"/>
                    </a:lnTo>
                    <a:lnTo>
                      <a:pt x="0" y="501"/>
                    </a:lnTo>
                    <a:lnTo>
                      <a:pt x="0" y="502"/>
                    </a:lnTo>
                    <a:lnTo>
                      <a:pt x="2" y="504"/>
                    </a:lnTo>
                    <a:lnTo>
                      <a:pt x="3" y="506"/>
                    </a:lnTo>
                    <a:lnTo>
                      <a:pt x="5" y="506"/>
                    </a:lnTo>
                    <a:lnTo>
                      <a:pt x="7" y="507"/>
                    </a:lnTo>
                    <a:lnTo>
                      <a:pt x="5" y="509"/>
                    </a:lnTo>
                    <a:lnTo>
                      <a:pt x="5" y="512"/>
                    </a:lnTo>
                    <a:lnTo>
                      <a:pt x="5" y="514"/>
                    </a:lnTo>
                    <a:lnTo>
                      <a:pt x="3" y="517"/>
                    </a:lnTo>
                    <a:lnTo>
                      <a:pt x="3" y="521"/>
                    </a:lnTo>
                    <a:lnTo>
                      <a:pt x="3" y="523"/>
                    </a:lnTo>
                    <a:lnTo>
                      <a:pt x="3" y="524"/>
                    </a:lnTo>
                    <a:lnTo>
                      <a:pt x="203" y="511"/>
                    </a:lnTo>
                    <a:lnTo>
                      <a:pt x="203" y="534"/>
                    </a:lnTo>
                    <a:lnTo>
                      <a:pt x="201" y="534"/>
                    </a:lnTo>
                    <a:lnTo>
                      <a:pt x="200" y="538"/>
                    </a:lnTo>
                    <a:lnTo>
                      <a:pt x="198" y="543"/>
                    </a:lnTo>
                    <a:lnTo>
                      <a:pt x="196" y="546"/>
                    </a:lnTo>
                    <a:lnTo>
                      <a:pt x="195" y="553"/>
                    </a:lnTo>
                    <a:lnTo>
                      <a:pt x="195" y="558"/>
                    </a:lnTo>
                    <a:lnTo>
                      <a:pt x="198" y="563"/>
                    </a:lnTo>
                    <a:lnTo>
                      <a:pt x="203" y="567"/>
                    </a:lnTo>
                    <a:lnTo>
                      <a:pt x="205" y="568"/>
                    </a:lnTo>
                    <a:lnTo>
                      <a:pt x="208" y="572"/>
                    </a:lnTo>
                    <a:lnTo>
                      <a:pt x="211" y="577"/>
                    </a:lnTo>
                    <a:lnTo>
                      <a:pt x="217" y="583"/>
                    </a:lnTo>
                    <a:lnTo>
                      <a:pt x="220" y="590"/>
                    </a:lnTo>
                    <a:lnTo>
                      <a:pt x="223" y="597"/>
                    </a:lnTo>
                    <a:lnTo>
                      <a:pt x="223" y="605"/>
                    </a:lnTo>
                    <a:lnTo>
                      <a:pt x="222" y="612"/>
                    </a:lnTo>
                    <a:lnTo>
                      <a:pt x="240" y="609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394" name="Group 73"/>
            <p:cNvGrpSpPr>
              <a:grpSpLocks/>
            </p:cNvGrpSpPr>
            <p:nvPr/>
          </p:nvGrpSpPr>
          <p:grpSpPr bwMode="auto">
            <a:xfrm>
              <a:off x="4248" y="2069"/>
              <a:ext cx="436" cy="217"/>
              <a:chOff x="4487" y="1686"/>
              <a:chExt cx="448" cy="223"/>
            </a:xfrm>
          </p:grpSpPr>
          <p:sp>
            <p:nvSpPr>
              <p:cNvPr id="510" name="Freeform 74"/>
              <p:cNvSpPr>
                <a:spLocks/>
              </p:cNvSpPr>
              <p:nvPr/>
            </p:nvSpPr>
            <p:spPr bwMode="auto">
              <a:xfrm>
                <a:off x="4487" y="1686"/>
                <a:ext cx="448" cy="223"/>
              </a:xfrm>
              <a:custGeom>
                <a:avLst/>
                <a:gdLst>
                  <a:gd name="T0" fmla="*/ 249 w 448"/>
                  <a:gd name="T1" fmla="*/ 155 h 223"/>
                  <a:gd name="T2" fmla="*/ 238 w 448"/>
                  <a:gd name="T3" fmla="*/ 189 h 223"/>
                  <a:gd name="T4" fmla="*/ 252 w 448"/>
                  <a:gd name="T5" fmla="*/ 186 h 223"/>
                  <a:gd name="T6" fmla="*/ 264 w 448"/>
                  <a:gd name="T7" fmla="*/ 188 h 223"/>
                  <a:gd name="T8" fmla="*/ 284 w 448"/>
                  <a:gd name="T9" fmla="*/ 201 h 223"/>
                  <a:gd name="T10" fmla="*/ 330 w 448"/>
                  <a:gd name="T11" fmla="*/ 215 h 223"/>
                  <a:gd name="T12" fmla="*/ 299 w 448"/>
                  <a:gd name="T13" fmla="*/ 179 h 223"/>
                  <a:gd name="T14" fmla="*/ 308 w 448"/>
                  <a:gd name="T15" fmla="*/ 177 h 223"/>
                  <a:gd name="T16" fmla="*/ 316 w 448"/>
                  <a:gd name="T17" fmla="*/ 172 h 223"/>
                  <a:gd name="T18" fmla="*/ 299 w 448"/>
                  <a:gd name="T19" fmla="*/ 142 h 223"/>
                  <a:gd name="T20" fmla="*/ 299 w 448"/>
                  <a:gd name="T21" fmla="*/ 111 h 223"/>
                  <a:gd name="T22" fmla="*/ 291 w 448"/>
                  <a:gd name="T23" fmla="*/ 81 h 223"/>
                  <a:gd name="T24" fmla="*/ 301 w 448"/>
                  <a:gd name="T25" fmla="*/ 66 h 223"/>
                  <a:gd name="T26" fmla="*/ 301 w 448"/>
                  <a:gd name="T27" fmla="*/ 52 h 223"/>
                  <a:gd name="T28" fmla="*/ 308 w 448"/>
                  <a:gd name="T29" fmla="*/ 61 h 223"/>
                  <a:gd name="T30" fmla="*/ 321 w 448"/>
                  <a:gd name="T31" fmla="*/ 42 h 223"/>
                  <a:gd name="T32" fmla="*/ 320 w 448"/>
                  <a:gd name="T33" fmla="*/ 28 h 223"/>
                  <a:gd name="T34" fmla="*/ 331 w 448"/>
                  <a:gd name="T35" fmla="*/ 27 h 223"/>
                  <a:gd name="T36" fmla="*/ 337 w 448"/>
                  <a:gd name="T37" fmla="*/ 32 h 223"/>
                  <a:gd name="T38" fmla="*/ 331 w 448"/>
                  <a:gd name="T39" fmla="*/ 44 h 223"/>
                  <a:gd name="T40" fmla="*/ 316 w 448"/>
                  <a:gd name="T41" fmla="*/ 72 h 223"/>
                  <a:gd name="T42" fmla="*/ 326 w 448"/>
                  <a:gd name="T43" fmla="*/ 83 h 223"/>
                  <a:gd name="T44" fmla="*/ 335 w 448"/>
                  <a:gd name="T45" fmla="*/ 76 h 223"/>
                  <a:gd name="T46" fmla="*/ 326 w 448"/>
                  <a:gd name="T47" fmla="*/ 91 h 223"/>
                  <a:gd name="T48" fmla="*/ 325 w 448"/>
                  <a:gd name="T49" fmla="*/ 110 h 223"/>
                  <a:gd name="T50" fmla="*/ 320 w 448"/>
                  <a:gd name="T51" fmla="*/ 127 h 223"/>
                  <a:gd name="T52" fmla="*/ 340 w 448"/>
                  <a:gd name="T53" fmla="*/ 145 h 223"/>
                  <a:gd name="T54" fmla="*/ 325 w 448"/>
                  <a:gd name="T55" fmla="*/ 150 h 223"/>
                  <a:gd name="T56" fmla="*/ 335 w 448"/>
                  <a:gd name="T57" fmla="*/ 157 h 223"/>
                  <a:gd name="T58" fmla="*/ 337 w 448"/>
                  <a:gd name="T59" fmla="*/ 176 h 223"/>
                  <a:gd name="T60" fmla="*/ 348 w 448"/>
                  <a:gd name="T61" fmla="*/ 182 h 223"/>
                  <a:gd name="T62" fmla="*/ 360 w 448"/>
                  <a:gd name="T63" fmla="*/ 186 h 223"/>
                  <a:gd name="T64" fmla="*/ 355 w 448"/>
                  <a:gd name="T65" fmla="*/ 176 h 223"/>
                  <a:gd name="T66" fmla="*/ 364 w 448"/>
                  <a:gd name="T67" fmla="*/ 177 h 223"/>
                  <a:gd name="T68" fmla="*/ 372 w 448"/>
                  <a:gd name="T69" fmla="*/ 181 h 223"/>
                  <a:gd name="T70" fmla="*/ 369 w 448"/>
                  <a:gd name="T71" fmla="*/ 198 h 223"/>
                  <a:gd name="T72" fmla="*/ 382 w 448"/>
                  <a:gd name="T73" fmla="*/ 194 h 223"/>
                  <a:gd name="T74" fmla="*/ 381 w 448"/>
                  <a:gd name="T75" fmla="*/ 211 h 223"/>
                  <a:gd name="T76" fmla="*/ 387 w 448"/>
                  <a:gd name="T77" fmla="*/ 223 h 223"/>
                  <a:gd name="T78" fmla="*/ 409 w 448"/>
                  <a:gd name="T79" fmla="*/ 206 h 223"/>
                  <a:gd name="T80" fmla="*/ 440 w 448"/>
                  <a:gd name="T81" fmla="*/ 145 h 223"/>
                  <a:gd name="T82" fmla="*/ 441 w 448"/>
                  <a:gd name="T83" fmla="*/ 172 h 223"/>
                  <a:gd name="T84" fmla="*/ 435 w 448"/>
                  <a:gd name="T85" fmla="*/ 203 h 223"/>
                  <a:gd name="T86" fmla="*/ 433 w 448"/>
                  <a:gd name="T87" fmla="*/ 215 h 223"/>
                  <a:gd name="T88" fmla="*/ 436 w 448"/>
                  <a:gd name="T89" fmla="*/ 213 h 223"/>
                  <a:gd name="T90" fmla="*/ 447 w 448"/>
                  <a:gd name="T91" fmla="*/ 179 h 223"/>
                  <a:gd name="T92" fmla="*/ 448 w 448"/>
                  <a:gd name="T93" fmla="*/ 144 h 223"/>
                  <a:gd name="T94" fmla="*/ 0 w 448"/>
                  <a:gd name="T95" fmla="*/ 66 h 223"/>
                  <a:gd name="T96" fmla="*/ 52 w 448"/>
                  <a:gd name="T97" fmla="*/ 94 h 223"/>
                  <a:gd name="T98" fmla="*/ 84 w 448"/>
                  <a:gd name="T99" fmla="*/ 74 h 223"/>
                  <a:gd name="T100" fmla="*/ 111 w 448"/>
                  <a:gd name="T101" fmla="*/ 54 h 223"/>
                  <a:gd name="T102" fmla="*/ 147 w 448"/>
                  <a:gd name="T103" fmla="*/ 56 h 223"/>
                  <a:gd name="T104" fmla="*/ 159 w 448"/>
                  <a:gd name="T105" fmla="*/ 62 h 223"/>
                  <a:gd name="T106" fmla="*/ 176 w 448"/>
                  <a:gd name="T107" fmla="*/ 88 h 223"/>
                  <a:gd name="T108" fmla="*/ 193 w 448"/>
                  <a:gd name="T109" fmla="*/ 86 h 223"/>
                  <a:gd name="T110" fmla="*/ 198 w 448"/>
                  <a:gd name="T111" fmla="*/ 108 h 223"/>
                  <a:gd name="T112" fmla="*/ 228 w 448"/>
                  <a:gd name="T113" fmla="*/ 115 h 223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448"/>
                  <a:gd name="T172" fmla="*/ 0 h 223"/>
                  <a:gd name="T173" fmla="*/ 448 w 448"/>
                  <a:gd name="T174" fmla="*/ 223 h 223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448" h="223">
                    <a:moveTo>
                      <a:pt x="247" y="115"/>
                    </a:moveTo>
                    <a:lnTo>
                      <a:pt x="260" y="123"/>
                    </a:lnTo>
                    <a:lnTo>
                      <a:pt x="252" y="137"/>
                    </a:lnTo>
                    <a:lnTo>
                      <a:pt x="252" y="145"/>
                    </a:lnTo>
                    <a:lnTo>
                      <a:pt x="252" y="147"/>
                    </a:lnTo>
                    <a:lnTo>
                      <a:pt x="250" y="150"/>
                    </a:lnTo>
                    <a:lnTo>
                      <a:pt x="249" y="155"/>
                    </a:lnTo>
                    <a:lnTo>
                      <a:pt x="245" y="162"/>
                    </a:lnTo>
                    <a:lnTo>
                      <a:pt x="243" y="169"/>
                    </a:lnTo>
                    <a:lnTo>
                      <a:pt x="240" y="176"/>
                    </a:lnTo>
                    <a:lnTo>
                      <a:pt x="238" y="179"/>
                    </a:lnTo>
                    <a:lnTo>
                      <a:pt x="238" y="181"/>
                    </a:lnTo>
                    <a:lnTo>
                      <a:pt x="237" y="186"/>
                    </a:lnTo>
                    <a:lnTo>
                      <a:pt x="238" y="189"/>
                    </a:lnTo>
                    <a:lnTo>
                      <a:pt x="240" y="193"/>
                    </a:lnTo>
                    <a:lnTo>
                      <a:pt x="242" y="193"/>
                    </a:lnTo>
                    <a:lnTo>
                      <a:pt x="243" y="193"/>
                    </a:lnTo>
                    <a:lnTo>
                      <a:pt x="247" y="193"/>
                    </a:lnTo>
                    <a:lnTo>
                      <a:pt x="249" y="191"/>
                    </a:lnTo>
                    <a:lnTo>
                      <a:pt x="250" y="191"/>
                    </a:lnTo>
                    <a:lnTo>
                      <a:pt x="252" y="186"/>
                    </a:lnTo>
                    <a:lnTo>
                      <a:pt x="255" y="182"/>
                    </a:lnTo>
                    <a:lnTo>
                      <a:pt x="257" y="182"/>
                    </a:lnTo>
                    <a:lnTo>
                      <a:pt x="259" y="182"/>
                    </a:lnTo>
                    <a:lnTo>
                      <a:pt x="260" y="184"/>
                    </a:lnTo>
                    <a:lnTo>
                      <a:pt x="262" y="186"/>
                    </a:lnTo>
                    <a:lnTo>
                      <a:pt x="264" y="188"/>
                    </a:lnTo>
                    <a:lnTo>
                      <a:pt x="274" y="201"/>
                    </a:lnTo>
                    <a:lnTo>
                      <a:pt x="277" y="201"/>
                    </a:lnTo>
                    <a:lnTo>
                      <a:pt x="277" y="193"/>
                    </a:lnTo>
                    <a:lnTo>
                      <a:pt x="282" y="193"/>
                    </a:lnTo>
                    <a:lnTo>
                      <a:pt x="282" y="194"/>
                    </a:lnTo>
                    <a:lnTo>
                      <a:pt x="284" y="198"/>
                    </a:lnTo>
                    <a:lnTo>
                      <a:pt x="284" y="201"/>
                    </a:lnTo>
                    <a:lnTo>
                      <a:pt x="286" y="201"/>
                    </a:lnTo>
                    <a:lnTo>
                      <a:pt x="298" y="201"/>
                    </a:lnTo>
                    <a:lnTo>
                      <a:pt x="308" y="203"/>
                    </a:lnTo>
                    <a:lnTo>
                      <a:pt x="316" y="204"/>
                    </a:lnTo>
                    <a:lnTo>
                      <a:pt x="321" y="208"/>
                    </a:lnTo>
                    <a:lnTo>
                      <a:pt x="326" y="211"/>
                    </a:lnTo>
                    <a:lnTo>
                      <a:pt x="330" y="215"/>
                    </a:lnTo>
                    <a:lnTo>
                      <a:pt x="331" y="216"/>
                    </a:lnTo>
                    <a:lnTo>
                      <a:pt x="331" y="218"/>
                    </a:lnTo>
                    <a:lnTo>
                      <a:pt x="335" y="210"/>
                    </a:lnTo>
                    <a:lnTo>
                      <a:pt x="326" y="199"/>
                    </a:lnTo>
                    <a:lnTo>
                      <a:pt x="325" y="191"/>
                    </a:lnTo>
                    <a:lnTo>
                      <a:pt x="313" y="188"/>
                    </a:lnTo>
                    <a:lnTo>
                      <a:pt x="299" y="179"/>
                    </a:lnTo>
                    <a:lnTo>
                      <a:pt x="289" y="171"/>
                    </a:lnTo>
                    <a:lnTo>
                      <a:pt x="291" y="167"/>
                    </a:lnTo>
                    <a:lnTo>
                      <a:pt x="299" y="174"/>
                    </a:lnTo>
                    <a:lnTo>
                      <a:pt x="301" y="174"/>
                    </a:lnTo>
                    <a:lnTo>
                      <a:pt x="303" y="176"/>
                    </a:lnTo>
                    <a:lnTo>
                      <a:pt x="306" y="176"/>
                    </a:lnTo>
                    <a:lnTo>
                      <a:pt x="308" y="177"/>
                    </a:lnTo>
                    <a:lnTo>
                      <a:pt x="316" y="182"/>
                    </a:lnTo>
                    <a:lnTo>
                      <a:pt x="321" y="184"/>
                    </a:lnTo>
                    <a:lnTo>
                      <a:pt x="323" y="182"/>
                    </a:lnTo>
                    <a:lnTo>
                      <a:pt x="323" y="181"/>
                    </a:lnTo>
                    <a:lnTo>
                      <a:pt x="321" y="177"/>
                    </a:lnTo>
                    <a:lnTo>
                      <a:pt x="318" y="176"/>
                    </a:lnTo>
                    <a:lnTo>
                      <a:pt x="316" y="172"/>
                    </a:lnTo>
                    <a:lnTo>
                      <a:pt x="315" y="172"/>
                    </a:lnTo>
                    <a:lnTo>
                      <a:pt x="311" y="167"/>
                    </a:lnTo>
                    <a:lnTo>
                      <a:pt x="308" y="164"/>
                    </a:lnTo>
                    <a:lnTo>
                      <a:pt x="304" y="159"/>
                    </a:lnTo>
                    <a:lnTo>
                      <a:pt x="303" y="154"/>
                    </a:lnTo>
                    <a:lnTo>
                      <a:pt x="299" y="149"/>
                    </a:lnTo>
                    <a:lnTo>
                      <a:pt x="299" y="142"/>
                    </a:lnTo>
                    <a:lnTo>
                      <a:pt x="298" y="137"/>
                    </a:lnTo>
                    <a:lnTo>
                      <a:pt x="298" y="132"/>
                    </a:lnTo>
                    <a:lnTo>
                      <a:pt x="298" y="127"/>
                    </a:lnTo>
                    <a:lnTo>
                      <a:pt x="298" y="122"/>
                    </a:lnTo>
                    <a:lnTo>
                      <a:pt x="298" y="118"/>
                    </a:lnTo>
                    <a:lnTo>
                      <a:pt x="299" y="115"/>
                    </a:lnTo>
                    <a:lnTo>
                      <a:pt x="299" y="111"/>
                    </a:lnTo>
                    <a:lnTo>
                      <a:pt x="299" y="108"/>
                    </a:lnTo>
                    <a:lnTo>
                      <a:pt x="299" y="106"/>
                    </a:lnTo>
                    <a:lnTo>
                      <a:pt x="299" y="98"/>
                    </a:lnTo>
                    <a:lnTo>
                      <a:pt x="296" y="93"/>
                    </a:lnTo>
                    <a:lnTo>
                      <a:pt x="294" y="86"/>
                    </a:lnTo>
                    <a:lnTo>
                      <a:pt x="291" y="81"/>
                    </a:lnTo>
                    <a:lnTo>
                      <a:pt x="287" y="78"/>
                    </a:lnTo>
                    <a:lnTo>
                      <a:pt x="286" y="74"/>
                    </a:lnTo>
                    <a:lnTo>
                      <a:pt x="284" y="72"/>
                    </a:lnTo>
                    <a:lnTo>
                      <a:pt x="282" y="72"/>
                    </a:lnTo>
                    <a:lnTo>
                      <a:pt x="296" y="72"/>
                    </a:lnTo>
                    <a:lnTo>
                      <a:pt x="301" y="67"/>
                    </a:lnTo>
                    <a:lnTo>
                      <a:pt x="301" y="66"/>
                    </a:lnTo>
                    <a:lnTo>
                      <a:pt x="301" y="64"/>
                    </a:lnTo>
                    <a:lnTo>
                      <a:pt x="301" y="61"/>
                    </a:lnTo>
                    <a:lnTo>
                      <a:pt x="301" y="59"/>
                    </a:lnTo>
                    <a:lnTo>
                      <a:pt x="299" y="56"/>
                    </a:lnTo>
                    <a:lnTo>
                      <a:pt x="298" y="52"/>
                    </a:lnTo>
                    <a:lnTo>
                      <a:pt x="299" y="52"/>
                    </a:lnTo>
                    <a:lnTo>
                      <a:pt x="301" y="52"/>
                    </a:lnTo>
                    <a:lnTo>
                      <a:pt x="303" y="52"/>
                    </a:lnTo>
                    <a:lnTo>
                      <a:pt x="303" y="54"/>
                    </a:lnTo>
                    <a:lnTo>
                      <a:pt x="304" y="56"/>
                    </a:lnTo>
                    <a:lnTo>
                      <a:pt x="306" y="59"/>
                    </a:lnTo>
                    <a:lnTo>
                      <a:pt x="306" y="61"/>
                    </a:lnTo>
                    <a:lnTo>
                      <a:pt x="308" y="61"/>
                    </a:lnTo>
                    <a:lnTo>
                      <a:pt x="309" y="59"/>
                    </a:lnTo>
                    <a:lnTo>
                      <a:pt x="309" y="57"/>
                    </a:lnTo>
                    <a:lnTo>
                      <a:pt x="311" y="56"/>
                    </a:lnTo>
                    <a:lnTo>
                      <a:pt x="321" y="42"/>
                    </a:lnTo>
                    <a:lnTo>
                      <a:pt x="320" y="40"/>
                    </a:lnTo>
                    <a:lnTo>
                      <a:pt x="320" y="39"/>
                    </a:lnTo>
                    <a:lnTo>
                      <a:pt x="320" y="35"/>
                    </a:lnTo>
                    <a:lnTo>
                      <a:pt x="320" y="34"/>
                    </a:lnTo>
                    <a:lnTo>
                      <a:pt x="320" y="32"/>
                    </a:lnTo>
                    <a:lnTo>
                      <a:pt x="320" y="28"/>
                    </a:lnTo>
                    <a:lnTo>
                      <a:pt x="325" y="23"/>
                    </a:lnTo>
                    <a:lnTo>
                      <a:pt x="328" y="22"/>
                    </a:lnTo>
                    <a:lnTo>
                      <a:pt x="330" y="20"/>
                    </a:lnTo>
                    <a:lnTo>
                      <a:pt x="331" y="22"/>
                    </a:lnTo>
                    <a:lnTo>
                      <a:pt x="331" y="23"/>
                    </a:lnTo>
                    <a:lnTo>
                      <a:pt x="331" y="25"/>
                    </a:lnTo>
                    <a:lnTo>
                      <a:pt x="331" y="27"/>
                    </a:lnTo>
                    <a:lnTo>
                      <a:pt x="330" y="27"/>
                    </a:lnTo>
                    <a:lnTo>
                      <a:pt x="330" y="32"/>
                    </a:lnTo>
                    <a:lnTo>
                      <a:pt x="330" y="35"/>
                    </a:lnTo>
                    <a:lnTo>
                      <a:pt x="333" y="35"/>
                    </a:lnTo>
                    <a:lnTo>
                      <a:pt x="335" y="34"/>
                    </a:lnTo>
                    <a:lnTo>
                      <a:pt x="337" y="32"/>
                    </a:lnTo>
                    <a:lnTo>
                      <a:pt x="338" y="30"/>
                    </a:lnTo>
                    <a:lnTo>
                      <a:pt x="340" y="30"/>
                    </a:lnTo>
                    <a:lnTo>
                      <a:pt x="338" y="34"/>
                    </a:lnTo>
                    <a:lnTo>
                      <a:pt x="338" y="37"/>
                    </a:lnTo>
                    <a:lnTo>
                      <a:pt x="337" y="39"/>
                    </a:lnTo>
                    <a:lnTo>
                      <a:pt x="333" y="42"/>
                    </a:lnTo>
                    <a:lnTo>
                      <a:pt x="331" y="44"/>
                    </a:lnTo>
                    <a:lnTo>
                      <a:pt x="330" y="45"/>
                    </a:lnTo>
                    <a:lnTo>
                      <a:pt x="330" y="47"/>
                    </a:lnTo>
                    <a:lnTo>
                      <a:pt x="328" y="47"/>
                    </a:lnTo>
                    <a:lnTo>
                      <a:pt x="323" y="52"/>
                    </a:lnTo>
                    <a:lnTo>
                      <a:pt x="320" y="59"/>
                    </a:lnTo>
                    <a:lnTo>
                      <a:pt x="316" y="66"/>
                    </a:lnTo>
                    <a:lnTo>
                      <a:pt x="316" y="72"/>
                    </a:lnTo>
                    <a:lnTo>
                      <a:pt x="316" y="79"/>
                    </a:lnTo>
                    <a:lnTo>
                      <a:pt x="316" y="84"/>
                    </a:lnTo>
                    <a:lnTo>
                      <a:pt x="318" y="88"/>
                    </a:lnTo>
                    <a:lnTo>
                      <a:pt x="318" y="89"/>
                    </a:lnTo>
                    <a:lnTo>
                      <a:pt x="321" y="88"/>
                    </a:lnTo>
                    <a:lnTo>
                      <a:pt x="323" y="86"/>
                    </a:lnTo>
                    <a:lnTo>
                      <a:pt x="326" y="83"/>
                    </a:lnTo>
                    <a:lnTo>
                      <a:pt x="328" y="79"/>
                    </a:lnTo>
                    <a:lnTo>
                      <a:pt x="330" y="76"/>
                    </a:lnTo>
                    <a:lnTo>
                      <a:pt x="331" y="72"/>
                    </a:lnTo>
                    <a:lnTo>
                      <a:pt x="333" y="71"/>
                    </a:lnTo>
                    <a:lnTo>
                      <a:pt x="333" y="69"/>
                    </a:lnTo>
                    <a:lnTo>
                      <a:pt x="335" y="72"/>
                    </a:lnTo>
                    <a:lnTo>
                      <a:pt x="335" y="76"/>
                    </a:lnTo>
                    <a:lnTo>
                      <a:pt x="333" y="79"/>
                    </a:lnTo>
                    <a:lnTo>
                      <a:pt x="331" y="83"/>
                    </a:lnTo>
                    <a:lnTo>
                      <a:pt x="330" y="86"/>
                    </a:lnTo>
                    <a:lnTo>
                      <a:pt x="328" y="88"/>
                    </a:lnTo>
                    <a:lnTo>
                      <a:pt x="328" y="89"/>
                    </a:lnTo>
                    <a:lnTo>
                      <a:pt x="326" y="89"/>
                    </a:lnTo>
                    <a:lnTo>
                      <a:pt x="326" y="91"/>
                    </a:lnTo>
                    <a:lnTo>
                      <a:pt x="326" y="93"/>
                    </a:lnTo>
                    <a:lnTo>
                      <a:pt x="326" y="96"/>
                    </a:lnTo>
                    <a:lnTo>
                      <a:pt x="326" y="100"/>
                    </a:lnTo>
                    <a:lnTo>
                      <a:pt x="326" y="103"/>
                    </a:lnTo>
                    <a:lnTo>
                      <a:pt x="326" y="106"/>
                    </a:lnTo>
                    <a:lnTo>
                      <a:pt x="325" y="110"/>
                    </a:lnTo>
                    <a:lnTo>
                      <a:pt x="320" y="116"/>
                    </a:lnTo>
                    <a:lnTo>
                      <a:pt x="318" y="120"/>
                    </a:lnTo>
                    <a:lnTo>
                      <a:pt x="316" y="123"/>
                    </a:lnTo>
                    <a:lnTo>
                      <a:pt x="316" y="125"/>
                    </a:lnTo>
                    <a:lnTo>
                      <a:pt x="318" y="127"/>
                    </a:lnTo>
                    <a:lnTo>
                      <a:pt x="320" y="127"/>
                    </a:lnTo>
                    <a:lnTo>
                      <a:pt x="330" y="132"/>
                    </a:lnTo>
                    <a:lnTo>
                      <a:pt x="337" y="137"/>
                    </a:lnTo>
                    <a:lnTo>
                      <a:pt x="340" y="140"/>
                    </a:lnTo>
                    <a:lnTo>
                      <a:pt x="342" y="142"/>
                    </a:lnTo>
                    <a:lnTo>
                      <a:pt x="342" y="144"/>
                    </a:lnTo>
                    <a:lnTo>
                      <a:pt x="340" y="145"/>
                    </a:lnTo>
                    <a:lnTo>
                      <a:pt x="338" y="145"/>
                    </a:lnTo>
                    <a:lnTo>
                      <a:pt x="337" y="145"/>
                    </a:lnTo>
                    <a:lnTo>
                      <a:pt x="331" y="145"/>
                    </a:lnTo>
                    <a:lnTo>
                      <a:pt x="328" y="147"/>
                    </a:lnTo>
                    <a:lnTo>
                      <a:pt x="325" y="147"/>
                    </a:lnTo>
                    <a:lnTo>
                      <a:pt x="325" y="149"/>
                    </a:lnTo>
                    <a:lnTo>
                      <a:pt x="325" y="150"/>
                    </a:lnTo>
                    <a:lnTo>
                      <a:pt x="325" y="152"/>
                    </a:lnTo>
                    <a:lnTo>
                      <a:pt x="326" y="152"/>
                    </a:lnTo>
                    <a:lnTo>
                      <a:pt x="333" y="152"/>
                    </a:lnTo>
                    <a:lnTo>
                      <a:pt x="337" y="154"/>
                    </a:lnTo>
                    <a:lnTo>
                      <a:pt x="337" y="155"/>
                    </a:lnTo>
                    <a:lnTo>
                      <a:pt x="335" y="157"/>
                    </a:lnTo>
                    <a:lnTo>
                      <a:pt x="331" y="159"/>
                    </a:lnTo>
                    <a:lnTo>
                      <a:pt x="328" y="160"/>
                    </a:lnTo>
                    <a:lnTo>
                      <a:pt x="326" y="160"/>
                    </a:lnTo>
                    <a:lnTo>
                      <a:pt x="325" y="162"/>
                    </a:lnTo>
                    <a:lnTo>
                      <a:pt x="325" y="166"/>
                    </a:lnTo>
                    <a:lnTo>
                      <a:pt x="335" y="177"/>
                    </a:lnTo>
                    <a:lnTo>
                      <a:pt x="337" y="176"/>
                    </a:lnTo>
                    <a:lnTo>
                      <a:pt x="338" y="176"/>
                    </a:lnTo>
                    <a:lnTo>
                      <a:pt x="340" y="174"/>
                    </a:lnTo>
                    <a:lnTo>
                      <a:pt x="342" y="176"/>
                    </a:lnTo>
                    <a:lnTo>
                      <a:pt x="345" y="177"/>
                    </a:lnTo>
                    <a:lnTo>
                      <a:pt x="347" y="181"/>
                    </a:lnTo>
                    <a:lnTo>
                      <a:pt x="348" y="182"/>
                    </a:lnTo>
                    <a:lnTo>
                      <a:pt x="348" y="184"/>
                    </a:lnTo>
                    <a:lnTo>
                      <a:pt x="350" y="186"/>
                    </a:lnTo>
                    <a:lnTo>
                      <a:pt x="352" y="188"/>
                    </a:lnTo>
                    <a:lnTo>
                      <a:pt x="355" y="188"/>
                    </a:lnTo>
                    <a:lnTo>
                      <a:pt x="359" y="186"/>
                    </a:lnTo>
                    <a:lnTo>
                      <a:pt x="360" y="186"/>
                    </a:lnTo>
                    <a:lnTo>
                      <a:pt x="359" y="184"/>
                    </a:lnTo>
                    <a:lnTo>
                      <a:pt x="359" y="182"/>
                    </a:lnTo>
                    <a:lnTo>
                      <a:pt x="357" y="179"/>
                    </a:lnTo>
                    <a:lnTo>
                      <a:pt x="355" y="176"/>
                    </a:lnTo>
                    <a:lnTo>
                      <a:pt x="357" y="174"/>
                    </a:lnTo>
                    <a:lnTo>
                      <a:pt x="359" y="172"/>
                    </a:lnTo>
                    <a:lnTo>
                      <a:pt x="360" y="171"/>
                    </a:lnTo>
                    <a:lnTo>
                      <a:pt x="362" y="171"/>
                    </a:lnTo>
                    <a:lnTo>
                      <a:pt x="364" y="171"/>
                    </a:lnTo>
                    <a:lnTo>
                      <a:pt x="364" y="177"/>
                    </a:lnTo>
                    <a:lnTo>
                      <a:pt x="364" y="182"/>
                    </a:lnTo>
                    <a:lnTo>
                      <a:pt x="365" y="184"/>
                    </a:lnTo>
                    <a:lnTo>
                      <a:pt x="367" y="186"/>
                    </a:lnTo>
                    <a:lnTo>
                      <a:pt x="369" y="184"/>
                    </a:lnTo>
                    <a:lnTo>
                      <a:pt x="370" y="182"/>
                    </a:lnTo>
                    <a:lnTo>
                      <a:pt x="372" y="182"/>
                    </a:lnTo>
                    <a:lnTo>
                      <a:pt x="372" y="181"/>
                    </a:lnTo>
                    <a:lnTo>
                      <a:pt x="374" y="181"/>
                    </a:lnTo>
                    <a:lnTo>
                      <a:pt x="375" y="182"/>
                    </a:lnTo>
                    <a:lnTo>
                      <a:pt x="377" y="184"/>
                    </a:lnTo>
                    <a:lnTo>
                      <a:pt x="370" y="191"/>
                    </a:lnTo>
                    <a:lnTo>
                      <a:pt x="369" y="194"/>
                    </a:lnTo>
                    <a:lnTo>
                      <a:pt x="369" y="198"/>
                    </a:lnTo>
                    <a:lnTo>
                      <a:pt x="372" y="198"/>
                    </a:lnTo>
                    <a:lnTo>
                      <a:pt x="375" y="196"/>
                    </a:lnTo>
                    <a:lnTo>
                      <a:pt x="379" y="194"/>
                    </a:lnTo>
                    <a:lnTo>
                      <a:pt x="382" y="193"/>
                    </a:lnTo>
                    <a:lnTo>
                      <a:pt x="382" y="194"/>
                    </a:lnTo>
                    <a:lnTo>
                      <a:pt x="382" y="198"/>
                    </a:lnTo>
                    <a:lnTo>
                      <a:pt x="382" y="199"/>
                    </a:lnTo>
                    <a:lnTo>
                      <a:pt x="382" y="203"/>
                    </a:lnTo>
                    <a:lnTo>
                      <a:pt x="382" y="204"/>
                    </a:lnTo>
                    <a:lnTo>
                      <a:pt x="382" y="206"/>
                    </a:lnTo>
                    <a:lnTo>
                      <a:pt x="381" y="211"/>
                    </a:lnTo>
                    <a:lnTo>
                      <a:pt x="381" y="215"/>
                    </a:lnTo>
                    <a:lnTo>
                      <a:pt x="381" y="218"/>
                    </a:lnTo>
                    <a:lnTo>
                      <a:pt x="382" y="220"/>
                    </a:lnTo>
                    <a:lnTo>
                      <a:pt x="384" y="221"/>
                    </a:lnTo>
                    <a:lnTo>
                      <a:pt x="386" y="223"/>
                    </a:lnTo>
                    <a:lnTo>
                      <a:pt x="387" y="223"/>
                    </a:lnTo>
                    <a:lnTo>
                      <a:pt x="394" y="220"/>
                    </a:lnTo>
                    <a:lnTo>
                      <a:pt x="397" y="216"/>
                    </a:lnTo>
                    <a:lnTo>
                      <a:pt x="399" y="215"/>
                    </a:lnTo>
                    <a:lnTo>
                      <a:pt x="403" y="211"/>
                    </a:lnTo>
                    <a:lnTo>
                      <a:pt x="406" y="210"/>
                    </a:lnTo>
                    <a:lnTo>
                      <a:pt x="409" y="206"/>
                    </a:lnTo>
                    <a:lnTo>
                      <a:pt x="413" y="204"/>
                    </a:lnTo>
                    <a:lnTo>
                      <a:pt x="418" y="203"/>
                    </a:lnTo>
                    <a:lnTo>
                      <a:pt x="425" y="203"/>
                    </a:lnTo>
                    <a:lnTo>
                      <a:pt x="430" y="198"/>
                    </a:lnTo>
                    <a:lnTo>
                      <a:pt x="431" y="171"/>
                    </a:lnTo>
                    <a:lnTo>
                      <a:pt x="436" y="171"/>
                    </a:lnTo>
                    <a:lnTo>
                      <a:pt x="440" y="145"/>
                    </a:lnTo>
                    <a:lnTo>
                      <a:pt x="441" y="144"/>
                    </a:lnTo>
                    <a:lnTo>
                      <a:pt x="443" y="144"/>
                    </a:lnTo>
                    <a:lnTo>
                      <a:pt x="443" y="145"/>
                    </a:lnTo>
                    <a:lnTo>
                      <a:pt x="443" y="155"/>
                    </a:lnTo>
                    <a:lnTo>
                      <a:pt x="441" y="164"/>
                    </a:lnTo>
                    <a:lnTo>
                      <a:pt x="441" y="172"/>
                    </a:lnTo>
                    <a:lnTo>
                      <a:pt x="440" y="179"/>
                    </a:lnTo>
                    <a:lnTo>
                      <a:pt x="438" y="184"/>
                    </a:lnTo>
                    <a:lnTo>
                      <a:pt x="438" y="189"/>
                    </a:lnTo>
                    <a:lnTo>
                      <a:pt x="436" y="194"/>
                    </a:lnTo>
                    <a:lnTo>
                      <a:pt x="436" y="198"/>
                    </a:lnTo>
                    <a:lnTo>
                      <a:pt x="435" y="201"/>
                    </a:lnTo>
                    <a:lnTo>
                      <a:pt x="435" y="203"/>
                    </a:lnTo>
                    <a:lnTo>
                      <a:pt x="435" y="204"/>
                    </a:lnTo>
                    <a:lnTo>
                      <a:pt x="433" y="206"/>
                    </a:lnTo>
                    <a:lnTo>
                      <a:pt x="433" y="208"/>
                    </a:lnTo>
                    <a:lnTo>
                      <a:pt x="433" y="210"/>
                    </a:lnTo>
                    <a:lnTo>
                      <a:pt x="433" y="215"/>
                    </a:lnTo>
                    <a:lnTo>
                      <a:pt x="433" y="216"/>
                    </a:lnTo>
                    <a:lnTo>
                      <a:pt x="433" y="218"/>
                    </a:lnTo>
                    <a:lnTo>
                      <a:pt x="435" y="216"/>
                    </a:lnTo>
                    <a:lnTo>
                      <a:pt x="435" y="215"/>
                    </a:lnTo>
                    <a:lnTo>
                      <a:pt x="436" y="215"/>
                    </a:lnTo>
                    <a:lnTo>
                      <a:pt x="436" y="213"/>
                    </a:lnTo>
                    <a:lnTo>
                      <a:pt x="438" y="211"/>
                    </a:lnTo>
                    <a:lnTo>
                      <a:pt x="440" y="206"/>
                    </a:lnTo>
                    <a:lnTo>
                      <a:pt x="441" y="203"/>
                    </a:lnTo>
                    <a:lnTo>
                      <a:pt x="443" y="198"/>
                    </a:lnTo>
                    <a:lnTo>
                      <a:pt x="443" y="191"/>
                    </a:lnTo>
                    <a:lnTo>
                      <a:pt x="445" y="186"/>
                    </a:lnTo>
                    <a:lnTo>
                      <a:pt x="447" y="179"/>
                    </a:lnTo>
                    <a:lnTo>
                      <a:pt x="447" y="172"/>
                    </a:lnTo>
                    <a:lnTo>
                      <a:pt x="447" y="167"/>
                    </a:lnTo>
                    <a:lnTo>
                      <a:pt x="447" y="160"/>
                    </a:lnTo>
                    <a:lnTo>
                      <a:pt x="447" y="155"/>
                    </a:lnTo>
                    <a:lnTo>
                      <a:pt x="448" y="150"/>
                    </a:lnTo>
                    <a:lnTo>
                      <a:pt x="448" y="147"/>
                    </a:lnTo>
                    <a:lnTo>
                      <a:pt x="448" y="144"/>
                    </a:lnTo>
                    <a:lnTo>
                      <a:pt x="448" y="142"/>
                    </a:lnTo>
                    <a:lnTo>
                      <a:pt x="386" y="154"/>
                    </a:lnTo>
                    <a:lnTo>
                      <a:pt x="345" y="0"/>
                    </a:lnTo>
                    <a:lnTo>
                      <a:pt x="0" y="66"/>
                    </a:lnTo>
                    <a:lnTo>
                      <a:pt x="10" y="127"/>
                    </a:lnTo>
                    <a:lnTo>
                      <a:pt x="45" y="94"/>
                    </a:lnTo>
                    <a:lnTo>
                      <a:pt x="45" y="96"/>
                    </a:lnTo>
                    <a:lnTo>
                      <a:pt x="47" y="96"/>
                    </a:lnTo>
                    <a:lnTo>
                      <a:pt x="49" y="96"/>
                    </a:lnTo>
                    <a:lnTo>
                      <a:pt x="52" y="94"/>
                    </a:lnTo>
                    <a:lnTo>
                      <a:pt x="57" y="89"/>
                    </a:lnTo>
                    <a:lnTo>
                      <a:pt x="62" y="83"/>
                    </a:lnTo>
                    <a:lnTo>
                      <a:pt x="69" y="71"/>
                    </a:lnTo>
                    <a:lnTo>
                      <a:pt x="71" y="71"/>
                    </a:lnTo>
                    <a:lnTo>
                      <a:pt x="74" y="72"/>
                    </a:lnTo>
                    <a:lnTo>
                      <a:pt x="79" y="74"/>
                    </a:lnTo>
                    <a:lnTo>
                      <a:pt x="84" y="74"/>
                    </a:lnTo>
                    <a:lnTo>
                      <a:pt x="89" y="74"/>
                    </a:lnTo>
                    <a:lnTo>
                      <a:pt x="96" y="72"/>
                    </a:lnTo>
                    <a:lnTo>
                      <a:pt x="101" y="67"/>
                    </a:lnTo>
                    <a:lnTo>
                      <a:pt x="106" y="61"/>
                    </a:lnTo>
                    <a:lnTo>
                      <a:pt x="108" y="59"/>
                    </a:lnTo>
                    <a:lnTo>
                      <a:pt x="108" y="57"/>
                    </a:lnTo>
                    <a:lnTo>
                      <a:pt x="111" y="54"/>
                    </a:lnTo>
                    <a:lnTo>
                      <a:pt x="115" y="52"/>
                    </a:lnTo>
                    <a:lnTo>
                      <a:pt x="120" y="50"/>
                    </a:lnTo>
                    <a:lnTo>
                      <a:pt x="125" y="50"/>
                    </a:lnTo>
                    <a:lnTo>
                      <a:pt x="133" y="52"/>
                    </a:lnTo>
                    <a:lnTo>
                      <a:pt x="144" y="56"/>
                    </a:lnTo>
                    <a:lnTo>
                      <a:pt x="145" y="56"/>
                    </a:lnTo>
                    <a:lnTo>
                      <a:pt x="147" y="56"/>
                    </a:lnTo>
                    <a:lnTo>
                      <a:pt x="149" y="56"/>
                    </a:lnTo>
                    <a:lnTo>
                      <a:pt x="150" y="56"/>
                    </a:lnTo>
                    <a:lnTo>
                      <a:pt x="154" y="56"/>
                    </a:lnTo>
                    <a:lnTo>
                      <a:pt x="155" y="56"/>
                    </a:lnTo>
                    <a:lnTo>
                      <a:pt x="157" y="56"/>
                    </a:lnTo>
                    <a:lnTo>
                      <a:pt x="159" y="62"/>
                    </a:lnTo>
                    <a:lnTo>
                      <a:pt x="161" y="64"/>
                    </a:lnTo>
                    <a:lnTo>
                      <a:pt x="164" y="66"/>
                    </a:lnTo>
                    <a:lnTo>
                      <a:pt x="167" y="69"/>
                    </a:lnTo>
                    <a:lnTo>
                      <a:pt x="171" y="72"/>
                    </a:lnTo>
                    <a:lnTo>
                      <a:pt x="174" y="78"/>
                    </a:lnTo>
                    <a:lnTo>
                      <a:pt x="176" y="83"/>
                    </a:lnTo>
                    <a:lnTo>
                      <a:pt x="176" y="88"/>
                    </a:lnTo>
                    <a:lnTo>
                      <a:pt x="172" y="93"/>
                    </a:lnTo>
                    <a:lnTo>
                      <a:pt x="174" y="91"/>
                    </a:lnTo>
                    <a:lnTo>
                      <a:pt x="176" y="89"/>
                    </a:lnTo>
                    <a:lnTo>
                      <a:pt x="179" y="89"/>
                    </a:lnTo>
                    <a:lnTo>
                      <a:pt x="184" y="88"/>
                    </a:lnTo>
                    <a:lnTo>
                      <a:pt x="188" y="86"/>
                    </a:lnTo>
                    <a:lnTo>
                      <a:pt x="193" y="86"/>
                    </a:lnTo>
                    <a:lnTo>
                      <a:pt x="196" y="89"/>
                    </a:lnTo>
                    <a:lnTo>
                      <a:pt x="199" y="93"/>
                    </a:lnTo>
                    <a:lnTo>
                      <a:pt x="199" y="94"/>
                    </a:lnTo>
                    <a:lnTo>
                      <a:pt x="198" y="98"/>
                    </a:lnTo>
                    <a:lnTo>
                      <a:pt x="198" y="100"/>
                    </a:lnTo>
                    <a:lnTo>
                      <a:pt x="198" y="103"/>
                    </a:lnTo>
                    <a:lnTo>
                      <a:pt x="198" y="108"/>
                    </a:lnTo>
                    <a:lnTo>
                      <a:pt x="203" y="110"/>
                    </a:lnTo>
                    <a:lnTo>
                      <a:pt x="210" y="113"/>
                    </a:lnTo>
                    <a:lnTo>
                      <a:pt x="221" y="113"/>
                    </a:lnTo>
                    <a:lnTo>
                      <a:pt x="223" y="113"/>
                    </a:lnTo>
                    <a:lnTo>
                      <a:pt x="227" y="115"/>
                    </a:lnTo>
                    <a:lnTo>
                      <a:pt x="228" y="115"/>
                    </a:lnTo>
                    <a:lnTo>
                      <a:pt x="230" y="116"/>
                    </a:lnTo>
                    <a:lnTo>
                      <a:pt x="233" y="118"/>
                    </a:lnTo>
                    <a:lnTo>
                      <a:pt x="237" y="120"/>
                    </a:lnTo>
                    <a:lnTo>
                      <a:pt x="240" y="122"/>
                    </a:lnTo>
                    <a:lnTo>
                      <a:pt x="247" y="11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511" name="Freeform 75"/>
              <p:cNvSpPr>
                <a:spLocks/>
              </p:cNvSpPr>
              <p:nvPr/>
            </p:nvSpPr>
            <p:spPr bwMode="auto">
              <a:xfrm>
                <a:off x="4487" y="1686"/>
                <a:ext cx="448" cy="223"/>
              </a:xfrm>
              <a:custGeom>
                <a:avLst/>
                <a:gdLst>
                  <a:gd name="T0" fmla="*/ 249 w 448"/>
                  <a:gd name="T1" fmla="*/ 155 h 223"/>
                  <a:gd name="T2" fmla="*/ 238 w 448"/>
                  <a:gd name="T3" fmla="*/ 189 h 223"/>
                  <a:gd name="T4" fmla="*/ 252 w 448"/>
                  <a:gd name="T5" fmla="*/ 186 h 223"/>
                  <a:gd name="T6" fmla="*/ 274 w 448"/>
                  <a:gd name="T7" fmla="*/ 201 h 223"/>
                  <a:gd name="T8" fmla="*/ 286 w 448"/>
                  <a:gd name="T9" fmla="*/ 201 h 223"/>
                  <a:gd name="T10" fmla="*/ 331 w 448"/>
                  <a:gd name="T11" fmla="*/ 216 h 223"/>
                  <a:gd name="T12" fmla="*/ 291 w 448"/>
                  <a:gd name="T13" fmla="*/ 167 h 223"/>
                  <a:gd name="T14" fmla="*/ 316 w 448"/>
                  <a:gd name="T15" fmla="*/ 182 h 223"/>
                  <a:gd name="T16" fmla="*/ 315 w 448"/>
                  <a:gd name="T17" fmla="*/ 172 h 223"/>
                  <a:gd name="T18" fmla="*/ 298 w 448"/>
                  <a:gd name="T19" fmla="*/ 132 h 223"/>
                  <a:gd name="T20" fmla="*/ 299 w 448"/>
                  <a:gd name="T21" fmla="*/ 106 h 223"/>
                  <a:gd name="T22" fmla="*/ 284 w 448"/>
                  <a:gd name="T23" fmla="*/ 72 h 223"/>
                  <a:gd name="T24" fmla="*/ 301 w 448"/>
                  <a:gd name="T25" fmla="*/ 59 h 223"/>
                  <a:gd name="T26" fmla="*/ 304 w 448"/>
                  <a:gd name="T27" fmla="*/ 56 h 223"/>
                  <a:gd name="T28" fmla="*/ 309 w 448"/>
                  <a:gd name="T29" fmla="*/ 57 h 223"/>
                  <a:gd name="T30" fmla="*/ 320 w 448"/>
                  <a:gd name="T31" fmla="*/ 35 h 223"/>
                  <a:gd name="T32" fmla="*/ 330 w 448"/>
                  <a:gd name="T33" fmla="*/ 20 h 223"/>
                  <a:gd name="T34" fmla="*/ 330 w 448"/>
                  <a:gd name="T35" fmla="*/ 35 h 223"/>
                  <a:gd name="T36" fmla="*/ 338 w 448"/>
                  <a:gd name="T37" fmla="*/ 34 h 223"/>
                  <a:gd name="T38" fmla="*/ 328 w 448"/>
                  <a:gd name="T39" fmla="*/ 47 h 223"/>
                  <a:gd name="T40" fmla="*/ 318 w 448"/>
                  <a:gd name="T41" fmla="*/ 89 h 223"/>
                  <a:gd name="T42" fmla="*/ 333 w 448"/>
                  <a:gd name="T43" fmla="*/ 71 h 223"/>
                  <a:gd name="T44" fmla="*/ 328 w 448"/>
                  <a:gd name="T45" fmla="*/ 88 h 223"/>
                  <a:gd name="T46" fmla="*/ 326 w 448"/>
                  <a:gd name="T47" fmla="*/ 103 h 223"/>
                  <a:gd name="T48" fmla="*/ 316 w 448"/>
                  <a:gd name="T49" fmla="*/ 125 h 223"/>
                  <a:gd name="T50" fmla="*/ 340 w 448"/>
                  <a:gd name="T51" fmla="*/ 140 h 223"/>
                  <a:gd name="T52" fmla="*/ 328 w 448"/>
                  <a:gd name="T53" fmla="*/ 147 h 223"/>
                  <a:gd name="T54" fmla="*/ 333 w 448"/>
                  <a:gd name="T55" fmla="*/ 152 h 223"/>
                  <a:gd name="T56" fmla="*/ 325 w 448"/>
                  <a:gd name="T57" fmla="*/ 166 h 223"/>
                  <a:gd name="T58" fmla="*/ 342 w 448"/>
                  <a:gd name="T59" fmla="*/ 176 h 223"/>
                  <a:gd name="T60" fmla="*/ 352 w 448"/>
                  <a:gd name="T61" fmla="*/ 188 h 223"/>
                  <a:gd name="T62" fmla="*/ 359 w 448"/>
                  <a:gd name="T63" fmla="*/ 182 h 223"/>
                  <a:gd name="T64" fmla="*/ 362 w 448"/>
                  <a:gd name="T65" fmla="*/ 171 h 223"/>
                  <a:gd name="T66" fmla="*/ 370 w 448"/>
                  <a:gd name="T67" fmla="*/ 182 h 223"/>
                  <a:gd name="T68" fmla="*/ 377 w 448"/>
                  <a:gd name="T69" fmla="*/ 184 h 223"/>
                  <a:gd name="T70" fmla="*/ 382 w 448"/>
                  <a:gd name="T71" fmla="*/ 193 h 223"/>
                  <a:gd name="T72" fmla="*/ 382 w 448"/>
                  <a:gd name="T73" fmla="*/ 206 h 223"/>
                  <a:gd name="T74" fmla="*/ 386 w 448"/>
                  <a:gd name="T75" fmla="*/ 223 h 223"/>
                  <a:gd name="T76" fmla="*/ 403 w 448"/>
                  <a:gd name="T77" fmla="*/ 211 h 223"/>
                  <a:gd name="T78" fmla="*/ 436 w 448"/>
                  <a:gd name="T79" fmla="*/ 171 h 223"/>
                  <a:gd name="T80" fmla="*/ 443 w 448"/>
                  <a:gd name="T81" fmla="*/ 155 h 223"/>
                  <a:gd name="T82" fmla="*/ 435 w 448"/>
                  <a:gd name="T83" fmla="*/ 201 h 223"/>
                  <a:gd name="T84" fmla="*/ 433 w 448"/>
                  <a:gd name="T85" fmla="*/ 210 h 223"/>
                  <a:gd name="T86" fmla="*/ 436 w 448"/>
                  <a:gd name="T87" fmla="*/ 213 h 223"/>
                  <a:gd name="T88" fmla="*/ 447 w 448"/>
                  <a:gd name="T89" fmla="*/ 179 h 223"/>
                  <a:gd name="T90" fmla="*/ 448 w 448"/>
                  <a:gd name="T91" fmla="*/ 142 h 223"/>
                  <a:gd name="T92" fmla="*/ 45 w 448"/>
                  <a:gd name="T93" fmla="*/ 94 h 223"/>
                  <a:gd name="T94" fmla="*/ 62 w 448"/>
                  <a:gd name="T95" fmla="*/ 83 h 223"/>
                  <a:gd name="T96" fmla="*/ 96 w 448"/>
                  <a:gd name="T97" fmla="*/ 72 h 223"/>
                  <a:gd name="T98" fmla="*/ 120 w 448"/>
                  <a:gd name="T99" fmla="*/ 50 h 223"/>
                  <a:gd name="T100" fmla="*/ 150 w 448"/>
                  <a:gd name="T101" fmla="*/ 56 h 223"/>
                  <a:gd name="T102" fmla="*/ 164 w 448"/>
                  <a:gd name="T103" fmla="*/ 66 h 223"/>
                  <a:gd name="T104" fmla="*/ 174 w 448"/>
                  <a:gd name="T105" fmla="*/ 91 h 223"/>
                  <a:gd name="T106" fmla="*/ 199 w 448"/>
                  <a:gd name="T107" fmla="*/ 93 h 223"/>
                  <a:gd name="T108" fmla="*/ 221 w 448"/>
                  <a:gd name="T109" fmla="*/ 113 h 223"/>
                  <a:gd name="T110" fmla="*/ 237 w 448"/>
                  <a:gd name="T111" fmla="*/ 120 h 223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448"/>
                  <a:gd name="T169" fmla="*/ 0 h 223"/>
                  <a:gd name="T170" fmla="*/ 448 w 448"/>
                  <a:gd name="T171" fmla="*/ 223 h 223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448" h="223">
                    <a:moveTo>
                      <a:pt x="247" y="115"/>
                    </a:moveTo>
                    <a:lnTo>
                      <a:pt x="260" y="123"/>
                    </a:lnTo>
                    <a:lnTo>
                      <a:pt x="252" y="137"/>
                    </a:lnTo>
                    <a:lnTo>
                      <a:pt x="252" y="145"/>
                    </a:lnTo>
                    <a:lnTo>
                      <a:pt x="252" y="147"/>
                    </a:lnTo>
                    <a:lnTo>
                      <a:pt x="250" y="150"/>
                    </a:lnTo>
                    <a:lnTo>
                      <a:pt x="249" y="155"/>
                    </a:lnTo>
                    <a:lnTo>
                      <a:pt x="245" y="162"/>
                    </a:lnTo>
                    <a:lnTo>
                      <a:pt x="243" y="169"/>
                    </a:lnTo>
                    <a:lnTo>
                      <a:pt x="240" y="176"/>
                    </a:lnTo>
                    <a:lnTo>
                      <a:pt x="238" y="179"/>
                    </a:lnTo>
                    <a:lnTo>
                      <a:pt x="238" y="181"/>
                    </a:lnTo>
                    <a:lnTo>
                      <a:pt x="237" y="186"/>
                    </a:lnTo>
                    <a:lnTo>
                      <a:pt x="238" y="189"/>
                    </a:lnTo>
                    <a:lnTo>
                      <a:pt x="240" y="193"/>
                    </a:lnTo>
                    <a:lnTo>
                      <a:pt x="242" y="193"/>
                    </a:lnTo>
                    <a:lnTo>
                      <a:pt x="243" y="193"/>
                    </a:lnTo>
                    <a:lnTo>
                      <a:pt x="247" y="193"/>
                    </a:lnTo>
                    <a:lnTo>
                      <a:pt x="249" y="191"/>
                    </a:lnTo>
                    <a:lnTo>
                      <a:pt x="250" y="191"/>
                    </a:lnTo>
                    <a:lnTo>
                      <a:pt x="252" y="186"/>
                    </a:lnTo>
                    <a:lnTo>
                      <a:pt x="255" y="182"/>
                    </a:lnTo>
                    <a:lnTo>
                      <a:pt x="257" y="182"/>
                    </a:lnTo>
                    <a:lnTo>
                      <a:pt x="259" y="182"/>
                    </a:lnTo>
                    <a:lnTo>
                      <a:pt x="260" y="184"/>
                    </a:lnTo>
                    <a:lnTo>
                      <a:pt x="262" y="186"/>
                    </a:lnTo>
                    <a:lnTo>
                      <a:pt x="264" y="188"/>
                    </a:lnTo>
                    <a:lnTo>
                      <a:pt x="274" y="201"/>
                    </a:lnTo>
                    <a:lnTo>
                      <a:pt x="277" y="201"/>
                    </a:lnTo>
                    <a:lnTo>
                      <a:pt x="277" y="193"/>
                    </a:lnTo>
                    <a:lnTo>
                      <a:pt x="282" y="193"/>
                    </a:lnTo>
                    <a:lnTo>
                      <a:pt x="282" y="194"/>
                    </a:lnTo>
                    <a:lnTo>
                      <a:pt x="284" y="198"/>
                    </a:lnTo>
                    <a:lnTo>
                      <a:pt x="284" y="201"/>
                    </a:lnTo>
                    <a:lnTo>
                      <a:pt x="286" y="201"/>
                    </a:lnTo>
                    <a:lnTo>
                      <a:pt x="298" y="201"/>
                    </a:lnTo>
                    <a:lnTo>
                      <a:pt x="308" y="203"/>
                    </a:lnTo>
                    <a:lnTo>
                      <a:pt x="316" y="204"/>
                    </a:lnTo>
                    <a:lnTo>
                      <a:pt x="321" y="208"/>
                    </a:lnTo>
                    <a:lnTo>
                      <a:pt x="326" y="211"/>
                    </a:lnTo>
                    <a:lnTo>
                      <a:pt x="330" y="215"/>
                    </a:lnTo>
                    <a:lnTo>
                      <a:pt x="331" y="216"/>
                    </a:lnTo>
                    <a:lnTo>
                      <a:pt x="331" y="218"/>
                    </a:lnTo>
                    <a:lnTo>
                      <a:pt x="335" y="210"/>
                    </a:lnTo>
                    <a:lnTo>
                      <a:pt x="326" y="199"/>
                    </a:lnTo>
                    <a:lnTo>
                      <a:pt x="325" y="191"/>
                    </a:lnTo>
                    <a:lnTo>
                      <a:pt x="313" y="188"/>
                    </a:lnTo>
                    <a:lnTo>
                      <a:pt x="299" y="179"/>
                    </a:lnTo>
                    <a:lnTo>
                      <a:pt x="289" y="171"/>
                    </a:lnTo>
                    <a:lnTo>
                      <a:pt x="291" y="167"/>
                    </a:lnTo>
                    <a:lnTo>
                      <a:pt x="299" y="174"/>
                    </a:lnTo>
                    <a:lnTo>
                      <a:pt x="301" y="174"/>
                    </a:lnTo>
                    <a:lnTo>
                      <a:pt x="303" y="176"/>
                    </a:lnTo>
                    <a:lnTo>
                      <a:pt x="306" y="176"/>
                    </a:lnTo>
                    <a:lnTo>
                      <a:pt x="308" y="177"/>
                    </a:lnTo>
                    <a:lnTo>
                      <a:pt x="316" y="182"/>
                    </a:lnTo>
                    <a:lnTo>
                      <a:pt x="321" y="184"/>
                    </a:lnTo>
                    <a:lnTo>
                      <a:pt x="323" y="182"/>
                    </a:lnTo>
                    <a:lnTo>
                      <a:pt x="323" y="181"/>
                    </a:lnTo>
                    <a:lnTo>
                      <a:pt x="321" y="177"/>
                    </a:lnTo>
                    <a:lnTo>
                      <a:pt x="318" y="176"/>
                    </a:lnTo>
                    <a:lnTo>
                      <a:pt x="316" y="172"/>
                    </a:lnTo>
                    <a:lnTo>
                      <a:pt x="315" y="172"/>
                    </a:lnTo>
                    <a:lnTo>
                      <a:pt x="311" y="167"/>
                    </a:lnTo>
                    <a:lnTo>
                      <a:pt x="308" y="164"/>
                    </a:lnTo>
                    <a:lnTo>
                      <a:pt x="304" y="159"/>
                    </a:lnTo>
                    <a:lnTo>
                      <a:pt x="303" y="154"/>
                    </a:lnTo>
                    <a:lnTo>
                      <a:pt x="299" y="149"/>
                    </a:lnTo>
                    <a:lnTo>
                      <a:pt x="299" y="142"/>
                    </a:lnTo>
                    <a:lnTo>
                      <a:pt x="298" y="137"/>
                    </a:lnTo>
                    <a:lnTo>
                      <a:pt x="298" y="132"/>
                    </a:lnTo>
                    <a:lnTo>
                      <a:pt x="298" y="127"/>
                    </a:lnTo>
                    <a:lnTo>
                      <a:pt x="298" y="122"/>
                    </a:lnTo>
                    <a:lnTo>
                      <a:pt x="298" y="118"/>
                    </a:lnTo>
                    <a:lnTo>
                      <a:pt x="299" y="115"/>
                    </a:lnTo>
                    <a:lnTo>
                      <a:pt x="299" y="111"/>
                    </a:lnTo>
                    <a:lnTo>
                      <a:pt x="299" y="108"/>
                    </a:lnTo>
                    <a:lnTo>
                      <a:pt x="299" y="106"/>
                    </a:lnTo>
                    <a:lnTo>
                      <a:pt x="299" y="98"/>
                    </a:lnTo>
                    <a:lnTo>
                      <a:pt x="296" y="93"/>
                    </a:lnTo>
                    <a:lnTo>
                      <a:pt x="294" y="86"/>
                    </a:lnTo>
                    <a:lnTo>
                      <a:pt x="291" y="81"/>
                    </a:lnTo>
                    <a:lnTo>
                      <a:pt x="287" y="78"/>
                    </a:lnTo>
                    <a:lnTo>
                      <a:pt x="286" y="74"/>
                    </a:lnTo>
                    <a:lnTo>
                      <a:pt x="284" y="72"/>
                    </a:lnTo>
                    <a:lnTo>
                      <a:pt x="282" y="72"/>
                    </a:lnTo>
                    <a:lnTo>
                      <a:pt x="296" y="72"/>
                    </a:lnTo>
                    <a:lnTo>
                      <a:pt x="301" y="67"/>
                    </a:lnTo>
                    <a:lnTo>
                      <a:pt x="301" y="66"/>
                    </a:lnTo>
                    <a:lnTo>
                      <a:pt x="301" y="64"/>
                    </a:lnTo>
                    <a:lnTo>
                      <a:pt x="301" y="61"/>
                    </a:lnTo>
                    <a:lnTo>
                      <a:pt x="301" y="59"/>
                    </a:lnTo>
                    <a:lnTo>
                      <a:pt x="299" y="56"/>
                    </a:lnTo>
                    <a:lnTo>
                      <a:pt x="298" y="52"/>
                    </a:lnTo>
                    <a:lnTo>
                      <a:pt x="299" y="52"/>
                    </a:lnTo>
                    <a:lnTo>
                      <a:pt x="301" y="52"/>
                    </a:lnTo>
                    <a:lnTo>
                      <a:pt x="303" y="52"/>
                    </a:lnTo>
                    <a:lnTo>
                      <a:pt x="303" y="54"/>
                    </a:lnTo>
                    <a:lnTo>
                      <a:pt x="304" y="56"/>
                    </a:lnTo>
                    <a:lnTo>
                      <a:pt x="306" y="59"/>
                    </a:lnTo>
                    <a:lnTo>
                      <a:pt x="306" y="61"/>
                    </a:lnTo>
                    <a:lnTo>
                      <a:pt x="308" y="61"/>
                    </a:lnTo>
                    <a:lnTo>
                      <a:pt x="309" y="59"/>
                    </a:lnTo>
                    <a:lnTo>
                      <a:pt x="309" y="57"/>
                    </a:lnTo>
                    <a:lnTo>
                      <a:pt x="311" y="56"/>
                    </a:lnTo>
                    <a:lnTo>
                      <a:pt x="321" y="42"/>
                    </a:lnTo>
                    <a:lnTo>
                      <a:pt x="320" y="40"/>
                    </a:lnTo>
                    <a:lnTo>
                      <a:pt x="320" y="39"/>
                    </a:lnTo>
                    <a:lnTo>
                      <a:pt x="320" y="35"/>
                    </a:lnTo>
                    <a:lnTo>
                      <a:pt x="320" y="34"/>
                    </a:lnTo>
                    <a:lnTo>
                      <a:pt x="320" y="32"/>
                    </a:lnTo>
                    <a:lnTo>
                      <a:pt x="320" y="28"/>
                    </a:lnTo>
                    <a:lnTo>
                      <a:pt x="325" y="23"/>
                    </a:lnTo>
                    <a:lnTo>
                      <a:pt x="328" y="22"/>
                    </a:lnTo>
                    <a:lnTo>
                      <a:pt x="330" y="20"/>
                    </a:lnTo>
                    <a:lnTo>
                      <a:pt x="331" y="22"/>
                    </a:lnTo>
                    <a:lnTo>
                      <a:pt x="331" y="23"/>
                    </a:lnTo>
                    <a:lnTo>
                      <a:pt x="331" y="25"/>
                    </a:lnTo>
                    <a:lnTo>
                      <a:pt x="331" y="27"/>
                    </a:lnTo>
                    <a:lnTo>
                      <a:pt x="330" y="27"/>
                    </a:lnTo>
                    <a:lnTo>
                      <a:pt x="330" y="32"/>
                    </a:lnTo>
                    <a:lnTo>
                      <a:pt x="330" y="35"/>
                    </a:lnTo>
                    <a:lnTo>
                      <a:pt x="333" y="35"/>
                    </a:lnTo>
                    <a:lnTo>
                      <a:pt x="335" y="34"/>
                    </a:lnTo>
                    <a:lnTo>
                      <a:pt x="337" y="32"/>
                    </a:lnTo>
                    <a:lnTo>
                      <a:pt x="338" y="30"/>
                    </a:lnTo>
                    <a:lnTo>
                      <a:pt x="340" y="30"/>
                    </a:lnTo>
                    <a:lnTo>
                      <a:pt x="338" y="34"/>
                    </a:lnTo>
                    <a:lnTo>
                      <a:pt x="338" y="37"/>
                    </a:lnTo>
                    <a:lnTo>
                      <a:pt x="337" y="39"/>
                    </a:lnTo>
                    <a:lnTo>
                      <a:pt x="333" y="42"/>
                    </a:lnTo>
                    <a:lnTo>
                      <a:pt x="331" y="44"/>
                    </a:lnTo>
                    <a:lnTo>
                      <a:pt x="330" y="45"/>
                    </a:lnTo>
                    <a:lnTo>
                      <a:pt x="330" y="47"/>
                    </a:lnTo>
                    <a:lnTo>
                      <a:pt x="328" y="47"/>
                    </a:lnTo>
                    <a:lnTo>
                      <a:pt x="323" y="52"/>
                    </a:lnTo>
                    <a:lnTo>
                      <a:pt x="320" y="59"/>
                    </a:lnTo>
                    <a:lnTo>
                      <a:pt x="316" y="66"/>
                    </a:lnTo>
                    <a:lnTo>
                      <a:pt x="316" y="72"/>
                    </a:lnTo>
                    <a:lnTo>
                      <a:pt x="316" y="79"/>
                    </a:lnTo>
                    <a:lnTo>
                      <a:pt x="316" y="84"/>
                    </a:lnTo>
                    <a:lnTo>
                      <a:pt x="318" y="88"/>
                    </a:lnTo>
                    <a:lnTo>
                      <a:pt x="318" y="89"/>
                    </a:lnTo>
                    <a:lnTo>
                      <a:pt x="321" y="88"/>
                    </a:lnTo>
                    <a:lnTo>
                      <a:pt x="323" y="86"/>
                    </a:lnTo>
                    <a:lnTo>
                      <a:pt x="326" y="83"/>
                    </a:lnTo>
                    <a:lnTo>
                      <a:pt x="328" y="79"/>
                    </a:lnTo>
                    <a:lnTo>
                      <a:pt x="330" y="76"/>
                    </a:lnTo>
                    <a:lnTo>
                      <a:pt x="331" y="72"/>
                    </a:lnTo>
                    <a:lnTo>
                      <a:pt x="333" y="71"/>
                    </a:lnTo>
                    <a:lnTo>
                      <a:pt x="333" y="69"/>
                    </a:lnTo>
                    <a:lnTo>
                      <a:pt x="335" y="72"/>
                    </a:lnTo>
                    <a:lnTo>
                      <a:pt x="335" y="76"/>
                    </a:lnTo>
                    <a:lnTo>
                      <a:pt x="333" y="79"/>
                    </a:lnTo>
                    <a:lnTo>
                      <a:pt x="331" y="83"/>
                    </a:lnTo>
                    <a:lnTo>
                      <a:pt x="330" y="86"/>
                    </a:lnTo>
                    <a:lnTo>
                      <a:pt x="328" y="88"/>
                    </a:lnTo>
                    <a:lnTo>
                      <a:pt x="328" y="89"/>
                    </a:lnTo>
                    <a:lnTo>
                      <a:pt x="326" y="89"/>
                    </a:lnTo>
                    <a:lnTo>
                      <a:pt x="326" y="91"/>
                    </a:lnTo>
                    <a:lnTo>
                      <a:pt x="326" y="93"/>
                    </a:lnTo>
                    <a:lnTo>
                      <a:pt x="326" y="96"/>
                    </a:lnTo>
                    <a:lnTo>
                      <a:pt x="326" y="100"/>
                    </a:lnTo>
                    <a:lnTo>
                      <a:pt x="326" y="103"/>
                    </a:lnTo>
                    <a:lnTo>
                      <a:pt x="326" y="106"/>
                    </a:lnTo>
                    <a:lnTo>
                      <a:pt x="325" y="110"/>
                    </a:lnTo>
                    <a:lnTo>
                      <a:pt x="320" y="116"/>
                    </a:lnTo>
                    <a:lnTo>
                      <a:pt x="318" y="120"/>
                    </a:lnTo>
                    <a:lnTo>
                      <a:pt x="316" y="123"/>
                    </a:lnTo>
                    <a:lnTo>
                      <a:pt x="316" y="125"/>
                    </a:lnTo>
                    <a:lnTo>
                      <a:pt x="318" y="127"/>
                    </a:lnTo>
                    <a:lnTo>
                      <a:pt x="320" y="127"/>
                    </a:lnTo>
                    <a:lnTo>
                      <a:pt x="330" y="132"/>
                    </a:lnTo>
                    <a:lnTo>
                      <a:pt x="337" y="137"/>
                    </a:lnTo>
                    <a:lnTo>
                      <a:pt x="340" y="140"/>
                    </a:lnTo>
                    <a:lnTo>
                      <a:pt x="342" y="142"/>
                    </a:lnTo>
                    <a:lnTo>
                      <a:pt x="342" y="144"/>
                    </a:lnTo>
                    <a:lnTo>
                      <a:pt x="340" y="145"/>
                    </a:lnTo>
                    <a:lnTo>
                      <a:pt x="338" y="145"/>
                    </a:lnTo>
                    <a:lnTo>
                      <a:pt x="337" y="145"/>
                    </a:lnTo>
                    <a:lnTo>
                      <a:pt x="331" y="145"/>
                    </a:lnTo>
                    <a:lnTo>
                      <a:pt x="328" y="147"/>
                    </a:lnTo>
                    <a:lnTo>
                      <a:pt x="325" y="147"/>
                    </a:lnTo>
                    <a:lnTo>
                      <a:pt x="325" y="149"/>
                    </a:lnTo>
                    <a:lnTo>
                      <a:pt x="325" y="150"/>
                    </a:lnTo>
                    <a:lnTo>
                      <a:pt x="325" y="152"/>
                    </a:lnTo>
                    <a:lnTo>
                      <a:pt x="326" y="152"/>
                    </a:lnTo>
                    <a:lnTo>
                      <a:pt x="333" y="152"/>
                    </a:lnTo>
                    <a:lnTo>
                      <a:pt x="337" y="154"/>
                    </a:lnTo>
                    <a:lnTo>
                      <a:pt x="337" y="155"/>
                    </a:lnTo>
                    <a:lnTo>
                      <a:pt x="335" y="157"/>
                    </a:lnTo>
                    <a:lnTo>
                      <a:pt x="331" y="159"/>
                    </a:lnTo>
                    <a:lnTo>
                      <a:pt x="328" y="160"/>
                    </a:lnTo>
                    <a:lnTo>
                      <a:pt x="326" y="160"/>
                    </a:lnTo>
                    <a:lnTo>
                      <a:pt x="325" y="162"/>
                    </a:lnTo>
                    <a:lnTo>
                      <a:pt x="325" y="166"/>
                    </a:lnTo>
                    <a:lnTo>
                      <a:pt x="335" y="177"/>
                    </a:lnTo>
                    <a:lnTo>
                      <a:pt x="337" y="176"/>
                    </a:lnTo>
                    <a:lnTo>
                      <a:pt x="338" y="176"/>
                    </a:lnTo>
                    <a:lnTo>
                      <a:pt x="340" y="174"/>
                    </a:lnTo>
                    <a:lnTo>
                      <a:pt x="342" y="176"/>
                    </a:lnTo>
                    <a:lnTo>
                      <a:pt x="345" y="177"/>
                    </a:lnTo>
                    <a:lnTo>
                      <a:pt x="347" y="181"/>
                    </a:lnTo>
                    <a:lnTo>
                      <a:pt x="348" y="182"/>
                    </a:lnTo>
                    <a:lnTo>
                      <a:pt x="348" y="184"/>
                    </a:lnTo>
                    <a:lnTo>
                      <a:pt x="350" y="186"/>
                    </a:lnTo>
                    <a:lnTo>
                      <a:pt x="352" y="188"/>
                    </a:lnTo>
                    <a:lnTo>
                      <a:pt x="355" y="188"/>
                    </a:lnTo>
                    <a:lnTo>
                      <a:pt x="359" y="186"/>
                    </a:lnTo>
                    <a:lnTo>
                      <a:pt x="360" y="186"/>
                    </a:lnTo>
                    <a:lnTo>
                      <a:pt x="359" y="184"/>
                    </a:lnTo>
                    <a:lnTo>
                      <a:pt x="359" y="182"/>
                    </a:lnTo>
                    <a:lnTo>
                      <a:pt x="357" y="179"/>
                    </a:lnTo>
                    <a:lnTo>
                      <a:pt x="355" y="176"/>
                    </a:lnTo>
                    <a:lnTo>
                      <a:pt x="357" y="174"/>
                    </a:lnTo>
                    <a:lnTo>
                      <a:pt x="359" y="172"/>
                    </a:lnTo>
                    <a:lnTo>
                      <a:pt x="360" y="171"/>
                    </a:lnTo>
                    <a:lnTo>
                      <a:pt x="362" y="171"/>
                    </a:lnTo>
                    <a:lnTo>
                      <a:pt x="364" y="171"/>
                    </a:lnTo>
                    <a:lnTo>
                      <a:pt x="364" y="177"/>
                    </a:lnTo>
                    <a:lnTo>
                      <a:pt x="364" y="182"/>
                    </a:lnTo>
                    <a:lnTo>
                      <a:pt x="365" y="184"/>
                    </a:lnTo>
                    <a:lnTo>
                      <a:pt x="367" y="186"/>
                    </a:lnTo>
                    <a:lnTo>
                      <a:pt x="369" y="184"/>
                    </a:lnTo>
                    <a:lnTo>
                      <a:pt x="370" y="182"/>
                    </a:lnTo>
                    <a:lnTo>
                      <a:pt x="372" y="182"/>
                    </a:lnTo>
                    <a:lnTo>
                      <a:pt x="372" y="181"/>
                    </a:lnTo>
                    <a:lnTo>
                      <a:pt x="374" y="181"/>
                    </a:lnTo>
                    <a:lnTo>
                      <a:pt x="375" y="182"/>
                    </a:lnTo>
                    <a:lnTo>
                      <a:pt x="377" y="184"/>
                    </a:lnTo>
                    <a:lnTo>
                      <a:pt x="370" y="191"/>
                    </a:lnTo>
                    <a:lnTo>
                      <a:pt x="369" y="194"/>
                    </a:lnTo>
                    <a:lnTo>
                      <a:pt x="369" y="198"/>
                    </a:lnTo>
                    <a:lnTo>
                      <a:pt x="372" y="198"/>
                    </a:lnTo>
                    <a:lnTo>
                      <a:pt x="375" y="196"/>
                    </a:lnTo>
                    <a:lnTo>
                      <a:pt x="379" y="194"/>
                    </a:lnTo>
                    <a:lnTo>
                      <a:pt x="382" y="193"/>
                    </a:lnTo>
                    <a:lnTo>
                      <a:pt x="382" y="194"/>
                    </a:lnTo>
                    <a:lnTo>
                      <a:pt x="382" y="198"/>
                    </a:lnTo>
                    <a:lnTo>
                      <a:pt x="382" y="199"/>
                    </a:lnTo>
                    <a:lnTo>
                      <a:pt x="382" y="203"/>
                    </a:lnTo>
                    <a:lnTo>
                      <a:pt x="382" y="204"/>
                    </a:lnTo>
                    <a:lnTo>
                      <a:pt x="382" y="206"/>
                    </a:lnTo>
                    <a:lnTo>
                      <a:pt x="381" y="211"/>
                    </a:lnTo>
                    <a:lnTo>
                      <a:pt x="381" y="215"/>
                    </a:lnTo>
                    <a:lnTo>
                      <a:pt x="381" y="218"/>
                    </a:lnTo>
                    <a:lnTo>
                      <a:pt x="382" y="220"/>
                    </a:lnTo>
                    <a:lnTo>
                      <a:pt x="384" y="221"/>
                    </a:lnTo>
                    <a:lnTo>
                      <a:pt x="386" y="223"/>
                    </a:lnTo>
                    <a:lnTo>
                      <a:pt x="387" y="223"/>
                    </a:lnTo>
                    <a:lnTo>
                      <a:pt x="394" y="220"/>
                    </a:lnTo>
                    <a:lnTo>
                      <a:pt x="397" y="216"/>
                    </a:lnTo>
                    <a:lnTo>
                      <a:pt x="399" y="215"/>
                    </a:lnTo>
                    <a:lnTo>
                      <a:pt x="403" y="211"/>
                    </a:lnTo>
                    <a:lnTo>
                      <a:pt x="406" y="210"/>
                    </a:lnTo>
                    <a:lnTo>
                      <a:pt x="409" y="206"/>
                    </a:lnTo>
                    <a:lnTo>
                      <a:pt x="413" y="204"/>
                    </a:lnTo>
                    <a:lnTo>
                      <a:pt x="418" y="203"/>
                    </a:lnTo>
                    <a:lnTo>
                      <a:pt x="425" y="203"/>
                    </a:lnTo>
                    <a:lnTo>
                      <a:pt x="430" y="198"/>
                    </a:lnTo>
                    <a:lnTo>
                      <a:pt x="431" y="171"/>
                    </a:lnTo>
                    <a:lnTo>
                      <a:pt x="436" y="171"/>
                    </a:lnTo>
                    <a:lnTo>
                      <a:pt x="440" y="145"/>
                    </a:lnTo>
                    <a:lnTo>
                      <a:pt x="441" y="144"/>
                    </a:lnTo>
                    <a:lnTo>
                      <a:pt x="443" y="144"/>
                    </a:lnTo>
                    <a:lnTo>
                      <a:pt x="443" y="145"/>
                    </a:lnTo>
                    <a:lnTo>
                      <a:pt x="443" y="155"/>
                    </a:lnTo>
                    <a:lnTo>
                      <a:pt x="441" y="164"/>
                    </a:lnTo>
                    <a:lnTo>
                      <a:pt x="441" y="172"/>
                    </a:lnTo>
                    <a:lnTo>
                      <a:pt x="440" y="179"/>
                    </a:lnTo>
                    <a:lnTo>
                      <a:pt x="438" y="184"/>
                    </a:lnTo>
                    <a:lnTo>
                      <a:pt x="438" y="189"/>
                    </a:lnTo>
                    <a:lnTo>
                      <a:pt x="436" y="194"/>
                    </a:lnTo>
                    <a:lnTo>
                      <a:pt x="436" y="198"/>
                    </a:lnTo>
                    <a:lnTo>
                      <a:pt x="435" y="201"/>
                    </a:lnTo>
                    <a:lnTo>
                      <a:pt x="435" y="203"/>
                    </a:lnTo>
                    <a:lnTo>
                      <a:pt x="435" y="204"/>
                    </a:lnTo>
                    <a:lnTo>
                      <a:pt x="433" y="206"/>
                    </a:lnTo>
                    <a:lnTo>
                      <a:pt x="433" y="208"/>
                    </a:lnTo>
                    <a:lnTo>
                      <a:pt x="433" y="210"/>
                    </a:lnTo>
                    <a:lnTo>
                      <a:pt x="433" y="215"/>
                    </a:lnTo>
                    <a:lnTo>
                      <a:pt x="433" y="216"/>
                    </a:lnTo>
                    <a:lnTo>
                      <a:pt x="433" y="218"/>
                    </a:lnTo>
                    <a:lnTo>
                      <a:pt x="435" y="216"/>
                    </a:lnTo>
                    <a:lnTo>
                      <a:pt x="435" y="215"/>
                    </a:lnTo>
                    <a:lnTo>
                      <a:pt x="436" y="215"/>
                    </a:lnTo>
                    <a:lnTo>
                      <a:pt x="436" y="213"/>
                    </a:lnTo>
                    <a:lnTo>
                      <a:pt x="438" y="211"/>
                    </a:lnTo>
                    <a:lnTo>
                      <a:pt x="440" y="206"/>
                    </a:lnTo>
                    <a:lnTo>
                      <a:pt x="441" y="203"/>
                    </a:lnTo>
                    <a:lnTo>
                      <a:pt x="443" y="198"/>
                    </a:lnTo>
                    <a:lnTo>
                      <a:pt x="443" y="191"/>
                    </a:lnTo>
                    <a:lnTo>
                      <a:pt x="445" y="186"/>
                    </a:lnTo>
                    <a:lnTo>
                      <a:pt x="447" y="179"/>
                    </a:lnTo>
                    <a:lnTo>
                      <a:pt x="447" y="172"/>
                    </a:lnTo>
                    <a:lnTo>
                      <a:pt x="447" y="167"/>
                    </a:lnTo>
                    <a:lnTo>
                      <a:pt x="447" y="160"/>
                    </a:lnTo>
                    <a:lnTo>
                      <a:pt x="447" y="155"/>
                    </a:lnTo>
                    <a:lnTo>
                      <a:pt x="448" y="150"/>
                    </a:lnTo>
                    <a:lnTo>
                      <a:pt x="448" y="147"/>
                    </a:lnTo>
                    <a:lnTo>
                      <a:pt x="448" y="144"/>
                    </a:lnTo>
                    <a:lnTo>
                      <a:pt x="448" y="142"/>
                    </a:lnTo>
                    <a:lnTo>
                      <a:pt x="386" y="154"/>
                    </a:lnTo>
                    <a:lnTo>
                      <a:pt x="345" y="0"/>
                    </a:lnTo>
                    <a:lnTo>
                      <a:pt x="0" y="66"/>
                    </a:lnTo>
                    <a:lnTo>
                      <a:pt x="10" y="127"/>
                    </a:lnTo>
                    <a:lnTo>
                      <a:pt x="45" y="94"/>
                    </a:lnTo>
                    <a:lnTo>
                      <a:pt x="45" y="96"/>
                    </a:lnTo>
                    <a:lnTo>
                      <a:pt x="47" y="96"/>
                    </a:lnTo>
                    <a:lnTo>
                      <a:pt x="49" y="96"/>
                    </a:lnTo>
                    <a:lnTo>
                      <a:pt x="52" y="94"/>
                    </a:lnTo>
                    <a:lnTo>
                      <a:pt x="57" y="89"/>
                    </a:lnTo>
                    <a:lnTo>
                      <a:pt x="62" y="83"/>
                    </a:lnTo>
                    <a:lnTo>
                      <a:pt x="69" y="71"/>
                    </a:lnTo>
                    <a:lnTo>
                      <a:pt x="71" y="71"/>
                    </a:lnTo>
                    <a:lnTo>
                      <a:pt x="74" y="72"/>
                    </a:lnTo>
                    <a:lnTo>
                      <a:pt x="79" y="74"/>
                    </a:lnTo>
                    <a:lnTo>
                      <a:pt x="84" y="74"/>
                    </a:lnTo>
                    <a:lnTo>
                      <a:pt x="89" y="74"/>
                    </a:lnTo>
                    <a:lnTo>
                      <a:pt x="96" y="72"/>
                    </a:lnTo>
                    <a:lnTo>
                      <a:pt x="101" y="67"/>
                    </a:lnTo>
                    <a:lnTo>
                      <a:pt x="106" y="61"/>
                    </a:lnTo>
                    <a:lnTo>
                      <a:pt x="108" y="59"/>
                    </a:lnTo>
                    <a:lnTo>
                      <a:pt x="108" y="57"/>
                    </a:lnTo>
                    <a:lnTo>
                      <a:pt x="111" y="54"/>
                    </a:lnTo>
                    <a:lnTo>
                      <a:pt x="115" y="52"/>
                    </a:lnTo>
                    <a:lnTo>
                      <a:pt x="120" y="50"/>
                    </a:lnTo>
                    <a:lnTo>
                      <a:pt x="125" y="50"/>
                    </a:lnTo>
                    <a:lnTo>
                      <a:pt x="133" y="52"/>
                    </a:lnTo>
                    <a:lnTo>
                      <a:pt x="144" y="56"/>
                    </a:lnTo>
                    <a:lnTo>
                      <a:pt x="145" y="56"/>
                    </a:lnTo>
                    <a:lnTo>
                      <a:pt x="147" y="56"/>
                    </a:lnTo>
                    <a:lnTo>
                      <a:pt x="149" y="56"/>
                    </a:lnTo>
                    <a:lnTo>
                      <a:pt x="150" y="56"/>
                    </a:lnTo>
                    <a:lnTo>
                      <a:pt x="154" y="56"/>
                    </a:lnTo>
                    <a:lnTo>
                      <a:pt x="155" y="56"/>
                    </a:lnTo>
                    <a:lnTo>
                      <a:pt x="157" y="56"/>
                    </a:lnTo>
                    <a:lnTo>
                      <a:pt x="159" y="62"/>
                    </a:lnTo>
                    <a:lnTo>
                      <a:pt x="161" y="64"/>
                    </a:lnTo>
                    <a:lnTo>
                      <a:pt x="164" y="66"/>
                    </a:lnTo>
                    <a:lnTo>
                      <a:pt x="167" y="69"/>
                    </a:lnTo>
                    <a:lnTo>
                      <a:pt x="171" y="72"/>
                    </a:lnTo>
                    <a:lnTo>
                      <a:pt x="174" y="78"/>
                    </a:lnTo>
                    <a:lnTo>
                      <a:pt x="176" y="83"/>
                    </a:lnTo>
                    <a:lnTo>
                      <a:pt x="176" y="88"/>
                    </a:lnTo>
                    <a:lnTo>
                      <a:pt x="172" y="93"/>
                    </a:lnTo>
                    <a:lnTo>
                      <a:pt x="174" y="91"/>
                    </a:lnTo>
                    <a:lnTo>
                      <a:pt x="176" y="89"/>
                    </a:lnTo>
                    <a:lnTo>
                      <a:pt x="179" y="89"/>
                    </a:lnTo>
                    <a:lnTo>
                      <a:pt x="184" y="88"/>
                    </a:lnTo>
                    <a:lnTo>
                      <a:pt x="188" y="86"/>
                    </a:lnTo>
                    <a:lnTo>
                      <a:pt x="193" y="86"/>
                    </a:lnTo>
                    <a:lnTo>
                      <a:pt x="196" y="89"/>
                    </a:lnTo>
                    <a:lnTo>
                      <a:pt x="199" y="93"/>
                    </a:lnTo>
                    <a:lnTo>
                      <a:pt x="199" y="94"/>
                    </a:lnTo>
                    <a:lnTo>
                      <a:pt x="198" y="98"/>
                    </a:lnTo>
                    <a:lnTo>
                      <a:pt x="198" y="100"/>
                    </a:lnTo>
                    <a:lnTo>
                      <a:pt x="198" y="103"/>
                    </a:lnTo>
                    <a:lnTo>
                      <a:pt x="198" y="108"/>
                    </a:lnTo>
                    <a:lnTo>
                      <a:pt x="203" y="110"/>
                    </a:lnTo>
                    <a:lnTo>
                      <a:pt x="210" y="113"/>
                    </a:lnTo>
                    <a:lnTo>
                      <a:pt x="221" y="113"/>
                    </a:lnTo>
                    <a:lnTo>
                      <a:pt x="223" y="113"/>
                    </a:lnTo>
                    <a:lnTo>
                      <a:pt x="227" y="115"/>
                    </a:lnTo>
                    <a:lnTo>
                      <a:pt x="228" y="115"/>
                    </a:lnTo>
                    <a:lnTo>
                      <a:pt x="230" y="116"/>
                    </a:lnTo>
                    <a:lnTo>
                      <a:pt x="233" y="118"/>
                    </a:lnTo>
                    <a:lnTo>
                      <a:pt x="237" y="120"/>
                    </a:lnTo>
                    <a:lnTo>
                      <a:pt x="240" y="122"/>
                    </a:lnTo>
                    <a:lnTo>
                      <a:pt x="247" y="115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395" name="Group 76"/>
            <p:cNvGrpSpPr>
              <a:grpSpLocks/>
            </p:cNvGrpSpPr>
            <p:nvPr/>
          </p:nvGrpSpPr>
          <p:grpSpPr bwMode="auto">
            <a:xfrm>
              <a:off x="311" y="3378"/>
              <a:ext cx="744" cy="497"/>
              <a:chOff x="439" y="3034"/>
              <a:chExt cx="765" cy="512"/>
            </a:xfrm>
          </p:grpSpPr>
          <p:sp>
            <p:nvSpPr>
              <p:cNvPr id="472" name="Freeform 77"/>
              <p:cNvSpPr>
                <a:spLocks/>
              </p:cNvSpPr>
              <p:nvPr/>
            </p:nvSpPr>
            <p:spPr bwMode="auto">
              <a:xfrm>
                <a:off x="659" y="3034"/>
                <a:ext cx="545" cy="452"/>
              </a:xfrm>
              <a:custGeom>
                <a:avLst/>
                <a:gdLst>
                  <a:gd name="T0" fmla="*/ 543 w 545"/>
                  <a:gd name="T1" fmla="*/ 329 h 452"/>
                  <a:gd name="T2" fmla="*/ 514 w 545"/>
                  <a:gd name="T3" fmla="*/ 312 h 452"/>
                  <a:gd name="T4" fmla="*/ 381 w 545"/>
                  <a:gd name="T5" fmla="*/ 266 h 452"/>
                  <a:gd name="T6" fmla="*/ 347 w 545"/>
                  <a:gd name="T7" fmla="*/ 266 h 452"/>
                  <a:gd name="T8" fmla="*/ 232 w 545"/>
                  <a:gd name="T9" fmla="*/ 17 h 452"/>
                  <a:gd name="T10" fmla="*/ 193 w 545"/>
                  <a:gd name="T11" fmla="*/ 16 h 452"/>
                  <a:gd name="T12" fmla="*/ 173 w 545"/>
                  <a:gd name="T13" fmla="*/ 17 h 452"/>
                  <a:gd name="T14" fmla="*/ 147 w 545"/>
                  <a:gd name="T15" fmla="*/ 9 h 452"/>
                  <a:gd name="T16" fmla="*/ 108 w 545"/>
                  <a:gd name="T17" fmla="*/ 11 h 452"/>
                  <a:gd name="T18" fmla="*/ 86 w 545"/>
                  <a:gd name="T19" fmla="*/ 22 h 452"/>
                  <a:gd name="T20" fmla="*/ 59 w 545"/>
                  <a:gd name="T21" fmla="*/ 46 h 452"/>
                  <a:gd name="T22" fmla="*/ 30 w 545"/>
                  <a:gd name="T23" fmla="*/ 83 h 452"/>
                  <a:gd name="T24" fmla="*/ 63 w 545"/>
                  <a:gd name="T25" fmla="*/ 116 h 452"/>
                  <a:gd name="T26" fmla="*/ 63 w 545"/>
                  <a:gd name="T27" fmla="*/ 122 h 452"/>
                  <a:gd name="T28" fmla="*/ 27 w 545"/>
                  <a:gd name="T29" fmla="*/ 134 h 452"/>
                  <a:gd name="T30" fmla="*/ 8 w 545"/>
                  <a:gd name="T31" fmla="*/ 139 h 452"/>
                  <a:gd name="T32" fmla="*/ 7 w 545"/>
                  <a:gd name="T33" fmla="*/ 165 h 452"/>
                  <a:gd name="T34" fmla="*/ 29 w 545"/>
                  <a:gd name="T35" fmla="*/ 183 h 452"/>
                  <a:gd name="T36" fmla="*/ 78 w 545"/>
                  <a:gd name="T37" fmla="*/ 175 h 452"/>
                  <a:gd name="T38" fmla="*/ 79 w 545"/>
                  <a:gd name="T39" fmla="*/ 205 h 452"/>
                  <a:gd name="T40" fmla="*/ 51 w 545"/>
                  <a:gd name="T41" fmla="*/ 226 h 452"/>
                  <a:gd name="T42" fmla="*/ 30 w 545"/>
                  <a:gd name="T43" fmla="*/ 232 h 452"/>
                  <a:gd name="T44" fmla="*/ 20 w 545"/>
                  <a:gd name="T45" fmla="*/ 248 h 452"/>
                  <a:gd name="T46" fmla="*/ 8 w 545"/>
                  <a:gd name="T47" fmla="*/ 266 h 452"/>
                  <a:gd name="T48" fmla="*/ 20 w 545"/>
                  <a:gd name="T49" fmla="*/ 278 h 452"/>
                  <a:gd name="T50" fmla="*/ 29 w 545"/>
                  <a:gd name="T51" fmla="*/ 303 h 452"/>
                  <a:gd name="T52" fmla="*/ 52 w 545"/>
                  <a:gd name="T53" fmla="*/ 314 h 452"/>
                  <a:gd name="T54" fmla="*/ 61 w 545"/>
                  <a:gd name="T55" fmla="*/ 312 h 452"/>
                  <a:gd name="T56" fmla="*/ 66 w 545"/>
                  <a:gd name="T57" fmla="*/ 336 h 452"/>
                  <a:gd name="T58" fmla="*/ 78 w 545"/>
                  <a:gd name="T59" fmla="*/ 341 h 452"/>
                  <a:gd name="T60" fmla="*/ 91 w 545"/>
                  <a:gd name="T61" fmla="*/ 339 h 452"/>
                  <a:gd name="T62" fmla="*/ 103 w 545"/>
                  <a:gd name="T63" fmla="*/ 352 h 452"/>
                  <a:gd name="T64" fmla="*/ 127 w 545"/>
                  <a:gd name="T65" fmla="*/ 342 h 452"/>
                  <a:gd name="T66" fmla="*/ 127 w 545"/>
                  <a:gd name="T67" fmla="*/ 352 h 452"/>
                  <a:gd name="T68" fmla="*/ 112 w 545"/>
                  <a:gd name="T69" fmla="*/ 391 h 452"/>
                  <a:gd name="T70" fmla="*/ 88 w 545"/>
                  <a:gd name="T71" fmla="*/ 412 h 452"/>
                  <a:gd name="T72" fmla="*/ 78 w 545"/>
                  <a:gd name="T73" fmla="*/ 430 h 452"/>
                  <a:gd name="T74" fmla="*/ 63 w 545"/>
                  <a:gd name="T75" fmla="*/ 425 h 452"/>
                  <a:gd name="T76" fmla="*/ 52 w 545"/>
                  <a:gd name="T77" fmla="*/ 446 h 452"/>
                  <a:gd name="T78" fmla="*/ 68 w 545"/>
                  <a:gd name="T79" fmla="*/ 437 h 452"/>
                  <a:gd name="T80" fmla="*/ 96 w 545"/>
                  <a:gd name="T81" fmla="*/ 434 h 452"/>
                  <a:gd name="T82" fmla="*/ 113 w 545"/>
                  <a:gd name="T83" fmla="*/ 415 h 452"/>
                  <a:gd name="T84" fmla="*/ 144 w 545"/>
                  <a:gd name="T85" fmla="*/ 381 h 452"/>
                  <a:gd name="T86" fmla="*/ 183 w 545"/>
                  <a:gd name="T87" fmla="*/ 339 h 452"/>
                  <a:gd name="T88" fmla="*/ 174 w 545"/>
                  <a:gd name="T89" fmla="*/ 322 h 452"/>
                  <a:gd name="T90" fmla="*/ 220 w 545"/>
                  <a:gd name="T91" fmla="*/ 264 h 452"/>
                  <a:gd name="T92" fmla="*/ 210 w 545"/>
                  <a:gd name="T93" fmla="*/ 298 h 452"/>
                  <a:gd name="T94" fmla="*/ 210 w 545"/>
                  <a:gd name="T95" fmla="*/ 317 h 452"/>
                  <a:gd name="T96" fmla="*/ 237 w 545"/>
                  <a:gd name="T97" fmla="*/ 300 h 452"/>
                  <a:gd name="T98" fmla="*/ 247 w 545"/>
                  <a:gd name="T99" fmla="*/ 286 h 452"/>
                  <a:gd name="T100" fmla="*/ 286 w 545"/>
                  <a:gd name="T101" fmla="*/ 278 h 452"/>
                  <a:gd name="T102" fmla="*/ 357 w 545"/>
                  <a:gd name="T103" fmla="*/ 276 h 452"/>
                  <a:gd name="T104" fmla="*/ 374 w 545"/>
                  <a:gd name="T105" fmla="*/ 280 h 452"/>
                  <a:gd name="T106" fmla="*/ 418 w 545"/>
                  <a:gd name="T107" fmla="*/ 295 h 452"/>
                  <a:gd name="T108" fmla="*/ 425 w 545"/>
                  <a:gd name="T109" fmla="*/ 278 h 452"/>
                  <a:gd name="T110" fmla="*/ 430 w 545"/>
                  <a:gd name="T111" fmla="*/ 264 h 452"/>
                  <a:gd name="T112" fmla="*/ 472 w 545"/>
                  <a:gd name="T113" fmla="*/ 300 h 452"/>
                  <a:gd name="T114" fmla="*/ 509 w 545"/>
                  <a:gd name="T115" fmla="*/ 322 h 452"/>
                  <a:gd name="T116" fmla="*/ 521 w 545"/>
                  <a:gd name="T117" fmla="*/ 322 h 452"/>
                  <a:gd name="T118" fmla="*/ 541 w 545"/>
                  <a:gd name="T119" fmla="*/ 349 h 452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w 545"/>
                  <a:gd name="T181" fmla="*/ 0 h 452"/>
                  <a:gd name="T182" fmla="*/ 545 w 545"/>
                  <a:gd name="T183" fmla="*/ 452 h 452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T180" t="T181" r="T182" b="T183"/>
                <a:pathLst>
                  <a:path w="545" h="452">
                    <a:moveTo>
                      <a:pt x="541" y="349"/>
                    </a:moveTo>
                    <a:lnTo>
                      <a:pt x="541" y="349"/>
                    </a:lnTo>
                    <a:lnTo>
                      <a:pt x="541" y="347"/>
                    </a:lnTo>
                    <a:lnTo>
                      <a:pt x="543" y="346"/>
                    </a:lnTo>
                    <a:lnTo>
                      <a:pt x="543" y="344"/>
                    </a:lnTo>
                    <a:lnTo>
                      <a:pt x="545" y="341"/>
                    </a:lnTo>
                    <a:lnTo>
                      <a:pt x="545" y="339"/>
                    </a:lnTo>
                    <a:lnTo>
                      <a:pt x="545" y="336"/>
                    </a:lnTo>
                    <a:lnTo>
                      <a:pt x="545" y="332"/>
                    </a:lnTo>
                    <a:lnTo>
                      <a:pt x="543" y="329"/>
                    </a:lnTo>
                    <a:lnTo>
                      <a:pt x="541" y="325"/>
                    </a:lnTo>
                    <a:lnTo>
                      <a:pt x="538" y="320"/>
                    </a:lnTo>
                    <a:lnTo>
                      <a:pt x="535" y="317"/>
                    </a:lnTo>
                    <a:lnTo>
                      <a:pt x="533" y="315"/>
                    </a:lnTo>
                    <a:lnTo>
                      <a:pt x="530" y="315"/>
                    </a:lnTo>
                    <a:lnTo>
                      <a:pt x="526" y="314"/>
                    </a:lnTo>
                    <a:lnTo>
                      <a:pt x="523" y="314"/>
                    </a:lnTo>
                    <a:lnTo>
                      <a:pt x="519" y="314"/>
                    </a:lnTo>
                    <a:lnTo>
                      <a:pt x="516" y="312"/>
                    </a:lnTo>
                    <a:lnTo>
                      <a:pt x="514" y="312"/>
                    </a:lnTo>
                    <a:lnTo>
                      <a:pt x="506" y="310"/>
                    </a:lnTo>
                    <a:lnTo>
                      <a:pt x="452" y="271"/>
                    </a:lnTo>
                    <a:lnTo>
                      <a:pt x="435" y="259"/>
                    </a:lnTo>
                    <a:lnTo>
                      <a:pt x="421" y="251"/>
                    </a:lnTo>
                    <a:lnTo>
                      <a:pt x="413" y="263"/>
                    </a:lnTo>
                    <a:lnTo>
                      <a:pt x="413" y="271"/>
                    </a:lnTo>
                    <a:lnTo>
                      <a:pt x="403" y="280"/>
                    </a:lnTo>
                    <a:lnTo>
                      <a:pt x="381" y="266"/>
                    </a:lnTo>
                    <a:lnTo>
                      <a:pt x="379" y="264"/>
                    </a:lnTo>
                    <a:lnTo>
                      <a:pt x="377" y="261"/>
                    </a:lnTo>
                    <a:lnTo>
                      <a:pt x="374" y="259"/>
                    </a:lnTo>
                    <a:lnTo>
                      <a:pt x="369" y="258"/>
                    </a:lnTo>
                    <a:lnTo>
                      <a:pt x="365" y="258"/>
                    </a:lnTo>
                    <a:lnTo>
                      <a:pt x="360" y="259"/>
                    </a:lnTo>
                    <a:lnTo>
                      <a:pt x="355" y="263"/>
                    </a:lnTo>
                    <a:lnTo>
                      <a:pt x="354" y="264"/>
                    </a:lnTo>
                    <a:lnTo>
                      <a:pt x="350" y="264"/>
                    </a:lnTo>
                    <a:lnTo>
                      <a:pt x="347" y="266"/>
                    </a:lnTo>
                    <a:lnTo>
                      <a:pt x="345" y="266"/>
                    </a:lnTo>
                    <a:lnTo>
                      <a:pt x="271" y="17"/>
                    </a:lnTo>
                    <a:lnTo>
                      <a:pt x="269" y="17"/>
                    </a:lnTo>
                    <a:lnTo>
                      <a:pt x="266" y="16"/>
                    </a:lnTo>
                    <a:lnTo>
                      <a:pt x="261" y="14"/>
                    </a:lnTo>
                    <a:lnTo>
                      <a:pt x="255" y="12"/>
                    </a:lnTo>
                    <a:lnTo>
                      <a:pt x="249" y="11"/>
                    </a:lnTo>
                    <a:lnTo>
                      <a:pt x="244" y="12"/>
                    </a:lnTo>
                    <a:lnTo>
                      <a:pt x="237" y="14"/>
                    </a:lnTo>
                    <a:lnTo>
                      <a:pt x="232" y="17"/>
                    </a:lnTo>
                    <a:lnTo>
                      <a:pt x="230" y="17"/>
                    </a:lnTo>
                    <a:lnTo>
                      <a:pt x="225" y="17"/>
                    </a:lnTo>
                    <a:lnTo>
                      <a:pt x="218" y="17"/>
                    </a:lnTo>
                    <a:lnTo>
                      <a:pt x="211" y="17"/>
                    </a:lnTo>
                    <a:lnTo>
                      <a:pt x="205" y="17"/>
                    </a:lnTo>
                    <a:lnTo>
                      <a:pt x="200" y="17"/>
                    </a:lnTo>
                    <a:lnTo>
                      <a:pt x="195" y="16"/>
                    </a:lnTo>
                    <a:lnTo>
                      <a:pt x="193" y="16"/>
                    </a:lnTo>
                    <a:lnTo>
                      <a:pt x="191" y="16"/>
                    </a:lnTo>
                    <a:lnTo>
                      <a:pt x="189" y="16"/>
                    </a:lnTo>
                    <a:lnTo>
                      <a:pt x="188" y="16"/>
                    </a:lnTo>
                    <a:lnTo>
                      <a:pt x="184" y="16"/>
                    </a:lnTo>
                    <a:lnTo>
                      <a:pt x="183" y="16"/>
                    </a:lnTo>
                    <a:lnTo>
                      <a:pt x="181" y="16"/>
                    </a:lnTo>
                    <a:lnTo>
                      <a:pt x="179" y="16"/>
                    </a:lnTo>
                    <a:lnTo>
                      <a:pt x="176" y="17"/>
                    </a:lnTo>
                    <a:lnTo>
                      <a:pt x="173" y="17"/>
                    </a:lnTo>
                    <a:lnTo>
                      <a:pt x="169" y="17"/>
                    </a:lnTo>
                    <a:lnTo>
                      <a:pt x="166" y="16"/>
                    </a:lnTo>
                    <a:lnTo>
                      <a:pt x="162" y="12"/>
                    </a:lnTo>
                    <a:lnTo>
                      <a:pt x="157" y="7"/>
                    </a:lnTo>
                    <a:lnTo>
                      <a:pt x="156" y="7"/>
                    </a:lnTo>
                    <a:lnTo>
                      <a:pt x="154" y="9"/>
                    </a:lnTo>
                    <a:lnTo>
                      <a:pt x="152" y="9"/>
                    </a:lnTo>
                    <a:lnTo>
                      <a:pt x="149" y="9"/>
                    </a:lnTo>
                    <a:lnTo>
                      <a:pt x="147" y="9"/>
                    </a:lnTo>
                    <a:lnTo>
                      <a:pt x="145" y="11"/>
                    </a:lnTo>
                    <a:lnTo>
                      <a:pt x="137" y="2"/>
                    </a:lnTo>
                    <a:lnTo>
                      <a:pt x="130" y="7"/>
                    </a:lnTo>
                    <a:lnTo>
                      <a:pt x="129" y="0"/>
                    </a:lnTo>
                    <a:lnTo>
                      <a:pt x="117" y="0"/>
                    </a:lnTo>
                    <a:lnTo>
                      <a:pt x="110" y="9"/>
                    </a:lnTo>
                    <a:lnTo>
                      <a:pt x="108" y="11"/>
                    </a:lnTo>
                    <a:lnTo>
                      <a:pt x="108" y="12"/>
                    </a:lnTo>
                    <a:lnTo>
                      <a:pt x="107" y="12"/>
                    </a:lnTo>
                    <a:lnTo>
                      <a:pt x="103" y="14"/>
                    </a:lnTo>
                    <a:lnTo>
                      <a:pt x="100" y="14"/>
                    </a:lnTo>
                    <a:lnTo>
                      <a:pt x="95" y="14"/>
                    </a:lnTo>
                    <a:lnTo>
                      <a:pt x="93" y="16"/>
                    </a:lnTo>
                    <a:lnTo>
                      <a:pt x="91" y="17"/>
                    </a:lnTo>
                    <a:lnTo>
                      <a:pt x="90" y="19"/>
                    </a:lnTo>
                    <a:lnTo>
                      <a:pt x="86" y="22"/>
                    </a:lnTo>
                    <a:lnTo>
                      <a:pt x="85" y="24"/>
                    </a:lnTo>
                    <a:lnTo>
                      <a:pt x="83" y="26"/>
                    </a:lnTo>
                    <a:lnTo>
                      <a:pt x="81" y="26"/>
                    </a:lnTo>
                    <a:lnTo>
                      <a:pt x="78" y="26"/>
                    </a:lnTo>
                    <a:lnTo>
                      <a:pt x="74" y="29"/>
                    </a:lnTo>
                    <a:lnTo>
                      <a:pt x="69" y="33"/>
                    </a:lnTo>
                    <a:lnTo>
                      <a:pt x="64" y="38"/>
                    </a:lnTo>
                    <a:lnTo>
                      <a:pt x="59" y="46"/>
                    </a:lnTo>
                    <a:lnTo>
                      <a:pt x="54" y="56"/>
                    </a:lnTo>
                    <a:lnTo>
                      <a:pt x="52" y="58"/>
                    </a:lnTo>
                    <a:lnTo>
                      <a:pt x="51" y="61"/>
                    </a:lnTo>
                    <a:lnTo>
                      <a:pt x="47" y="63"/>
                    </a:lnTo>
                    <a:lnTo>
                      <a:pt x="47" y="65"/>
                    </a:lnTo>
                    <a:lnTo>
                      <a:pt x="30" y="65"/>
                    </a:lnTo>
                    <a:lnTo>
                      <a:pt x="22" y="78"/>
                    </a:lnTo>
                    <a:lnTo>
                      <a:pt x="22" y="80"/>
                    </a:lnTo>
                    <a:lnTo>
                      <a:pt x="25" y="82"/>
                    </a:lnTo>
                    <a:lnTo>
                      <a:pt x="30" y="83"/>
                    </a:lnTo>
                    <a:lnTo>
                      <a:pt x="35" y="87"/>
                    </a:lnTo>
                    <a:lnTo>
                      <a:pt x="42" y="92"/>
                    </a:lnTo>
                    <a:lnTo>
                      <a:pt x="46" y="97"/>
                    </a:lnTo>
                    <a:lnTo>
                      <a:pt x="49" y="105"/>
                    </a:lnTo>
                    <a:lnTo>
                      <a:pt x="51" y="114"/>
                    </a:lnTo>
                    <a:lnTo>
                      <a:pt x="54" y="116"/>
                    </a:lnTo>
                    <a:lnTo>
                      <a:pt x="56" y="116"/>
                    </a:lnTo>
                    <a:lnTo>
                      <a:pt x="59" y="116"/>
                    </a:lnTo>
                    <a:lnTo>
                      <a:pt x="63" y="116"/>
                    </a:lnTo>
                    <a:lnTo>
                      <a:pt x="66" y="116"/>
                    </a:lnTo>
                    <a:lnTo>
                      <a:pt x="68" y="117"/>
                    </a:lnTo>
                    <a:lnTo>
                      <a:pt x="71" y="129"/>
                    </a:lnTo>
                    <a:lnTo>
                      <a:pt x="81" y="129"/>
                    </a:lnTo>
                    <a:lnTo>
                      <a:pt x="79" y="132"/>
                    </a:lnTo>
                    <a:lnTo>
                      <a:pt x="68" y="132"/>
                    </a:lnTo>
                    <a:lnTo>
                      <a:pt x="63" y="122"/>
                    </a:lnTo>
                    <a:lnTo>
                      <a:pt x="59" y="126"/>
                    </a:lnTo>
                    <a:lnTo>
                      <a:pt x="68" y="136"/>
                    </a:lnTo>
                    <a:lnTo>
                      <a:pt x="76" y="138"/>
                    </a:lnTo>
                    <a:lnTo>
                      <a:pt x="68" y="144"/>
                    </a:lnTo>
                    <a:lnTo>
                      <a:pt x="46" y="139"/>
                    </a:lnTo>
                    <a:lnTo>
                      <a:pt x="46" y="127"/>
                    </a:lnTo>
                    <a:lnTo>
                      <a:pt x="27" y="132"/>
                    </a:lnTo>
                    <a:lnTo>
                      <a:pt x="27" y="134"/>
                    </a:lnTo>
                    <a:lnTo>
                      <a:pt x="27" y="138"/>
                    </a:lnTo>
                    <a:lnTo>
                      <a:pt x="27" y="139"/>
                    </a:lnTo>
                    <a:lnTo>
                      <a:pt x="27" y="141"/>
                    </a:lnTo>
                    <a:lnTo>
                      <a:pt x="25" y="141"/>
                    </a:lnTo>
                    <a:lnTo>
                      <a:pt x="22" y="139"/>
                    </a:lnTo>
                    <a:lnTo>
                      <a:pt x="19" y="136"/>
                    </a:lnTo>
                    <a:lnTo>
                      <a:pt x="15" y="138"/>
                    </a:lnTo>
                    <a:lnTo>
                      <a:pt x="12" y="138"/>
                    </a:lnTo>
                    <a:lnTo>
                      <a:pt x="8" y="139"/>
                    </a:lnTo>
                    <a:lnTo>
                      <a:pt x="5" y="143"/>
                    </a:lnTo>
                    <a:lnTo>
                      <a:pt x="2" y="144"/>
                    </a:lnTo>
                    <a:lnTo>
                      <a:pt x="0" y="148"/>
                    </a:lnTo>
                    <a:lnTo>
                      <a:pt x="0" y="151"/>
                    </a:lnTo>
                    <a:lnTo>
                      <a:pt x="0" y="153"/>
                    </a:lnTo>
                    <a:lnTo>
                      <a:pt x="0" y="154"/>
                    </a:lnTo>
                    <a:lnTo>
                      <a:pt x="2" y="156"/>
                    </a:lnTo>
                    <a:lnTo>
                      <a:pt x="3" y="160"/>
                    </a:lnTo>
                    <a:lnTo>
                      <a:pt x="5" y="161"/>
                    </a:lnTo>
                    <a:lnTo>
                      <a:pt x="7" y="165"/>
                    </a:lnTo>
                    <a:lnTo>
                      <a:pt x="8" y="165"/>
                    </a:lnTo>
                    <a:lnTo>
                      <a:pt x="8" y="166"/>
                    </a:lnTo>
                    <a:lnTo>
                      <a:pt x="13" y="171"/>
                    </a:lnTo>
                    <a:lnTo>
                      <a:pt x="13" y="173"/>
                    </a:lnTo>
                    <a:lnTo>
                      <a:pt x="13" y="175"/>
                    </a:lnTo>
                    <a:lnTo>
                      <a:pt x="15" y="178"/>
                    </a:lnTo>
                    <a:lnTo>
                      <a:pt x="17" y="180"/>
                    </a:lnTo>
                    <a:lnTo>
                      <a:pt x="22" y="182"/>
                    </a:lnTo>
                    <a:lnTo>
                      <a:pt x="29" y="183"/>
                    </a:lnTo>
                    <a:lnTo>
                      <a:pt x="39" y="183"/>
                    </a:lnTo>
                    <a:lnTo>
                      <a:pt x="41" y="183"/>
                    </a:lnTo>
                    <a:lnTo>
                      <a:pt x="44" y="185"/>
                    </a:lnTo>
                    <a:lnTo>
                      <a:pt x="47" y="187"/>
                    </a:lnTo>
                    <a:lnTo>
                      <a:pt x="49" y="187"/>
                    </a:lnTo>
                    <a:lnTo>
                      <a:pt x="59" y="187"/>
                    </a:lnTo>
                    <a:lnTo>
                      <a:pt x="71" y="176"/>
                    </a:lnTo>
                    <a:lnTo>
                      <a:pt x="74" y="176"/>
                    </a:lnTo>
                    <a:lnTo>
                      <a:pt x="78" y="175"/>
                    </a:lnTo>
                    <a:lnTo>
                      <a:pt x="81" y="175"/>
                    </a:lnTo>
                    <a:lnTo>
                      <a:pt x="83" y="176"/>
                    </a:lnTo>
                    <a:lnTo>
                      <a:pt x="83" y="178"/>
                    </a:lnTo>
                    <a:lnTo>
                      <a:pt x="81" y="182"/>
                    </a:lnTo>
                    <a:lnTo>
                      <a:pt x="74" y="185"/>
                    </a:lnTo>
                    <a:lnTo>
                      <a:pt x="74" y="187"/>
                    </a:lnTo>
                    <a:lnTo>
                      <a:pt x="76" y="190"/>
                    </a:lnTo>
                    <a:lnTo>
                      <a:pt x="78" y="195"/>
                    </a:lnTo>
                    <a:lnTo>
                      <a:pt x="79" y="200"/>
                    </a:lnTo>
                    <a:lnTo>
                      <a:pt x="79" y="205"/>
                    </a:lnTo>
                    <a:lnTo>
                      <a:pt x="78" y="209"/>
                    </a:lnTo>
                    <a:lnTo>
                      <a:pt x="71" y="212"/>
                    </a:lnTo>
                    <a:lnTo>
                      <a:pt x="63" y="212"/>
                    </a:lnTo>
                    <a:lnTo>
                      <a:pt x="61" y="214"/>
                    </a:lnTo>
                    <a:lnTo>
                      <a:pt x="59" y="214"/>
                    </a:lnTo>
                    <a:lnTo>
                      <a:pt x="57" y="217"/>
                    </a:lnTo>
                    <a:lnTo>
                      <a:pt x="56" y="219"/>
                    </a:lnTo>
                    <a:lnTo>
                      <a:pt x="54" y="220"/>
                    </a:lnTo>
                    <a:lnTo>
                      <a:pt x="52" y="224"/>
                    </a:lnTo>
                    <a:lnTo>
                      <a:pt x="51" y="226"/>
                    </a:lnTo>
                    <a:lnTo>
                      <a:pt x="51" y="224"/>
                    </a:lnTo>
                    <a:lnTo>
                      <a:pt x="47" y="222"/>
                    </a:lnTo>
                    <a:lnTo>
                      <a:pt x="44" y="220"/>
                    </a:lnTo>
                    <a:lnTo>
                      <a:pt x="41" y="220"/>
                    </a:lnTo>
                    <a:lnTo>
                      <a:pt x="35" y="220"/>
                    </a:lnTo>
                    <a:lnTo>
                      <a:pt x="34" y="220"/>
                    </a:lnTo>
                    <a:lnTo>
                      <a:pt x="30" y="224"/>
                    </a:lnTo>
                    <a:lnTo>
                      <a:pt x="30" y="231"/>
                    </a:lnTo>
                    <a:lnTo>
                      <a:pt x="30" y="232"/>
                    </a:lnTo>
                    <a:lnTo>
                      <a:pt x="30" y="234"/>
                    </a:lnTo>
                    <a:lnTo>
                      <a:pt x="30" y="236"/>
                    </a:lnTo>
                    <a:lnTo>
                      <a:pt x="29" y="237"/>
                    </a:lnTo>
                    <a:lnTo>
                      <a:pt x="29" y="239"/>
                    </a:lnTo>
                    <a:lnTo>
                      <a:pt x="27" y="242"/>
                    </a:lnTo>
                    <a:lnTo>
                      <a:pt x="25" y="242"/>
                    </a:lnTo>
                    <a:lnTo>
                      <a:pt x="22" y="242"/>
                    </a:lnTo>
                    <a:lnTo>
                      <a:pt x="22" y="244"/>
                    </a:lnTo>
                    <a:lnTo>
                      <a:pt x="20" y="244"/>
                    </a:lnTo>
                    <a:lnTo>
                      <a:pt x="20" y="248"/>
                    </a:lnTo>
                    <a:lnTo>
                      <a:pt x="19" y="249"/>
                    </a:lnTo>
                    <a:lnTo>
                      <a:pt x="17" y="251"/>
                    </a:lnTo>
                    <a:lnTo>
                      <a:pt x="17" y="254"/>
                    </a:lnTo>
                    <a:lnTo>
                      <a:pt x="17" y="256"/>
                    </a:lnTo>
                    <a:lnTo>
                      <a:pt x="15" y="256"/>
                    </a:lnTo>
                    <a:lnTo>
                      <a:pt x="13" y="258"/>
                    </a:lnTo>
                    <a:lnTo>
                      <a:pt x="12" y="261"/>
                    </a:lnTo>
                    <a:lnTo>
                      <a:pt x="10" y="263"/>
                    </a:lnTo>
                    <a:lnTo>
                      <a:pt x="8" y="266"/>
                    </a:lnTo>
                    <a:lnTo>
                      <a:pt x="10" y="266"/>
                    </a:lnTo>
                    <a:lnTo>
                      <a:pt x="12" y="266"/>
                    </a:lnTo>
                    <a:lnTo>
                      <a:pt x="19" y="264"/>
                    </a:lnTo>
                    <a:lnTo>
                      <a:pt x="19" y="268"/>
                    </a:lnTo>
                    <a:lnTo>
                      <a:pt x="17" y="271"/>
                    </a:lnTo>
                    <a:lnTo>
                      <a:pt x="17" y="273"/>
                    </a:lnTo>
                    <a:lnTo>
                      <a:pt x="19" y="275"/>
                    </a:lnTo>
                    <a:lnTo>
                      <a:pt x="20" y="278"/>
                    </a:lnTo>
                    <a:lnTo>
                      <a:pt x="24" y="280"/>
                    </a:lnTo>
                    <a:lnTo>
                      <a:pt x="27" y="283"/>
                    </a:lnTo>
                    <a:lnTo>
                      <a:pt x="30" y="286"/>
                    </a:lnTo>
                    <a:lnTo>
                      <a:pt x="35" y="288"/>
                    </a:lnTo>
                    <a:lnTo>
                      <a:pt x="41" y="288"/>
                    </a:lnTo>
                    <a:lnTo>
                      <a:pt x="39" y="290"/>
                    </a:lnTo>
                    <a:lnTo>
                      <a:pt x="37" y="292"/>
                    </a:lnTo>
                    <a:lnTo>
                      <a:pt x="34" y="295"/>
                    </a:lnTo>
                    <a:lnTo>
                      <a:pt x="30" y="300"/>
                    </a:lnTo>
                    <a:lnTo>
                      <a:pt x="29" y="303"/>
                    </a:lnTo>
                    <a:lnTo>
                      <a:pt x="27" y="307"/>
                    </a:lnTo>
                    <a:lnTo>
                      <a:pt x="29" y="308"/>
                    </a:lnTo>
                    <a:lnTo>
                      <a:pt x="32" y="310"/>
                    </a:lnTo>
                    <a:lnTo>
                      <a:pt x="34" y="310"/>
                    </a:lnTo>
                    <a:lnTo>
                      <a:pt x="35" y="314"/>
                    </a:lnTo>
                    <a:lnTo>
                      <a:pt x="37" y="317"/>
                    </a:lnTo>
                    <a:lnTo>
                      <a:pt x="41" y="319"/>
                    </a:lnTo>
                    <a:lnTo>
                      <a:pt x="44" y="320"/>
                    </a:lnTo>
                    <a:lnTo>
                      <a:pt x="47" y="319"/>
                    </a:lnTo>
                    <a:lnTo>
                      <a:pt x="52" y="314"/>
                    </a:lnTo>
                    <a:lnTo>
                      <a:pt x="56" y="305"/>
                    </a:lnTo>
                    <a:lnTo>
                      <a:pt x="57" y="303"/>
                    </a:lnTo>
                    <a:lnTo>
                      <a:pt x="59" y="300"/>
                    </a:lnTo>
                    <a:lnTo>
                      <a:pt x="59" y="298"/>
                    </a:lnTo>
                    <a:lnTo>
                      <a:pt x="59" y="300"/>
                    </a:lnTo>
                    <a:lnTo>
                      <a:pt x="59" y="302"/>
                    </a:lnTo>
                    <a:lnTo>
                      <a:pt x="59" y="305"/>
                    </a:lnTo>
                    <a:lnTo>
                      <a:pt x="59" y="308"/>
                    </a:lnTo>
                    <a:lnTo>
                      <a:pt x="61" y="312"/>
                    </a:lnTo>
                    <a:lnTo>
                      <a:pt x="63" y="315"/>
                    </a:lnTo>
                    <a:lnTo>
                      <a:pt x="64" y="319"/>
                    </a:lnTo>
                    <a:lnTo>
                      <a:pt x="68" y="322"/>
                    </a:lnTo>
                    <a:lnTo>
                      <a:pt x="69" y="322"/>
                    </a:lnTo>
                    <a:lnTo>
                      <a:pt x="69" y="324"/>
                    </a:lnTo>
                    <a:lnTo>
                      <a:pt x="69" y="327"/>
                    </a:lnTo>
                    <a:lnTo>
                      <a:pt x="68" y="329"/>
                    </a:lnTo>
                    <a:lnTo>
                      <a:pt x="68" y="332"/>
                    </a:lnTo>
                    <a:lnTo>
                      <a:pt x="66" y="334"/>
                    </a:lnTo>
                    <a:lnTo>
                      <a:pt x="66" y="336"/>
                    </a:lnTo>
                    <a:lnTo>
                      <a:pt x="64" y="346"/>
                    </a:lnTo>
                    <a:lnTo>
                      <a:pt x="64" y="347"/>
                    </a:lnTo>
                    <a:lnTo>
                      <a:pt x="66" y="351"/>
                    </a:lnTo>
                    <a:lnTo>
                      <a:pt x="66" y="352"/>
                    </a:lnTo>
                    <a:lnTo>
                      <a:pt x="68" y="352"/>
                    </a:lnTo>
                    <a:lnTo>
                      <a:pt x="69" y="352"/>
                    </a:lnTo>
                    <a:lnTo>
                      <a:pt x="73" y="349"/>
                    </a:lnTo>
                    <a:lnTo>
                      <a:pt x="78" y="341"/>
                    </a:lnTo>
                    <a:lnTo>
                      <a:pt x="79" y="341"/>
                    </a:lnTo>
                    <a:lnTo>
                      <a:pt x="79" y="339"/>
                    </a:lnTo>
                    <a:lnTo>
                      <a:pt x="79" y="336"/>
                    </a:lnTo>
                    <a:lnTo>
                      <a:pt x="81" y="334"/>
                    </a:lnTo>
                    <a:lnTo>
                      <a:pt x="83" y="336"/>
                    </a:lnTo>
                    <a:lnTo>
                      <a:pt x="86" y="337"/>
                    </a:lnTo>
                    <a:lnTo>
                      <a:pt x="90" y="341"/>
                    </a:lnTo>
                    <a:lnTo>
                      <a:pt x="91" y="341"/>
                    </a:lnTo>
                    <a:lnTo>
                      <a:pt x="91" y="339"/>
                    </a:lnTo>
                    <a:lnTo>
                      <a:pt x="91" y="337"/>
                    </a:lnTo>
                    <a:lnTo>
                      <a:pt x="93" y="336"/>
                    </a:lnTo>
                    <a:lnTo>
                      <a:pt x="93" y="334"/>
                    </a:lnTo>
                    <a:lnTo>
                      <a:pt x="95" y="336"/>
                    </a:lnTo>
                    <a:lnTo>
                      <a:pt x="96" y="337"/>
                    </a:lnTo>
                    <a:lnTo>
                      <a:pt x="98" y="344"/>
                    </a:lnTo>
                    <a:lnTo>
                      <a:pt x="100" y="346"/>
                    </a:lnTo>
                    <a:lnTo>
                      <a:pt x="100" y="347"/>
                    </a:lnTo>
                    <a:lnTo>
                      <a:pt x="101" y="351"/>
                    </a:lnTo>
                    <a:lnTo>
                      <a:pt x="103" y="352"/>
                    </a:lnTo>
                    <a:lnTo>
                      <a:pt x="105" y="354"/>
                    </a:lnTo>
                    <a:lnTo>
                      <a:pt x="107" y="352"/>
                    </a:lnTo>
                    <a:lnTo>
                      <a:pt x="108" y="351"/>
                    </a:lnTo>
                    <a:lnTo>
                      <a:pt x="108" y="344"/>
                    </a:lnTo>
                    <a:lnTo>
                      <a:pt x="110" y="344"/>
                    </a:lnTo>
                    <a:lnTo>
                      <a:pt x="113" y="346"/>
                    </a:lnTo>
                    <a:lnTo>
                      <a:pt x="117" y="346"/>
                    </a:lnTo>
                    <a:lnTo>
                      <a:pt x="122" y="346"/>
                    </a:lnTo>
                    <a:lnTo>
                      <a:pt x="127" y="342"/>
                    </a:lnTo>
                    <a:lnTo>
                      <a:pt x="132" y="337"/>
                    </a:lnTo>
                    <a:lnTo>
                      <a:pt x="139" y="329"/>
                    </a:lnTo>
                    <a:lnTo>
                      <a:pt x="137" y="332"/>
                    </a:lnTo>
                    <a:lnTo>
                      <a:pt x="135" y="336"/>
                    </a:lnTo>
                    <a:lnTo>
                      <a:pt x="134" y="341"/>
                    </a:lnTo>
                    <a:lnTo>
                      <a:pt x="130" y="344"/>
                    </a:lnTo>
                    <a:lnTo>
                      <a:pt x="130" y="347"/>
                    </a:lnTo>
                    <a:lnTo>
                      <a:pt x="129" y="351"/>
                    </a:lnTo>
                    <a:lnTo>
                      <a:pt x="127" y="352"/>
                    </a:lnTo>
                    <a:lnTo>
                      <a:pt x="127" y="358"/>
                    </a:lnTo>
                    <a:lnTo>
                      <a:pt x="125" y="364"/>
                    </a:lnTo>
                    <a:lnTo>
                      <a:pt x="125" y="371"/>
                    </a:lnTo>
                    <a:lnTo>
                      <a:pt x="122" y="378"/>
                    </a:lnTo>
                    <a:lnTo>
                      <a:pt x="120" y="383"/>
                    </a:lnTo>
                    <a:lnTo>
                      <a:pt x="117" y="388"/>
                    </a:lnTo>
                    <a:lnTo>
                      <a:pt x="112" y="390"/>
                    </a:lnTo>
                    <a:lnTo>
                      <a:pt x="112" y="391"/>
                    </a:lnTo>
                    <a:lnTo>
                      <a:pt x="113" y="391"/>
                    </a:lnTo>
                    <a:lnTo>
                      <a:pt x="113" y="393"/>
                    </a:lnTo>
                    <a:lnTo>
                      <a:pt x="112" y="396"/>
                    </a:lnTo>
                    <a:lnTo>
                      <a:pt x="110" y="398"/>
                    </a:lnTo>
                    <a:lnTo>
                      <a:pt x="107" y="402"/>
                    </a:lnTo>
                    <a:lnTo>
                      <a:pt x="100" y="405"/>
                    </a:lnTo>
                    <a:lnTo>
                      <a:pt x="96" y="407"/>
                    </a:lnTo>
                    <a:lnTo>
                      <a:pt x="91" y="408"/>
                    </a:lnTo>
                    <a:lnTo>
                      <a:pt x="88" y="412"/>
                    </a:lnTo>
                    <a:lnTo>
                      <a:pt x="85" y="413"/>
                    </a:lnTo>
                    <a:lnTo>
                      <a:pt x="83" y="418"/>
                    </a:lnTo>
                    <a:lnTo>
                      <a:pt x="83" y="422"/>
                    </a:lnTo>
                    <a:lnTo>
                      <a:pt x="85" y="425"/>
                    </a:lnTo>
                    <a:lnTo>
                      <a:pt x="85" y="427"/>
                    </a:lnTo>
                    <a:lnTo>
                      <a:pt x="85" y="429"/>
                    </a:lnTo>
                    <a:lnTo>
                      <a:pt x="83" y="430"/>
                    </a:lnTo>
                    <a:lnTo>
                      <a:pt x="81" y="430"/>
                    </a:lnTo>
                    <a:lnTo>
                      <a:pt x="79" y="432"/>
                    </a:lnTo>
                    <a:lnTo>
                      <a:pt x="78" y="430"/>
                    </a:lnTo>
                    <a:lnTo>
                      <a:pt x="76" y="429"/>
                    </a:lnTo>
                    <a:lnTo>
                      <a:pt x="76" y="424"/>
                    </a:lnTo>
                    <a:lnTo>
                      <a:pt x="74" y="424"/>
                    </a:lnTo>
                    <a:lnTo>
                      <a:pt x="71" y="424"/>
                    </a:lnTo>
                    <a:lnTo>
                      <a:pt x="69" y="424"/>
                    </a:lnTo>
                    <a:lnTo>
                      <a:pt x="68" y="425"/>
                    </a:lnTo>
                    <a:lnTo>
                      <a:pt x="64" y="425"/>
                    </a:lnTo>
                    <a:lnTo>
                      <a:pt x="63" y="425"/>
                    </a:lnTo>
                    <a:lnTo>
                      <a:pt x="46" y="442"/>
                    </a:lnTo>
                    <a:lnTo>
                      <a:pt x="44" y="442"/>
                    </a:lnTo>
                    <a:lnTo>
                      <a:pt x="44" y="444"/>
                    </a:lnTo>
                    <a:lnTo>
                      <a:pt x="42" y="447"/>
                    </a:lnTo>
                    <a:lnTo>
                      <a:pt x="41" y="449"/>
                    </a:lnTo>
                    <a:lnTo>
                      <a:pt x="41" y="452"/>
                    </a:lnTo>
                    <a:lnTo>
                      <a:pt x="42" y="452"/>
                    </a:lnTo>
                    <a:lnTo>
                      <a:pt x="44" y="451"/>
                    </a:lnTo>
                    <a:lnTo>
                      <a:pt x="51" y="447"/>
                    </a:lnTo>
                    <a:lnTo>
                      <a:pt x="52" y="446"/>
                    </a:lnTo>
                    <a:lnTo>
                      <a:pt x="56" y="444"/>
                    </a:lnTo>
                    <a:lnTo>
                      <a:pt x="57" y="440"/>
                    </a:lnTo>
                    <a:lnTo>
                      <a:pt x="61" y="439"/>
                    </a:lnTo>
                    <a:lnTo>
                      <a:pt x="64" y="435"/>
                    </a:lnTo>
                    <a:lnTo>
                      <a:pt x="66" y="434"/>
                    </a:lnTo>
                    <a:lnTo>
                      <a:pt x="68" y="432"/>
                    </a:lnTo>
                    <a:lnTo>
                      <a:pt x="68" y="434"/>
                    </a:lnTo>
                    <a:lnTo>
                      <a:pt x="68" y="437"/>
                    </a:lnTo>
                    <a:lnTo>
                      <a:pt x="68" y="439"/>
                    </a:lnTo>
                    <a:lnTo>
                      <a:pt x="69" y="440"/>
                    </a:lnTo>
                    <a:lnTo>
                      <a:pt x="73" y="440"/>
                    </a:lnTo>
                    <a:lnTo>
                      <a:pt x="78" y="439"/>
                    </a:lnTo>
                    <a:lnTo>
                      <a:pt x="86" y="434"/>
                    </a:lnTo>
                    <a:lnTo>
                      <a:pt x="88" y="430"/>
                    </a:lnTo>
                    <a:lnTo>
                      <a:pt x="90" y="429"/>
                    </a:lnTo>
                    <a:lnTo>
                      <a:pt x="91" y="429"/>
                    </a:lnTo>
                    <a:lnTo>
                      <a:pt x="95" y="434"/>
                    </a:lnTo>
                    <a:lnTo>
                      <a:pt x="96" y="434"/>
                    </a:lnTo>
                    <a:lnTo>
                      <a:pt x="96" y="432"/>
                    </a:lnTo>
                    <a:lnTo>
                      <a:pt x="96" y="430"/>
                    </a:lnTo>
                    <a:lnTo>
                      <a:pt x="98" y="427"/>
                    </a:lnTo>
                    <a:lnTo>
                      <a:pt x="101" y="424"/>
                    </a:lnTo>
                    <a:lnTo>
                      <a:pt x="105" y="422"/>
                    </a:lnTo>
                    <a:lnTo>
                      <a:pt x="110" y="420"/>
                    </a:lnTo>
                    <a:lnTo>
                      <a:pt x="117" y="420"/>
                    </a:lnTo>
                    <a:lnTo>
                      <a:pt x="117" y="418"/>
                    </a:lnTo>
                    <a:lnTo>
                      <a:pt x="115" y="418"/>
                    </a:lnTo>
                    <a:lnTo>
                      <a:pt x="113" y="415"/>
                    </a:lnTo>
                    <a:lnTo>
                      <a:pt x="113" y="413"/>
                    </a:lnTo>
                    <a:lnTo>
                      <a:pt x="115" y="408"/>
                    </a:lnTo>
                    <a:lnTo>
                      <a:pt x="120" y="405"/>
                    </a:lnTo>
                    <a:lnTo>
                      <a:pt x="127" y="398"/>
                    </a:lnTo>
                    <a:lnTo>
                      <a:pt x="139" y="391"/>
                    </a:lnTo>
                    <a:lnTo>
                      <a:pt x="140" y="391"/>
                    </a:lnTo>
                    <a:lnTo>
                      <a:pt x="139" y="390"/>
                    </a:lnTo>
                    <a:lnTo>
                      <a:pt x="139" y="388"/>
                    </a:lnTo>
                    <a:lnTo>
                      <a:pt x="140" y="385"/>
                    </a:lnTo>
                    <a:lnTo>
                      <a:pt x="144" y="381"/>
                    </a:lnTo>
                    <a:lnTo>
                      <a:pt x="151" y="374"/>
                    </a:lnTo>
                    <a:lnTo>
                      <a:pt x="161" y="366"/>
                    </a:lnTo>
                    <a:lnTo>
                      <a:pt x="174" y="354"/>
                    </a:lnTo>
                    <a:lnTo>
                      <a:pt x="176" y="352"/>
                    </a:lnTo>
                    <a:lnTo>
                      <a:pt x="178" y="347"/>
                    </a:lnTo>
                    <a:lnTo>
                      <a:pt x="178" y="344"/>
                    </a:lnTo>
                    <a:lnTo>
                      <a:pt x="179" y="342"/>
                    </a:lnTo>
                    <a:lnTo>
                      <a:pt x="181" y="341"/>
                    </a:lnTo>
                    <a:lnTo>
                      <a:pt x="183" y="339"/>
                    </a:lnTo>
                    <a:lnTo>
                      <a:pt x="183" y="337"/>
                    </a:lnTo>
                    <a:lnTo>
                      <a:pt x="184" y="336"/>
                    </a:lnTo>
                    <a:lnTo>
                      <a:pt x="183" y="332"/>
                    </a:lnTo>
                    <a:lnTo>
                      <a:pt x="181" y="330"/>
                    </a:lnTo>
                    <a:lnTo>
                      <a:pt x="174" y="330"/>
                    </a:lnTo>
                    <a:lnTo>
                      <a:pt x="173" y="330"/>
                    </a:lnTo>
                    <a:lnTo>
                      <a:pt x="173" y="329"/>
                    </a:lnTo>
                    <a:lnTo>
                      <a:pt x="173" y="327"/>
                    </a:lnTo>
                    <a:lnTo>
                      <a:pt x="174" y="322"/>
                    </a:lnTo>
                    <a:lnTo>
                      <a:pt x="178" y="317"/>
                    </a:lnTo>
                    <a:lnTo>
                      <a:pt x="183" y="310"/>
                    </a:lnTo>
                    <a:lnTo>
                      <a:pt x="191" y="302"/>
                    </a:lnTo>
                    <a:lnTo>
                      <a:pt x="193" y="298"/>
                    </a:lnTo>
                    <a:lnTo>
                      <a:pt x="195" y="293"/>
                    </a:lnTo>
                    <a:lnTo>
                      <a:pt x="196" y="285"/>
                    </a:lnTo>
                    <a:lnTo>
                      <a:pt x="200" y="276"/>
                    </a:lnTo>
                    <a:lnTo>
                      <a:pt x="205" y="268"/>
                    </a:lnTo>
                    <a:lnTo>
                      <a:pt x="211" y="264"/>
                    </a:lnTo>
                    <a:lnTo>
                      <a:pt x="220" y="264"/>
                    </a:lnTo>
                    <a:lnTo>
                      <a:pt x="230" y="271"/>
                    </a:lnTo>
                    <a:lnTo>
                      <a:pt x="228" y="271"/>
                    </a:lnTo>
                    <a:lnTo>
                      <a:pt x="225" y="271"/>
                    </a:lnTo>
                    <a:lnTo>
                      <a:pt x="220" y="273"/>
                    </a:lnTo>
                    <a:lnTo>
                      <a:pt x="213" y="273"/>
                    </a:lnTo>
                    <a:lnTo>
                      <a:pt x="210" y="276"/>
                    </a:lnTo>
                    <a:lnTo>
                      <a:pt x="206" y="281"/>
                    </a:lnTo>
                    <a:lnTo>
                      <a:pt x="206" y="288"/>
                    </a:lnTo>
                    <a:lnTo>
                      <a:pt x="210" y="297"/>
                    </a:lnTo>
                    <a:lnTo>
                      <a:pt x="210" y="298"/>
                    </a:lnTo>
                    <a:lnTo>
                      <a:pt x="208" y="302"/>
                    </a:lnTo>
                    <a:lnTo>
                      <a:pt x="205" y="305"/>
                    </a:lnTo>
                    <a:lnTo>
                      <a:pt x="203" y="308"/>
                    </a:lnTo>
                    <a:lnTo>
                      <a:pt x="203" y="310"/>
                    </a:lnTo>
                    <a:lnTo>
                      <a:pt x="205" y="312"/>
                    </a:lnTo>
                    <a:lnTo>
                      <a:pt x="208" y="310"/>
                    </a:lnTo>
                    <a:lnTo>
                      <a:pt x="215" y="307"/>
                    </a:lnTo>
                    <a:lnTo>
                      <a:pt x="213" y="308"/>
                    </a:lnTo>
                    <a:lnTo>
                      <a:pt x="211" y="312"/>
                    </a:lnTo>
                    <a:lnTo>
                      <a:pt x="210" y="317"/>
                    </a:lnTo>
                    <a:lnTo>
                      <a:pt x="208" y="320"/>
                    </a:lnTo>
                    <a:lnTo>
                      <a:pt x="208" y="324"/>
                    </a:lnTo>
                    <a:lnTo>
                      <a:pt x="210" y="322"/>
                    </a:lnTo>
                    <a:lnTo>
                      <a:pt x="217" y="319"/>
                    </a:lnTo>
                    <a:lnTo>
                      <a:pt x="227" y="308"/>
                    </a:lnTo>
                    <a:lnTo>
                      <a:pt x="227" y="307"/>
                    </a:lnTo>
                    <a:lnTo>
                      <a:pt x="230" y="305"/>
                    </a:lnTo>
                    <a:lnTo>
                      <a:pt x="232" y="303"/>
                    </a:lnTo>
                    <a:lnTo>
                      <a:pt x="233" y="302"/>
                    </a:lnTo>
                    <a:lnTo>
                      <a:pt x="237" y="300"/>
                    </a:lnTo>
                    <a:lnTo>
                      <a:pt x="239" y="298"/>
                    </a:lnTo>
                    <a:lnTo>
                      <a:pt x="240" y="297"/>
                    </a:lnTo>
                    <a:lnTo>
                      <a:pt x="242" y="297"/>
                    </a:lnTo>
                    <a:lnTo>
                      <a:pt x="244" y="297"/>
                    </a:lnTo>
                    <a:lnTo>
                      <a:pt x="245" y="295"/>
                    </a:lnTo>
                    <a:lnTo>
                      <a:pt x="247" y="293"/>
                    </a:lnTo>
                    <a:lnTo>
                      <a:pt x="249" y="290"/>
                    </a:lnTo>
                    <a:lnTo>
                      <a:pt x="247" y="286"/>
                    </a:lnTo>
                    <a:lnTo>
                      <a:pt x="245" y="281"/>
                    </a:lnTo>
                    <a:lnTo>
                      <a:pt x="245" y="280"/>
                    </a:lnTo>
                    <a:lnTo>
                      <a:pt x="244" y="276"/>
                    </a:lnTo>
                    <a:lnTo>
                      <a:pt x="242" y="273"/>
                    </a:lnTo>
                    <a:lnTo>
                      <a:pt x="240" y="271"/>
                    </a:lnTo>
                    <a:lnTo>
                      <a:pt x="250" y="264"/>
                    </a:lnTo>
                    <a:lnTo>
                      <a:pt x="255" y="268"/>
                    </a:lnTo>
                    <a:lnTo>
                      <a:pt x="266" y="263"/>
                    </a:lnTo>
                    <a:lnTo>
                      <a:pt x="281" y="271"/>
                    </a:lnTo>
                    <a:lnTo>
                      <a:pt x="286" y="278"/>
                    </a:lnTo>
                    <a:lnTo>
                      <a:pt x="293" y="270"/>
                    </a:lnTo>
                    <a:lnTo>
                      <a:pt x="303" y="286"/>
                    </a:lnTo>
                    <a:lnTo>
                      <a:pt x="305" y="285"/>
                    </a:lnTo>
                    <a:lnTo>
                      <a:pt x="310" y="281"/>
                    </a:lnTo>
                    <a:lnTo>
                      <a:pt x="315" y="278"/>
                    </a:lnTo>
                    <a:lnTo>
                      <a:pt x="323" y="276"/>
                    </a:lnTo>
                    <a:lnTo>
                      <a:pt x="333" y="275"/>
                    </a:lnTo>
                    <a:lnTo>
                      <a:pt x="343" y="275"/>
                    </a:lnTo>
                    <a:lnTo>
                      <a:pt x="357" y="276"/>
                    </a:lnTo>
                    <a:lnTo>
                      <a:pt x="359" y="276"/>
                    </a:lnTo>
                    <a:lnTo>
                      <a:pt x="360" y="275"/>
                    </a:lnTo>
                    <a:lnTo>
                      <a:pt x="362" y="273"/>
                    </a:lnTo>
                    <a:lnTo>
                      <a:pt x="364" y="271"/>
                    </a:lnTo>
                    <a:lnTo>
                      <a:pt x="365" y="271"/>
                    </a:lnTo>
                    <a:lnTo>
                      <a:pt x="369" y="271"/>
                    </a:lnTo>
                    <a:lnTo>
                      <a:pt x="371" y="275"/>
                    </a:lnTo>
                    <a:lnTo>
                      <a:pt x="371" y="278"/>
                    </a:lnTo>
                    <a:lnTo>
                      <a:pt x="371" y="280"/>
                    </a:lnTo>
                    <a:lnTo>
                      <a:pt x="374" y="280"/>
                    </a:lnTo>
                    <a:lnTo>
                      <a:pt x="377" y="281"/>
                    </a:lnTo>
                    <a:lnTo>
                      <a:pt x="381" y="281"/>
                    </a:lnTo>
                    <a:lnTo>
                      <a:pt x="384" y="281"/>
                    </a:lnTo>
                    <a:lnTo>
                      <a:pt x="387" y="283"/>
                    </a:lnTo>
                    <a:lnTo>
                      <a:pt x="389" y="283"/>
                    </a:lnTo>
                    <a:lnTo>
                      <a:pt x="391" y="283"/>
                    </a:lnTo>
                    <a:lnTo>
                      <a:pt x="411" y="295"/>
                    </a:lnTo>
                    <a:lnTo>
                      <a:pt x="413" y="295"/>
                    </a:lnTo>
                    <a:lnTo>
                      <a:pt x="415" y="295"/>
                    </a:lnTo>
                    <a:lnTo>
                      <a:pt x="418" y="295"/>
                    </a:lnTo>
                    <a:lnTo>
                      <a:pt x="421" y="295"/>
                    </a:lnTo>
                    <a:lnTo>
                      <a:pt x="425" y="295"/>
                    </a:lnTo>
                    <a:lnTo>
                      <a:pt x="425" y="292"/>
                    </a:lnTo>
                    <a:lnTo>
                      <a:pt x="423" y="288"/>
                    </a:lnTo>
                    <a:lnTo>
                      <a:pt x="416" y="280"/>
                    </a:lnTo>
                    <a:lnTo>
                      <a:pt x="418" y="280"/>
                    </a:lnTo>
                    <a:lnTo>
                      <a:pt x="420" y="278"/>
                    </a:lnTo>
                    <a:lnTo>
                      <a:pt x="423" y="276"/>
                    </a:lnTo>
                    <a:lnTo>
                      <a:pt x="425" y="278"/>
                    </a:lnTo>
                    <a:lnTo>
                      <a:pt x="428" y="280"/>
                    </a:lnTo>
                    <a:lnTo>
                      <a:pt x="431" y="283"/>
                    </a:lnTo>
                    <a:lnTo>
                      <a:pt x="435" y="286"/>
                    </a:lnTo>
                    <a:lnTo>
                      <a:pt x="438" y="288"/>
                    </a:lnTo>
                    <a:lnTo>
                      <a:pt x="438" y="286"/>
                    </a:lnTo>
                    <a:lnTo>
                      <a:pt x="435" y="281"/>
                    </a:lnTo>
                    <a:lnTo>
                      <a:pt x="430" y="271"/>
                    </a:lnTo>
                    <a:lnTo>
                      <a:pt x="428" y="270"/>
                    </a:lnTo>
                    <a:lnTo>
                      <a:pt x="430" y="266"/>
                    </a:lnTo>
                    <a:lnTo>
                      <a:pt x="430" y="264"/>
                    </a:lnTo>
                    <a:lnTo>
                      <a:pt x="431" y="264"/>
                    </a:lnTo>
                    <a:lnTo>
                      <a:pt x="445" y="283"/>
                    </a:lnTo>
                    <a:lnTo>
                      <a:pt x="455" y="280"/>
                    </a:lnTo>
                    <a:lnTo>
                      <a:pt x="455" y="281"/>
                    </a:lnTo>
                    <a:lnTo>
                      <a:pt x="457" y="281"/>
                    </a:lnTo>
                    <a:lnTo>
                      <a:pt x="460" y="283"/>
                    </a:lnTo>
                    <a:lnTo>
                      <a:pt x="462" y="286"/>
                    </a:lnTo>
                    <a:lnTo>
                      <a:pt x="465" y="290"/>
                    </a:lnTo>
                    <a:lnTo>
                      <a:pt x="469" y="295"/>
                    </a:lnTo>
                    <a:lnTo>
                      <a:pt x="472" y="300"/>
                    </a:lnTo>
                    <a:lnTo>
                      <a:pt x="475" y="305"/>
                    </a:lnTo>
                    <a:lnTo>
                      <a:pt x="479" y="312"/>
                    </a:lnTo>
                    <a:lnTo>
                      <a:pt x="482" y="314"/>
                    </a:lnTo>
                    <a:lnTo>
                      <a:pt x="484" y="314"/>
                    </a:lnTo>
                    <a:lnTo>
                      <a:pt x="486" y="312"/>
                    </a:lnTo>
                    <a:lnTo>
                      <a:pt x="487" y="310"/>
                    </a:lnTo>
                    <a:lnTo>
                      <a:pt x="487" y="308"/>
                    </a:lnTo>
                    <a:lnTo>
                      <a:pt x="487" y="307"/>
                    </a:lnTo>
                    <a:lnTo>
                      <a:pt x="509" y="322"/>
                    </a:lnTo>
                    <a:lnTo>
                      <a:pt x="508" y="325"/>
                    </a:lnTo>
                    <a:lnTo>
                      <a:pt x="508" y="327"/>
                    </a:lnTo>
                    <a:lnTo>
                      <a:pt x="508" y="330"/>
                    </a:lnTo>
                    <a:lnTo>
                      <a:pt x="508" y="332"/>
                    </a:lnTo>
                    <a:lnTo>
                      <a:pt x="509" y="332"/>
                    </a:lnTo>
                    <a:lnTo>
                      <a:pt x="514" y="329"/>
                    </a:lnTo>
                    <a:lnTo>
                      <a:pt x="519" y="324"/>
                    </a:lnTo>
                    <a:lnTo>
                      <a:pt x="521" y="322"/>
                    </a:lnTo>
                    <a:lnTo>
                      <a:pt x="523" y="322"/>
                    </a:lnTo>
                    <a:lnTo>
                      <a:pt x="525" y="324"/>
                    </a:lnTo>
                    <a:lnTo>
                      <a:pt x="528" y="325"/>
                    </a:lnTo>
                    <a:lnTo>
                      <a:pt x="531" y="330"/>
                    </a:lnTo>
                    <a:lnTo>
                      <a:pt x="535" y="339"/>
                    </a:lnTo>
                    <a:lnTo>
                      <a:pt x="536" y="341"/>
                    </a:lnTo>
                    <a:lnTo>
                      <a:pt x="538" y="344"/>
                    </a:lnTo>
                    <a:lnTo>
                      <a:pt x="540" y="347"/>
                    </a:lnTo>
                    <a:lnTo>
                      <a:pt x="541" y="349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73" name="Freeform 78"/>
              <p:cNvSpPr>
                <a:spLocks/>
              </p:cNvSpPr>
              <p:nvPr/>
            </p:nvSpPr>
            <p:spPr bwMode="auto">
              <a:xfrm>
                <a:off x="659" y="3034"/>
                <a:ext cx="545" cy="452"/>
              </a:xfrm>
              <a:custGeom>
                <a:avLst/>
                <a:gdLst>
                  <a:gd name="T0" fmla="*/ 545 w 545"/>
                  <a:gd name="T1" fmla="*/ 332 h 452"/>
                  <a:gd name="T2" fmla="*/ 516 w 545"/>
                  <a:gd name="T3" fmla="*/ 312 h 452"/>
                  <a:gd name="T4" fmla="*/ 381 w 545"/>
                  <a:gd name="T5" fmla="*/ 266 h 452"/>
                  <a:gd name="T6" fmla="*/ 350 w 545"/>
                  <a:gd name="T7" fmla="*/ 264 h 452"/>
                  <a:gd name="T8" fmla="*/ 237 w 545"/>
                  <a:gd name="T9" fmla="*/ 14 h 452"/>
                  <a:gd name="T10" fmla="*/ 195 w 545"/>
                  <a:gd name="T11" fmla="*/ 16 h 452"/>
                  <a:gd name="T12" fmla="*/ 179 w 545"/>
                  <a:gd name="T13" fmla="*/ 16 h 452"/>
                  <a:gd name="T14" fmla="*/ 152 w 545"/>
                  <a:gd name="T15" fmla="*/ 9 h 452"/>
                  <a:gd name="T16" fmla="*/ 110 w 545"/>
                  <a:gd name="T17" fmla="*/ 9 h 452"/>
                  <a:gd name="T18" fmla="*/ 91 w 545"/>
                  <a:gd name="T19" fmla="*/ 17 h 452"/>
                  <a:gd name="T20" fmla="*/ 69 w 545"/>
                  <a:gd name="T21" fmla="*/ 33 h 452"/>
                  <a:gd name="T22" fmla="*/ 22 w 545"/>
                  <a:gd name="T23" fmla="*/ 78 h 452"/>
                  <a:gd name="T24" fmla="*/ 54 w 545"/>
                  <a:gd name="T25" fmla="*/ 116 h 452"/>
                  <a:gd name="T26" fmla="*/ 68 w 545"/>
                  <a:gd name="T27" fmla="*/ 132 h 452"/>
                  <a:gd name="T28" fmla="*/ 27 w 545"/>
                  <a:gd name="T29" fmla="*/ 132 h 452"/>
                  <a:gd name="T30" fmla="*/ 15 w 545"/>
                  <a:gd name="T31" fmla="*/ 138 h 452"/>
                  <a:gd name="T32" fmla="*/ 3 w 545"/>
                  <a:gd name="T33" fmla="*/ 160 h 452"/>
                  <a:gd name="T34" fmla="*/ 17 w 545"/>
                  <a:gd name="T35" fmla="*/ 180 h 452"/>
                  <a:gd name="T36" fmla="*/ 71 w 545"/>
                  <a:gd name="T37" fmla="*/ 176 h 452"/>
                  <a:gd name="T38" fmla="*/ 76 w 545"/>
                  <a:gd name="T39" fmla="*/ 190 h 452"/>
                  <a:gd name="T40" fmla="*/ 56 w 545"/>
                  <a:gd name="T41" fmla="*/ 219 h 452"/>
                  <a:gd name="T42" fmla="*/ 34 w 545"/>
                  <a:gd name="T43" fmla="*/ 220 h 452"/>
                  <a:gd name="T44" fmla="*/ 22 w 545"/>
                  <a:gd name="T45" fmla="*/ 242 h 452"/>
                  <a:gd name="T46" fmla="*/ 15 w 545"/>
                  <a:gd name="T47" fmla="*/ 256 h 452"/>
                  <a:gd name="T48" fmla="*/ 17 w 545"/>
                  <a:gd name="T49" fmla="*/ 271 h 452"/>
                  <a:gd name="T50" fmla="*/ 41 w 545"/>
                  <a:gd name="T51" fmla="*/ 288 h 452"/>
                  <a:gd name="T52" fmla="*/ 35 w 545"/>
                  <a:gd name="T53" fmla="*/ 314 h 452"/>
                  <a:gd name="T54" fmla="*/ 59 w 545"/>
                  <a:gd name="T55" fmla="*/ 298 h 452"/>
                  <a:gd name="T56" fmla="*/ 69 w 545"/>
                  <a:gd name="T57" fmla="*/ 322 h 452"/>
                  <a:gd name="T58" fmla="*/ 64 w 545"/>
                  <a:gd name="T59" fmla="*/ 347 h 452"/>
                  <a:gd name="T60" fmla="*/ 79 w 545"/>
                  <a:gd name="T61" fmla="*/ 336 h 452"/>
                  <a:gd name="T62" fmla="*/ 95 w 545"/>
                  <a:gd name="T63" fmla="*/ 336 h 452"/>
                  <a:gd name="T64" fmla="*/ 108 w 545"/>
                  <a:gd name="T65" fmla="*/ 344 h 452"/>
                  <a:gd name="T66" fmla="*/ 139 w 545"/>
                  <a:gd name="T67" fmla="*/ 329 h 452"/>
                  <a:gd name="T68" fmla="*/ 125 w 545"/>
                  <a:gd name="T69" fmla="*/ 364 h 452"/>
                  <a:gd name="T70" fmla="*/ 112 w 545"/>
                  <a:gd name="T71" fmla="*/ 396 h 452"/>
                  <a:gd name="T72" fmla="*/ 83 w 545"/>
                  <a:gd name="T73" fmla="*/ 422 h 452"/>
                  <a:gd name="T74" fmla="*/ 76 w 545"/>
                  <a:gd name="T75" fmla="*/ 424 h 452"/>
                  <a:gd name="T76" fmla="*/ 44 w 545"/>
                  <a:gd name="T77" fmla="*/ 442 h 452"/>
                  <a:gd name="T78" fmla="*/ 57 w 545"/>
                  <a:gd name="T79" fmla="*/ 440 h 452"/>
                  <a:gd name="T80" fmla="*/ 69 w 545"/>
                  <a:gd name="T81" fmla="*/ 440 h 452"/>
                  <a:gd name="T82" fmla="*/ 96 w 545"/>
                  <a:gd name="T83" fmla="*/ 432 h 452"/>
                  <a:gd name="T84" fmla="*/ 113 w 545"/>
                  <a:gd name="T85" fmla="*/ 413 h 452"/>
                  <a:gd name="T86" fmla="*/ 151 w 545"/>
                  <a:gd name="T87" fmla="*/ 374 h 452"/>
                  <a:gd name="T88" fmla="*/ 183 w 545"/>
                  <a:gd name="T89" fmla="*/ 339 h 452"/>
                  <a:gd name="T90" fmla="*/ 174 w 545"/>
                  <a:gd name="T91" fmla="*/ 322 h 452"/>
                  <a:gd name="T92" fmla="*/ 220 w 545"/>
                  <a:gd name="T93" fmla="*/ 264 h 452"/>
                  <a:gd name="T94" fmla="*/ 210 w 545"/>
                  <a:gd name="T95" fmla="*/ 297 h 452"/>
                  <a:gd name="T96" fmla="*/ 211 w 545"/>
                  <a:gd name="T97" fmla="*/ 312 h 452"/>
                  <a:gd name="T98" fmla="*/ 233 w 545"/>
                  <a:gd name="T99" fmla="*/ 302 h 452"/>
                  <a:gd name="T100" fmla="*/ 249 w 545"/>
                  <a:gd name="T101" fmla="*/ 290 h 452"/>
                  <a:gd name="T102" fmla="*/ 281 w 545"/>
                  <a:gd name="T103" fmla="*/ 271 h 452"/>
                  <a:gd name="T104" fmla="*/ 343 w 545"/>
                  <a:gd name="T105" fmla="*/ 275 h 452"/>
                  <a:gd name="T106" fmla="*/ 371 w 545"/>
                  <a:gd name="T107" fmla="*/ 278 h 452"/>
                  <a:gd name="T108" fmla="*/ 413 w 545"/>
                  <a:gd name="T109" fmla="*/ 295 h 452"/>
                  <a:gd name="T110" fmla="*/ 423 w 545"/>
                  <a:gd name="T111" fmla="*/ 276 h 452"/>
                  <a:gd name="T112" fmla="*/ 430 w 545"/>
                  <a:gd name="T113" fmla="*/ 271 h 452"/>
                  <a:gd name="T114" fmla="*/ 462 w 545"/>
                  <a:gd name="T115" fmla="*/ 286 h 452"/>
                  <a:gd name="T116" fmla="*/ 487 w 545"/>
                  <a:gd name="T117" fmla="*/ 310 h 452"/>
                  <a:gd name="T118" fmla="*/ 514 w 545"/>
                  <a:gd name="T119" fmla="*/ 329 h 452"/>
                  <a:gd name="T120" fmla="*/ 535 w 545"/>
                  <a:gd name="T121" fmla="*/ 339 h 452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w 545"/>
                  <a:gd name="T184" fmla="*/ 0 h 452"/>
                  <a:gd name="T185" fmla="*/ 545 w 545"/>
                  <a:gd name="T186" fmla="*/ 452 h 452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T183" t="T184" r="T185" b="T186"/>
                <a:pathLst>
                  <a:path w="545" h="452">
                    <a:moveTo>
                      <a:pt x="541" y="349"/>
                    </a:moveTo>
                    <a:lnTo>
                      <a:pt x="541" y="349"/>
                    </a:lnTo>
                    <a:lnTo>
                      <a:pt x="541" y="347"/>
                    </a:lnTo>
                    <a:lnTo>
                      <a:pt x="543" y="346"/>
                    </a:lnTo>
                    <a:lnTo>
                      <a:pt x="543" y="344"/>
                    </a:lnTo>
                    <a:lnTo>
                      <a:pt x="545" y="341"/>
                    </a:lnTo>
                    <a:lnTo>
                      <a:pt x="545" y="339"/>
                    </a:lnTo>
                    <a:lnTo>
                      <a:pt x="545" y="336"/>
                    </a:lnTo>
                    <a:lnTo>
                      <a:pt x="545" y="332"/>
                    </a:lnTo>
                    <a:lnTo>
                      <a:pt x="543" y="329"/>
                    </a:lnTo>
                    <a:lnTo>
                      <a:pt x="541" y="325"/>
                    </a:lnTo>
                    <a:lnTo>
                      <a:pt x="538" y="320"/>
                    </a:lnTo>
                    <a:lnTo>
                      <a:pt x="535" y="317"/>
                    </a:lnTo>
                    <a:lnTo>
                      <a:pt x="533" y="315"/>
                    </a:lnTo>
                    <a:lnTo>
                      <a:pt x="530" y="315"/>
                    </a:lnTo>
                    <a:lnTo>
                      <a:pt x="526" y="314"/>
                    </a:lnTo>
                    <a:lnTo>
                      <a:pt x="523" y="314"/>
                    </a:lnTo>
                    <a:lnTo>
                      <a:pt x="519" y="314"/>
                    </a:lnTo>
                    <a:lnTo>
                      <a:pt x="516" y="312"/>
                    </a:lnTo>
                    <a:lnTo>
                      <a:pt x="514" y="312"/>
                    </a:lnTo>
                    <a:lnTo>
                      <a:pt x="506" y="310"/>
                    </a:lnTo>
                    <a:lnTo>
                      <a:pt x="452" y="271"/>
                    </a:lnTo>
                    <a:lnTo>
                      <a:pt x="435" y="259"/>
                    </a:lnTo>
                    <a:lnTo>
                      <a:pt x="421" y="251"/>
                    </a:lnTo>
                    <a:lnTo>
                      <a:pt x="413" y="263"/>
                    </a:lnTo>
                    <a:lnTo>
                      <a:pt x="413" y="271"/>
                    </a:lnTo>
                    <a:lnTo>
                      <a:pt x="403" y="280"/>
                    </a:lnTo>
                    <a:lnTo>
                      <a:pt x="381" y="266"/>
                    </a:lnTo>
                    <a:lnTo>
                      <a:pt x="379" y="264"/>
                    </a:lnTo>
                    <a:lnTo>
                      <a:pt x="377" y="261"/>
                    </a:lnTo>
                    <a:lnTo>
                      <a:pt x="374" y="259"/>
                    </a:lnTo>
                    <a:lnTo>
                      <a:pt x="369" y="258"/>
                    </a:lnTo>
                    <a:lnTo>
                      <a:pt x="365" y="258"/>
                    </a:lnTo>
                    <a:lnTo>
                      <a:pt x="360" y="259"/>
                    </a:lnTo>
                    <a:lnTo>
                      <a:pt x="355" y="263"/>
                    </a:lnTo>
                    <a:lnTo>
                      <a:pt x="354" y="264"/>
                    </a:lnTo>
                    <a:lnTo>
                      <a:pt x="350" y="264"/>
                    </a:lnTo>
                    <a:lnTo>
                      <a:pt x="347" y="266"/>
                    </a:lnTo>
                    <a:lnTo>
                      <a:pt x="345" y="266"/>
                    </a:lnTo>
                    <a:lnTo>
                      <a:pt x="271" y="17"/>
                    </a:lnTo>
                    <a:lnTo>
                      <a:pt x="269" y="17"/>
                    </a:lnTo>
                    <a:lnTo>
                      <a:pt x="266" y="16"/>
                    </a:lnTo>
                    <a:lnTo>
                      <a:pt x="261" y="14"/>
                    </a:lnTo>
                    <a:lnTo>
                      <a:pt x="255" y="12"/>
                    </a:lnTo>
                    <a:lnTo>
                      <a:pt x="249" y="11"/>
                    </a:lnTo>
                    <a:lnTo>
                      <a:pt x="244" y="12"/>
                    </a:lnTo>
                    <a:lnTo>
                      <a:pt x="237" y="14"/>
                    </a:lnTo>
                    <a:lnTo>
                      <a:pt x="232" y="17"/>
                    </a:lnTo>
                    <a:lnTo>
                      <a:pt x="230" y="17"/>
                    </a:lnTo>
                    <a:lnTo>
                      <a:pt x="225" y="17"/>
                    </a:lnTo>
                    <a:lnTo>
                      <a:pt x="218" y="17"/>
                    </a:lnTo>
                    <a:lnTo>
                      <a:pt x="211" y="17"/>
                    </a:lnTo>
                    <a:lnTo>
                      <a:pt x="205" y="17"/>
                    </a:lnTo>
                    <a:lnTo>
                      <a:pt x="200" y="17"/>
                    </a:lnTo>
                    <a:lnTo>
                      <a:pt x="195" y="16"/>
                    </a:lnTo>
                    <a:lnTo>
                      <a:pt x="193" y="16"/>
                    </a:lnTo>
                    <a:lnTo>
                      <a:pt x="191" y="16"/>
                    </a:lnTo>
                    <a:lnTo>
                      <a:pt x="189" y="16"/>
                    </a:lnTo>
                    <a:lnTo>
                      <a:pt x="188" y="16"/>
                    </a:lnTo>
                    <a:lnTo>
                      <a:pt x="184" y="16"/>
                    </a:lnTo>
                    <a:lnTo>
                      <a:pt x="183" y="16"/>
                    </a:lnTo>
                    <a:lnTo>
                      <a:pt x="181" y="16"/>
                    </a:lnTo>
                    <a:lnTo>
                      <a:pt x="179" y="16"/>
                    </a:lnTo>
                    <a:lnTo>
                      <a:pt x="176" y="17"/>
                    </a:lnTo>
                    <a:lnTo>
                      <a:pt x="173" y="17"/>
                    </a:lnTo>
                    <a:lnTo>
                      <a:pt x="169" y="17"/>
                    </a:lnTo>
                    <a:lnTo>
                      <a:pt x="166" y="16"/>
                    </a:lnTo>
                    <a:lnTo>
                      <a:pt x="162" y="12"/>
                    </a:lnTo>
                    <a:lnTo>
                      <a:pt x="157" y="7"/>
                    </a:lnTo>
                    <a:lnTo>
                      <a:pt x="156" y="7"/>
                    </a:lnTo>
                    <a:lnTo>
                      <a:pt x="154" y="9"/>
                    </a:lnTo>
                    <a:lnTo>
                      <a:pt x="152" y="9"/>
                    </a:lnTo>
                    <a:lnTo>
                      <a:pt x="149" y="9"/>
                    </a:lnTo>
                    <a:lnTo>
                      <a:pt x="147" y="9"/>
                    </a:lnTo>
                    <a:lnTo>
                      <a:pt x="145" y="11"/>
                    </a:lnTo>
                    <a:lnTo>
                      <a:pt x="137" y="2"/>
                    </a:lnTo>
                    <a:lnTo>
                      <a:pt x="130" y="7"/>
                    </a:lnTo>
                    <a:lnTo>
                      <a:pt x="129" y="0"/>
                    </a:lnTo>
                    <a:lnTo>
                      <a:pt x="117" y="0"/>
                    </a:lnTo>
                    <a:lnTo>
                      <a:pt x="110" y="9"/>
                    </a:lnTo>
                    <a:lnTo>
                      <a:pt x="108" y="11"/>
                    </a:lnTo>
                    <a:lnTo>
                      <a:pt x="108" y="12"/>
                    </a:lnTo>
                    <a:lnTo>
                      <a:pt x="107" y="12"/>
                    </a:lnTo>
                    <a:lnTo>
                      <a:pt x="103" y="14"/>
                    </a:lnTo>
                    <a:lnTo>
                      <a:pt x="100" y="14"/>
                    </a:lnTo>
                    <a:lnTo>
                      <a:pt x="95" y="14"/>
                    </a:lnTo>
                    <a:lnTo>
                      <a:pt x="93" y="16"/>
                    </a:lnTo>
                    <a:lnTo>
                      <a:pt x="91" y="17"/>
                    </a:lnTo>
                    <a:lnTo>
                      <a:pt x="90" y="19"/>
                    </a:lnTo>
                    <a:lnTo>
                      <a:pt x="86" y="22"/>
                    </a:lnTo>
                    <a:lnTo>
                      <a:pt x="85" y="24"/>
                    </a:lnTo>
                    <a:lnTo>
                      <a:pt x="83" y="26"/>
                    </a:lnTo>
                    <a:lnTo>
                      <a:pt x="81" y="26"/>
                    </a:lnTo>
                    <a:lnTo>
                      <a:pt x="78" y="26"/>
                    </a:lnTo>
                    <a:lnTo>
                      <a:pt x="74" y="29"/>
                    </a:lnTo>
                    <a:lnTo>
                      <a:pt x="69" y="33"/>
                    </a:lnTo>
                    <a:lnTo>
                      <a:pt x="64" y="38"/>
                    </a:lnTo>
                    <a:lnTo>
                      <a:pt x="59" y="46"/>
                    </a:lnTo>
                    <a:lnTo>
                      <a:pt x="54" y="56"/>
                    </a:lnTo>
                    <a:lnTo>
                      <a:pt x="52" y="58"/>
                    </a:lnTo>
                    <a:lnTo>
                      <a:pt x="51" y="61"/>
                    </a:lnTo>
                    <a:lnTo>
                      <a:pt x="47" y="63"/>
                    </a:lnTo>
                    <a:lnTo>
                      <a:pt x="47" y="65"/>
                    </a:lnTo>
                    <a:lnTo>
                      <a:pt x="30" y="65"/>
                    </a:lnTo>
                    <a:lnTo>
                      <a:pt x="22" y="78"/>
                    </a:lnTo>
                    <a:lnTo>
                      <a:pt x="22" y="80"/>
                    </a:lnTo>
                    <a:lnTo>
                      <a:pt x="25" y="82"/>
                    </a:lnTo>
                    <a:lnTo>
                      <a:pt x="30" y="83"/>
                    </a:lnTo>
                    <a:lnTo>
                      <a:pt x="35" y="87"/>
                    </a:lnTo>
                    <a:lnTo>
                      <a:pt x="42" y="92"/>
                    </a:lnTo>
                    <a:lnTo>
                      <a:pt x="46" y="97"/>
                    </a:lnTo>
                    <a:lnTo>
                      <a:pt x="49" y="105"/>
                    </a:lnTo>
                    <a:lnTo>
                      <a:pt x="51" y="114"/>
                    </a:lnTo>
                    <a:lnTo>
                      <a:pt x="54" y="116"/>
                    </a:lnTo>
                    <a:lnTo>
                      <a:pt x="56" y="116"/>
                    </a:lnTo>
                    <a:lnTo>
                      <a:pt x="59" y="116"/>
                    </a:lnTo>
                    <a:lnTo>
                      <a:pt x="63" y="116"/>
                    </a:lnTo>
                    <a:lnTo>
                      <a:pt x="66" y="116"/>
                    </a:lnTo>
                    <a:lnTo>
                      <a:pt x="68" y="117"/>
                    </a:lnTo>
                    <a:lnTo>
                      <a:pt x="71" y="129"/>
                    </a:lnTo>
                    <a:lnTo>
                      <a:pt x="81" y="129"/>
                    </a:lnTo>
                    <a:lnTo>
                      <a:pt x="79" y="132"/>
                    </a:lnTo>
                    <a:lnTo>
                      <a:pt x="68" y="132"/>
                    </a:lnTo>
                    <a:lnTo>
                      <a:pt x="63" y="122"/>
                    </a:lnTo>
                    <a:lnTo>
                      <a:pt x="59" y="126"/>
                    </a:lnTo>
                    <a:lnTo>
                      <a:pt x="68" y="136"/>
                    </a:lnTo>
                    <a:lnTo>
                      <a:pt x="76" y="138"/>
                    </a:lnTo>
                    <a:lnTo>
                      <a:pt x="68" y="144"/>
                    </a:lnTo>
                    <a:lnTo>
                      <a:pt x="46" y="139"/>
                    </a:lnTo>
                    <a:lnTo>
                      <a:pt x="46" y="127"/>
                    </a:lnTo>
                    <a:lnTo>
                      <a:pt x="27" y="132"/>
                    </a:lnTo>
                    <a:lnTo>
                      <a:pt x="27" y="134"/>
                    </a:lnTo>
                    <a:lnTo>
                      <a:pt x="27" y="138"/>
                    </a:lnTo>
                    <a:lnTo>
                      <a:pt x="27" y="139"/>
                    </a:lnTo>
                    <a:lnTo>
                      <a:pt x="27" y="141"/>
                    </a:lnTo>
                    <a:lnTo>
                      <a:pt x="25" y="141"/>
                    </a:lnTo>
                    <a:lnTo>
                      <a:pt x="22" y="139"/>
                    </a:lnTo>
                    <a:lnTo>
                      <a:pt x="19" y="136"/>
                    </a:lnTo>
                    <a:lnTo>
                      <a:pt x="15" y="138"/>
                    </a:lnTo>
                    <a:lnTo>
                      <a:pt x="12" y="138"/>
                    </a:lnTo>
                    <a:lnTo>
                      <a:pt x="8" y="139"/>
                    </a:lnTo>
                    <a:lnTo>
                      <a:pt x="5" y="143"/>
                    </a:lnTo>
                    <a:lnTo>
                      <a:pt x="2" y="144"/>
                    </a:lnTo>
                    <a:lnTo>
                      <a:pt x="0" y="148"/>
                    </a:lnTo>
                    <a:lnTo>
                      <a:pt x="0" y="151"/>
                    </a:lnTo>
                    <a:lnTo>
                      <a:pt x="0" y="153"/>
                    </a:lnTo>
                    <a:lnTo>
                      <a:pt x="0" y="154"/>
                    </a:lnTo>
                    <a:lnTo>
                      <a:pt x="2" y="156"/>
                    </a:lnTo>
                    <a:lnTo>
                      <a:pt x="3" y="160"/>
                    </a:lnTo>
                    <a:lnTo>
                      <a:pt x="5" y="161"/>
                    </a:lnTo>
                    <a:lnTo>
                      <a:pt x="7" y="165"/>
                    </a:lnTo>
                    <a:lnTo>
                      <a:pt x="8" y="165"/>
                    </a:lnTo>
                    <a:lnTo>
                      <a:pt x="8" y="166"/>
                    </a:lnTo>
                    <a:lnTo>
                      <a:pt x="13" y="171"/>
                    </a:lnTo>
                    <a:lnTo>
                      <a:pt x="13" y="173"/>
                    </a:lnTo>
                    <a:lnTo>
                      <a:pt x="13" y="175"/>
                    </a:lnTo>
                    <a:lnTo>
                      <a:pt x="15" y="178"/>
                    </a:lnTo>
                    <a:lnTo>
                      <a:pt x="17" y="180"/>
                    </a:lnTo>
                    <a:lnTo>
                      <a:pt x="22" y="182"/>
                    </a:lnTo>
                    <a:lnTo>
                      <a:pt x="29" y="183"/>
                    </a:lnTo>
                    <a:lnTo>
                      <a:pt x="39" y="183"/>
                    </a:lnTo>
                    <a:lnTo>
                      <a:pt x="41" y="183"/>
                    </a:lnTo>
                    <a:lnTo>
                      <a:pt x="44" y="185"/>
                    </a:lnTo>
                    <a:lnTo>
                      <a:pt x="47" y="187"/>
                    </a:lnTo>
                    <a:lnTo>
                      <a:pt x="49" y="187"/>
                    </a:lnTo>
                    <a:lnTo>
                      <a:pt x="59" y="187"/>
                    </a:lnTo>
                    <a:lnTo>
                      <a:pt x="71" y="176"/>
                    </a:lnTo>
                    <a:lnTo>
                      <a:pt x="74" y="176"/>
                    </a:lnTo>
                    <a:lnTo>
                      <a:pt x="78" y="175"/>
                    </a:lnTo>
                    <a:lnTo>
                      <a:pt x="81" y="175"/>
                    </a:lnTo>
                    <a:lnTo>
                      <a:pt x="83" y="176"/>
                    </a:lnTo>
                    <a:lnTo>
                      <a:pt x="83" y="178"/>
                    </a:lnTo>
                    <a:lnTo>
                      <a:pt x="81" y="182"/>
                    </a:lnTo>
                    <a:lnTo>
                      <a:pt x="74" y="185"/>
                    </a:lnTo>
                    <a:lnTo>
                      <a:pt x="74" y="187"/>
                    </a:lnTo>
                    <a:lnTo>
                      <a:pt x="76" y="190"/>
                    </a:lnTo>
                    <a:lnTo>
                      <a:pt x="78" y="195"/>
                    </a:lnTo>
                    <a:lnTo>
                      <a:pt x="79" y="200"/>
                    </a:lnTo>
                    <a:lnTo>
                      <a:pt x="79" y="205"/>
                    </a:lnTo>
                    <a:lnTo>
                      <a:pt x="78" y="209"/>
                    </a:lnTo>
                    <a:lnTo>
                      <a:pt x="71" y="212"/>
                    </a:lnTo>
                    <a:lnTo>
                      <a:pt x="63" y="212"/>
                    </a:lnTo>
                    <a:lnTo>
                      <a:pt x="61" y="214"/>
                    </a:lnTo>
                    <a:lnTo>
                      <a:pt x="59" y="214"/>
                    </a:lnTo>
                    <a:lnTo>
                      <a:pt x="57" y="217"/>
                    </a:lnTo>
                    <a:lnTo>
                      <a:pt x="56" y="219"/>
                    </a:lnTo>
                    <a:lnTo>
                      <a:pt x="54" y="220"/>
                    </a:lnTo>
                    <a:lnTo>
                      <a:pt x="52" y="224"/>
                    </a:lnTo>
                    <a:lnTo>
                      <a:pt x="51" y="226"/>
                    </a:lnTo>
                    <a:lnTo>
                      <a:pt x="51" y="224"/>
                    </a:lnTo>
                    <a:lnTo>
                      <a:pt x="47" y="222"/>
                    </a:lnTo>
                    <a:lnTo>
                      <a:pt x="44" y="220"/>
                    </a:lnTo>
                    <a:lnTo>
                      <a:pt x="41" y="220"/>
                    </a:lnTo>
                    <a:lnTo>
                      <a:pt x="35" y="220"/>
                    </a:lnTo>
                    <a:lnTo>
                      <a:pt x="34" y="220"/>
                    </a:lnTo>
                    <a:lnTo>
                      <a:pt x="30" y="224"/>
                    </a:lnTo>
                    <a:lnTo>
                      <a:pt x="30" y="231"/>
                    </a:lnTo>
                    <a:lnTo>
                      <a:pt x="30" y="232"/>
                    </a:lnTo>
                    <a:lnTo>
                      <a:pt x="30" y="234"/>
                    </a:lnTo>
                    <a:lnTo>
                      <a:pt x="30" y="236"/>
                    </a:lnTo>
                    <a:lnTo>
                      <a:pt x="29" y="237"/>
                    </a:lnTo>
                    <a:lnTo>
                      <a:pt x="29" y="239"/>
                    </a:lnTo>
                    <a:lnTo>
                      <a:pt x="27" y="242"/>
                    </a:lnTo>
                    <a:lnTo>
                      <a:pt x="25" y="242"/>
                    </a:lnTo>
                    <a:lnTo>
                      <a:pt x="22" y="242"/>
                    </a:lnTo>
                    <a:lnTo>
                      <a:pt x="22" y="244"/>
                    </a:lnTo>
                    <a:lnTo>
                      <a:pt x="20" y="244"/>
                    </a:lnTo>
                    <a:lnTo>
                      <a:pt x="20" y="248"/>
                    </a:lnTo>
                    <a:lnTo>
                      <a:pt x="19" y="249"/>
                    </a:lnTo>
                    <a:lnTo>
                      <a:pt x="17" y="251"/>
                    </a:lnTo>
                    <a:lnTo>
                      <a:pt x="17" y="254"/>
                    </a:lnTo>
                    <a:lnTo>
                      <a:pt x="17" y="256"/>
                    </a:lnTo>
                    <a:lnTo>
                      <a:pt x="15" y="256"/>
                    </a:lnTo>
                    <a:lnTo>
                      <a:pt x="13" y="258"/>
                    </a:lnTo>
                    <a:lnTo>
                      <a:pt x="12" y="261"/>
                    </a:lnTo>
                    <a:lnTo>
                      <a:pt x="10" y="263"/>
                    </a:lnTo>
                    <a:lnTo>
                      <a:pt x="8" y="266"/>
                    </a:lnTo>
                    <a:lnTo>
                      <a:pt x="10" y="266"/>
                    </a:lnTo>
                    <a:lnTo>
                      <a:pt x="12" y="266"/>
                    </a:lnTo>
                    <a:lnTo>
                      <a:pt x="19" y="264"/>
                    </a:lnTo>
                    <a:lnTo>
                      <a:pt x="19" y="268"/>
                    </a:lnTo>
                    <a:lnTo>
                      <a:pt x="17" y="271"/>
                    </a:lnTo>
                    <a:lnTo>
                      <a:pt x="17" y="273"/>
                    </a:lnTo>
                    <a:lnTo>
                      <a:pt x="19" y="275"/>
                    </a:lnTo>
                    <a:lnTo>
                      <a:pt x="20" y="278"/>
                    </a:lnTo>
                    <a:lnTo>
                      <a:pt x="24" y="280"/>
                    </a:lnTo>
                    <a:lnTo>
                      <a:pt x="27" y="283"/>
                    </a:lnTo>
                    <a:lnTo>
                      <a:pt x="30" y="286"/>
                    </a:lnTo>
                    <a:lnTo>
                      <a:pt x="35" y="288"/>
                    </a:lnTo>
                    <a:lnTo>
                      <a:pt x="41" y="288"/>
                    </a:lnTo>
                    <a:lnTo>
                      <a:pt x="39" y="290"/>
                    </a:lnTo>
                    <a:lnTo>
                      <a:pt x="37" y="292"/>
                    </a:lnTo>
                    <a:lnTo>
                      <a:pt x="34" y="295"/>
                    </a:lnTo>
                    <a:lnTo>
                      <a:pt x="30" y="300"/>
                    </a:lnTo>
                    <a:lnTo>
                      <a:pt x="29" y="303"/>
                    </a:lnTo>
                    <a:lnTo>
                      <a:pt x="27" y="307"/>
                    </a:lnTo>
                    <a:lnTo>
                      <a:pt x="29" y="308"/>
                    </a:lnTo>
                    <a:lnTo>
                      <a:pt x="32" y="310"/>
                    </a:lnTo>
                    <a:lnTo>
                      <a:pt x="34" y="310"/>
                    </a:lnTo>
                    <a:lnTo>
                      <a:pt x="35" y="314"/>
                    </a:lnTo>
                    <a:lnTo>
                      <a:pt x="37" y="317"/>
                    </a:lnTo>
                    <a:lnTo>
                      <a:pt x="41" y="319"/>
                    </a:lnTo>
                    <a:lnTo>
                      <a:pt x="44" y="320"/>
                    </a:lnTo>
                    <a:lnTo>
                      <a:pt x="47" y="319"/>
                    </a:lnTo>
                    <a:lnTo>
                      <a:pt x="52" y="314"/>
                    </a:lnTo>
                    <a:lnTo>
                      <a:pt x="56" y="305"/>
                    </a:lnTo>
                    <a:lnTo>
                      <a:pt x="57" y="303"/>
                    </a:lnTo>
                    <a:lnTo>
                      <a:pt x="59" y="300"/>
                    </a:lnTo>
                    <a:lnTo>
                      <a:pt x="59" y="298"/>
                    </a:lnTo>
                    <a:lnTo>
                      <a:pt x="59" y="300"/>
                    </a:lnTo>
                    <a:lnTo>
                      <a:pt x="59" y="302"/>
                    </a:lnTo>
                    <a:lnTo>
                      <a:pt x="59" y="305"/>
                    </a:lnTo>
                    <a:lnTo>
                      <a:pt x="59" y="308"/>
                    </a:lnTo>
                    <a:lnTo>
                      <a:pt x="61" y="312"/>
                    </a:lnTo>
                    <a:lnTo>
                      <a:pt x="63" y="315"/>
                    </a:lnTo>
                    <a:lnTo>
                      <a:pt x="64" y="319"/>
                    </a:lnTo>
                    <a:lnTo>
                      <a:pt x="68" y="322"/>
                    </a:lnTo>
                    <a:lnTo>
                      <a:pt x="69" y="322"/>
                    </a:lnTo>
                    <a:lnTo>
                      <a:pt x="69" y="324"/>
                    </a:lnTo>
                    <a:lnTo>
                      <a:pt x="69" y="327"/>
                    </a:lnTo>
                    <a:lnTo>
                      <a:pt x="68" y="329"/>
                    </a:lnTo>
                    <a:lnTo>
                      <a:pt x="68" y="332"/>
                    </a:lnTo>
                    <a:lnTo>
                      <a:pt x="66" y="334"/>
                    </a:lnTo>
                    <a:lnTo>
                      <a:pt x="66" y="336"/>
                    </a:lnTo>
                    <a:lnTo>
                      <a:pt x="64" y="346"/>
                    </a:lnTo>
                    <a:lnTo>
                      <a:pt x="64" y="347"/>
                    </a:lnTo>
                    <a:lnTo>
                      <a:pt x="66" y="351"/>
                    </a:lnTo>
                    <a:lnTo>
                      <a:pt x="66" y="352"/>
                    </a:lnTo>
                    <a:lnTo>
                      <a:pt x="68" y="352"/>
                    </a:lnTo>
                    <a:lnTo>
                      <a:pt x="69" y="352"/>
                    </a:lnTo>
                    <a:lnTo>
                      <a:pt x="73" y="349"/>
                    </a:lnTo>
                    <a:lnTo>
                      <a:pt x="78" y="341"/>
                    </a:lnTo>
                    <a:lnTo>
                      <a:pt x="79" y="341"/>
                    </a:lnTo>
                    <a:lnTo>
                      <a:pt x="79" y="339"/>
                    </a:lnTo>
                    <a:lnTo>
                      <a:pt x="79" y="336"/>
                    </a:lnTo>
                    <a:lnTo>
                      <a:pt x="81" y="334"/>
                    </a:lnTo>
                    <a:lnTo>
                      <a:pt x="83" y="336"/>
                    </a:lnTo>
                    <a:lnTo>
                      <a:pt x="86" y="337"/>
                    </a:lnTo>
                    <a:lnTo>
                      <a:pt x="90" y="341"/>
                    </a:lnTo>
                    <a:lnTo>
                      <a:pt x="91" y="341"/>
                    </a:lnTo>
                    <a:lnTo>
                      <a:pt x="91" y="339"/>
                    </a:lnTo>
                    <a:lnTo>
                      <a:pt x="91" y="337"/>
                    </a:lnTo>
                    <a:lnTo>
                      <a:pt x="93" y="336"/>
                    </a:lnTo>
                    <a:lnTo>
                      <a:pt x="93" y="334"/>
                    </a:lnTo>
                    <a:lnTo>
                      <a:pt x="95" y="336"/>
                    </a:lnTo>
                    <a:lnTo>
                      <a:pt x="96" y="337"/>
                    </a:lnTo>
                    <a:lnTo>
                      <a:pt x="98" y="344"/>
                    </a:lnTo>
                    <a:lnTo>
                      <a:pt x="100" y="346"/>
                    </a:lnTo>
                    <a:lnTo>
                      <a:pt x="100" y="347"/>
                    </a:lnTo>
                    <a:lnTo>
                      <a:pt x="101" y="351"/>
                    </a:lnTo>
                    <a:lnTo>
                      <a:pt x="103" y="352"/>
                    </a:lnTo>
                    <a:lnTo>
                      <a:pt x="105" y="354"/>
                    </a:lnTo>
                    <a:lnTo>
                      <a:pt x="107" y="352"/>
                    </a:lnTo>
                    <a:lnTo>
                      <a:pt x="108" y="351"/>
                    </a:lnTo>
                    <a:lnTo>
                      <a:pt x="108" y="344"/>
                    </a:lnTo>
                    <a:lnTo>
                      <a:pt x="110" y="344"/>
                    </a:lnTo>
                    <a:lnTo>
                      <a:pt x="113" y="346"/>
                    </a:lnTo>
                    <a:lnTo>
                      <a:pt x="117" y="346"/>
                    </a:lnTo>
                    <a:lnTo>
                      <a:pt x="122" y="346"/>
                    </a:lnTo>
                    <a:lnTo>
                      <a:pt x="127" y="342"/>
                    </a:lnTo>
                    <a:lnTo>
                      <a:pt x="132" y="337"/>
                    </a:lnTo>
                    <a:lnTo>
                      <a:pt x="139" y="329"/>
                    </a:lnTo>
                    <a:lnTo>
                      <a:pt x="137" y="332"/>
                    </a:lnTo>
                    <a:lnTo>
                      <a:pt x="135" y="336"/>
                    </a:lnTo>
                    <a:lnTo>
                      <a:pt x="134" y="341"/>
                    </a:lnTo>
                    <a:lnTo>
                      <a:pt x="130" y="344"/>
                    </a:lnTo>
                    <a:lnTo>
                      <a:pt x="130" y="347"/>
                    </a:lnTo>
                    <a:lnTo>
                      <a:pt x="129" y="351"/>
                    </a:lnTo>
                    <a:lnTo>
                      <a:pt x="127" y="352"/>
                    </a:lnTo>
                    <a:lnTo>
                      <a:pt x="127" y="358"/>
                    </a:lnTo>
                    <a:lnTo>
                      <a:pt x="125" y="364"/>
                    </a:lnTo>
                    <a:lnTo>
                      <a:pt x="125" y="371"/>
                    </a:lnTo>
                    <a:lnTo>
                      <a:pt x="122" y="378"/>
                    </a:lnTo>
                    <a:lnTo>
                      <a:pt x="120" y="383"/>
                    </a:lnTo>
                    <a:lnTo>
                      <a:pt x="117" y="388"/>
                    </a:lnTo>
                    <a:lnTo>
                      <a:pt x="112" y="390"/>
                    </a:lnTo>
                    <a:lnTo>
                      <a:pt x="112" y="391"/>
                    </a:lnTo>
                    <a:lnTo>
                      <a:pt x="113" y="391"/>
                    </a:lnTo>
                    <a:lnTo>
                      <a:pt x="113" y="393"/>
                    </a:lnTo>
                    <a:lnTo>
                      <a:pt x="112" y="396"/>
                    </a:lnTo>
                    <a:lnTo>
                      <a:pt x="110" y="398"/>
                    </a:lnTo>
                    <a:lnTo>
                      <a:pt x="107" y="402"/>
                    </a:lnTo>
                    <a:lnTo>
                      <a:pt x="100" y="405"/>
                    </a:lnTo>
                    <a:lnTo>
                      <a:pt x="96" y="407"/>
                    </a:lnTo>
                    <a:lnTo>
                      <a:pt x="91" y="408"/>
                    </a:lnTo>
                    <a:lnTo>
                      <a:pt x="88" y="412"/>
                    </a:lnTo>
                    <a:lnTo>
                      <a:pt x="85" y="413"/>
                    </a:lnTo>
                    <a:lnTo>
                      <a:pt x="83" y="418"/>
                    </a:lnTo>
                    <a:lnTo>
                      <a:pt x="83" y="422"/>
                    </a:lnTo>
                    <a:lnTo>
                      <a:pt x="85" y="425"/>
                    </a:lnTo>
                    <a:lnTo>
                      <a:pt x="85" y="427"/>
                    </a:lnTo>
                    <a:lnTo>
                      <a:pt x="85" y="429"/>
                    </a:lnTo>
                    <a:lnTo>
                      <a:pt x="83" y="430"/>
                    </a:lnTo>
                    <a:lnTo>
                      <a:pt x="81" y="430"/>
                    </a:lnTo>
                    <a:lnTo>
                      <a:pt x="79" y="432"/>
                    </a:lnTo>
                    <a:lnTo>
                      <a:pt x="78" y="430"/>
                    </a:lnTo>
                    <a:lnTo>
                      <a:pt x="76" y="429"/>
                    </a:lnTo>
                    <a:lnTo>
                      <a:pt x="76" y="424"/>
                    </a:lnTo>
                    <a:lnTo>
                      <a:pt x="74" y="424"/>
                    </a:lnTo>
                    <a:lnTo>
                      <a:pt x="71" y="424"/>
                    </a:lnTo>
                    <a:lnTo>
                      <a:pt x="69" y="424"/>
                    </a:lnTo>
                    <a:lnTo>
                      <a:pt x="68" y="425"/>
                    </a:lnTo>
                    <a:lnTo>
                      <a:pt x="64" y="425"/>
                    </a:lnTo>
                    <a:lnTo>
                      <a:pt x="63" y="425"/>
                    </a:lnTo>
                    <a:lnTo>
                      <a:pt x="46" y="442"/>
                    </a:lnTo>
                    <a:lnTo>
                      <a:pt x="44" y="442"/>
                    </a:lnTo>
                    <a:lnTo>
                      <a:pt x="44" y="444"/>
                    </a:lnTo>
                    <a:lnTo>
                      <a:pt x="42" y="447"/>
                    </a:lnTo>
                    <a:lnTo>
                      <a:pt x="41" y="449"/>
                    </a:lnTo>
                    <a:lnTo>
                      <a:pt x="41" y="452"/>
                    </a:lnTo>
                    <a:lnTo>
                      <a:pt x="42" y="452"/>
                    </a:lnTo>
                    <a:lnTo>
                      <a:pt x="44" y="451"/>
                    </a:lnTo>
                    <a:lnTo>
                      <a:pt x="51" y="447"/>
                    </a:lnTo>
                    <a:lnTo>
                      <a:pt x="52" y="446"/>
                    </a:lnTo>
                    <a:lnTo>
                      <a:pt x="56" y="444"/>
                    </a:lnTo>
                    <a:lnTo>
                      <a:pt x="57" y="440"/>
                    </a:lnTo>
                    <a:lnTo>
                      <a:pt x="61" y="439"/>
                    </a:lnTo>
                    <a:lnTo>
                      <a:pt x="64" y="435"/>
                    </a:lnTo>
                    <a:lnTo>
                      <a:pt x="66" y="434"/>
                    </a:lnTo>
                    <a:lnTo>
                      <a:pt x="68" y="432"/>
                    </a:lnTo>
                    <a:lnTo>
                      <a:pt x="68" y="434"/>
                    </a:lnTo>
                    <a:lnTo>
                      <a:pt x="68" y="437"/>
                    </a:lnTo>
                    <a:lnTo>
                      <a:pt x="68" y="439"/>
                    </a:lnTo>
                    <a:lnTo>
                      <a:pt x="69" y="440"/>
                    </a:lnTo>
                    <a:lnTo>
                      <a:pt x="73" y="440"/>
                    </a:lnTo>
                    <a:lnTo>
                      <a:pt x="78" y="439"/>
                    </a:lnTo>
                    <a:lnTo>
                      <a:pt x="86" y="434"/>
                    </a:lnTo>
                    <a:lnTo>
                      <a:pt x="88" y="430"/>
                    </a:lnTo>
                    <a:lnTo>
                      <a:pt x="90" y="429"/>
                    </a:lnTo>
                    <a:lnTo>
                      <a:pt x="91" y="429"/>
                    </a:lnTo>
                    <a:lnTo>
                      <a:pt x="95" y="434"/>
                    </a:lnTo>
                    <a:lnTo>
                      <a:pt x="96" y="434"/>
                    </a:lnTo>
                    <a:lnTo>
                      <a:pt x="96" y="432"/>
                    </a:lnTo>
                    <a:lnTo>
                      <a:pt x="96" y="430"/>
                    </a:lnTo>
                    <a:lnTo>
                      <a:pt x="98" y="427"/>
                    </a:lnTo>
                    <a:lnTo>
                      <a:pt x="101" y="424"/>
                    </a:lnTo>
                    <a:lnTo>
                      <a:pt x="105" y="422"/>
                    </a:lnTo>
                    <a:lnTo>
                      <a:pt x="110" y="420"/>
                    </a:lnTo>
                    <a:lnTo>
                      <a:pt x="117" y="420"/>
                    </a:lnTo>
                    <a:lnTo>
                      <a:pt x="117" y="418"/>
                    </a:lnTo>
                    <a:lnTo>
                      <a:pt x="115" y="418"/>
                    </a:lnTo>
                    <a:lnTo>
                      <a:pt x="113" y="415"/>
                    </a:lnTo>
                    <a:lnTo>
                      <a:pt x="113" y="413"/>
                    </a:lnTo>
                    <a:lnTo>
                      <a:pt x="115" y="408"/>
                    </a:lnTo>
                    <a:lnTo>
                      <a:pt x="120" y="405"/>
                    </a:lnTo>
                    <a:lnTo>
                      <a:pt x="127" y="398"/>
                    </a:lnTo>
                    <a:lnTo>
                      <a:pt x="139" y="391"/>
                    </a:lnTo>
                    <a:lnTo>
                      <a:pt x="140" y="391"/>
                    </a:lnTo>
                    <a:lnTo>
                      <a:pt x="139" y="390"/>
                    </a:lnTo>
                    <a:lnTo>
                      <a:pt x="139" y="388"/>
                    </a:lnTo>
                    <a:lnTo>
                      <a:pt x="140" y="385"/>
                    </a:lnTo>
                    <a:lnTo>
                      <a:pt x="144" y="381"/>
                    </a:lnTo>
                    <a:lnTo>
                      <a:pt x="151" y="374"/>
                    </a:lnTo>
                    <a:lnTo>
                      <a:pt x="161" y="366"/>
                    </a:lnTo>
                    <a:lnTo>
                      <a:pt x="174" y="354"/>
                    </a:lnTo>
                    <a:lnTo>
                      <a:pt x="176" y="352"/>
                    </a:lnTo>
                    <a:lnTo>
                      <a:pt x="178" y="347"/>
                    </a:lnTo>
                    <a:lnTo>
                      <a:pt x="178" y="344"/>
                    </a:lnTo>
                    <a:lnTo>
                      <a:pt x="179" y="342"/>
                    </a:lnTo>
                    <a:lnTo>
                      <a:pt x="181" y="341"/>
                    </a:lnTo>
                    <a:lnTo>
                      <a:pt x="183" y="339"/>
                    </a:lnTo>
                    <a:lnTo>
                      <a:pt x="183" y="337"/>
                    </a:lnTo>
                    <a:lnTo>
                      <a:pt x="184" y="336"/>
                    </a:lnTo>
                    <a:lnTo>
                      <a:pt x="183" y="332"/>
                    </a:lnTo>
                    <a:lnTo>
                      <a:pt x="181" y="330"/>
                    </a:lnTo>
                    <a:lnTo>
                      <a:pt x="174" y="330"/>
                    </a:lnTo>
                    <a:lnTo>
                      <a:pt x="173" y="330"/>
                    </a:lnTo>
                    <a:lnTo>
                      <a:pt x="173" y="329"/>
                    </a:lnTo>
                    <a:lnTo>
                      <a:pt x="173" y="327"/>
                    </a:lnTo>
                    <a:lnTo>
                      <a:pt x="174" y="322"/>
                    </a:lnTo>
                    <a:lnTo>
                      <a:pt x="178" y="317"/>
                    </a:lnTo>
                    <a:lnTo>
                      <a:pt x="183" y="310"/>
                    </a:lnTo>
                    <a:lnTo>
                      <a:pt x="191" y="302"/>
                    </a:lnTo>
                    <a:lnTo>
                      <a:pt x="193" y="298"/>
                    </a:lnTo>
                    <a:lnTo>
                      <a:pt x="195" y="293"/>
                    </a:lnTo>
                    <a:lnTo>
                      <a:pt x="196" y="285"/>
                    </a:lnTo>
                    <a:lnTo>
                      <a:pt x="200" y="276"/>
                    </a:lnTo>
                    <a:lnTo>
                      <a:pt x="205" y="268"/>
                    </a:lnTo>
                    <a:lnTo>
                      <a:pt x="211" y="264"/>
                    </a:lnTo>
                    <a:lnTo>
                      <a:pt x="220" y="264"/>
                    </a:lnTo>
                    <a:lnTo>
                      <a:pt x="230" y="271"/>
                    </a:lnTo>
                    <a:lnTo>
                      <a:pt x="228" y="271"/>
                    </a:lnTo>
                    <a:lnTo>
                      <a:pt x="225" y="271"/>
                    </a:lnTo>
                    <a:lnTo>
                      <a:pt x="220" y="273"/>
                    </a:lnTo>
                    <a:lnTo>
                      <a:pt x="213" y="273"/>
                    </a:lnTo>
                    <a:lnTo>
                      <a:pt x="210" y="276"/>
                    </a:lnTo>
                    <a:lnTo>
                      <a:pt x="206" y="281"/>
                    </a:lnTo>
                    <a:lnTo>
                      <a:pt x="206" y="288"/>
                    </a:lnTo>
                    <a:lnTo>
                      <a:pt x="210" y="297"/>
                    </a:lnTo>
                    <a:lnTo>
                      <a:pt x="210" y="298"/>
                    </a:lnTo>
                    <a:lnTo>
                      <a:pt x="208" y="302"/>
                    </a:lnTo>
                    <a:lnTo>
                      <a:pt x="205" y="305"/>
                    </a:lnTo>
                    <a:lnTo>
                      <a:pt x="203" y="308"/>
                    </a:lnTo>
                    <a:lnTo>
                      <a:pt x="203" y="310"/>
                    </a:lnTo>
                    <a:lnTo>
                      <a:pt x="205" y="312"/>
                    </a:lnTo>
                    <a:lnTo>
                      <a:pt x="208" y="310"/>
                    </a:lnTo>
                    <a:lnTo>
                      <a:pt x="215" y="307"/>
                    </a:lnTo>
                    <a:lnTo>
                      <a:pt x="213" y="308"/>
                    </a:lnTo>
                    <a:lnTo>
                      <a:pt x="211" y="312"/>
                    </a:lnTo>
                    <a:lnTo>
                      <a:pt x="210" y="317"/>
                    </a:lnTo>
                    <a:lnTo>
                      <a:pt x="208" y="320"/>
                    </a:lnTo>
                    <a:lnTo>
                      <a:pt x="208" y="324"/>
                    </a:lnTo>
                    <a:lnTo>
                      <a:pt x="210" y="322"/>
                    </a:lnTo>
                    <a:lnTo>
                      <a:pt x="217" y="319"/>
                    </a:lnTo>
                    <a:lnTo>
                      <a:pt x="227" y="308"/>
                    </a:lnTo>
                    <a:lnTo>
                      <a:pt x="227" y="307"/>
                    </a:lnTo>
                    <a:lnTo>
                      <a:pt x="230" y="305"/>
                    </a:lnTo>
                    <a:lnTo>
                      <a:pt x="232" y="303"/>
                    </a:lnTo>
                    <a:lnTo>
                      <a:pt x="233" y="302"/>
                    </a:lnTo>
                    <a:lnTo>
                      <a:pt x="237" y="300"/>
                    </a:lnTo>
                    <a:lnTo>
                      <a:pt x="239" y="298"/>
                    </a:lnTo>
                    <a:lnTo>
                      <a:pt x="240" y="297"/>
                    </a:lnTo>
                    <a:lnTo>
                      <a:pt x="242" y="297"/>
                    </a:lnTo>
                    <a:lnTo>
                      <a:pt x="244" y="297"/>
                    </a:lnTo>
                    <a:lnTo>
                      <a:pt x="245" y="295"/>
                    </a:lnTo>
                    <a:lnTo>
                      <a:pt x="247" y="293"/>
                    </a:lnTo>
                    <a:lnTo>
                      <a:pt x="249" y="290"/>
                    </a:lnTo>
                    <a:lnTo>
                      <a:pt x="247" y="286"/>
                    </a:lnTo>
                    <a:lnTo>
                      <a:pt x="245" y="281"/>
                    </a:lnTo>
                    <a:lnTo>
                      <a:pt x="245" y="280"/>
                    </a:lnTo>
                    <a:lnTo>
                      <a:pt x="244" y="276"/>
                    </a:lnTo>
                    <a:lnTo>
                      <a:pt x="242" y="273"/>
                    </a:lnTo>
                    <a:lnTo>
                      <a:pt x="240" y="271"/>
                    </a:lnTo>
                    <a:lnTo>
                      <a:pt x="250" y="264"/>
                    </a:lnTo>
                    <a:lnTo>
                      <a:pt x="255" y="268"/>
                    </a:lnTo>
                    <a:lnTo>
                      <a:pt x="266" y="263"/>
                    </a:lnTo>
                    <a:lnTo>
                      <a:pt x="281" y="271"/>
                    </a:lnTo>
                    <a:lnTo>
                      <a:pt x="286" y="278"/>
                    </a:lnTo>
                    <a:lnTo>
                      <a:pt x="293" y="270"/>
                    </a:lnTo>
                    <a:lnTo>
                      <a:pt x="303" y="286"/>
                    </a:lnTo>
                    <a:lnTo>
                      <a:pt x="305" y="285"/>
                    </a:lnTo>
                    <a:lnTo>
                      <a:pt x="310" y="281"/>
                    </a:lnTo>
                    <a:lnTo>
                      <a:pt x="315" y="278"/>
                    </a:lnTo>
                    <a:lnTo>
                      <a:pt x="323" y="276"/>
                    </a:lnTo>
                    <a:lnTo>
                      <a:pt x="333" y="275"/>
                    </a:lnTo>
                    <a:lnTo>
                      <a:pt x="343" y="275"/>
                    </a:lnTo>
                    <a:lnTo>
                      <a:pt x="357" y="276"/>
                    </a:lnTo>
                    <a:lnTo>
                      <a:pt x="359" y="276"/>
                    </a:lnTo>
                    <a:lnTo>
                      <a:pt x="360" y="275"/>
                    </a:lnTo>
                    <a:lnTo>
                      <a:pt x="362" y="273"/>
                    </a:lnTo>
                    <a:lnTo>
                      <a:pt x="364" y="271"/>
                    </a:lnTo>
                    <a:lnTo>
                      <a:pt x="365" y="271"/>
                    </a:lnTo>
                    <a:lnTo>
                      <a:pt x="369" y="271"/>
                    </a:lnTo>
                    <a:lnTo>
                      <a:pt x="371" y="275"/>
                    </a:lnTo>
                    <a:lnTo>
                      <a:pt x="371" y="278"/>
                    </a:lnTo>
                    <a:lnTo>
                      <a:pt x="371" y="280"/>
                    </a:lnTo>
                    <a:lnTo>
                      <a:pt x="374" y="280"/>
                    </a:lnTo>
                    <a:lnTo>
                      <a:pt x="377" y="281"/>
                    </a:lnTo>
                    <a:lnTo>
                      <a:pt x="381" y="281"/>
                    </a:lnTo>
                    <a:lnTo>
                      <a:pt x="384" y="281"/>
                    </a:lnTo>
                    <a:lnTo>
                      <a:pt x="387" y="283"/>
                    </a:lnTo>
                    <a:lnTo>
                      <a:pt x="389" y="283"/>
                    </a:lnTo>
                    <a:lnTo>
                      <a:pt x="391" y="283"/>
                    </a:lnTo>
                    <a:lnTo>
                      <a:pt x="411" y="295"/>
                    </a:lnTo>
                    <a:lnTo>
                      <a:pt x="413" y="295"/>
                    </a:lnTo>
                    <a:lnTo>
                      <a:pt x="415" y="295"/>
                    </a:lnTo>
                    <a:lnTo>
                      <a:pt x="418" y="295"/>
                    </a:lnTo>
                    <a:lnTo>
                      <a:pt x="421" y="295"/>
                    </a:lnTo>
                    <a:lnTo>
                      <a:pt x="425" y="295"/>
                    </a:lnTo>
                    <a:lnTo>
                      <a:pt x="425" y="292"/>
                    </a:lnTo>
                    <a:lnTo>
                      <a:pt x="423" y="288"/>
                    </a:lnTo>
                    <a:lnTo>
                      <a:pt x="416" y="280"/>
                    </a:lnTo>
                    <a:lnTo>
                      <a:pt x="418" y="280"/>
                    </a:lnTo>
                    <a:lnTo>
                      <a:pt x="420" y="278"/>
                    </a:lnTo>
                    <a:lnTo>
                      <a:pt x="423" y="276"/>
                    </a:lnTo>
                    <a:lnTo>
                      <a:pt x="425" y="278"/>
                    </a:lnTo>
                    <a:lnTo>
                      <a:pt x="428" y="280"/>
                    </a:lnTo>
                    <a:lnTo>
                      <a:pt x="431" y="283"/>
                    </a:lnTo>
                    <a:lnTo>
                      <a:pt x="435" y="286"/>
                    </a:lnTo>
                    <a:lnTo>
                      <a:pt x="438" y="288"/>
                    </a:lnTo>
                    <a:lnTo>
                      <a:pt x="438" y="286"/>
                    </a:lnTo>
                    <a:lnTo>
                      <a:pt x="435" y="281"/>
                    </a:lnTo>
                    <a:lnTo>
                      <a:pt x="430" y="271"/>
                    </a:lnTo>
                    <a:lnTo>
                      <a:pt x="428" y="270"/>
                    </a:lnTo>
                    <a:lnTo>
                      <a:pt x="430" y="266"/>
                    </a:lnTo>
                    <a:lnTo>
                      <a:pt x="430" y="264"/>
                    </a:lnTo>
                    <a:lnTo>
                      <a:pt x="431" y="264"/>
                    </a:lnTo>
                    <a:lnTo>
                      <a:pt x="445" y="283"/>
                    </a:lnTo>
                    <a:lnTo>
                      <a:pt x="455" y="280"/>
                    </a:lnTo>
                    <a:lnTo>
                      <a:pt x="455" y="281"/>
                    </a:lnTo>
                    <a:lnTo>
                      <a:pt x="457" y="281"/>
                    </a:lnTo>
                    <a:lnTo>
                      <a:pt x="460" y="283"/>
                    </a:lnTo>
                    <a:lnTo>
                      <a:pt x="462" y="286"/>
                    </a:lnTo>
                    <a:lnTo>
                      <a:pt x="465" y="290"/>
                    </a:lnTo>
                    <a:lnTo>
                      <a:pt x="469" y="295"/>
                    </a:lnTo>
                    <a:lnTo>
                      <a:pt x="472" y="300"/>
                    </a:lnTo>
                    <a:lnTo>
                      <a:pt x="475" y="305"/>
                    </a:lnTo>
                    <a:lnTo>
                      <a:pt x="479" y="312"/>
                    </a:lnTo>
                    <a:lnTo>
                      <a:pt x="482" y="314"/>
                    </a:lnTo>
                    <a:lnTo>
                      <a:pt x="484" y="314"/>
                    </a:lnTo>
                    <a:lnTo>
                      <a:pt x="486" y="312"/>
                    </a:lnTo>
                    <a:lnTo>
                      <a:pt x="487" y="310"/>
                    </a:lnTo>
                    <a:lnTo>
                      <a:pt x="487" y="308"/>
                    </a:lnTo>
                    <a:lnTo>
                      <a:pt x="487" y="307"/>
                    </a:lnTo>
                    <a:lnTo>
                      <a:pt x="509" y="322"/>
                    </a:lnTo>
                    <a:lnTo>
                      <a:pt x="508" y="325"/>
                    </a:lnTo>
                    <a:lnTo>
                      <a:pt x="508" y="327"/>
                    </a:lnTo>
                    <a:lnTo>
                      <a:pt x="508" y="330"/>
                    </a:lnTo>
                    <a:lnTo>
                      <a:pt x="508" y="332"/>
                    </a:lnTo>
                    <a:lnTo>
                      <a:pt x="509" y="332"/>
                    </a:lnTo>
                    <a:lnTo>
                      <a:pt x="514" y="329"/>
                    </a:lnTo>
                    <a:lnTo>
                      <a:pt x="519" y="324"/>
                    </a:lnTo>
                    <a:lnTo>
                      <a:pt x="521" y="322"/>
                    </a:lnTo>
                    <a:lnTo>
                      <a:pt x="523" y="322"/>
                    </a:lnTo>
                    <a:lnTo>
                      <a:pt x="525" y="324"/>
                    </a:lnTo>
                    <a:lnTo>
                      <a:pt x="528" y="325"/>
                    </a:lnTo>
                    <a:lnTo>
                      <a:pt x="531" y="330"/>
                    </a:lnTo>
                    <a:lnTo>
                      <a:pt x="535" y="339"/>
                    </a:lnTo>
                    <a:lnTo>
                      <a:pt x="536" y="341"/>
                    </a:lnTo>
                    <a:lnTo>
                      <a:pt x="538" y="344"/>
                    </a:lnTo>
                    <a:lnTo>
                      <a:pt x="540" y="347"/>
                    </a:lnTo>
                    <a:lnTo>
                      <a:pt x="541" y="349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74" name="Freeform 79"/>
              <p:cNvSpPr>
                <a:spLocks/>
              </p:cNvSpPr>
              <p:nvPr/>
            </p:nvSpPr>
            <p:spPr bwMode="auto">
              <a:xfrm>
                <a:off x="1085" y="3327"/>
                <a:ext cx="27" cy="22"/>
              </a:xfrm>
              <a:custGeom>
                <a:avLst/>
                <a:gdLst>
                  <a:gd name="T0" fmla="*/ 0 w 27"/>
                  <a:gd name="T1" fmla="*/ 10 h 22"/>
                  <a:gd name="T2" fmla="*/ 0 w 27"/>
                  <a:gd name="T3" fmla="*/ 7 h 22"/>
                  <a:gd name="T4" fmla="*/ 2 w 27"/>
                  <a:gd name="T5" fmla="*/ 4 h 22"/>
                  <a:gd name="T6" fmla="*/ 14 w 27"/>
                  <a:gd name="T7" fmla="*/ 0 h 22"/>
                  <a:gd name="T8" fmla="*/ 27 w 27"/>
                  <a:gd name="T9" fmla="*/ 14 h 22"/>
                  <a:gd name="T10" fmla="*/ 22 w 27"/>
                  <a:gd name="T11" fmla="*/ 15 h 22"/>
                  <a:gd name="T12" fmla="*/ 22 w 27"/>
                  <a:gd name="T13" fmla="*/ 15 h 22"/>
                  <a:gd name="T14" fmla="*/ 17 w 27"/>
                  <a:gd name="T15" fmla="*/ 10 h 22"/>
                  <a:gd name="T16" fmla="*/ 12 w 27"/>
                  <a:gd name="T17" fmla="*/ 14 h 22"/>
                  <a:gd name="T18" fmla="*/ 17 w 27"/>
                  <a:gd name="T19" fmla="*/ 19 h 22"/>
                  <a:gd name="T20" fmla="*/ 14 w 27"/>
                  <a:gd name="T21" fmla="*/ 22 h 22"/>
                  <a:gd name="T22" fmla="*/ 0 w 27"/>
                  <a:gd name="T23" fmla="*/ 10 h 22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w 27"/>
                  <a:gd name="T37" fmla="*/ 0 h 22"/>
                  <a:gd name="T38" fmla="*/ 27 w 27"/>
                  <a:gd name="T39" fmla="*/ 22 h 22"/>
                </a:gdLst>
                <a:ahLst/>
                <a:cxnLst>
                  <a:cxn ang="T24">
                    <a:pos x="T0" y="T1"/>
                  </a:cxn>
                  <a:cxn ang="T25">
                    <a:pos x="T2" y="T3"/>
                  </a:cxn>
                  <a:cxn ang="T26">
                    <a:pos x="T4" y="T5"/>
                  </a:cxn>
                  <a:cxn ang="T27">
                    <a:pos x="T6" y="T7"/>
                  </a:cxn>
                  <a:cxn ang="T28">
                    <a:pos x="T8" y="T9"/>
                  </a:cxn>
                  <a:cxn ang="T29">
                    <a:pos x="T10" y="T11"/>
                  </a:cxn>
                  <a:cxn ang="T30">
                    <a:pos x="T12" y="T13"/>
                  </a:cxn>
                  <a:cxn ang="T31">
                    <a:pos x="T14" y="T15"/>
                  </a:cxn>
                  <a:cxn ang="T32">
                    <a:pos x="T16" y="T17"/>
                  </a:cxn>
                  <a:cxn ang="T33">
                    <a:pos x="T18" y="T19"/>
                  </a:cxn>
                  <a:cxn ang="T34">
                    <a:pos x="T20" y="T21"/>
                  </a:cxn>
                  <a:cxn ang="T35">
                    <a:pos x="T22" y="T23"/>
                  </a:cxn>
                </a:cxnLst>
                <a:rect l="T36" t="T37" r="T38" b="T39"/>
                <a:pathLst>
                  <a:path w="27" h="22">
                    <a:moveTo>
                      <a:pt x="0" y="10"/>
                    </a:moveTo>
                    <a:lnTo>
                      <a:pt x="0" y="7"/>
                    </a:lnTo>
                    <a:lnTo>
                      <a:pt x="2" y="4"/>
                    </a:lnTo>
                    <a:lnTo>
                      <a:pt x="14" y="0"/>
                    </a:lnTo>
                    <a:lnTo>
                      <a:pt x="27" y="14"/>
                    </a:lnTo>
                    <a:lnTo>
                      <a:pt x="22" y="15"/>
                    </a:lnTo>
                    <a:lnTo>
                      <a:pt x="17" y="10"/>
                    </a:lnTo>
                    <a:lnTo>
                      <a:pt x="12" y="14"/>
                    </a:lnTo>
                    <a:lnTo>
                      <a:pt x="17" y="19"/>
                    </a:lnTo>
                    <a:lnTo>
                      <a:pt x="14" y="22"/>
                    </a:lnTo>
                    <a:lnTo>
                      <a:pt x="0" y="1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75" name="Freeform 80"/>
              <p:cNvSpPr>
                <a:spLocks/>
              </p:cNvSpPr>
              <p:nvPr/>
            </p:nvSpPr>
            <p:spPr bwMode="auto">
              <a:xfrm>
                <a:off x="1085" y="3327"/>
                <a:ext cx="27" cy="22"/>
              </a:xfrm>
              <a:custGeom>
                <a:avLst/>
                <a:gdLst>
                  <a:gd name="T0" fmla="*/ 0 w 27"/>
                  <a:gd name="T1" fmla="*/ 10 h 22"/>
                  <a:gd name="T2" fmla="*/ 0 w 27"/>
                  <a:gd name="T3" fmla="*/ 7 h 22"/>
                  <a:gd name="T4" fmla="*/ 2 w 27"/>
                  <a:gd name="T5" fmla="*/ 4 h 22"/>
                  <a:gd name="T6" fmla="*/ 14 w 27"/>
                  <a:gd name="T7" fmla="*/ 0 h 22"/>
                  <a:gd name="T8" fmla="*/ 27 w 27"/>
                  <a:gd name="T9" fmla="*/ 14 h 22"/>
                  <a:gd name="T10" fmla="*/ 22 w 27"/>
                  <a:gd name="T11" fmla="*/ 15 h 22"/>
                  <a:gd name="T12" fmla="*/ 22 w 27"/>
                  <a:gd name="T13" fmla="*/ 15 h 22"/>
                  <a:gd name="T14" fmla="*/ 17 w 27"/>
                  <a:gd name="T15" fmla="*/ 10 h 22"/>
                  <a:gd name="T16" fmla="*/ 12 w 27"/>
                  <a:gd name="T17" fmla="*/ 14 h 22"/>
                  <a:gd name="T18" fmla="*/ 17 w 27"/>
                  <a:gd name="T19" fmla="*/ 19 h 22"/>
                  <a:gd name="T20" fmla="*/ 14 w 27"/>
                  <a:gd name="T21" fmla="*/ 22 h 22"/>
                  <a:gd name="T22" fmla="*/ 0 w 27"/>
                  <a:gd name="T23" fmla="*/ 10 h 22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w 27"/>
                  <a:gd name="T37" fmla="*/ 0 h 22"/>
                  <a:gd name="T38" fmla="*/ 27 w 27"/>
                  <a:gd name="T39" fmla="*/ 22 h 22"/>
                </a:gdLst>
                <a:ahLst/>
                <a:cxnLst>
                  <a:cxn ang="T24">
                    <a:pos x="T0" y="T1"/>
                  </a:cxn>
                  <a:cxn ang="T25">
                    <a:pos x="T2" y="T3"/>
                  </a:cxn>
                  <a:cxn ang="T26">
                    <a:pos x="T4" y="T5"/>
                  </a:cxn>
                  <a:cxn ang="T27">
                    <a:pos x="T6" y="T7"/>
                  </a:cxn>
                  <a:cxn ang="T28">
                    <a:pos x="T8" y="T9"/>
                  </a:cxn>
                  <a:cxn ang="T29">
                    <a:pos x="T10" y="T11"/>
                  </a:cxn>
                  <a:cxn ang="T30">
                    <a:pos x="T12" y="T13"/>
                  </a:cxn>
                  <a:cxn ang="T31">
                    <a:pos x="T14" y="T15"/>
                  </a:cxn>
                  <a:cxn ang="T32">
                    <a:pos x="T16" y="T17"/>
                  </a:cxn>
                  <a:cxn ang="T33">
                    <a:pos x="T18" y="T19"/>
                  </a:cxn>
                  <a:cxn ang="T34">
                    <a:pos x="T20" y="T21"/>
                  </a:cxn>
                  <a:cxn ang="T35">
                    <a:pos x="T22" y="T23"/>
                  </a:cxn>
                </a:cxnLst>
                <a:rect l="T36" t="T37" r="T38" b="T39"/>
                <a:pathLst>
                  <a:path w="27" h="22">
                    <a:moveTo>
                      <a:pt x="0" y="10"/>
                    </a:moveTo>
                    <a:lnTo>
                      <a:pt x="0" y="7"/>
                    </a:lnTo>
                    <a:lnTo>
                      <a:pt x="2" y="4"/>
                    </a:lnTo>
                    <a:lnTo>
                      <a:pt x="14" y="0"/>
                    </a:lnTo>
                    <a:lnTo>
                      <a:pt x="27" y="14"/>
                    </a:lnTo>
                    <a:lnTo>
                      <a:pt x="22" y="15"/>
                    </a:lnTo>
                    <a:lnTo>
                      <a:pt x="17" y="10"/>
                    </a:lnTo>
                    <a:lnTo>
                      <a:pt x="12" y="14"/>
                    </a:lnTo>
                    <a:lnTo>
                      <a:pt x="17" y="19"/>
                    </a:lnTo>
                    <a:lnTo>
                      <a:pt x="14" y="22"/>
                    </a:lnTo>
                    <a:lnTo>
                      <a:pt x="0" y="1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76" name="Freeform 81"/>
              <p:cNvSpPr>
                <a:spLocks/>
              </p:cNvSpPr>
              <p:nvPr/>
            </p:nvSpPr>
            <p:spPr bwMode="auto">
              <a:xfrm>
                <a:off x="1107" y="3348"/>
                <a:ext cx="21" cy="23"/>
              </a:xfrm>
              <a:custGeom>
                <a:avLst/>
                <a:gdLst>
                  <a:gd name="T0" fmla="*/ 5 w 21"/>
                  <a:gd name="T1" fmla="*/ 0 h 23"/>
                  <a:gd name="T2" fmla="*/ 0 w 21"/>
                  <a:gd name="T3" fmla="*/ 3 h 23"/>
                  <a:gd name="T4" fmla="*/ 11 w 21"/>
                  <a:gd name="T5" fmla="*/ 16 h 23"/>
                  <a:gd name="T6" fmla="*/ 21 w 21"/>
                  <a:gd name="T7" fmla="*/ 23 h 23"/>
                  <a:gd name="T8" fmla="*/ 14 w 21"/>
                  <a:gd name="T9" fmla="*/ 6 h 23"/>
                  <a:gd name="T10" fmla="*/ 5 w 21"/>
                  <a:gd name="T11" fmla="*/ 0 h 23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21"/>
                  <a:gd name="T19" fmla="*/ 0 h 23"/>
                  <a:gd name="T20" fmla="*/ 21 w 21"/>
                  <a:gd name="T21" fmla="*/ 23 h 23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21" h="23">
                    <a:moveTo>
                      <a:pt x="5" y="0"/>
                    </a:moveTo>
                    <a:lnTo>
                      <a:pt x="0" y="3"/>
                    </a:lnTo>
                    <a:lnTo>
                      <a:pt x="11" y="16"/>
                    </a:lnTo>
                    <a:lnTo>
                      <a:pt x="21" y="23"/>
                    </a:lnTo>
                    <a:lnTo>
                      <a:pt x="14" y="6"/>
                    </a:lnTo>
                    <a:lnTo>
                      <a:pt x="5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77" name="Freeform 82"/>
              <p:cNvSpPr>
                <a:spLocks/>
              </p:cNvSpPr>
              <p:nvPr/>
            </p:nvSpPr>
            <p:spPr bwMode="auto">
              <a:xfrm>
                <a:off x="1107" y="3348"/>
                <a:ext cx="21" cy="23"/>
              </a:xfrm>
              <a:custGeom>
                <a:avLst/>
                <a:gdLst>
                  <a:gd name="T0" fmla="*/ 5 w 21"/>
                  <a:gd name="T1" fmla="*/ 0 h 23"/>
                  <a:gd name="T2" fmla="*/ 0 w 21"/>
                  <a:gd name="T3" fmla="*/ 3 h 23"/>
                  <a:gd name="T4" fmla="*/ 11 w 21"/>
                  <a:gd name="T5" fmla="*/ 16 h 23"/>
                  <a:gd name="T6" fmla="*/ 21 w 21"/>
                  <a:gd name="T7" fmla="*/ 23 h 23"/>
                  <a:gd name="T8" fmla="*/ 14 w 21"/>
                  <a:gd name="T9" fmla="*/ 6 h 23"/>
                  <a:gd name="T10" fmla="*/ 5 w 21"/>
                  <a:gd name="T11" fmla="*/ 0 h 23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21"/>
                  <a:gd name="T19" fmla="*/ 0 h 23"/>
                  <a:gd name="T20" fmla="*/ 21 w 21"/>
                  <a:gd name="T21" fmla="*/ 23 h 23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21" h="23">
                    <a:moveTo>
                      <a:pt x="5" y="0"/>
                    </a:moveTo>
                    <a:lnTo>
                      <a:pt x="0" y="3"/>
                    </a:lnTo>
                    <a:lnTo>
                      <a:pt x="11" y="16"/>
                    </a:lnTo>
                    <a:lnTo>
                      <a:pt x="21" y="23"/>
                    </a:lnTo>
                    <a:lnTo>
                      <a:pt x="14" y="6"/>
                    </a:lnTo>
                    <a:lnTo>
                      <a:pt x="5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78" name="Freeform 83"/>
              <p:cNvSpPr>
                <a:spLocks/>
              </p:cNvSpPr>
              <p:nvPr/>
            </p:nvSpPr>
            <p:spPr bwMode="auto">
              <a:xfrm>
                <a:off x="1107" y="3322"/>
                <a:ext cx="19" cy="24"/>
              </a:xfrm>
              <a:custGeom>
                <a:avLst/>
                <a:gdLst>
                  <a:gd name="T0" fmla="*/ 4 w 19"/>
                  <a:gd name="T1" fmla="*/ 0 h 24"/>
                  <a:gd name="T2" fmla="*/ 19 w 19"/>
                  <a:gd name="T3" fmla="*/ 15 h 24"/>
                  <a:gd name="T4" fmla="*/ 17 w 19"/>
                  <a:gd name="T5" fmla="*/ 24 h 24"/>
                  <a:gd name="T6" fmla="*/ 11 w 19"/>
                  <a:gd name="T7" fmla="*/ 22 h 24"/>
                  <a:gd name="T8" fmla="*/ 11 w 19"/>
                  <a:gd name="T9" fmla="*/ 15 h 24"/>
                  <a:gd name="T10" fmla="*/ 0 w 19"/>
                  <a:gd name="T11" fmla="*/ 2 h 24"/>
                  <a:gd name="T12" fmla="*/ 4 w 19"/>
                  <a:gd name="T13" fmla="*/ 0 h 24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w 19"/>
                  <a:gd name="T22" fmla="*/ 0 h 24"/>
                  <a:gd name="T23" fmla="*/ 19 w 19"/>
                  <a:gd name="T24" fmla="*/ 24 h 24"/>
                </a:gdLst>
                <a:ahLst/>
                <a:cxnLst>
                  <a:cxn ang="T14">
                    <a:pos x="T0" y="T1"/>
                  </a:cxn>
                  <a:cxn ang="T15">
                    <a:pos x="T2" y="T3"/>
                  </a:cxn>
                  <a:cxn ang="T16">
                    <a:pos x="T4" y="T5"/>
                  </a:cxn>
                  <a:cxn ang="T17">
                    <a:pos x="T6" y="T7"/>
                  </a:cxn>
                  <a:cxn ang="T18">
                    <a:pos x="T8" y="T9"/>
                  </a:cxn>
                  <a:cxn ang="T19">
                    <a:pos x="T10" y="T11"/>
                  </a:cxn>
                  <a:cxn ang="T20">
                    <a:pos x="T12" y="T13"/>
                  </a:cxn>
                </a:cxnLst>
                <a:rect l="T21" t="T22" r="T23" b="T24"/>
                <a:pathLst>
                  <a:path w="19" h="24">
                    <a:moveTo>
                      <a:pt x="4" y="0"/>
                    </a:moveTo>
                    <a:lnTo>
                      <a:pt x="19" y="15"/>
                    </a:lnTo>
                    <a:lnTo>
                      <a:pt x="17" y="24"/>
                    </a:lnTo>
                    <a:lnTo>
                      <a:pt x="11" y="22"/>
                    </a:lnTo>
                    <a:lnTo>
                      <a:pt x="11" y="15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79" name="Freeform 84"/>
              <p:cNvSpPr>
                <a:spLocks/>
              </p:cNvSpPr>
              <p:nvPr/>
            </p:nvSpPr>
            <p:spPr bwMode="auto">
              <a:xfrm>
                <a:off x="1107" y="3322"/>
                <a:ext cx="19" cy="24"/>
              </a:xfrm>
              <a:custGeom>
                <a:avLst/>
                <a:gdLst>
                  <a:gd name="T0" fmla="*/ 4 w 19"/>
                  <a:gd name="T1" fmla="*/ 0 h 24"/>
                  <a:gd name="T2" fmla="*/ 19 w 19"/>
                  <a:gd name="T3" fmla="*/ 15 h 24"/>
                  <a:gd name="T4" fmla="*/ 17 w 19"/>
                  <a:gd name="T5" fmla="*/ 24 h 24"/>
                  <a:gd name="T6" fmla="*/ 11 w 19"/>
                  <a:gd name="T7" fmla="*/ 22 h 24"/>
                  <a:gd name="T8" fmla="*/ 11 w 19"/>
                  <a:gd name="T9" fmla="*/ 15 h 24"/>
                  <a:gd name="T10" fmla="*/ 0 w 19"/>
                  <a:gd name="T11" fmla="*/ 2 h 24"/>
                  <a:gd name="T12" fmla="*/ 4 w 19"/>
                  <a:gd name="T13" fmla="*/ 0 h 24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w 19"/>
                  <a:gd name="T22" fmla="*/ 0 h 24"/>
                  <a:gd name="T23" fmla="*/ 19 w 19"/>
                  <a:gd name="T24" fmla="*/ 24 h 24"/>
                </a:gdLst>
                <a:ahLst/>
                <a:cxnLst>
                  <a:cxn ang="T14">
                    <a:pos x="T0" y="T1"/>
                  </a:cxn>
                  <a:cxn ang="T15">
                    <a:pos x="T2" y="T3"/>
                  </a:cxn>
                  <a:cxn ang="T16">
                    <a:pos x="T4" y="T5"/>
                  </a:cxn>
                  <a:cxn ang="T17">
                    <a:pos x="T6" y="T7"/>
                  </a:cxn>
                  <a:cxn ang="T18">
                    <a:pos x="T8" y="T9"/>
                  </a:cxn>
                  <a:cxn ang="T19">
                    <a:pos x="T10" y="T11"/>
                  </a:cxn>
                  <a:cxn ang="T20">
                    <a:pos x="T12" y="T13"/>
                  </a:cxn>
                </a:cxnLst>
                <a:rect l="T21" t="T22" r="T23" b="T24"/>
                <a:pathLst>
                  <a:path w="19" h="24">
                    <a:moveTo>
                      <a:pt x="4" y="0"/>
                    </a:moveTo>
                    <a:lnTo>
                      <a:pt x="19" y="15"/>
                    </a:lnTo>
                    <a:lnTo>
                      <a:pt x="17" y="24"/>
                    </a:lnTo>
                    <a:lnTo>
                      <a:pt x="11" y="22"/>
                    </a:lnTo>
                    <a:lnTo>
                      <a:pt x="11" y="15"/>
                    </a:lnTo>
                    <a:lnTo>
                      <a:pt x="0" y="2"/>
                    </a:lnTo>
                    <a:lnTo>
                      <a:pt x="4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80" name="Freeform 85"/>
              <p:cNvSpPr>
                <a:spLocks/>
              </p:cNvSpPr>
              <p:nvPr/>
            </p:nvSpPr>
            <p:spPr bwMode="auto">
              <a:xfrm>
                <a:off x="1153" y="3370"/>
                <a:ext cx="27" cy="25"/>
              </a:xfrm>
              <a:custGeom>
                <a:avLst/>
                <a:gdLst>
                  <a:gd name="T0" fmla="*/ 2 w 27"/>
                  <a:gd name="T1" fmla="*/ 0 h 25"/>
                  <a:gd name="T2" fmla="*/ 10 w 27"/>
                  <a:gd name="T3" fmla="*/ 1 h 25"/>
                  <a:gd name="T4" fmla="*/ 27 w 27"/>
                  <a:gd name="T5" fmla="*/ 20 h 25"/>
                  <a:gd name="T6" fmla="*/ 24 w 27"/>
                  <a:gd name="T7" fmla="*/ 25 h 25"/>
                  <a:gd name="T8" fmla="*/ 14 w 27"/>
                  <a:gd name="T9" fmla="*/ 16 h 25"/>
                  <a:gd name="T10" fmla="*/ 7 w 27"/>
                  <a:gd name="T11" fmla="*/ 15 h 25"/>
                  <a:gd name="T12" fmla="*/ 0 w 27"/>
                  <a:gd name="T13" fmla="*/ 6 h 25"/>
                  <a:gd name="T14" fmla="*/ 2 w 27"/>
                  <a:gd name="T15" fmla="*/ 0 h 2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7"/>
                  <a:gd name="T25" fmla="*/ 0 h 25"/>
                  <a:gd name="T26" fmla="*/ 27 w 27"/>
                  <a:gd name="T27" fmla="*/ 25 h 2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7" h="25">
                    <a:moveTo>
                      <a:pt x="2" y="0"/>
                    </a:moveTo>
                    <a:lnTo>
                      <a:pt x="10" y="1"/>
                    </a:lnTo>
                    <a:lnTo>
                      <a:pt x="27" y="20"/>
                    </a:lnTo>
                    <a:lnTo>
                      <a:pt x="24" y="25"/>
                    </a:lnTo>
                    <a:lnTo>
                      <a:pt x="14" y="16"/>
                    </a:lnTo>
                    <a:lnTo>
                      <a:pt x="7" y="15"/>
                    </a:lnTo>
                    <a:lnTo>
                      <a:pt x="0" y="6"/>
                    </a:lnTo>
                    <a:lnTo>
                      <a:pt x="2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81" name="Freeform 86"/>
              <p:cNvSpPr>
                <a:spLocks/>
              </p:cNvSpPr>
              <p:nvPr/>
            </p:nvSpPr>
            <p:spPr bwMode="auto">
              <a:xfrm>
                <a:off x="1153" y="3370"/>
                <a:ext cx="27" cy="25"/>
              </a:xfrm>
              <a:custGeom>
                <a:avLst/>
                <a:gdLst>
                  <a:gd name="T0" fmla="*/ 2 w 27"/>
                  <a:gd name="T1" fmla="*/ 0 h 25"/>
                  <a:gd name="T2" fmla="*/ 10 w 27"/>
                  <a:gd name="T3" fmla="*/ 1 h 25"/>
                  <a:gd name="T4" fmla="*/ 27 w 27"/>
                  <a:gd name="T5" fmla="*/ 20 h 25"/>
                  <a:gd name="T6" fmla="*/ 24 w 27"/>
                  <a:gd name="T7" fmla="*/ 25 h 25"/>
                  <a:gd name="T8" fmla="*/ 14 w 27"/>
                  <a:gd name="T9" fmla="*/ 16 h 25"/>
                  <a:gd name="T10" fmla="*/ 7 w 27"/>
                  <a:gd name="T11" fmla="*/ 15 h 25"/>
                  <a:gd name="T12" fmla="*/ 0 w 27"/>
                  <a:gd name="T13" fmla="*/ 6 h 25"/>
                  <a:gd name="T14" fmla="*/ 2 w 27"/>
                  <a:gd name="T15" fmla="*/ 0 h 2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7"/>
                  <a:gd name="T25" fmla="*/ 0 h 25"/>
                  <a:gd name="T26" fmla="*/ 27 w 27"/>
                  <a:gd name="T27" fmla="*/ 25 h 2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7" h="25">
                    <a:moveTo>
                      <a:pt x="2" y="0"/>
                    </a:moveTo>
                    <a:lnTo>
                      <a:pt x="10" y="1"/>
                    </a:lnTo>
                    <a:lnTo>
                      <a:pt x="27" y="20"/>
                    </a:lnTo>
                    <a:lnTo>
                      <a:pt x="24" y="25"/>
                    </a:lnTo>
                    <a:lnTo>
                      <a:pt x="14" y="16"/>
                    </a:lnTo>
                    <a:lnTo>
                      <a:pt x="7" y="15"/>
                    </a:lnTo>
                    <a:lnTo>
                      <a:pt x="0" y="6"/>
                    </a:lnTo>
                    <a:lnTo>
                      <a:pt x="2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82" name="Freeform 87"/>
              <p:cNvSpPr>
                <a:spLocks/>
              </p:cNvSpPr>
              <p:nvPr/>
            </p:nvSpPr>
            <p:spPr bwMode="auto">
              <a:xfrm>
                <a:off x="1175" y="3412"/>
                <a:ext cx="25" cy="20"/>
              </a:xfrm>
              <a:custGeom>
                <a:avLst/>
                <a:gdLst>
                  <a:gd name="T0" fmla="*/ 0 w 25"/>
                  <a:gd name="T1" fmla="*/ 2 h 20"/>
                  <a:gd name="T2" fmla="*/ 12 w 25"/>
                  <a:gd name="T3" fmla="*/ 2 h 20"/>
                  <a:gd name="T4" fmla="*/ 12 w 25"/>
                  <a:gd name="T5" fmla="*/ 12 h 20"/>
                  <a:gd name="T6" fmla="*/ 19 w 25"/>
                  <a:gd name="T7" fmla="*/ 10 h 20"/>
                  <a:gd name="T8" fmla="*/ 17 w 25"/>
                  <a:gd name="T9" fmla="*/ 0 h 20"/>
                  <a:gd name="T10" fmla="*/ 19 w 25"/>
                  <a:gd name="T11" fmla="*/ 0 h 20"/>
                  <a:gd name="T12" fmla="*/ 20 w 25"/>
                  <a:gd name="T13" fmla="*/ 2 h 20"/>
                  <a:gd name="T14" fmla="*/ 22 w 25"/>
                  <a:gd name="T15" fmla="*/ 3 h 20"/>
                  <a:gd name="T16" fmla="*/ 24 w 25"/>
                  <a:gd name="T17" fmla="*/ 5 h 20"/>
                  <a:gd name="T18" fmla="*/ 25 w 25"/>
                  <a:gd name="T19" fmla="*/ 8 h 20"/>
                  <a:gd name="T20" fmla="*/ 25 w 25"/>
                  <a:gd name="T21" fmla="*/ 12 h 20"/>
                  <a:gd name="T22" fmla="*/ 24 w 25"/>
                  <a:gd name="T23" fmla="*/ 15 h 20"/>
                  <a:gd name="T24" fmla="*/ 22 w 25"/>
                  <a:gd name="T25" fmla="*/ 20 h 20"/>
                  <a:gd name="T26" fmla="*/ 20 w 25"/>
                  <a:gd name="T27" fmla="*/ 20 h 20"/>
                  <a:gd name="T28" fmla="*/ 19 w 25"/>
                  <a:gd name="T29" fmla="*/ 20 h 20"/>
                  <a:gd name="T30" fmla="*/ 17 w 25"/>
                  <a:gd name="T31" fmla="*/ 20 h 20"/>
                  <a:gd name="T32" fmla="*/ 14 w 25"/>
                  <a:gd name="T33" fmla="*/ 18 h 20"/>
                  <a:gd name="T34" fmla="*/ 12 w 25"/>
                  <a:gd name="T35" fmla="*/ 18 h 20"/>
                  <a:gd name="T36" fmla="*/ 10 w 25"/>
                  <a:gd name="T37" fmla="*/ 18 h 20"/>
                  <a:gd name="T38" fmla="*/ 9 w 25"/>
                  <a:gd name="T39" fmla="*/ 18 h 20"/>
                  <a:gd name="T40" fmla="*/ 9 w 25"/>
                  <a:gd name="T41" fmla="*/ 18 h 20"/>
                  <a:gd name="T42" fmla="*/ 2 w 25"/>
                  <a:gd name="T43" fmla="*/ 10 h 20"/>
                  <a:gd name="T44" fmla="*/ 0 w 25"/>
                  <a:gd name="T45" fmla="*/ 2 h 20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w 25"/>
                  <a:gd name="T70" fmla="*/ 0 h 20"/>
                  <a:gd name="T71" fmla="*/ 25 w 25"/>
                  <a:gd name="T72" fmla="*/ 20 h 20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T69" t="T70" r="T71" b="T72"/>
                <a:pathLst>
                  <a:path w="25" h="20">
                    <a:moveTo>
                      <a:pt x="0" y="2"/>
                    </a:moveTo>
                    <a:lnTo>
                      <a:pt x="12" y="2"/>
                    </a:lnTo>
                    <a:lnTo>
                      <a:pt x="12" y="12"/>
                    </a:lnTo>
                    <a:lnTo>
                      <a:pt x="19" y="10"/>
                    </a:lnTo>
                    <a:lnTo>
                      <a:pt x="17" y="0"/>
                    </a:lnTo>
                    <a:lnTo>
                      <a:pt x="19" y="0"/>
                    </a:lnTo>
                    <a:lnTo>
                      <a:pt x="20" y="2"/>
                    </a:lnTo>
                    <a:lnTo>
                      <a:pt x="22" y="3"/>
                    </a:lnTo>
                    <a:lnTo>
                      <a:pt x="24" y="5"/>
                    </a:lnTo>
                    <a:lnTo>
                      <a:pt x="25" y="8"/>
                    </a:lnTo>
                    <a:lnTo>
                      <a:pt x="25" y="12"/>
                    </a:lnTo>
                    <a:lnTo>
                      <a:pt x="24" y="15"/>
                    </a:lnTo>
                    <a:lnTo>
                      <a:pt x="22" y="20"/>
                    </a:lnTo>
                    <a:lnTo>
                      <a:pt x="20" y="20"/>
                    </a:lnTo>
                    <a:lnTo>
                      <a:pt x="19" y="20"/>
                    </a:lnTo>
                    <a:lnTo>
                      <a:pt x="17" y="20"/>
                    </a:lnTo>
                    <a:lnTo>
                      <a:pt x="14" y="18"/>
                    </a:lnTo>
                    <a:lnTo>
                      <a:pt x="12" y="18"/>
                    </a:lnTo>
                    <a:lnTo>
                      <a:pt x="10" y="18"/>
                    </a:lnTo>
                    <a:lnTo>
                      <a:pt x="9" y="18"/>
                    </a:lnTo>
                    <a:lnTo>
                      <a:pt x="2" y="10"/>
                    </a:lnTo>
                    <a:lnTo>
                      <a:pt x="0" y="2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83" name="Freeform 88"/>
              <p:cNvSpPr>
                <a:spLocks/>
              </p:cNvSpPr>
              <p:nvPr/>
            </p:nvSpPr>
            <p:spPr bwMode="auto">
              <a:xfrm>
                <a:off x="1175" y="3412"/>
                <a:ext cx="25" cy="20"/>
              </a:xfrm>
              <a:custGeom>
                <a:avLst/>
                <a:gdLst>
                  <a:gd name="T0" fmla="*/ 0 w 25"/>
                  <a:gd name="T1" fmla="*/ 2 h 20"/>
                  <a:gd name="T2" fmla="*/ 12 w 25"/>
                  <a:gd name="T3" fmla="*/ 2 h 20"/>
                  <a:gd name="T4" fmla="*/ 12 w 25"/>
                  <a:gd name="T5" fmla="*/ 12 h 20"/>
                  <a:gd name="T6" fmla="*/ 19 w 25"/>
                  <a:gd name="T7" fmla="*/ 10 h 20"/>
                  <a:gd name="T8" fmla="*/ 17 w 25"/>
                  <a:gd name="T9" fmla="*/ 0 h 20"/>
                  <a:gd name="T10" fmla="*/ 17 w 25"/>
                  <a:gd name="T11" fmla="*/ 0 h 20"/>
                  <a:gd name="T12" fmla="*/ 19 w 25"/>
                  <a:gd name="T13" fmla="*/ 0 h 20"/>
                  <a:gd name="T14" fmla="*/ 20 w 25"/>
                  <a:gd name="T15" fmla="*/ 2 h 20"/>
                  <a:gd name="T16" fmla="*/ 22 w 25"/>
                  <a:gd name="T17" fmla="*/ 3 h 20"/>
                  <a:gd name="T18" fmla="*/ 24 w 25"/>
                  <a:gd name="T19" fmla="*/ 5 h 20"/>
                  <a:gd name="T20" fmla="*/ 25 w 25"/>
                  <a:gd name="T21" fmla="*/ 8 h 20"/>
                  <a:gd name="T22" fmla="*/ 25 w 25"/>
                  <a:gd name="T23" fmla="*/ 12 h 20"/>
                  <a:gd name="T24" fmla="*/ 24 w 25"/>
                  <a:gd name="T25" fmla="*/ 15 h 20"/>
                  <a:gd name="T26" fmla="*/ 22 w 25"/>
                  <a:gd name="T27" fmla="*/ 20 h 20"/>
                  <a:gd name="T28" fmla="*/ 22 w 25"/>
                  <a:gd name="T29" fmla="*/ 20 h 20"/>
                  <a:gd name="T30" fmla="*/ 20 w 25"/>
                  <a:gd name="T31" fmla="*/ 20 h 20"/>
                  <a:gd name="T32" fmla="*/ 19 w 25"/>
                  <a:gd name="T33" fmla="*/ 20 h 20"/>
                  <a:gd name="T34" fmla="*/ 17 w 25"/>
                  <a:gd name="T35" fmla="*/ 20 h 20"/>
                  <a:gd name="T36" fmla="*/ 14 w 25"/>
                  <a:gd name="T37" fmla="*/ 18 h 20"/>
                  <a:gd name="T38" fmla="*/ 12 w 25"/>
                  <a:gd name="T39" fmla="*/ 18 h 20"/>
                  <a:gd name="T40" fmla="*/ 10 w 25"/>
                  <a:gd name="T41" fmla="*/ 18 h 20"/>
                  <a:gd name="T42" fmla="*/ 9 w 25"/>
                  <a:gd name="T43" fmla="*/ 18 h 20"/>
                  <a:gd name="T44" fmla="*/ 9 w 25"/>
                  <a:gd name="T45" fmla="*/ 18 h 20"/>
                  <a:gd name="T46" fmla="*/ 2 w 25"/>
                  <a:gd name="T47" fmla="*/ 10 h 20"/>
                  <a:gd name="T48" fmla="*/ 0 w 25"/>
                  <a:gd name="T49" fmla="*/ 2 h 20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25"/>
                  <a:gd name="T76" fmla="*/ 0 h 20"/>
                  <a:gd name="T77" fmla="*/ 25 w 25"/>
                  <a:gd name="T78" fmla="*/ 20 h 20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25" h="20">
                    <a:moveTo>
                      <a:pt x="0" y="2"/>
                    </a:moveTo>
                    <a:lnTo>
                      <a:pt x="12" y="2"/>
                    </a:lnTo>
                    <a:lnTo>
                      <a:pt x="12" y="12"/>
                    </a:lnTo>
                    <a:lnTo>
                      <a:pt x="19" y="10"/>
                    </a:lnTo>
                    <a:lnTo>
                      <a:pt x="17" y="0"/>
                    </a:lnTo>
                    <a:lnTo>
                      <a:pt x="19" y="0"/>
                    </a:lnTo>
                    <a:lnTo>
                      <a:pt x="20" y="2"/>
                    </a:lnTo>
                    <a:lnTo>
                      <a:pt x="22" y="3"/>
                    </a:lnTo>
                    <a:lnTo>
                      <a:pt x="24" y="5"/>
                    </a:lnTo>
                    <a:lnTo>
                      <a:pt x="25" y="8"/>
                    </a:lnTo>
                    <a:lnTo>
                      <a:pt x="25" y="12"/>
                    </a:lnTo>
                    <a:lnTo>
                      <a:pt x="24" y="15"/>
                    </a:lnTo>
                    <a:lnTo>
                      <a:pt x="22" y="20"/>
                    </a:lnTo>
                    <a:lnTo>
                      <a:pt x="20" y="20"/>
                    </a:lnTo>
                    <a:lnTo>
                      <a:pt x="19" y="20"/>
                    </a:lnTo>
                    <a:lnTo>
                      <a:pt x="17" y="20"/>
                    </a:lnTo>
                    <a:lnTo>
                      <a:pt x="14" y="18"/>
                    </a:lnTo>
                    <a:lnTo>
                      <a:pt x="12" y="18"/>
                    </a:lnTo>
                    <a:lnTo>
                      <a:pt x="10" y="18"/>
                    </a:lnTo>
                    <a:lnTo>
                      <a:pt x="9" y="18"/>
                    </a:lnTo>
                    <a:lnTo>
                      <a:pt x="2" y="10"/>
                    </a:lnTo>
                    <a:lnTo>
                      <a:pt x="0" y="2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84" name="Freeform 89"/>
              <p:cNvSpPr>
                <a:spLocks/>
              </p:cNvSpPr>
              <p:nvPr/>
            </p:nvSpPr>
            <p:spPr bwMode="auto">
              <a:xfrm>
                <a:off x="1126" y="3351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3 h 10"/>
                  <a:gd name="T4" fmla="*/ 0 w 8"/>
                  <a:gd name="T5" fmla="*/ 2 h 10"/>
                  <a:gd name="T6" fmla="*/ 2 w 8"/>
                  <a:gd name="T7" fmla="*/ 0 h 10"/>
                  <a:gd name="T8" fmla="*/ 3 w 8"/>
                  <a:gd name="T9" fmla="*/ 0 h 10"/>
                  <a:gd name="T10" fmla="*/ 5 w 8"/>
                  <a:gd name="T11" fmla="*/ 0 h 10"/>
                  <a:gd name="T12" fmla="*/ 7 w 8"/>
                  <a:gd name="T13" fmla="*/ 2 h 10"/>
                  <a:gd name="T14" fmla="*/ 7 w 8"/>
                  <a:gd name="T15" fmla="*/ 3 h 10"/>
                  <a:gd name="T16" fmla="*/ 8 w 8"/>
                  <a:gd name="T17" fmla="*/ 5 h 10"/>
                  <a:gd name="T18" fmla="*/ 7 w 8"/>
                  <a:gd name="T19" fmla="*/ 7 h 10"/>
                  <a:gd name="T20" fmla="*/ 7 w 8"/>
                  <a:gd name="T21" fmla="*/ 8 h 10"/>
                  <a:gd name="T22" fmla="*/ 5 w 8"/>
                  <a:gd name="T23" fmla="*/ 10 h 10"/>
                  <a:gd name="T24" fmla="*/ 3 w 8"/>
                  <a:gd name="T25" fmla="*/ 10 h 10"/>
                  <a:gd name="T26" fmla="*/ 2 w 8"/>
                  <a:gd name="T27" fmla="*/ 10 h 10"/>
                  <a:gd name="T28" fmla="*/ 0 w 8"/>
                  <a:gd name="T29" fmla="*/ 8 h 10"/>
                  <a:gd name="T30" fmla="*/ 0 w 8"/>
                  <a:gd name="T31" fmla="*/ 7 h 10"/>
                  <a:gd name="T32" fmla="*/ 0 w 8"/>
                  <a:gd name="T33" fmla="*/ 5 h 1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8"/>
                  <a:gd name="T52" fmla="*/ 0 h 10"/>
                  <a:gd name="T53" fmla="*/ 8 w 8"/>
                  <a:gd name="T54" fmla="*/ 10 h 10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8" h="10">
                    <a:moveTo>
                      <a:pt x="0" y="5"/>
                    </a:moveTo>
                    <a:lnTo>
                      <a:pt x="0" y="3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2"/>
                    </a:lnTo>
                    <a:lnTo>
                      <a:pt x="7" y="3"/>
                    </a:lnTo>
                    <a:lnTo>
                      <a:pt x="8" y="5"/>
                    </a:lnTo>
                    <a:lnTo>
                      <a:pt x="7" y="7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85" name="Freeform 90"/>
              <p:cNvSpPr>
                <a:spLocks/>
              </p:cNvSpPr>
              <p:nvPr/>
            </p:nvSpPr>
            <p:spPr bwMode="auto">
              <a:xfrm>
                <a:off x="1126" y="3351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5 h 10"/>
                  <a:gd name="T4" fmla="*/ 0 w 8"/>
                  <a:gd name="T5" fmla="*/ 3 h 10"/>
                  <a:gd name="T6" fmla="*/ 0 w 8"/>
                  <a:gd name="T7" fmla="*/ 2 h 10"/>
                  <a:gd name="T8" fmla="*/ 2 w 8"/>
                  <a:gd name="T9" fmla="*/ 0 h 10"/>
                  <a:gd name="T10" fmla="*/ 3 w 8"/>
                  <a:gd name="T11" fmla="*/ 0 h 10"/>
                  <a:gd name="T12" fmla="*/ 3 w 8"/>
                  <a:gd name="T13" fmla="*/ 0 h 10"/>
                  <a:gd name="T14" fmla="*/ 5 w 8"/>
                  <a:gd name="T15" fmla="*/ 0 h 10"/>
                  <a:gd name="T16" fmla="*/ 7 w 8"/>
                  <a:gd name="T17" fmla="*/ 2 h 10"/>
                  <a:gd name="T18" fmla="*/ 7 w 8"/>
                  <a:gd name="T19" fmla="*/ 3 h 10"/>
                  <a:gd name="T20" fmla="*/ 8 w 8"/>
                  <a:gd name="T21" fmla="*/ 5 h 10"/>
                  <a:gd name="T22" fmla="*/ 8 w 8"/>
                  <a:gd name="T23" fmla="*/ 5 h 10"/>
                  <a:gd name="T24" fmla="*/ 7 w 8"/>
                  <a:gd name="T25" fmla="*/ 7 h 10"/>
                  <a:gd name="T26" fmla="*/ 7 w 8"/>
                  <a:gd name="T27" fmla="*/ 8 h 10"/>
                  <a:gd name="T28" fmla="*/ 5 w 8"/>
                  <a:gd name="T29" fmla="*/ 10 h 10"/>
                  <a:gd name="T30" fmla="*/ 3 w 8"/>
                  <a:gd name="T31" fmla="*/ 10 h 10"/>
                  <a:gd name="T32" fmla="*/ 3 w 8"/>
                  <a:gd name="T33" fmla="*/ 10 h 10"/>
                  <a:gd name="T34" fmla="*/ 2 w 8"/>
                  <a:gd name="T35" fmla="*/ 10 h 10"/>
                  <a:gd name="T36" fmla="*/ 0 w 8"/>
                  <a:gd name="T37" fmla="*/ 8 h 10"/>
                  <a:gd name="T38" fmla="*/ 0 w 8"/>
                  <a:gd name="T39" fmla="*/ 7 h 10"/>
                  <a:gd name="T40" fmla="*/ 0 w 8"/>
                  <a:gd name="T41" fmla="*/ 5 h 1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8"/>
                  <a:gd name="T64" fmla="*/ 0 h 10"/>
                  <a:gd name="T65" fmla="*/ 8 w 8"/>
                  <a:gd name="T66" fmla="*/ 10 h 10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8" h="10">
                    <a:moveTo>
                      <a:pt x="0" y="5"/>
                    </a:moveTo>
                    <a:lnTo>
                      <a:pt x="0" y="5"/>
                    </a:lnTo>
                    <a:lnTo>
                      <a:pt x="0" y="3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2"/>
                    </a:lnTo>
                    <a:lnTo>
                      <a:pt x="7" y="3"/>
                    </a:lnTo>
                    <a:lnTo>
                      <a:pt x="8" y="5"/>
                    </a:lnTo>
                    <a:lnTo>
                      <a:pt x="7" y="7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86" name="Freeform 91"/>
              <p:cNvSpPr>
                <a:spLocks/>
              </p:cNvSpPr>
              <p:nvPr/>
            </p:nvSpPr>
            <p:spPr bwMode="auto">
              <a:xfrm>
                <a:off x="1138" y="3351"/>
                <a:ext cx="10" cy="10"/>
              </a:xfrm>
              <a:custGeom>
                <a:avLst/>
                <a:gdLst>
                  <a:gd name="T0" fmla="*/ 0 w 10"/>
                  <a:gd name="T1" fmla="*/ 5 h 10"/>
                  <a:gd name="T2" fmla="*/ 0 w 10"/>
                  <a:gd name="T3" fmla="*/ 2 h 10"/>
                  <a:gd name="T4" fmla="*/ 2 w 10"/>
                  <a:gd name="T5" fmla="*/ 0 h 10"/>
                  <a:gd name="T6" fmla="*/ 3 w 10"/>
                  <a:gd name="T7" fmla="*/ 0 h 10"/>
                  <a:gd name="T8" fmla="*/ 5 w 10"/>
                  <a:gd name="T9" fmla="*/ 0 h 10"/>
                  <a:gd name="T10" fmla="*/ 7 w 10"/>
                  <a:gd name="T11" fmla="*/ 0 h 10"/>
                  <a:gd name="T12" fmla="*/ 8 w 10"/>
                  <a:gd name="T13" fmla="*/ 0 h 10"/>
                  <a:gd name="T14" fmla="*/ 8 w 10"/>
                  <a:gd name="T15" fmla="*/ 2 h 10"/>
                  <a:gd name="T16" fmla="*/ 10 w 10"/>
                  <a:gd name="T17" fmla="*/ 5 h 10"/>
                  <a:gd name="T18" fmla="*/ 8 w 10"/>
                  <a:gd name="T19" fmla="*/ 7 h 10"/>
                  <a:gd name="T20" fmla="*/ 8 w 10"/>
                  <a:gd name="T21" fmla="*/ 8 h 10"/>
                  <a:gd name="T22" fmla="*/ 7 w 10"/>
                  <a:gd name="T23" fmla="*/ 10 h 10"/>
                  <a:gd name="T24" fmla="*/ 5 w 10"/>
                  <a:gd name="T25" fmla="*/ 10 h 10"/>
                  <a:gd name="T26" fmla="*/ 3 w 10"/>
                  <a:gd name="T27" fmla="*/ 10 h 10"/>
                  <a:gd name="T28" fmla="*/ 2 w 10"/>
                  <a:gd name="T29" fmla="*/ 8 h 10"/>
                  <a:gd name="T30" fmla="*/ 0 w 10"/>
                  <a:gd name="T31" fmla="*/ 7 h 10"/>
                  <a:gd name="T32" fmla="*/ 0 w 10"/>
                  <a:gd name="T33" fmla="*/ 5 h 1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0"/>
                  <a:gd name="T52" fmla="*/ 0 h 10"/>
                  <a:gd name="T53" fmla="*/ 10 w 10"/>
                  <a:gd name="T54" fmla="*/ 10 h 10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0" h="10">
                    <a:moveTo>
                      <a:pt x="0" y="5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8" y="0"/>
                    </a:lnTo>
                    <a:lnTo>
                      <a:pt x="8" y="2"/>
                    </a:lnTo>
                    <a:lnTo>
                      <a:pt x="10" y="5"/>
                    </a:lnTo>
                    <a:lnTo>
                      <a:pt x="8" y="7"/>
                    </a:lnTo>
                    <a:lnTo>
                      <a:pt x="8" y="8"/>
                    </a:lnTo>
                    <a:lnTo>
                      <a:pt x="7" y="10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8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87" name="Freeform 92"/>
              <p:cNvSpPr>
                <a:spLocks/>
              </p:cNvSpPr>
              <p:nvPr/>
            </p:nvSpPr>
            <p:spPr bwMode="auto">
              <a:xfrm>
                <a:off x="1138" y="3351"/>
                <a:ext cx="10" cy="10"/>
              </a:xfrm>
              <a:custGeom>
                <a:avLst/>
                <a:gdLst>
                  <a:gd name="T0" fmla="*/ 0 w 10"/>
                  <a:gd name="T1" fmla="*/ 5 h 10"/>
                  <a:gd name="T2" fmla="*/ 0 w 10"/>
                  <a:gd name="T3" fmla="*/ 5 h 10"/>
                  <a:gd name="T4" fmla="*/ 0 w 10"/>
                  <a:gd name="T5" fmla="*/ 2 h 10"/>
                  <a:gd name="T6" fmla="*/ 2 w 10"/>
                  <a:gd name="T7" fmla="*/ 0 h 10"/>
                  <a:gd name="T8" fmla="*/ 3 w 10"/>
                  <a:gd name="T9" fmla="*/ 0 h 10"/>
                  <a:gd name="T10" fmla="*/ 5 w 10"/>
                  <a:gd name="T11" fmla="*/ 0 h 10"/>
                  <a:gd name="T12" fmla="*/ 5 w 10"/>
                  <a:gd name="T13" fmla="*/ 0 h 10"/>
                  <a:gd name="T14" fmla="*/ 7 w 10"/>
                  <a:gd name="T15" fmla="*/ 0 h 10"/>
                  <a:gd name="T16" fmla="*/ 8 w 10"/>
                  <a:gd name="T17" fmla="*/ 0 h 10"/>
                  <a:gd name="T18" fmla="*/ 8 w 10"/>
                  <a:gd name="T19" fmla="*/ 2 h 10"/>
                  <a:gd name="T20" fmla="*/ 10 w 10"/>
                  <a:gd name="T21" fmla="*/ 5 h 10"/>
                  <a:gd name="T22" fmla="*/ 10 w 10"/>
                  <a:gd name="T23" fmla="*/ 5 h 10"/>
                  <a:gd name="T24" fmla="*/ 8 w 10"/>
                  <a:gd name="T25" fmla="*/ 7 h 10"/>
                  <a:gd name="T26" fmla="*/ 8 w 10"/>
                  <a:gd name="T27" fmla="*/ 8 h 10"/>
                  <a:gd name="T28" fmla="*/ 7 w 10"/>
                  <a:gd name="T29" fmla="*/ 10 h 10"/>
                  <a:gd name="T30" fmla="*/ 5 w 10"/>
                  <a:gd name="T31" fmla="*/ 10 h 10"/>
                  <a:gd name="T32" fmla="*/ 5 w 10"/>
                  <a:gd name="T33" fmla="*/ 10 h 10"/>
                  <a:gd name="T34" fmla="*/ 3 w 10"/>
                  <a:gd name="T35" fmla="*/ 10 h 10"/>
                  <a:gd name="T36" fmla="*/ 2 w 10"/>
                  <a:gd name="T37" fmla="*/ 8 h 10"/>
                  <a:gd name="T38" fmla="*/ 0 w 10"/>
                  <a:gd name="T39" fmla="*/ 7 h 10"/>
                  <a:gd name="T40" fmla="*/ 0 w 10"/>
                  <a:gd name="T41" fmla="*/ 5 h 1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0"/>
                  <a:gd name="T64" fmla="*/ 0 h 10"/>
                  <a:gd name="T65" fmla="*/ 10 w 10"/>
                  <a:gd name="T66" fmla="*/ 10 h 10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0" h="10">
                    <a:moveTo>
                      <a:pt x="0" y="5"/>
                    </a:moveTo>
                    <a:lnTo>
                      <a:pt x="0" y="5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8" y="0"/>
                    </a:lnTo>
                    <a:lnTo>
                      <a:pt x="8" y="2"/>
                    </a:lnTo>
                    <a:lnTo>
                      <a:pt x="10" y="5"/>
                    </a:lnTo>
                    <a:lnTo>
                      <a:pt x="8" y="7"/>
                    </a:lnTo>
                    <a:lnTo>
                      <a:pt x="8" y="8"/>
                    </a:lnTo>
                    <a:lnTo>
                      <a:pt x="7" y="10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8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88" name="Freeform 93"/>
              <p:cNvSpPr>
                <a:spLocks/>
              </p:cNvSpPr>
              <p:nvPr/>
            </p:nvSpPr>
            <p:spPr bwMode="auto">
              <a:xfrm>
                <a:off x="828" y="3395"/>
                <a:ext cx="36" cy="29"/>
              </a:xfrm>
              <a:custGeom>
                <a:avLst/>
                <a:gdLst>
                  <a:gd name="T0" fmla="*/ 32 w 36"/>
                  <a:gd name="T1" fmla="*/ 0 h 29"/>
                  <a:gd name="T2" fmla="*/ 22 w 36"/>
                  <a:gd name="T3" fmla="*/ 2 h 29"/>
                  <a:gd name="T4" fmla="*/ 15 w 36"/>
                  <a:gd name="T5" fmla="*/ 5 h 29"/>
                  <a:gd name="T6" fmla="*/ 17 w 36"/>
                  <a:gd name="T7" fmla="*/ 12 h 29"/>
                  <a:gd name="T8" fmla="*/ 12 w 36"/>
                  <a:gd name="T9" fmla="*/ 17 h 29"/>
                  <a:gd name="T10" fmla="*/ 5 w 36"/>
                  <a:gd name="T11" fmla="*/ 8 h 29"/>
                  <a:gd name="T12" fmla="*/ 0 w 36"/>
                  <a:gd name="T13" fmla="*/ 19 h 29"/>
                  <a:gd name="T14" fmla="*/ 5 w 36"/>
                  <a:gd name="T15" fmla="*/ 29 h 29"/>
                  <a:gd name="T16" fmla="*/ 19 w 36"/>
                  <a:gd name="T17" fmla="*/ 22 h 29"/>
                  <a:gd name="T18" fmla="*/ 27 w 36"/>
                  <a:gd name="T19" fmla="*/ 12 h 29"/>
                  <a:gd name="T20" fmla="*/ 36 w 36"/>
                  <a:gd name="T21" fmla="*/ 12 h 29"/>
                  <a:gd name="T22" fmla="*/ 34 w 36"/>
                  <a:gd name="T23" fmla="*/ 5 h 29"/>
                  <a:gd name="T24" fmla="*/ 32 w 36"/>
                  <a:gd name="T25" fmla="*/ 0 h 29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w 36"/>
                  <a:gd name="T40" fmla="*/ 0 h 29"/>
                  <a:gd name="T41" fmla="*/ 36 w 36"/>
                  <a:gd name="T42" fmla="*/ 29 h 29"/>
                </a:gdLst>
                <a:ahLst/>
                <a:cxnLst>
                  <a:cxn ang="T26">
                    <a:pos x="T0" y="T1"/>
                  </a:cxn>
                  <a:cxn ang="T27">
                    <a:pos x="T2" y="T3"/>
                  </a:cxn>
                  <a:cxn ang="T28">
                    <a:pos x="T4" y="T5"/>
                  </a:cxn>
                  <a:cxn ang="T29">
                    <a:pos x="T6" y="T7"/>
                  </a:cxn>
                  <a:cxn ang="T30">
                    <a:pos x="T8" y="T9"/>
                  </a:cxn>
                  <a:cxn ang="T31">
                    <a:pos x="T10" y="T11"/>
                  </a:cxn>
                  <a:cxn ang="T32">
                    <a:pos x="T12" y="T13"/>
                  </a:cxn>
                  <a:cxn ang="T33">
                    <a:pos x="T14" y="T15"/>
                  </a:cxn>
                  <a:cxn ang="T34">
                    <a:pos x="T16" y="T17"/>
                  </a:cxn>
                  <a:cxn ang="T35">
                    <a:pos x="T18" y="T19"/>
                  </a:cxn>
                  <a:cxn ang="T36">
                    <a:pos x="T20" y="T21"/>
                  </a:cxn>
                  <a:cxn ang="T37">
                    <a:pos x="T22" y="T23"/>
                  </a:cxn>
                  <a:cxn ang="T38">
                    <a:pos x="T24" y="T25"/>
                  </a:cxn>
                </a:cxnLst>
                <a:rect l="T39" t="T40" r="T41" b="T42"/>
                <a:pathLst>
                  <a:path w="36" h="29">
                    <a:moveTo>
                      <a:pt x="32" y="0"/>
                    </a:moveTo>
                    <a:lnTo>
                      <a:pt x="22" y="2"/>
                    </a:lnTo>
                    <a:lnTo>
                      <a:pt x="15" y="5"/>
                    </a:lnTo>
                    <a:lnTo>
                      <a:pt x="17" y="12"/>
                    </a:lnTo>
                    <a:lnTo>
                      <a:pt x="12" y="17"/>
                    </a:lnTo>
                    <a:lnTo>
                      <a:pt x="5" y="8"/>
                    </a:lnTo>
                    <a:lnTo>
                      <a:pt x="0" y="19"/>
                    </a:lnTo>
                    <a:lnTo>
                      <a:pt x="5" y="29"/>
                    </a:lnTo>
                    <a:lnTo>
                      <a:pt x="19" y="22"/>
                    </a:lnTo>
                    <a:lnTo>
                      <a:pt x="27" y="12"/>
                    </a:lnTo>
                    <a:lnTo>
                      <a:pt x="36" y="12"/>
                    </a:lnTo>
                    <a:lnTo>
                      <a:pt x="34" y="5"/>
                    </a:lnTo>
                    <a:lnTo>
                      <a:pt x="32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89" name="Freeform 94"/>
              <p:cNvSpPr>
                <a:spLocks/>
              </p:cNvSpPr>
              <p:nvPr/>
            </p:nvSpPr>
            <p:spPr bwMode="auto">
              <a:xfrm>
                <a:off x="828" y="3395"/>
                <a:ext cx="36" cy="29"/>
              </a:xfrm>
              <a:custGeom>
                <a:avLst/>
                <a:gdLst>
                  <a:gd name="T0" fmla="*/ 32 w 36"/>
                  <a:gd name="T1" fmla="*/ 0 h 29"/>
                  <a:gd name="T2" fmla="*/ 22 w 36"/>
                  <a:gd name="T3" fmla="*/ 2 h 29"/>
                  <a:gd name="T4" fmla="*/ 15 w 36"/>
                  <a:gd name="T5" fmla="*/ 5 h 29"/>
                  <a:gd name="T6" fmla="*/ 17 w 36"/>
                  <a:gd name="T7" fmla="*/ 12 h 29"/>
                  <a:gd name="T8" fmla="*/ 12 w 36"/>
                  <a:gd name="T9" fmla="*/ 17 h 29"/>
                  <a:gd name="T10" fmla="*/ 5 w 36"/>
                  <a:gd name="T11" fmla="*/ 8 h 29"/>
                  <a:gd name="T12" fmla="*/ 0 w 36"/>
                  <a:gd name="T13" fmla="*/ 19 h 29"/>
                  <a:gd name="T14" fmla="*/ 5 w 36"/>
                  <a:gd name="T15" fmla="*/ 29 h 29"/>
                  <a:gd name="T16" fmla="*/ 19 w 36"/>
                  <a:gd name="T17" fmla="*/ 22 h 29"/>
                  <a:gd name="T18" fmla="*/ 27 w 36"/>
                  <a:gd name="T19" fmla="*/ 12 h 29"/>
                  <a:gd name="T20" fmla="*/ 36 w 36"/>
                  <a:gd name="T21" fmla="*/ 12 h 29"/>
                  <a:gd name="T22" fmla="*/ 34 w 36"/>
                  <a:gd name="T23" fmla="*/ 5 h 29"/>
                  <a:gd name="T24" fmla="*/ 32 w 36"/>
                  <a:gd name="T25" fmla="*/ 0 h 29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w 36"/>
                  <a:gd name="T40" fmla="*/ 0 h 29"/>
                  <a:gd name="T41" fmla="*/ 36 w 36"/>
                  <a:gd name="T42" fmla="*/ 29 h 29"/>
                </a:gdLst>
                <a:ahLst/>
                <a:cxnLst>
                  <a:cxn ang="T26">
                    <a:pos x="T0" y="T1"/>
                  </a:cxn>
                  <a:cxn ang="T27">
                    <a:pos x="T2" y="T3"/>
                  </a:cxn>
                  <a:cxn ang="T28">
                    <a:pos x="T4" y="T5"/>
                  </a:cxn>
                  <a:cxn ang="T29">
                    <a:pos x="T6" y="T7"/>
                  </a:cxn>
                  <a:cxn ang="T30">
                    <a:pos x="T8" y="T9"/>
                  </a:cxn>
                  <a:cxn ang="T31">
                    <a:pos x="T10" y="T11"/>
                  </a:cxn>
                  <a:cxn ang="T32">
                    <a:pos x="T12" y="T13"/>
                  </a:cxn>
                  <a:cxn ang="T33">
                    <a:pos x="T14" y="T15"/>
                  </a:cxn>
                  <a:cxn ang="T34">
                    <a:pos x="T16" y="T17"/>
                  </a:cxn>
                  <a:cxn ang="T35">
                    <a:pos x="T18" y="T19"/>
                  </a:cxn>
                  <a:cxn ang="T36">
                    <a:pos x="T20" y="T21"/>
                  </a:cxn>
                  <a:cxn ang="T37">
                    <a:pos x="T22" y="T23"/>
                  </a:cxn>
                  <a:cxn ang="T38">
                    <a:pos x="T24" y="T25"/>
                  </a:cxn>
                </a:cxnLst>
                <a:rect l="T39" t="T40" r="T41" b="T42"/>
                <a:pathLst>
                  <a:path w="36" h="29">
                    <a:moveTo>
                      <a:pt x="32" y="0"/>
                    </a:moveTo>
                    <a:lnTo>
                      <a:pt x="22" y="2"/>
                    </a:lnTo>
                    <a:lnTo>
                      <a:pt x="15" y="5"/>
                    </a:lnTo>
                    <a:lnTo>
                      <a:pt x="17" y="12"/>
                    </a:lnTo>
                    <a:lnTo>
                      <a:pt x="12" y="17"/>
                    </a:lnTo>
                    <a:lnTo>
                      <a:pt x="5" y="8"/>
                    </a:lnTo>
                    <a:lnTo>
                      <a:pt x="0" y="19"/>
                    </a:lnTo>
                    <a:lnTo>
                      <a:pt x="5" y="29"/>
                    </a:lnTo>
                    <a:lnTo>
                      <a:pt x="19" y="22"/>
                    </a:lnTo>
                    <a:lnTo>
                      <a:pt x="27" y="12"/>
                    </a:lnTo>
                    <a:lnTo>
                      <a:pt x="36" y="12"/>
                    </a:lnTo>
                    <a:lnTo>
                      <a:pt x="34" y="5"/>
                    </a:lnTo>
                    <a:lnTo>
                      <a:pt x="32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90" name="Freeform 95"/>
              <p:cNvSpPr>
                <a:spLocks/>
              </p:cNvSpPr>
              <p:nvPr/>
            </p:nvSpPr>
            <p:spPr bwMode="auto">
              <a:xfrm>
                <a:off x="627" y="3507"/>
                <a:ext cx="20" cy="15"/>
              </a:xfrm>
              <a:custGeom>
                <a:avLst/>
                <a:gdLst>
                  <a:gd name="T0" fmla="*/ 8 w 20"/>
                  <a:gd name="T1" fmla="*/ 3 h 15"/>
                  <a:gd name="T2" fmla="*/ 15 w 20"/>
                  <a:gd name="T3" fmla="*/ 0 h 15"/>
                  <a:gd name="T4" fmla="*/ 20 w 20"/>
                  <a:gd name="T5" fmla="*/ 8 h 15"/>
                  <a:gd name="T6" fmla="*/ 7 w 20"/>
                  <a:gd name="T7" fmla="*/ 15 h 15"/>
                  <a:gd name="T8" fmla="*/ 0 w 20"/>
                  <a:gd name="T9" fmla="*/ 15 h 15"/>
                  <a:gd name="T10" fmla="*/ 5 w 20"/>
                  <a:gd name="T11" fmla="*/ 10 h 15"/>
                  <a:gd name="T12" fmla="*/ 13 w 20"/>
                  <a:gd name="T13" fmla="*/ 8 h 15"/>
                  <a:gd name="T14" fmla="*/ 8 w 20"/>
                  <a:gd name="T15" fmla="*/ 3 h 1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0"/>
                  <a:gd name="T25" fmla="*/ 0 h 15"/>
                  <a:gd name="T26" fmla="*/ 20 w 20"/>
                  <a:gd name="T27" fmla="*/ 15 h 1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0" h="15">
                    <a:moveTo>
                      <a:pt x="8" y="3"/>
                    </a:moveTo>
                    <a:lnTo>
                      <a:pt x="15" y="0"/>
                    </a:lnTo>
                    <a:lnTo>
                      <a:pt x="20" y="8"/>
                    </a:lnTo>
                    <a:lnTo>
                      <a:pt x="7" y="15"/>
                    </a:lnTo>
                    <a:lnTo>
                      <a:pt x="0" y="15"/>
                    </a:lnTo>
                    <a:lnTo>
                      <a:pt x="5" y="10"/>
                    </a:lnTo>
                    <a:lnTo>
                      <a:pt x="13" y="8"/>
                    </a:lnTo>
                    <a:lnTo>
                      <a:pt x="8" y="3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91" name="Freeform 96"/>
              <p:cNvSpPr>
                <a:spLocks/>
              </p:cNvSpPr>
              <p:nvPr/>
            </p:nvSpPr>
            <p:spPr bwMode="auto">
              <a:xfrm>
                <a:off x="627" y="3507"/>
                <a:ext cx="20" cy="15"/>
              </a:xfrm>
              <a:custGeom>
                <a:avLst/>
                <a:gdLst>
                  <a:gd name="T0" fmla="*/ 8 w 20"/>
                  <a:gd name="T1" fmla="*/ 3 h 15"/>
                  <a:gd name="T2" fmla="*/ 15 w 20"/>
                  <a:gd name="T3" fmla="*/ 0 h 15"/>
                  <a:gd name="T4" fmla="*/ 20 w 20"/>
                  <a:gd name="T5" fmla="*/ 8 h 15"/>
                  <a:gd name="T6" fmla="*/ 7 w 20"/>
                  <a:gd name="T7" fmla="*/ 15 h 15"/>
                  <a:gd name="T8" fmla="*/ 0 w 20"/>
                  <a:gd name="T9" fmla="*/ 15 h 15"/>
                  <a:gd name="T10" fmla="*/ 5 w 20"/>
                  <a:gd name="T11" fmla="*/ 10 h 15"/>
                  <a:gd name="T12" fmla="*/ 13 w 20"/>
                  <a:gd name="T13" fmla="*/ 8 h 15"/>
                  <a:gd name="T14" fmla="*/ 8 w 20"/>
                  <a:gd name="T15" fmla="*/ 3 h 1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0"/>
                  <a:gd name="T25" fmla="*/ 0 h 15"/>
                  <a:gd name="T26" fmla="*/ 20 w 20"/>
                  <a:gd name="T27" fmla="*/ 15 h 1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0" h="15">
                    <a:moveTo>
                      <a:pt x="8" y="3"/>
                    </a:moveTo>
                    <a:lnTo>
                      <a:pt x="15" y="0"/>
                    </a:lnTo>
                    <a:lnTo>
                      <a:pt x="20" y="8"/>
                    </a:lnTo>
                    <a:lnTo>
                      <a:pt x="7" y="15"/>
                    </a:lnTo>
                    <a:lnTo>
                      <a:pt x="0" y="15"/>
                    </a:lnTo>
                    <a:lnTo>
                      <a:pt x="5" y="10"/>
                    </a:lnTo>
                    <a:lnTo>
                      <a:pt x="13" y="8"/>
                    </a:lnTo>
                    <a:lnTo>
                      <a:pt x="8" y="3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92" name="Freeform 97"/>
              <p:cNvSpPr>
                <a:spLocks/>
              </p:cNvSpPr>
              <p:nvPr/>
            </p:nvSpPr>
            <p:spPr bwMode="auto">
              <a:xfrm>
                <a:off x="600" y="3513"/>
                <a:ext cx="23" cy="19"/>
              </a:xfrm>
              <a:custGeom>
                <a:avLst/>
                <a:gdLst>
                  <a:gd name="T0" fmla="*/ 0 w 23"/>
                  <a:gd name="T1" fmla="*/ 19 h 19"/>
                  <a:gd name="T2" fmla="*/ 0 w 23"/>
                  <a:gd name="T3" fmla="*/ 17 h 19"/>
                  <a:gd name="T4" fmla="*/ 0 w 23"/>
                  <a:gd name="T5" fmla="*/ 17 h 19"/>
                  <a:gd name="T6" fmla="*/ 1 w 23"/>
                  <a:gd name="T7" fmla="*/ 16 h 19"/>
                  <a:gd name="T8" fmla="*/ 1 w 23"/>
                  <a:gd name="T9" fmla="*/ 14 h 19"/>
                  <a:gd name="T10" fmla="*/ 3 w 23"/>
                  <a:gd name="T11" fmla="*/ 12 h 19"/>
                  <a:gd name="T12" fmla="*/ 5 w 23"/>
                  <a:gd name="T13" fmla="*/ 11 h 19"/>
                  <a:gd name="T14" fmla="*/ 6 w 23"/>
                  <a:gd name="T15" fmla="*/ 9 h 19"/>
                  <a:gd name="T16" fmla="*/ 8 w 23"/>
                  <a:gd name="T17" fmla="*/ 5 h 19"/>
                  <a:gd name="T18" fmla="*/ 12 w 23"/>
                  <a:gd name="T19" fmla="*/ 4 h 19"/>
                  <a:gd name="T20" fmla="*/ 13 w 23"/>
                  <a:gd name="T21" fmla="*/ 4 h 19"/>
                  <a:gd name="T22" fmla="*/ 15 w 23"/>
                  <a:gd name="T23" fmla="*/ 2 h 19"/>
                  <a:gd name="T24" fmla="*/ 18 w 23"/>
                  <a:gd name="T25" fmla="*/ 0 h 19"/>
                  <a:gd name="T26" fmla="*/ 18 w 23"/>
                  <a:gd name="T27" fmla="*/ 0 h 19"/>
                  <a:gd name="T28" fmla="*/ 20 w 23"/>
                  <a:gd name="T29" fmla="*/ 0 h 19"/>
                  <a:gd name="T30" fmla="*/ 22 w 23"/>
                  <a:gd name="T31" fmla="*/ 0 h 19"/>
                  <a:gd name="T32" fmla="*/ 22 w 23"/>
                  <a:gd name="T33" fmla="*/ 0 h 19"/>
                  <a:gd name="T34" fmla="*/ 23 w 23"/>
                  <a:gd name="T35" fmla="*/ 2 h 19"/>
                  <a:gd name="T36" fmla="*/ 22 w 23"/>
                  <a:gd name="T37" fmla="*/ 4 h 19"/>
                  <a:gd name="T38" fmla="*/ 22 w 23"/>
                  <a:gd name="T39" fmla="*/ 4 h 19"/>
                  <a:gd name="T40" fmla="*/ 20 w 23"/>
                  <a:gd name="T41" fmla="*/ 5 h 19"/>
                  <a:gd name="T42" fmla="*/ 20 w 23"/>
                  <a:gd name="T43" fmla="*/ 7 h 19"/>
                  <a:gd name="T44" fmla="*/ 18 w 23"/>
                  <a:gd name="T45" fmla="*/ 9 h 19"/>
                  <a:gd name="T46" fmla="*/ 17 w 23"/>
                  <a:gd name="T47" fmla="*/ 11 h 19"/>
                  <a:gd name="T48" fmla="*/ 13 w 23"/>
                  <a:gd name="T49" fmla="*/ 12 h 19"/>
                  <a:gd name="T50" fmla="*/ 12 w 23"/>
                  <a:gd name="T51" fmla="*/ 14 h 19"/>
                  <a:gd name="T52" fmla="*/ 10 w 23"/>
                  <a:gd name="T53" fmla="*/ 16 h 19"/>
                  <a:gd name="T54" fmla="*/ 6 w 23"/>
                  <a:gd name="T55" fmla="*/ 17 h 19"/>
                  <a:gd name="T56" fmla="*/ 5 w 23"/>
                  <a:gd name="T57" fmla="*/ 17 h 19"/>
                  <a:gd name="T58" fmla="*/ 3 w 23"/>
                  <a:gd name="T59" fmla="*/ 19 h 19"/>
                  <a:gd name="T60" fmla="*/ 1 w 23"/>
                  <a:gd name="T61" fmla="*/ 19 h 19"/>
                  <a:gd name="T62" fmla="*/ 1 w 23"/>
                  <a:gd name="T63" fmla="*/ 19 h 19"/>
                  <a:gd name="T64" fmla="*/ 0 w 23"/>
                  <a:gd name="T65" fmla="*/ 19 h 19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w 23"/>
                  <a:gd name="T100" fmla="*/ 0 h 19"/>
                  <a:gd name="T101" fmla="*/ 23 w 23"/>
                  <a:gd name="T102" fmla="*/ 19 h 19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T99" t="T100" r="T101" b="T102"/>
                <a:pathLst>
                  <a:path w="23" h="19">
                    <a:moveTo>
                      <a:pt x="0" y="19"/>
                    </a:moveTo>
                    <a:lnTo>
                      <a:pt x="0" y="17"/>
                    </a:lnTo>
                    <a:lnTo>
                      <a:pt x="1" y="16"/>
                    </a:lnTo>
                    <a:lnTo>
                      <a:pt x="1" y="14"/>
                    </a:lnTo>
                    <a:lnTo>
                      <a:pt x="3" y="12"/>
                    </a:lnTo>
                    <a:lnTo>
                      <a:pt x="5" y="11"/>
                    </a:lnTo>
                    <a:lnTo>
                      <a:pt x="6" y="9"/>
                    </a:lnTo>
                    <a:lnTo>
                      <a:pt x="8" y="5"/>
                    </a:lnTo>
                    <a:lnTo>
                      <a:pt x="12" y="4"/>
                    </a:lnTo>
                    <a:lnTo>
                      <a:pt x="13" y="4"/>
                    </a:lnTo>
                    <a:lnTo>
                      <a:pt x="15" y="2"/>
                    </a:lnTo>
                    <a:lnTo>
                      <a:pt x="18" y="0"/>
                    </a:lnTo>
                    <a:lnTo>
                      <a:pt x="20" y="0"/>
                    </a:lnTo>
                    <a:lnTo>
                      <a:pt x="22" y="0"/>
                    </a:lnTo>
                    <a:lnTo>
                      <a:pt x="23" y="2"/>
                    </a:lnTo>
                    <a:lnTo>
                      <a:pt x="22" y="4"/>
                    </a:lnTo>
                    <a:lnTo>
                      <a:pt x="20" y="5"/>
                    </a:lnTo>
                    <a:lnTo>
                      <a:pt x="20" y="7"/>
                    </a:lnTo>
                    <a:lnTo>
                      <a:pt x="18" y="9"/>
                    </a:lnTo>
                    <a:lnTo>
                      <a:pt x="17" y="11"/>
                    </a:lnTo>
                    <a:lnTo>
                      <a:pt x="13" y="12"/>
                    </a:lnTo>
                    <a:lnTo>
                      <a:pt x="12" y="14"/>
                    </a:lnTo>
                    <a:lnTo>
                      <a:pt x="10" y="16"/>
                    </a:lnTo>
                    <a:lnTo>
                      <a:pt x="6" y="17"/>
                    </a:lnTo>
                    <a:lnTo>
                      <a:pt x="5" y="17"/>
                    </a:lnTo>
                    <a:lnTo>
                      <a:pt x="3" y="19"/>
                    </a:lnTo>
                    <a:lnTo>
                      <a:pt x="1" y="19"/>
                    </a:lnTo>
                    <a:lnTo>
                      <a:pt x="0" y="19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93" name="Freeform 98"/>
              <p:cNvSpPr>
                <a:spLocks/>
              </p:cNvSpPr>
              <p:nvPr/>
            </p:nvSpPr>
            <p:spPr bwMode="auto">
              <a:xfrm>
                <a:off x="600" y="3513"/>
                <a:ext cx="23" cy="19"/>
              </a:xfrm>
              <a:custGeom>
                <a:avLst/>
                <a:gdLst>
                  <a:gd name="T0" fmla="*/ 0 w 23"/>
                  <a:gd name="T1" fmla="*/ 19 h 19"/>
                  <a:gd name="T2" fmla="*/ 0 w 23"/>
                  <a:gd name="T3" fmla="*/ 19 h 19"/>
                  <a:gd name="T4" fmla="*/ 0 w 23"/>
                  <a:gd name="T5" fmla="*/ 17 h 19"/>
                  <a:gd name="T6" fmla="*/ 0 w 23"/>
                  <a:gd name="T7" fmla="*/ 17 h 19"/>
                  <a:gd name="T8" fmla="*/ 1 w 23"/>
                  <a:gd name="T9" fmla="*/ 16 h 19"/>
                  <a:gd name="T10" fmla="*/ 1 w 23"/>
                  <a:gd name="T11" fmla="*/ 14 h 19"/>
                  <a:gd name="T12" fmla="*/ 3 w 23"/>
                  <a:gd name="T13" fmla="*/ 12 h 19"/>
                  <a:gd name="T14" fmla="*/ 5 w 23"/>
                  <a:gd name="T15" fmla="*/ 11 h 19"/>
                  <a:gd name="T16" fmla="*/ 6 w 23"/>
                  <a:gd name="T17" fmla="*/ 9 h 19"/>
                  <a:gd name="T18" fmla="*/ 8 w 23"/>
                  <a:gd name="T19" fmla="*/ 5 h 19"/>
                  <a:gd name="T20" fmla="*/ 8 w 23"/>
                  <a:gd name="T21" fmla="*/ 5 h 19"/>
                  <a:gd name="T22" fmla="*/ 12 w 23"/>
                  <a:gd name="T23" fmla="*/ 4 h 19"/>
                  <a:gd name="T24" fmla="*/ 13 w 23"/>
                  <a:gd name="T25" fmla="*/ 4 h 19"/>
                  <a:gd name="T26" fmla="*/ 15 w 23"/>
                  <a:gd name="T27" fmla="*/ 2 h 19"/>
                  <a:gd name="T28" fmla="*/ 18 w 23"/>
                  <a:gd name="T29" fmla="*/ 0 h 19"/>
                  <a:gd name="T30" fmla="*/ 18 w 23"/>
                  <a:gd name="T31" fmla="*/ 0 h 19"/>
                  <a:gd name="T32" fmla="*/ 20 w 23"/>
                  <a:gd name="T33" fmla="*/ 0 h 19"/>
                  <a:gd name="T34" fmla="*/ 22 w 23"/>
                  <a:gd name="T35" fmla="*/ 0 h 19"/>
                  <a:gd name="T36" fmla="*/ 22 w 23"/>
                  <a:gd name="T37" fmla="*/ 0 h 19"/>
                  <a:gd name="T38" fmla="*/ 22 w 23"/>
                  <a:gd name="T39" fmla="*/ 0 h 19"/>
                  <a:gd name="T40" fmla="*/ 23 w 23"/>
                  <a:gd name="T41" fmla="*/ 2 h 19"/>
                  <a:gd name="T42" fmla="*/ 22 w 23"/>
                  <a:gd name="T43" fmla="*/ 4 h 19"/>
                  <a:gd name="T44" fmla="*/ 22 w 23"/>
                  <a:gd name="T45" fmla="*/ 4 h 19"/>
                  <a:gd name="T46" fmla="*/ 20 w 23"/>
                  <a:gd name="T47" fmla="*/ 5 h 19"/>
                  <a:gd name="T48" fmla="*/ 20 w 23"/>
                  <a:gd name="T49" fmla="*/ 7 h 19"/>
                  <a:gd name="T50" fmla="*/ 18 w 23"/>
                  <a:gd name="T51" fmla="*/ 9 h 19"/>
                  <a:gd name="T52" fmla="*/ 17 w 23"/>
                  <a:gd name="T53" fmla="*/ 11 h 19"/>
                  <a:gd name="T54" fmla="*/ 13 w 23"/>
                  <a:gd name="T55" fmla="*/ 12 h 19"/>
                  <a:gd name="T56" fmla="*/ 13 w 23"/>
                  <a:gd name="T57" fmla="*/ 12 h 19"/>
                  <a:gd name="T58" fmla="*/ 12 w 23"/>
                  <a:gd name="T59" fmla="*/ 14 h 19"/>
                  <a:gd name="T60" fmla="*/ 10 w 23"/>
                  <a:gd name="T61" fmla="*/ 16 h 19"/>
                  <a:gd name="T62" fmla="*/ 6 w 23"/>
                  <a:gd name="T63" fmla="*/ 17 h 19"/>
                  <a:gd name="T64" fmla="*/ 5 w 23"/>
                  <a:gd name="T65" fmla="*/ 17 h 19"/>
                  <a:gd name="T66" fmla="*/ 3 w 23"/>
                  <a:gd name="T67" fmla="*/ 19 h 19"/>
                  <a:gd name="T68" fmla="*/ 1 w 23"/>
                  <a:gd name="T69" fmla="*/ 19 h 19"/>
                  <a:gd name="T70" fmla="*/ 1 w 23"/>
                  <a:gd name="T71" fmla="*/ 19 h 19"/>
                  <a:gd name="T72" fmla="*/ 0 w 23"/>
                  <a:gd name="T73" fmla="*/ 19 h 19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w 23"/>
                  <a:gd name="T112" fmla="*/ 0 h 19"/>
                  <a:gd name="T113" fmla="*/ 23 w 23"/>
                  <a:gd name="T114" fmla="*/ 19 h 19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T111" t="T112" r="T113" b="T114"/>
                <a:pathLst>
                  <a:path w="23" h="19">
                    <a:moveTo>
                      <a:pt x="0" y="19"/>
                    </a:moveTo>
                    <a:lnTo>
                      <a:pt x="0" y="19"/>
                    </a:lnTo>
                    <a:lnTo>
                      <a:pt x="0" y="17"/>
                    </a:lnTo>
                    <a:lnTo>
                      <a:pt x="1" y="16"/>
                    </a:lnTo>
                    <a:lnTo>
                      <a:pt x="1" y="14"/>
                    </a:lnTo>
                    <a:lnTo>
                      <a:pt x="3" y="12"/>
                    </a:lnTo>
                    <a:lnTo>
                      <a:pt x="5" y="11"/>
                    </a:lnTo>
                    <a:lnTo>
                      <a:pt x="6" y="9"/>
                    </a:lnTo>
                    <a:lnTo>
                      <a:pt x="8" y="5"/>
                    </a:lnTo>
                    <a:lnTo>
                      <a:pt x="12" y="4"/>
                    </a:lnTo>
                    <a:lnTo>
                      <a:pt x="13" y="4"/>
                    </a:lnTo>
                    <a:lnTo>
                      <a:pt x="15" y="2"/>
                    </a:lnTo>
                    <a:lnTo>
                      <a:pt x="18" y="0"/>
                    </a:lnTo>
                    <a:lnTo>
                      <a:pt x="20" y="0"/>
                    </a:lnTo>
                    <a:lnTo>
                      <a:pt x="22" y="0"/>
                    </a:lnTo>
                    <a:lnTo>
                      <a:pt x="23" y="2"/>
                    </a:lnTo>
                    <a:lnTo>
                      <a:pt x="22" y="4"/>
                    </a:lnTo>
                    <a:lnTo>
                      <a:pt x="20" y="5"/>
                    </a:lnTo>
                    <a:lnTo>
                      <a:pt x="20" y="7"/>
                    </a:lnTo>
                    <a:lnTo>
                      <a:pt x="18" y="9"/>
                    </a:lnTo>
                    <a:lnTo>
                      <a:pt x="17" y="11"/>
                    </a:lnTo>
                    <a:lnTo>
                      <a:pt x="13" y="12"/>
                    </a:lnTo>
                    <a:lnTo>
                      <a:pt x="12" y="14"/>
                    </a:lnTo>
                    <a:lnTo>
                      <a:pt x="10" y="16"/>
                    </a:lnTo>
                    <a:lnTo>
                      <a:pt x="6" y="17"/>
                    </a:lnTo>
                    <a:lnTo>
                      <a:pt x="5" y="17"/>
                    </a:lnTo>
                    <a:lnTo>
                      <a:pt x="3" y="19"/>
                    </a:lnTo>
                    <a:lnTo>
                      <a:pt x="1" y="19"/>
                    </a:lnTo>
                    <a:lnTo>
                      <a:pt x="0" y="19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94" name="Freeform 99"/>
              <p:cNvSpPr>
                <a:spLocks/>
              </p:cNvSpPr>
              <p:nvPr/>
            </p:nvSpPr>
            <p:spPr bwMode="auto">
              <a:xfrm>
                <a:off x="674" y="3486"/>
                <a:ext cx="12" cy="12"/>
              </a:xfrm>
              <a:custGeom>
                <a:avLst/>
                <a:gdLst>
                  <a:gd name="T0" fmla="*/ 0 w 12"/>
                  <a:gd name="T1" fmla="*/ 5 h 12"/>
                  <a:gd name="T2" fmla="*/ 0 w 12"/>
                  <a:gd name="T3" fmla="*/ 4 h 12"/>
                  <a:gd name="T4" fmla="*/ 2 w 12"/>
                  <a:gd name="T5" fmla="*/ 2 h 12"/>
                  <a:gd name="T6" fmla="*/ 4 w 12"/>
                  <a:gd name="T7" fmla="*/ 0 h 12"/>
                  <a:gd name="T8" fmla="*/ 7 w 12"/>
                  <a:gd name="T9" fmla="*/ 0 h 12"/>
                  <a:gd name="T10" fmla="*/ 9 w 12"/>
                  <a:gd name="T11" fmla="*/ 0 h 12"/>
                  <a:gd name="T12" fmla="*/ 10 w 12"/>
                  <a:gd name="T13" fmla="*/ 2 h 12"/>
                  <a:gd name="T14" fmla="*/ 12 w 12"/>
                  <a:gd name="T15" fmla="*/ 4 h 12"/>
                  <a:gd name="T16" fmla="*/ 12 w 12"/>
                  <a:gd name="T17" fmla="*/ 5 h 12"/>
                  <a:gd name="T18" fmla="*/ 12 w 12"/>
                  <a:gd name="T19" fmla="*/ 9 h 12"/>
                  <a:gd name="T20" fmla="*/ 10 w 12"/>
                  <a:gd name="T21" fmla="*/ 10 h 12"/>
                  <a:gd name="T22" fmla="*/ 9 w 12"/>
                  <a:gd name="T23" fmla="*/ 10 h 12"/>
                  <a:gd name="T24" fmla="*/ 7 w 12"/>
                  <a:gd name="T25" fmla="*/ 12 h 12"/>
                  <a:gd name="T26" fmla="*/ 4 w 12"/>
                  <a:gd name="T27" fmla="*/ 10 h 12"/>
                  <a:gd name="T28" fmla="*/ 2 w 12"/>
                  <a:gd name="T29" fmla="*/ 10 h 12"/>
                  <a:gd name="T30" fmla="*/ 0 w 12"/>
                  <a:gd name="T31" fmla="*/ 9 h 12"/>
                  <a:gd name="T32" fmla="*/ 0 w 12"/>
                  <a:gd name="T33" fmla="*/ 5 h 12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2"/>
                  <a:gd name="T52" fmla="*/ 0 h 12"/>
                  <a:gd name="T53" fmla="*/ 12 w 12"/>
                  <a:gd name="T54" fmla="*/ 12 h 12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2" h="12">
                    <a:moveTo>
                      <a:pt x="0" y="5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7" y="0"/>
                    </a:lnTo>
                    <a:lnTo>
                      <a:pt x="9" y="0"/>
                    </a:lnTo>
                    <a:lnTo>
                      <a:pt x="10" y="2"/>
                    </a:lnTo>
                    <a:lnTo>
                      <a:pt x="12" y="4"/>
                    </a:lnTo>
                    <a:lnTo>
                      <a:pt x="12" y="5"/>
                    </a:lnTo>
                    <a:lnTo>
                      <a:pt x="12" y="9"/>
                    </a:lnTo>
                    <a:lnTo>
                      <a:pt x="10" y="10"/>
                    </a:lnTo>
                    <a:lnTo>
                      <a:pt x="9" y="10"/>
                    </a:lnTo>
                    <a:lnTo>
                      <a:pt x="7" y="12"/>
                    </a:lnTo>
                    <a:lnTo>
                      <a:pt x="4" y="10"/>
                    </a:lnTo>
                    <a:lnTo>
                      <a:pt x="2" y="10"/>
                    </a:lnTo>
                    <a:lnTo>
                      <a:pt x="0" y="9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95" name="Freeform 100"/>
              <p:cNvSpPr>
                <a:spLocks/>
              </p:cNvSpPr>
              <p:nvPr/>
            </p:nvSpPr>
            <p:spPr bwMode="auto">
              <a:xfrm>
                <a:off x="674" y="3486"/>
                <a:ext cx="12" cy="12"/>
              </a:xfrm>
              <a:custGeom>
                <a:avLst/>
                <a:gdLst>
                  <a:gd name="T0" fmla="*/ 0 w 12"/>
                  <a:gd name="T1" fmla="*/ 5 h 12"/>
                  <a:gd name="T2" fmla="*/ 0 w 12"/>
                  <a:gd name="T3" fmla="*/ 5 h 12"/>
                  <a:gd name="T4" fmla="*/ 0 w 12"/>
                  <a:gd name="T5" fmla="*/ 4 h 12"/>
                  <a:gd name="T6" fmla="*/ 2 w 12"/>
                  <a:gd name="T7" fmla="*/ 2 h 12"/>
                  <a:gd name="T8" fmla="*/ 4 w 12"/>
                  <a:gd name="T9" fmla="*/ 0 h 12"/>
                  <a:gd name="T10" fmla="*/ 7 w 12"/>
                  <a:gd name="T11" fmla="*/ 0 h 12"/>
                  <a:gd name="T12" fmla="*/ 7 w 12"/>
                  <a:gd name="T13" fmla="*/ 0 h 12"/>
                  <a:gd name="T14" fmla="*/ 9 w 12"/>
                  <a:gd name="T15" fmla="*/ 0 h 12"/>
                  <a:gd name="T16" fmla="*/ 10 w 12"/>
                  <a:gd name="T17" fmla="*/ 2 h 12"/>
                  <a:gd name="T18" fmla="*/ 12 w 12"/>
                  <a:gd name="T19" fmla="*/ 4 h 12"/>
                  <a:gd name="T20" fmla="*/ 12 w 12"/>
                  <a:gd name="T21" fmla="*/ 5 h 12"/>
                  <a:gd name="T22" fmla="*/ 12 w 12"/>
                  <a:gd name="T23" fmla="*/ 5 h 12"/>
                  <a:gd name="T24" fmla="*/ 12 w 12"/>
                  <a:gd name="T25" fmla="*/ 9 h 12"/>
                  <a:gd name="T26" fmla="*/ 10 w 12"/>
                  <a:gd name="T27" fmla="*/ 10 h 12"/>
                  <a:gd name="T28" fmla="*/ 9 w 12"/>
                  <a:gd name="T29" fmla="*/ 10 h 12"/>
                  <a:gd name="T30" fmla="*/ 7 w 12"/>
                  <a:gd name="T31" fmla="*/ 12 h 12"/>
                  <a:gd name="T32" fmla="*/ 7 w 12"/>
                  <a:gd name="T33" fmla="*/ 12 h 12"/>
                  <a:gd name="T34" fmla="*/ 4 w 12"/>
                  <a:gd name="T35" fmla="*/ 10 h 12"/>
                  <a:gd name="T36" fmla="*/ 2 w 12"/>
                  <a:gd name="T37" fmla="*/ 10 h 12"/>
                  <a:gd name="T38" fmla="*/ 0 w 12"/>
                  <a:gd name="T39" fmla="*/ 9 h 12"/>
                  <a:gd name="T40" fmla="*/ 0 w 12"/>
                  <a:gd name="T41" fmla="*/ 5 h 12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2"/>
                  <a:gd name="T64" fmla="*/ 0 h 12"/>
                  <a:gd name="T65" fmla="*/ 12 w 12"/>
                  <a:gd name="T66" fmla="*/ 12 h 12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2" h="12">
                    <a:moveTo>
                      <a:pt x="0" y="5"/>
                    </a:moveTo>
                    <a:lnTo>
                      <a:pt x="0" y="5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7" y="0"/>
                    </a:lnTo>
                    <a:lnTo>
                      <a:pt x="9" y="0"/>
                    </a:lnTo>
                    <a:lnTo>
                      <a:pt x="10" y="2"/>
                    </a:lnTo>
                    <a:lnTo>
                      <a:pt x="12" y="4"/>
                    </a:lnTo>
                    <a:lnTo>
                      <a:pt x="12" y="5"/>
                    </a:lnTo>
                    <a:lnTo>
                      <a:pt x="12" y="9"/>
                    </a:lnTo>
                    <a:lnTo>
                      <a:pt x="10" y="10"/>
                    </a:lnTo>
                    <a:lnTo>
                      <a:pt x="9" y="10"/>
                    </a:lnTo>
                    <a:lnTo>
                      <a:pt x="7" y="12"/>
                    </a:lnTo>
                    <a:lnTo>
                      <a:pt x="4" y="10"/>
                    </a:lnTo>
                    <a:lnTo>
                      <a:pt x="2" y="10"/>
                    </a:lnTo>
                    <a:lnTo>
                      <a:pt x="0" y="9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96" name="Freeform 101"/>
              <p:cNvSpPr>
                <a:spLocks/>
              </p:cNvSpPr>
              <p:nvPr/>
            </p:nvSpPr>
            <p:spPr bwMode="auto">
              <a:xfrm>
                <a:off x="463" y="3535"/>
                <a:ext cx="10" cy="9"/>
              </a:xfrm>
              <a:custGeom>
                <a:avLst/>
                <a:gdLst>
                  <a:gd name="T0" fmla="*/ 0 w 10"/>
                  <a:gd name="T1" fmla="*/ 5 h 9"/>
                  <a:gd name="T2" fmla="*/ 0 w 10"/>
                  <a:gd name="T3" fmla="*/ 4 h 9"/>
                  <a:gd name="T4" fmla="*/ 1 w 10"/>
                  <a:gd name="T5" fmla="*/ 2 h 9"/>
                  <a:gd name="T6" fmla="*/ 3 w 10"/>
                  <a:gd name="T7" fmla="*/ 0 h 9"/>
                  <a:gd name="T8" fmla="*/ 5 w 10"/>
                  <a:gd name="T9" fmla="*/ 0 h 9"/>
                  <a:gd name="T10" fmla="*/ 6 w 10"/>
                  <a:gd name="T11" fmla="*/ 0 h 9"/>
                  <a:gd name="T12" fmla="*/ 8 w 10"/>
                  <a:gd name="T13" fmla="*/ 2 h 9"/>
                  <a:gd name="T14" fmla="*/ 10 w 10"/>
                  <a:gd name="T15" fmla="*/ 4 h 9"/>
                  <a:gd name="T16" fmla="*/ 10 w 10"/>
                  <a:gd name="T17" fmla="*/ 5 h 9"/>
                  <a:gd name="T18" fmla="*/ 10 w 10"/>
                  <a:gd name="T19" fmla="*/ 7 h 9"/>
                  <a:gd name="T20" fmla="*/ 8 w 10"/>
                  <a:gd name="T21" fmla="*/ 9 h 9"/>
                  <a:gd name="T22" fmla="*/ 6 w 10"/>
                  <a:gd name="T23" fmla="*/ 9 h 9"/>
                  <a:gd name="T24" fmla="*/ 5 w 10"/>
                  <a:gd name="T25" fmla="*/ 9 h 9"/>
                  <a:gd name="T26" fmla="*/ 3 w 10"/>
                  <a:gd name="T27" fmla="*/ 9 h 9"/>
                  <a:gd name="T28" fmla="*/ 1 w 10"/>
                  <a:gd name="T29" fmla="*/ 9 h 9"/>
                  <a:gd name="T30" fmla="*/ 0 w 10"/>
                  <a:gd name="T31" fmla="*/ 7 h 9"/>
                  <a:gd name="T32" fmla="*/ 0 w 10"/>
                  <a:gd name="T33" fmla="*/ 5 h 9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0"/>
                  <a:gd name="T52" fmla="*/ 0 h 9"/>
                  <a:gd name="T53" fmla="*/ 10 w 10"/>
                  <a:gd name="T54" fmla="*/ 9 h 9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0" h="9">
                    <a:moveTo>
                      <a:pt x="0" y="5"/>
                    </a:moveTo>
                    <a:lnTo>
                      <a:pt x="0" y="4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6" y="0"/>
                    </a:lnTo>
                    <a:lnTo>
                      <a:pt x="8" y="2"/>
                    </a:lnTo>
                    <a:lnTo>
                      <a:pt x="10" y="4"/>
                    </a:lnTo>
                    <a:lnTo>
                      <a:pt x="10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5" y="9"/>
                    </a:lnTo>
                    <a:lnTo>
                      <a:pt x="3" y="9"/>
                    </a:lnTo>
                    <a:lnTo>
                      <a:pt x="1" y="9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97" name="Freeform 102"/>
              <p:cNvSpPr>
                <a:spLocks/>
              </p:cNvSpPr>
              <p:nvPr/>
            </p:nvSpPr>
            <p:spPr bwMode="auto">
              <a:xfrm>
                <a:off x="463" y="3535"/>
                <a:ext cx="10" cy="9"/>
              </a:xfrm>
              <a:custGeom>
                <a:avLst/>
                <a:gdLst>
                  <a:gd name="T0" fmla="*/ 0 w 10"/>
                  <a:gd name="T1" fmla="*/ 5 h 9"/>
                  <a:gd name="T2" fmla="*/ 0 w 10"/>
                  <a:gd name="T3" fmla="*/ 5 h 9"/>
                  <a:gd name="T4" fmla="*/ 0 w 10"/>
                  <a:gd name="T5" fmla="*/ 4 h 9"/>
                  <a:gd name="T6" fmla="*/ 1 w 10"/>
                  <a:gd name="T7" fmla="*/ 2 h 9"/>
                  <a:gd name="T8" fmla="*/ 3 w 10"/>
                  <a:gd name="T9" fmla="*/ 0 h 9"/>
                  <a:gd name="T10" fmla="*/ 5 w 10"/>
                  <a:gd name="T11" fmla="*/ 0 h 9"/>
                  <a:gd name="T12" fmla="*/ 5 w 10"/>
                  <a:gd name="T13" fmla="*/ 0 h 9"/>
                  <a:gd name="T14" fmla="*/ 6 w 10"/>
                  <a:gd name="T15" fmla="*/ 0 h 9"/>
                  <a:gd name="T16" fmla="*/ 8 w 10"/>
                  <a:gd name="T17" fmla="*/ 2 h 9"/>
                  <a:gd name="T18" fmla="*/ 10 w 10"/>
                  <a:gd name="T19" fmla="*/ 4 h 9"/>
                  <a:gd name="T20" fmla="*/ 10 w 10"/>
                  <a:gd name="T21" fmla="*/ 5 h 9"/>
                  <a:gd name="T22" fmla="*/ 10 w 10"/>
                  <a:gd name="T23" fmla="*/ 5 h 9"/>
                  <a:gd name="T24" fmla="*/ 10 w 10"/>
                  <a:gd name="T25" fmla="*/ 7 h 9"/>
                  <a:gd name="T26" fmla="*/ 8 w 10"/>
                  <a:gd name="T27" fmla="*/ 9 h 9"/>
                  <a:gd name="T28" fmla="*/ 6 w 10"/>
                  <a:gd name="T29" fmla="*/ 9 h 9"/>
                  <a:gd name="T30" fmla="*/ 5 w 10"/>
                  <a:gd name="T31" fmla="*/ 9 h 9"/>
                  <a:gd name="T32" fmla="*/ 5 w 10"/>
                  <a:gd name="T33" fmla="*/ 9 h 9"/>
                  <a:gd name="T34" fmla="*/ 3 w 10"/>
                  <a:gd name="T35" fmla="*/ 9 h 9"/>
                  <a:gd name="T36" fmla="*/ 1 w 10"/>
                  <a:gd name="T37" fmla="*/ 9 h 9"/>
                  <a:gd name="T38" fmla="*/ 0 w 10"/>
                  <a:gd name="T39" fmla="*/ 7 h 9"/>
                  <a:gd name="T40" fmla="*/ 0 w 10"/>
                  <a:gd name="T41" fmla="*/ 5 h 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0"/>
                  <a:gd name="T64" fmla="*/ 0 h 9"/>
                  <a:gd name="T65" fmla="*/ 10 w 10"/>
                  <a:gd name="T66" fmla="*/ 9 h 9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0" h="9">
                    <a:moveTo>
                      <a:pt x="0" y="5"/>
                    </a:moveTo>
                    <a:lnTo>
                      <a:pt x="0" y="5"/>
                    </a:lnTo>
                    <a:lnTo>
                      <a:pt x="0" y="4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6" y="0"/>
                    </a:lnTo>
                    <a:lnTo>
                      <a:pt x="8" y="2"/>
                    </a:lnTo>
                    <a:lnTo>
                      <a:pt x="10" y="4"/>
                    </a:lnTo>
                    <a:lnTo>
                      <a:pt x="10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5" y="9"/>
                    </a:lnTo>
                    <a:lnTo>
                      <a:pt x="3" y="9"/>
                    </a:lnTo>
                    <a:lnTo>
                      <a:pt x="1" y="9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98" name="Freeform 103"/>
              <p:cNvSpPr>
                <a:spLocks/>
              </p:cNvSpPr>
              <p:nvPr/>
            </p:nvSpPr>
            <p:spPr bwMode="auto">
              <a:xfrm>
                <a:off x="515" y="3537"/>
                <a:ext cx="15" cy="9"/>
              </a:xfrm>
              <a:custGeom>
                <a:avLst/>
                <a:gdLst>
                  <a:gd name="T0" fmla="*/ 0 w 15"/>
                  <a:gd name="T1" fmla="*/ 5 h 9"/>
                  <a:gd name="T2" fmla="*/ 0 w 15"/>
                  <a:gd name="T3" fmla="*/ 3 h 9"/>
                  <a:gd name="T4" fmla="*/ 2 w 15"/>
                  <a:gd name="T5" fmla="*/ 2 h 9"/>
                  <a:gd name="T6" fmla="*/ 5 w 15"/>
                  <a:gd name="T7" fmla="*/ 0 h 9"/>
                  <a:gd name="T8" fmla="*/ 7 w 15"/>
                  <a:gd name="T9" fmla="*/ 0 h 9"/>
                  <a:gd name="T10" fmla="*/ 10 w 15"/>
                  <a:gd name="T11" fmla="*/ 0 h 9"/>
                  <a:gd name="T12" fmla="*/ 12 w 15"/>
                  <a:gd name="T13" fmla="*/ 2 h 9"/>
                  <a:gd name="T14" fmla="*/ 14 w 15"/>
                  <a:gd name="T15" fmla="*/ 3 h 9"/>
                  <a:gd name="T16" fmla="*/ 15 w 15"/>
                  <a:gd name="T17" fmla="*/ 5 h 9"/>
                  <a:gd name="T18" fmla="*/ 14 w 15"/>
                  <a:gd name="T19" fmla="*/ 7 h 9"/>
                  <a:gd name="T20" fmla="*/ 12 w 15"/>
                  <a:gd name="T21" fmla="*/ 7 h 9"/>
                  <a:gd name="T22" fmla="*/ 10 w 15"/>
                  <a:gd name="T23" fmla="*/ 9 h 9"/>
                  <a:gd name="T24" fmla="*/ 7 w 15"/>
                  <a:gd name="T25" fmla="*/ 9 h 9"/>
                  <a:gd name="T26" fmla="*/ 5 w 15"/>
                  <a:gd name="T27" fmla="*/ 9 h 9"/>
                  <a:gd name="T28" fmla="*/ 2 w 15"/>
                  <a:gd name="T29" fmla="*/ 7 h 9"/>
                  <a:gd name="T30" fmla="*/ 0 w 15"/>
                  <a:gd name="T31" fmla="*/ 7 h 9"/>
                  <a:gd name="T32" fmla="*/ 0 w 15"/>
                  <a:gd name="T33" fmla="*/ 5 h 9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5"/>
                  <a:gd name="T52" fmla="*/ 0 h 9"/>
                  <a:gd name="T53" fmla="*/ 15 w 15"/>
                  <a:gd name="T54" fmla="*/ 9 h 9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5" h="9">
                    <a:moveTo>
                      <a:pt x="0" y="5"/>
                    </a:moveTo>
                    <a:lnTo>
                      <a:pt x="0" y="3"/>
                    </a:lnTo>
                    <a:lnTo>
                      <a:pt x="2" y="2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10" y="0"/>
                    </a:lnTo>
                    <a:lnTo>
                      <a:pt x="12" y="2"/>
                    </a:lnTo>
                    <a:lnTo>
                      <a:pt x="14" y="3"/>
                    </a:lnTo>
                    <a:lnTo>
                      <a:pt x="15" y="5"/>
                    </a:lnTo>
                    <a:lnTo>
                      <a:pt x="14" y="7"/>
                    </a:lnTo>
                    <a:lnTo>
                      <a:pt x="12" y="7"/>
                    </a:lnTo>
                    <a:lnTo>
                      <a:pt x="10" y="9"/>
                    </a:lnTo>
                    <a:lnTo>
                      <a:pt x="7" y="9"/>
                    </a:lnTo>
                    <a:lnTo>
                      <a:pt x="5" y="9"/>
                    </a:lnTo>
                    <a:lnTo>
                      <a:pt x="2" y="7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99" name="Freeform 104"/>
              <p:cNvSpPr>
                <a:spLocks/>
              </p:cNvSpPr>
              <p:nvPr/>
            </p:nvSpPr>
            <p:spPr bwMode="auto">
              <a:xfrm>
                <a:off x="515" y="3537"/>
                <a:ext cx="15" cy="9"/>
              </a:xfrm>
              <a:custGeom>
                <a:avLst/>
                <a:gdLst>
                  <a:gd name="T0" fmla="*/ 0 w 15"/>
                  <a:gd name="T1" fmla="*/ 5 h 9"/>
                  <a:gd name="T2" fmla="*/ 0 w 15"/>
                  <a:gd name="T3" fmla="*/ 5 h 9"/>
                  <a:gd name="T4" fmla="*/ 0 w 15"/>
                  <a:gd name="T5" fmla="*/ 3 h 9"/>
                  <a:gd name="T6" fmla="*/ 2 w 15"/>
                  <a:gd name="T7" fmla="*/ 2 h 9"/>
                  <a:gd name="T8" fmla="*/ 5 w 15"/>
                  <a:gd name="T9" fmla="*/ 0 h 9"/>
                  <a:gd name="T10" fmla="*/ 7 w 15"/>
                  <a:gd name="T11" fmla="*/ 0 h 9"/>
                  <a:gd name="T12" fmla="*/ 7 w 15"/>
                  <a:gd name="T13" fmla="*/ 0 h 9"/>
                  <a:gd name="T14" fmla="*/ 10 w 15"/>
                  <a:gd name="T15" fmla="*/ 0 h 9"/>
                  <a:gd name="T16" fmla="*/ 12 w 15"/>
                  <a:gd name="T17" fmla="*/ 2 h 9"/>
                  <a:gd name="T18" fmla="*/ 14 w 15"/>
                  <a:gd name="T19" fmla="*/ 3 h 9"/>
                  <a:gd name="T20" fmla="*/ 15 w 15"/>
                  <a:gd name="T21" fmla="*/ 5 h 9"/>
                  <a:gd name="T22" fmla="*/ 15 w 15"/>
                  <a:gd name="T23" fmla="*/ 5 h 9"/>
                  <a:gd name="T24" fmla="*/ 14 w 15"/>
                  <a:gd name="T25" fmla="*/ 7 h 9"/>
                  <a:gd name="T26" fmla="*/ 12 w 15"/>
                  <a:gd name="T27" fmla="*/ 7 h 9"/>
                  <a:gd name="T28" fmla="*/ 10 w 15"/>
                  <a:gd name="T29" fmla="*/ 9 h 9"/>
                  <a:gd name="T30" fmla="*/ 7 w 15"/>
                  <a:gd name="T31" fmla="*/ 9 h 9"/>
                  <a:gd name="T32" fmla="*/ 7 w 15"/>
                  <a:gd name="T33" fmla="*/ 9 h 9"/>
                  <a:gd name="T34" fmla="*/ 5 w 15"/>
                  <a:gd name="T35" fmla="*/ 9 h 9"/>
                  <a:gd name="T36" fmla="*/ 2 w 15"/>
                  <a:gd name="T37" fmla="*/ 7 h 9"/>
                  <a:gd name="T38" fmla="*/ 0 w 15"/>
                  <a:gd name="T39" fmla="*/ 7 h 9"/>
                  <a:gd name="T40" fmla="*/ 0 w 15"/>
                  <a:gd name="T41" fmla="*/ 5 h 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5"/>
                  <a:gd name="T64" fmla="*/ 0 h 9"/>
                  <a:gd name="T65" fmla="*/ 15 w 15"/>
                  <a:gd name="T66" fmla="*/ 9 h 9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5" h="9">
                    <a:moveTo>
                      <a:pt x="0" y="5"/>
                    </a:moveTo>
                    <a:lnTo>
                      <a:pt x="0" y="5"/>
                    </a:lnTo>
                    <a:lnTo>
                      <a:pt x="0" y="3"/>
                    </a:lnTo>
                    <a:lnTo>
                      <a:pt x="2" y="2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10" y="0"/>
                    </a:lnTo>
                    <a:lnTo>
                      <a:pt x="12" y="2"/>
                    </a:lnTo>
                    <a:lnTo>
                      <a:pt x="14" y="3"/>
                    </a:lnTo>
                    <a:lnTo>
                      <a:pt x="15" y="5"/>
                    </a:lnTo>
                    <a:lnTo>
                      <a:pt x="14" y="7"/>
                    </a:lnTo>
                    <a:lnTo>
                      <a:pt x="12" y="7"/>
                    </a:lnTo>
                    <a:lnTo>
                      <a:pt x="10" y="9"/>
                    </a:lnTo>
                    <a:lnTo>
                      <a:pt x="7" y="9"/>
                    </a:lnTo>
                    <a:lnTo>
                      <a:pt x="5" y="9"/>
                    </a:lnTo>
                    <a:lnTo>
                      <a:pt x="2" y="7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500" name="Freeform 105"/>
              <p:cNvSpPr>
                <a:spLocks/>
              </p:cNvSpPr>
              <p:nvPr/>
            </p:nvSpPr>
            <p:spPr bwMode="auto">
              <a:xfrm>
                <a:off x="439" y="3529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1 h 10"/>
                  <a:gd name="T4" fmla="*/ 2 w 8"/>
                  <a:gd name="T5" fmla="*/ 1 h 10"/>
                  <a:gd name="T6" fmla="*/ 2 w 8"/>
                  <a:gd name="T7" fmla="*/ 0 h 10"/>
                  <a:gd name="T8" fmla="*/ 3 w 8"/>
                  <a:gd name="T9" fmla="*/ 0 h 10"/>
                  <a:gd name="T10" fmla="*/ 5 w 8"/>
                  <a:gd name="T11" fmla="*/ 0 h 10"/>
                  <a:gd name="T12" fmla="*/ 7 w 8"/>
                  <a:gd name="T13" fmla="*/ 1 h 10"/>
                  <a:gd name="T14" fmla="*/ 8 w 8"/>
                  <a:gd name="T15" fmla="*/ 1 h 10"/>
                  <a:gd name="T16" fmla="*/ 8 w 8"/>
                  <a:gd name="T17" fmla="*/ 5 h 10"/>
                  <a:gd name="T18" fmla="*/ 8 w 8"/>
                  <a:gd name="T19" fmla="*/ 6 h 10"/>
                  <a:gd name="T20" fmla="*/ 7 w 8"/>
                  <a:gd name="T21" fmla="*/ 8 h 10"/>
                  <a:gd name="T22" fmla="*/ 5 w 8"/>
                  <a:gd name="T23" fmla="*/ 10 h 10"/>
                  <a:gd name="T24" fmla="*/ 3 w 8"/>
                  <a:gd name="T25" fmla="*/ 10 h 10"/>
                  <a:gd name="T26" fmla="*/ 2 w 8"/>
                  <a:gd name="T27" fmla="*/ 10 h 10"/>
                  <a:gd name="T28" fmla="*/ 2 w 8"/>
                  <a:gd name="T29" fmla="*/ 8 h 10"/>
                  <a:gd name="T30" fmla="*/ 0 w 8"/>
                  <a:gd name="T31" fmla="*/ 6 h 10"/>
                  <a:gd name="T32" fmla="*/ 0 w 8"/>
                  <a:gd name="T33" fmla="*/ 5 h 1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8"/>
                  <a:gd name="T52" fmla="*/ 0 h 10"/>
                  <a:gd name="T53" fmla="*/ 8 w 8"/>
                  <a:gd name="T54" fmla="*/ 10 h 10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8" h="10">
                    <a:moveTo>
                      <a:pt x="0" y="5"/>
                    </a:moveTo>
                    <a:lnTo>
                      <a:pt x="0" y="1"/>
                    </a:lnTo>
                    <a:lnTo>
                      <a:pt x="2" y="1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1"/>
                    </a:lnTo>
                    <a:lnTo>
                      <a:pt x="8" y="1"/>
                    </a:lnTo>
                    <a:lnTo>
                      <a:pt x="8" y="5"/>
                    </a:lnTo>
                    <a:lnTo>
                      <a:pt x="8" y="6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6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501" name="Freeform 106"/>
              <p:cNvSpPr>
                <a:spLocks/>
              </p:cNvSpPr>
              <p:nvPr/>
            </p:nvSpPr>
            <p:spPr bwMode="auto">
              <a:xfrm>
                <a:off x="439" y="3529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5 h 10"/>
                  <a:gd name="T4" fmla="*/ 0 w 8"/>
                  <a:gd name="T5" fmla="*/ 1 h 10"/>
                  <a:gd name="T6" fmla="*/ 2 w 8"/>
                  <a:gd name="T7" fmla="*/ 1 h 10"/>
                  <a:gd name="T8" fmla="*/ 2 w 8"/>
                  <a:gd name="T9" fmla="*/ 0 h 10"/>
                  <a:gd name="T10" fmla="*/ 3 w 8"/>
                  <a:gd name="T11" fmla="*/ 0 h 10"/>
                  <a:gd name="T12" fmla="*/ 3 w 8"/>
                  <a:gd name="T13" fmla="*/ 0 h 10"/>
                  <a:gd name="T14" fmla="*/ 5 w 8"/>
                  <a:gd name="T15" fmla="*/ 0 h 10"/>
                  <a:gd name="T16" fmla="*/ 7 w 8"/>
                  <a:gd name="T17" fmla="*/ 1 h 10"/>
                  <a:gd name="T18" fmla="*/ 8 w 8"/>
                  <a:gd name="T19" fmla="*/ 1 h 10"/>
                  <a:gd name="T20" fmla="*/ 8 w 8"/>
                  <a:gd name="T21" fmla="*/ 5 h 10"/>
                  <a:gd name="T22" fmla="*/ 8 w 8"/>
                  <a:gd name="T23" fmla="*/ 5 h 10"/>
                  <a:gd name="T24" fmla="*/ 8 w 8"/>
                  <a:gd name="T25" fmla="*/ 6 h 10"/>
                  <a:gd name="T26" fmla="*/ 7 w 8"/>
                  <a:gd name="T27" fmla="*/ 8 h 10"/>
                  <a:gd name="T28" fmla="*/ 5 w 8"/>
                  <a:gd name="T29" fmla="*/ 10 h 10"/>
                  <a:gd name="T30" fmla="*/ 3 w 8"/>
                  <a:gd name="T31" fmla="*/ 10 h 10"/>
                  <a:gd name="T32" fmla="*/ 3 w 8"/>
                  <a:gd name="T33" fmla="*/ 10 h 10"/>
                  <a:gd name="T34" fmla="*/ 2 w 8"/>
                  <a:gd name="T35" fmla="*/ 10 h 10"/>
                  <a:gd name="T36" fmla="*/ 2 w 8"/>
                  <a:gd name="T37" fmla="*/ 8 h 10"/>
                  <a:gd name="T38" fmla="*/ 0 w 8"/>
                  <a:gd name="T39" fmla="*/ 6 h 10"/>
                  <a:gd name="T40" fmla="*/ 0 w 8"/>
                  <a:gd name="T41" fmla="*/ 5 h 1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8"/>
                  <a:gd name="T64" fmla="*/ 0 h 10"/>
                  <a:gd name="T65" fmla="*/ 8 w 8"/>
                  <a:gd name="T66" fmla="*/ 10 h 10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8" h="10">
                    <a:moveTo>
                      <a:pt x="0" y="5"/>
                    </a:moveTo>
                    <a:lnTo>
                      <a:pt x="0" y="5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1"/>
                    </a:lnTo>
                    <a:lnTo>
                      <a:pt x="8" y="1"/>
                    </a:lnTo>
                    <a:lnTo>
                      <a:pt x="8" y="5"/>
                    </a:lnTo>
                    <a:lnTo>
                      <a:pt x="8" y="6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6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502" name="Freeform 107"/>
              <p:cNvSpPr>
                <a:spLocks/>
              </p:cNvSpPr>
              <p:nvPr/>
            </p:nvSpPr>
            <p:spPr bwMode="auto">
              <a:xfrm>
                <a:off x="738" y="3474"/>
                <a:ext cx="7" cy="11"/>
              </a:xfrm>
              <a:custGeom>
                <a:avLst/>
                <a:gdLst>
                  <a:gd name="T0" fmla="*/ 0 w 7"/>
                  <a:gd name="T1" fmla="*/ 6 h 11"/>
                  <a:gd name="T2" fmla="*/ 0 w 7"/>
                  <a:gd name="T3" fmla="*/ 4 h 11"/>
                  <a:gd name="T4" fmla="*/ 2 w 7"/>
                  <a:gd name="T5" fmla="*/ 2 h 11"/>
                  <a:gd name="T6" fmla="*/ 2 w 7"/>
                  <a:gd name="T7" fmla="*/ 0 h 11"/>
                  <a:gd name="T8" fmla="*/ 4 w 7"/>
                  <a:gd name="T9" fmla="*/ 0 h 11"/>
                  <a:gd name="T10" fmla="*/ 6 w 7"/>
                  <a:gd name="T11" fmla="*/ 0 h 11"/>
                  <a:gd name="T12" fmla="*/ 7 w 7"/>
                  <a:gd name="T13" fmla="*/ 2 h 11"/>
                  <a:gd name="T14" fmla="*/ 7 w 7"/>
                  <a:gd name="T15" fmla="*/ 4 h 11"/>
                  <a:gd name="T16" fmla="*/ 7 w 7"/>
                  <a:gd name="T17" fmla="*/ 6 h 11"/>
                  <a:gd name="T18" fmla="*/ 7 w 7"/>
                  <a:gd name="T19" fmla="*/ 7 h 11"/>
                  <a:gd name="T20" fmla="*/ 7 w 7"/>
                  <a:gd name="T21" fmla="*/ 9 h 11"/>
                  <a:gd name="T22" fmla="*/ 6 w 7"/>
                  <a:gd name="T23" fmla="*/ 9 h 11"/>
                  <a:gd name="T24" fmla="*/ 4 w 7"/>
                  <a:gd name="T25" fmla="*/ 11 h 11"/>
                  <a:gd name="T26" fmla="*/ 2 w 7"/>
                  <a:gd name="T27" fmla="*/ 9 h 11"/>
                  <a:gd name="T28" fmla="*/ 2 w 7"/>
                  <a:gd name="T29" fmla="*/ 9 h 11"/>
                  <a:gd name="T30" fmla="*/ 0 w 7"/>
                  <a:gd name="T31" fmla="*/ 7 h 11"/>
                  <a:gd name="T32" fmla="*/ 0 w 7"/>
                  <a:gd name="T33" fmla="*/ 6 h 11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7"/>
                  <a:gd name="T52" fmla="*/ 0 h 11"/>
                  <a:gd name="T53" fmla="*/ 7 w 7"/>
                  <a:gd name="T54" fmla="*/ 11 h 11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7" h="11">
                    <a:moveTo>
                      <a:pt x="0" y="6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2"/>
                    </a:lnTo>
                    <a:lnTo>
                      <a:pt x="7" y="4"/>
                    </a:lnTo>
                    <a:lnTo>
                      <a:pt x="7" y="6"/>
                    </a:lnTo>
                    <a:lnTo>
                      <a:pt x="7" y="7"/>
                    </a:lnTo>
                    <a:lnTo>
                      <a:pt x="7" y="9"/>
                    </a:lnTo>
                    <a:lnTo>
                      <a:pt x="6" y="9"/>
                    </a:lnTo>
                    <a:lnTo>
                      <a:pt x="4" y="11"/>
                    </a:lnTo>
                    <a:lnTo>
                      <a:pt x="2" y="9"/>
                    </a:lnTo>
                    <a:lnTo>
                      <a:pt x="0" y="7"/>
                    </a:lnTo>
                    <a:lnTo>
                      <a:pt x="0" y="6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503" name="Freeform 108"/>
              <p:cNvSpPr>
                <a:spLocks/>
              </p:cNvSpPr>
              <p:nvPr/>
            </p:nvSpPr>
            <p:spPr bwMode="auto">
              <a:xfrm>
                <a:off x="738" y="3474"/>
                <a:ext cx="7" cy="11"/>
              </a:xfrm>
              <a:custGeom>
                <a:avLst/>
                <a:gdLst>
                  <a:gd name="T0" fmla="*/ 0 w 7"/>
                  <a:gd name="T1" fmla="*/ 6 h 11"/>
                  <a:gd name="T2" fmla="*/ 0 w 7"/>
                  <a:gd name="T3" fmla="*/ 6 h 11"/>
                  <a:gd name="T4" fmla="*/ 0 w 7"/>
                  <a:gd name="T5" fmla="*/ 4 h 11"/>
                  <a:gd name="T6" fmla="*/ 2 w 7"/>
                  <a:gd name="T7" fmla="*/ 2 h 11"/>
                  <a:gd name="T8" fmla="*/ 2 w 7"/>
                  <a:gd name="T9" fmla="*/ 0 h 11"/>
                  <a:gd name="T10" fmla="*/ 4 w 7"/>
                  <a:gd name="T11" fmla="*/ 0 h 11"/>
                  <a:gd name="T12" fmla="*/ 4 w 7"/>
                  <a:gd name="T13" fmla="*/ 0 h 11"/>
                  <a:gd name="T14" fmla="*/ 6 w 7"/>
                  <a:gd name="T15" fmla="*/ 0 h 11"/>
                  <a:gd name="T16" fmla="*/ 7 w 7"/>
                  <a:gd name="T17" fmla="*/ 2 h 11"/>
                  <a:gd name="T18" fmla="*/ 7 w 7"/>
                  <a:gd name="T19" fmla="*/ 4 h 11"/>
                  <a:gd name="T20" fmla="*/ 7 w 7"/>
                  <a:gd name="T21" fmla="*/ 6 h 11"/>
                  <a:gd name="T22" fmla="*/ 7 w 7"/>
                  <a:gd name="T23" fmla="*/ 6 h 11"/>
                  <a:gd name="T24" fmla="*/ 7 w 7"/>
                  <a:gd name="T25" fmla="*/ 7 h 11"/>
                  <a:gd name="T26" fmla="*/ 7 w 7"/>
                  <a:gd name="T27" fmla="*/ 9 h 11"/>
                  <a:gd name="T28" fmla="*/ 6 w 7"/>
                  <a:gd name="T29" fmla="*/ 9 h 11"/>
                  <a:gd name="T30" fmla="*/ 4 w 7"/>
                  <a:gd name="T31" fmla="*/ 11 h 11"/>
                  <a:gd name="T32" fmla="*/ 4 w 7"/>
                  <a:gd name="T33" fmla="*/ 11 h 11"/>
                  <a:gd name="T34" fmla="*/ 2 w 7"/>
                  <a:gd name="T35" fmla="*/ 9 h 11"/>
                  <a:gd name="T36" fmla="*/ 2 w 7"/>
                  <a:gd name="T37" fmla="*/ 9 h 11"/>
                  <a:gd name="T38" fmla="*/ 0 w 7"/>
                  <a:gd name="T39" fmla="*/ 7 h 11"/>
                  <a:gd name="T40" fmla="*/ 0 w 7"/>
                  <a:gd name="T41" fmla="*/ 6 h 11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7"/>
                  <a:gd name="T64" fmla="*/ 0 h 11"/>
                  <a:gd name="T65" fmla="*/ 7 w 7"/>
                  <a:gd name="T66" fmla="*/ 11 h 11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7" h="11">
                    <a:moveTo>
                      <a:pt x="0" y="6"/>
                    </a:moveTo>
                    <a:lnTo>
                      <a:pt x="0" y="6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2"/>
                    </a:lnTo>
                    <a:lnTo>
                      <a:pt x="7" y="4"/>
                    </a:lnTo>
                    <a:lnTo>
                      <a:pt x="7" y="6"/>
                    </a:lnTo>
                    <a:lnTo>
                      <a:pt x="7" y="7"/>
                    </a:lnTo>
                    <a:lnTo>
                      <a:pt x="7" y="9"/>
                    </a:lnTo>
                    <a:lnTo>
                      <a:pt x="6" y="9"/>
                    </a:lnTo>
                    <a:lnTo>
                      <a:pt x="4" y="11"/>
                    </a:lnTo>
                    <a:lnTo>
                      <a:pt x="2" y="9"/>
                    </a:lnTo>
                    <a:lnTo>
                      <a:pt x="0" y="7"/>
                    </a:lnTo>
                    <a:lnTo>
                      <a:pt x="0" y="6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504" name="Freeform 109"/>
              <p:cNvSpPr>
                <a:spLocks/>
              </p:cNvSpPr>
              <p:nvPr/>
            </p:nvSpPr>
            <p:spPr bwMode="auto">
              <a:xfrm>
                <a:off x="650" y="3331"/>
                <a:ext cx="21" cy="15"/>
              </a:xfrm>
              <a:custGeom>
                <a:avLst/>
                <a:gdLst>
                  <a:gd name="T0" fmla="*/ 2 w 21"/>
                  <a:gd name="T1" fmla="*/ 1 h 15"/>
                  <a:gd name="T2" fmla="*/ 19 w 21"/>
                  <a:gd name="T3" fmla="*/ 0 h 15"/>
                  <a:gd name="T4" fmla="*/ 19 w 21"/>
                  <a:gd name="T5" fmla="*/ 1 h 15"/>
                  <a:gd name="T6" fmla="*/ 19 w 21"/>
                  <a:gd name="T7" fmla="*/ 3 h 15"/>
                  <a:gd name="T8" fmla="*/ 21 w 21"/>
                  <a:gd name="T9" fmla="*/ 5 h 15"/>
                  <a:gd name="T10" fmla="*/ 21 w 21"/>
                  <a:gd name="T11" fmla="*/ 8 h 15"/>
                  <a:gd name="T12" fmla="*/ 21 w 21"/>
                  <a:gd name="T13" fmla="*/ 10 h 15"/>
                  <a:gd name="T14" fmla="*/ 21 w 21"/>
                  <a:gd name="T15" fmla="*/ 13 h 15"/>
                  <a:gd name="T16" fmla="*/ 17 w 21"/>
                  <a:gd name="T17" fmla="*/ 15 h 15"/>
                  <a:gd name="T18" fmla="*/ 12 w 21"/>
                  <a:gd name="T19" fmla="*/ 15 h 15"/>
                  <a:gd name="T20" fmla="*/ 12 w 21"/>
                  <a:gd name="T21" fmla="*/ 15 h 15"/>
                  <a:gd name="T22" fmla="*/ 11 w 21"/>
                  <a:gd name="T23" fmla="*/ 13 h 15"/>
                  <a:gd name="T24" fmla="*/ 7 w 21"/>
                  <a:gd name="T25" fmla="*/ 11 h 15"/>
                  <a:gd name="T26" fmla="*/ 6 w 21"/>
                  <a:gd name="T27" fmla="*/ 10 h 15"/>
                  <a:gd name="T28" fmla="*/ 4 w 21"/>
                  <a:gd name="T29" fmla="*/ 8 h 15"/>
                  <a:gd name="T30" fmla="*/ 2 w 21"/>
                  <a:gd name="T31" fmla="*/ 6 h 15"/>
                  <a:gd name="T32" fmla="*/ 0 w 21"/>
                  <a:gd name="T33" fmla="*/ 6 h 15"/>
                  <a:gd name="T34" fmla="*/ 0 w 21"/>
                  <a:gd name="T35" fmla="*/ 6 h 15"/>
                  <a:gd name="T36" fmla="*/ 2 w 21"/>
                  <a:gd name="T37" fmla="*/ 1 h 15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w 21"/>
                  <a:gd name="T58" fmla="*/ 0 h 15"/>
                  <a:gd name="T59" fmla="*/ 21 w 21"/>
                  <a:gd name="T60" fmla="*/ 15 h 15"/>
                </a:gdLst>
                <a:ahLst/>
                <a:cxnLst>
                  <a:cxn ang="T38">
                    <a:pos x="T0" y="T1"/>
                  </a:cxn>
                  <a:cxn ang="T39">
                    <a:pos x="T2" y="T3"/>
                  </a:cxn>
                  <a:cxn ang="T40">
                    <a:pos x="T4" y="T5"/>
                  </a:cxn>
                  <a:cxn ang="T41">
                    <a:pos x="T6" y="T7"/>
                  </a:cxn>
                  <a:cxn ang="T42">
                    <a:pos x="T8" y="T9"/>
                  </a:cxn>
                  <a:cxn ang="T43">
                    <a:pos x="T10" y="T11"/>
                  </a:cxn>
                  <a:cxn ang="T44">
                    <a:pos x="T12" y="T13"/>
                  </a:cxn>
                  <a:cxn ang="T45">
                    <a:pos x="T14" y="T15"/>
                  </a:cxn>
                  <a:cxn ang="T46">
                    <a:pos x="T16" y="T17"/>
                  </a:cxn>
                  <a:cxn ang="T47">
                    <a:pos x="T18" y="T19"/>
                  </a:cxn>
                  <a:cxn ang="T48">
                    <a:pos x="T20" y="T21"/>
                  </a:cxn>
                  <a:cxn ang="T49">
                    <a:pos x="T22" y="T23"/>
                  </a:cxn>
                  <a:cxn ang="T50">
                    <a:pos x="T24" y="T25"/>
                  </a:cxn>
                  <a:cxn ang="T51">
                    <a:pos x="T26" y="T27"/>
                  </a:cxn>
                  <a:cxn ang="T52">
                    <a:pos x="T28" y="T29"/>
                  </a:cxn>
                  <a:cxn ang="T53">
                    <a:pos x="T30" y="T31"/>
                  </a:cxn>
                  <a:cxn ang="T54">
                    <a:pos x="T32" y="T33"/>
                  </a:cxn>
                  <a:cxn ang="T55">
                    <a:pos x="T34" y="T35"/>
                  </a:cxn>
                  <a:cxn ang="T56">
                    <a:pos x="T36" y="T37"/>
                  </a:cxn>
                </a:cxnLst>
                <a:rect l="T57" t="T58" r="T59" b="T60"/>
                <a:pathLst>
                  <a:path w="21" h="15">
                    <a:moveTo>
                      <a:pt x="2" y="1"/>
                    </a:moveTo>
                    <a:lnTo>
                      <a:pt x="19" y="0"/>
                    </a:lnTo>
                    <a:lnTo>
                      <a:pt x="19" y="1"/>
                    </a:lnTo>
                    <a:lnTo>
                      <a:pt x="19" y="3"/>
                    </a:lnTo>
                    <a:lnTo>
                      <a:pt x="21" y="5"/>
                    </a:lnTo>
                    <a:lnTo>
                      <a:pt x="21" y="8"/>
                    </a:lnTo>
                    <a:lnTo>
                      <a:pt x="21" y="10"/>
                    </a:lnTo>
                    <a:lnTo>
                      <a:pt x="21" y="13"/>
                    </a:lnTo>
                    <a:lnTo>
                      <a:pt x="17" y="15"/>
                    </a:lnTo>
                    <a:lnTo>
                      <a:pt x="12" y="15"/>
                    </a:lnTo>
                    <a:lnTo>
                      <a:pt x="11" y="13"/>
                    </a:lnTo>
                    <a:lnTo>
                      <a:pt x="7" y="11"/>
                    </a:lnTo>
                    <a:lnTo>
                      <a:pt x="6" y="10"/>
                    </a:lnTo>
                    <a:lnTo>
                      <a:pt x="4" y="8"/>
                    </a:lnTo>
                    <a:lnTo>
                      <a:pt x="2" y="6"/>
                    </a:lnTo>
                    <a:lnTo>
                      <a:pt x="0" y="6"/>
                    </a:lnTo>
                    <a:lnTo>
                      <a:pt x="2" y="1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505" name="Freeform 110"/>
              <p:cNvSpPr>
                <a:spLocks/>
              </p:cNvSpPr>
              <p:nvPr/>
            </p:nvSpPr>
            <p:spPr bwMode="auto">
              <a:xfrm>
                <a:off x="650" y="3331"/>
                <a:ext cx="21" cy="15"/>
              </a:xfrm>
              <a:custGeom>
                <a:avLst/>
                <a:gdLst>
                  <a:gd name="T0" fmla="*/ 2 w 21"/>
                  <a:gd name="T1" fmla="*/ 1 h 15"/>
                  <a:gd name="T2" fmla="*/ 19 w 21"/>
                  <a:gd name="T3" fmla="*/ 0 h 15"/>
                  <a:gd name="T4" fmla="*/ 19 w 21"/>
                  <a:gd name="T5" fmla="*/ 0 h 15"/>
                  <a:gd name="T6" fmla="*/ 19 w 21"/>
                  <a:gd name="T7" fmla="*/ 1 h 15"/>
                  <a:gd name="T8" fmla="*/ 19 w 21"/>
                  <a:gd name="T9" fmla="*/ 3 h 15"/>
                  <a:gd name="T10" fmla="*/ 21 w 21"/>
                  <a:gd name="T11" fmla="*/ 5 h 15"/>
                  <a:gd name="T12" fmla="*/ 21 w 21"/>
                  <a:gd name="T13" fmla="*/ 8 h 15"/>
                  <a:gd name="T14" fmla="*/ 21 w 21"/>
                  <a:gd name="T15" fmla="*/ 10 h 15"/>
                  <a:gd name="T16" fmla="*/ 21 w 21"/>
                  <a:gd name="T17" fmla="*/ 13 h 15"/>
                  <a:gd name="T18" fmla="*/ 17 w 21"/>
                  <a:gd name="T19" fmla="*/ 15 h 15"/>
                  <a:gd name="T20" fmla="*/ 12 w 21"/>
                  <a:gd name="T21" fmla="*/ 15 h 15"/>
                  <a:gd name="T22" fmla="*/ 12 w 21"/>
                  <a:gd name="T23" fmla="*/ 15 h 15"/>
                  <a:gd name="T24" fmla="*/ 12 w 21"/>
                  <a:gd name="T25" fmla="*/ 15 h 15"/>
                  <a:gd name="T26" fmla="*/ 11 w 21"/>
                  <a:gd name="T27" fmla="*/ 13 h 15"/>
                  <a:gd name="T28" fmla="*/ 7 w 21"/>
                  <a:gd name="T29" fmla="*/ 11 h 15"/>
                  <a:gd name="T30" fmla="*/ 6 w 21"/>
                  <a:gd name="T31" fmla="*/ 10 h 15"/>
                  <a:gd name="T32" fmla="*/ 4 w 21"/>
                  <a:gd name="T33" fmla="*/ 8 h 15"/>
                  <a:gd name="T34" fmla="*/ 2 w 21"/>
                  <a:gd name="T35" fmla="*/ 6 h 15"/>
                  <a:gd name="T36" fmla="*/ 0 w 21"/>
                  <a:gd name="T37" fmla="*/ 6 h 15"/>
                  <a:gd name="T38" fmla="*/ 0 w 21"/>
                  <a:gd name="T39" fmla="*/ 6 h 15"/>
                  <a:gd name="T40" fmla="*/ 2 w 21"/>
                  <a:gd name="T41" fmla="*/ 1 h 15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21"/>
                  <a:gd name="T64" fmla="*/ 0 h 15"/>
                  <a:gd name="T65" fmla="*/ 21 w 21"/>
                  <a:gd name="T66" fmla="*/ 15 h 15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21" h="15">
                    <a:moveTo>
                      <a:pt x="2" y="1"/>
                    </a:moveTo>
                    <a:lnTo>
                      <a:pt x="19" y="0"/>
                    </a:lnTo>
                    <a:lnTo>
                      <a:pt x="19" y="1"/>
                    </a:lnTo>
                    <a:lnTo>
                      <a:pt x="19" y="3"/>
                    </a:lnTo>
                    <a:lnTo>
                      <a:pt x="21" y="5"/>
                    </a:lnTo>
                    <a:lnTo>
                      <a:pt x="21" y="8"/>
                    </a:lnTo>
                    <a:lnTo>
                      <a:pt x="21" y="10"/>
                    </a:lnTo>
                    <a:lnTo>
                      <a:pt x="21" y="13"/>
                    </a:lnTo>
                    <a:lnTo>
                      <a:pt x="17" y="15"/>
                    </a:lnTo>
                    <a:lnTo>
                      <a:pt x="12" y="15"/>
                    </a:lnTo>
                    <a:lnTo>
                      <a:pt x="11" y="13"/>
                    </a:lnTo>
                    <a:lnTo>
                      <a:pt x="7" y="11"/>
                    </a:lnTo>
                    <a:lnTo>
                      <a:pt x="6" y="10"/>
                    </a:lnTo>
                    <a:lnTo>
                      <a:pt x="4" y="8"/>
                    </a:lnTo>
                    <a:lnTo>
                      <a:pt x="2" y="6"/>
                    </a:lnTo>
                    <a:lnTo>
                      <a:pt x="0" y="6"/>
                    </a:lnTo>
                    <a:lnTo>
                      <a:pt x="2" y="1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506" name="Freeform 111"/>
              <p:cNvSpPr>
                <a:spLocks/>
              </p:cNvSpPr>
              <p:nvPr/>
            </p:nvSpPr>
            <p:spPr bwMode="auto">
              <a:xfrm>
                <a:off x="495" y="3530"/>
                <a:ext cx="18" cy="9"/>
              </a:xfrm>
              <a:custGeom>
                <a:avLst/>
                <a:gdLst>
                  <a:gd name="T0" fmla="*/ 12 w 18"/>
                  <a:gd name="T1" fmla="*/ 2 h 9"/>
                  <a:gd name="T2" fmla="*/ 0 w 18"/>
                  <a:gd name="T3" fmla="*/ 5 h 9"/>
                  <a:gd name="T4" fmla="*/ 13 w 18"/>
                  <a:gd name="T5" fmla="*/ 9 h 9"/>
                  <a:gd name="T6" fmla="*/ 18 w 18"/>
                  <a:gd name="T7" fmla="*/ 0 h 9"/>
                  <a:gd name="T8" fmla="*/ 12 w 18"/>
                  <a:gd name="T9" fmla="*/ 2 h 9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18"/>
                  <a:gd name="T16" fmla="*/ 0 h 9"/>
                  <a:gd name="T17" fmla="*/ 18 w 18"/>
                  <a:gd name="T18" fmla="*/ 9 h 9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18" h="9">
                    <a:moveTo>
                      <a:pt x="12" y="2"/>
                    </a:moveTo>
                    <a:lnTo>
                      <a:pt x="0" y="5"/>
                    </a:lnTo>
                    <a:lnTo>
                      <a:pt x="13" y="9"/>
                    </a:lnTo>
                    <a:lnTo>
                      <a:pt x="18" y="0"/>
                    </a:lnTo>
                    <a:lnTo>
                      <a:pt x="12" y="2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507" name="Freeform 112"/>
              <p:cNvSpPr>
                <a:spLocks/>
              </p:cNvSpPr>
              <p:nvPr/>
            </p:nvSpPr>
            <p:spPr bwMode="auto">
              <a:xfrm>
                <a:off x="495" y="3530"/>
                <a:ext cx="18" cy="9"/>
              </a:xfrm>
              <a:custGeom>
                <a:avLst/>
                <a:gdLst>
                  <a:gd name="T0" fmla="*/ 12 w 18"/>
                  <a:gd name="T1" fmla="*/ 2 h 9"/>
                  <a:gd name="T2" fmla="*/ 0 w 18"/>
                  <a:gd name="T3" fmla="*/ 5 h 9"/>
                  <a:gd name="T4" fmla="*/ 13 w 18"/>
                  <a:gd name="T5" fmla="*/ 9 h 9"/>
                  <a:gd name="T6" fmla="*/ 18 w 18"/>
                  <a:gd name="T7" fmla="*/ 0 h 9"/>
                  <a:gd name="T8" fmla="*/ 12 w 18"/>
                  <a:gd name="T9" fmla="*/ 2 h 9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18"/>
                  <a:gd name="T16" fmla="*/ 0 h 9"/>
                  <a:gd name="T17" fmla="*/ 18 w 18"/>
                  <a:gd name="T18" fmla="*/ 9 h 9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18" h="9">
                    <a:moveTo>
                      <a:pt x="12" y="2"/>
                    </a:moveTo>
                    <a:lnTo>
                      <a:pt x="0" y="5"/>
                    </a:lnTo>
                    <a:lnTo>
                      <a:pt x="13" y="9"/>
                    </a:lnTo>
                    <a:lnTo>
                      <a:pt x="18" y="0"/>
                    </a:lnTo>
                    <a:lnTo>
                      <a:pt x="12" y="2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508" name="Freeform 113"/>
              <p:cNvSpPr>
                <a:spLocks/>
              </p:cNvSpPr>
              <p:nvPr/>
            </p:nvSpPr>
            <p:spPr bwMode="auto">
              <a:xfrm>
                <a:off x="606" y="3229"/>
                <a:ext cx="34" cy="25"/>
              </a:xfrm>
              <a:custGeom>
                <a:avLst/>
                <a:gdLst>
                  <a:gd name="T0" fmla="*/ 4 w 34"/>
                  <a:gd name="T1" fmla="*/ 0 h 25"/>
                  <a:gd name="T2" fmla="*/ 4 w 34"/>
                  <a:gd name="T3" fmla="*/ 0 h 25"/>
                  <a:gd name="T4" fmla="*/ 4 w 34"/>
                  <a:gd name="T5" fmla="*/ 2 h 25"/>
                  <a:gd name="T6" fmla="*/ 6 w 34"/>
                  <a:gd name="T7" fmla="*/ 3 h 25"/>
                  <a:gd name="T8" fmla="*/ 9 w 34"/>
                  <a:gd name="T9" fmla="*/ 5 h 25"/>
                  <a:gd name="T10" fmla="*/ 11 w 34"/>
                  <a:gd name="T11" fmla="*/ 7 h 25"/>
                  <a:gd name="T12" fmla="*/ 14 w 34"/>
                  <a:gd name="T13" fmla="*/ 7 h 25"/>
                  <a:gd name="T14" fmla="*/ 17 w 34"/>
                  <a:gd name="T15" fmla="*/ 5 h 25"/>
                  <a:gd name="T16" fmla="*/ 21 w 34"/>
                  <a:gd name="T17" fmla="*/ 3 h 25"/>
                  <a:gd name="T18" fmla="*/ 21 w 34"/>
                  <a:gd name="T19" fmla="*/ 3 h 25"/>
                  <a:gd name="T20" fmla="*/ 21 w 34"/>
                  <a:gd name="T21" fmla="*/ 5 h 25"/>
                  <a:gd name="T22" fmla="*/ 22 w 34"/>
                  <a:gd name="T23" fmla="*/ 7 h 25"/>
                  <a:gd name="T24" fmla="*/ 22 w 34"/>
                  <a:gd name="T25" fmla="*/ 10 h 25"/>
                  <a:gd name="T26" fmla="*/ 26 w 34"/>
                  <a:gd name="T27" fmla="*/ 14 h 25"/>
                  <a:gd name="T28" fmla="*/ 28 w 34"/>
                  <a:gd name="T29" fmla="*/ 15 h 25"/>
                  <a:gd name="T30" fmla="*/ 31 w 34"/>
                  <a:gd name="T31" fmla="*/ 17 h 25"/>
                  <a:gd name="T32" fmla="*/ 34 w 34"/>
                  <a:gd name="T33" fmla="*/ 17 h 25"/>
                  <a:gd name="T34" fmla="*/ 34 w 34"/>
                  <a:gd name="T35" fmla="*/ 19 h 25"/>
                  <a:gd name="T36" fmla="*/ 33 w 34"/>
                  <a:gd name="T37" fmla="*/ 19 h 25"/>
                  <a:gd name="T38" fmla="*/ 31 w 34"/>
                  <a:gd name="T39" fmla="*/ 20 h 25"/>
                  <a:gd name="T40" fmla="*/ 28 w 34"/>
                  <a:gd name="T41" fmla="*/ 22 h 25"/>
                  <a:gd name="T42" fmla="*/ 26 w 34"/>
                  <a:gd name="T43" fmla="*/ 24 h 25"/>
                  <a:gd name="T44" fmla="*/ 24 w 34"/>
                  <a:gd name="T45" fmla="*/ 25 h 25"/>
                  <a:gd name="T46" fmla="*/ 22 w 34"/>
                  <a:gd name="T47" fmla="*/ 25 h 25"/>
                  <a:gd name="T48" fmla="*/ 22 w 34"/>
                  <a:gd name="T49" fmla="*/ 25 h 25"/>
                  <a:gd name="T50" fmla="*/ 22 w 34"/>
                  <a:gd name="T51" fmla="*/ 25 h 25"/>
                  <a:gd name="T52" fmla="*/ 22 w 34"/>
                  <a:gd name="T53" fmla="*/ 24 h 25"/>
                  <a:gd name="T54" fmla="*/ 21 w 34"/>
                  <a:gd name="T55" fmla="*/ 20 h 25"/>
                  <a:gd name="T56" fmla="*/ 19 w 34"/>
                  <a:gd name="T57" fmla="*/ 19 h 25"/>
                  <a:gd name="T58" fmla="*/ 17 w 34"/>
                  <a:gd name="T59" fmla="*/ 15 h 25"/>
                  <a:gd name="T60" fmla="*/ 12 w 34"/>
                  <a:gd name="T61" fmla="*/ 14 h 25"/>
                  <a:gd name="T62" fmla="*/ 7 w 34"/>
                  <a:gd name="T63" fmla="*/ 10 h 25"/>
                  <a:gd name="T64" fmla="*/ 0 w 34"/>
                  <a:gd name="T65" fmla="*/ 10 h 25"/>
                  <a:gd name="T66" fmla="*/ 0 w 34"/>
                  <a:gd name="T67" fmla="*/ 9 h 25"/>
                  <a:gd name="T68" fmla="*/ 0 w 34"/>
                  <a:gd name="T69" fmla="*/ 5 h 25"/>
                  <a:gd name="T70" fmla="*/ 2 w 34"/>
                  <a:gd name="T71" fmla="*/ 2 h 25"/>
                  <a:gd name="T72" fmla="*/ 4 w 34"/>
                  <a:gd name="T73" fmla="*/ 0 h 25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w 34"/>
                  <a:gd name="T112" fmla="*/ 0 h 25"/>
                  <a:gd name="T113" fmla="*/ 34 w 34"/>
                  <a:gd name="T114" fmla="*/ 25 h 25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T111" t="T112" r="T113" b="T114"/>
                <a:pathLst>
                  <a:path w="34" h="25">
                    <a:moveTo>
                      <a:pt x="4" y="0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6" y="3"/>
                    </a:lnTo>
                    <a:lnTo>
                      <a:pt x="9" y="5"/>
                    </a:lnTo>
                    <a:lnTo>
                      <a:pt x="11" y="7"/>
                    </a:lnTo>
                    <a:lnTo>
                      <a:pt x="14" y="7"/>
                    </a:lnTo>
                    <a:lnTo>
                      <a:pt x="17" y="5"/>
                    </a:lnTo>
                    <a:lnTo>
                      <a:pt x="21" y="3"/>
                    </a:lnTo>
                    <a:lnTo>
                      <a:pt x="21" y="5"/>
                    </a:lnTo>
                    <a:lnTo>
                      <a:pt x="22" y="7"/>
                    </a:lnTo>
                    <a:lnTo>
                      <a:pt x="22" y="10"/>
                    </a:lnTo>
                    <a:lnTo>
                      <a:pt x="26" y="14"/>
                    </a:lnTo>
                    <a:lnTo>
                      <a:pt x="28" y="15"/>
                    </a:lnTo>
                    <a:lnTo>
                      <a:pt x="31" y="17"/>
                    </a:lnTo>
                    <a:lnTo>
                      <a:pt x="34" y="17"/>
                    </a:lnTo>
                    <a:lnTo>
                      <a:pt x="34" y="19"/>
                    </a:lnTo>
                    <a:lnTo>
                      <a:pt x="33" y="19"/>
                    </a:lnTo>
                    <a:lnTo>
                      <a:pt x="31" y="20"/>
                    </a:lnTo>
                    <a:lnTo>
                      <a:pt x="28" y="22"/>
                    </a:lnTo>
                    <a:lnTo>
                      <a:pt x="26" y="24"/>
                    </a:lnTo>
                    <a:lnTo>
                      <a:pt x="24" y="25"/>
                    </a:lnTo>
                    <a:lnTo>
                      <a:pt x="22" y="25"/>
                    </a:lnTo>
                    <a:lnTo>
                      <a:pt x="22" y="24"/>
                    </a:lnTo>
                    <a:lnTo>
                      <a:pt x="21" y="20"/>
                    </a:lnTo>
                    <a:lnTo>
                      <a:pt x="19" y="19"/>
                    </a:lnTo>
                    <a:lnTo>
                      <a:pt x="17" y="15"/>
                    </a:lnTo>
                    <a:lnTo>
                      <a:pt x="12" y="14"/>
                    </a:lnTo>
                    <a:lnTo>
                      <a:pt x="7" y="10"/>
                    </a:lnTo>
                    <a:lnTo>
                      <a:pt x="0" y="10"/>
                    </a:lnTo>
                    <a:lnTo>
                      <a:pt x="0" y="9"/>
                    </a:lnTo>
                    <a:lnTo>
                      <a:pt x="0" y="5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509" name="Freeform 114"/>
              <p:cNvSpPr>
                <a:spLocks/>
              </p:cNvSpPr>
              <p:nvPr/>
            </p:nvSpPr>
            <p:spPr bwMode="auto">
              <a:xfrm>
                <a:off x="606" y="3229"/>
                <a:ext cx="34" cy="25"/>
              </a:xfrm>
              <a:custGeom>
                <a:avLst/>
                <a:gdLst>
                  <a:gd name="T0" fmla="*/ 4 w 34"/>
                  <a:gd name="T1" fmla="*/ 0 h 25"/>
                  <a:gd name="T2" fmla="*/ 4 w 34"/>
                  <a:gd name="T3" fmla="*/ 0 h 25"/>
                  <a:gd name="T4" fmla="*/ 4 w 34"/>
                  <a:gd name="T5" fmla="*/ 0 h 25"/>
                  <a:gd name="T6" fmla="*/ 4 w 34"/>
                  <a:gd name="T7" fmla="*/ 2 h 25"/>
                  <a:gd name="T8" fmla="*/ 6 w 34"/>
                  <a:gd name="T9" fmla="*/ 3 h 25"/>
                  <a:gd name="T10" fmla="*/ 9 w 34"/>
                  <a:gd name="T11" fmla="*/ 5 h 25"/>
                  <a:gd name="T12" fmla="*/ 11 w 34"/>
                  <a:gd name="T13" fmla="*/ 7 h 25"/>
                  <a:gd name="T14" fmla="*/ 14 w 34"/>
                  <a:gd name="T15" fmla="*/ 7 h 25"/>
                  <a:gd name="T16" fmla="*/ 17 w 34"/>
                  <a:gd name="T17" fmla="*/ 5 h 25"/>
                  <a:gd name="T18" fmla="*/ 21 w 34"/>
                  <a:gd name="T19" fmla="*/ 3 h 25"/>
                  <a:gd name="T20" fmla="*/ 21 w 34"/>
                  <a:gd name="T21" fmla="*/ 3 h 25"/>
                  <a:gd name="T22" fmla="*/ 21 w 34"/>
                  <a:gd name="T23" fmla="*/ 3 h 25"/>
                  <a:gd name="T24" fmla="*/ 21 w 34"/>
                  <a:gd name="T25" fmla="*/ 5 h 25"/>
                  <a:gd name="T26" fmla="*/ 22 w 34"/>
                  <a:gd name="T27" fmla="*/ 7 h 25"/>
                  <a:gd name="T28" fmla="*/ 22 w 34"/>
                  <a:gd name="T29" fmla="*/ 10 h 25"/>
                  <a:gd name="T30" fmla="*/ 26 w 34"/>
                  <a:gd name="T31" fmla="*/ 14 h 25"/>
                  <a:gd name="T32" fmla="*/ 28 w 34"/>
                  <a:gd name="T33" fmla="*/ 15 h 25"/>
                  <a:gd name="T34" fmla="*/ 31 w 34"/>
                  <a:gd name="T35" fmla="*/ 17 h 25"/>
                  <a:gd name="T36" fmla="*/ 34 w 34"/>
                  <a:gd name="T37" fmla="*/ 17 h 25"/>
                  <a:gd name="T38" fmla="*/ 34 w 34"/>
                  <a:gd name="T39" fmla="*/ 17 h 25"/>
                  <a:gd name="T40" fmla="*/ 34 w 34"/>
                  <a:gd name="T41" fmla="*/ 19 h 25"/>
                  <a:gd name="T42" fmla="*/ 33 w 34"/>
                  <a:gd name="T43" fmla="*/ 19 h 25"/>
                  <a:gd name="T44" fmla="*/ 31 w 34"/>
                  <a:gd name="T45" fmla="*/ 20 h 25"/>
                  <a:gd name="T46" fmla="*/ 28 w 34"/>
                  <a:gd name="T47" fmla="*/ 22 h 25"/>
                  <a:gd name="T48" fmla="*/ 26 w 34"/>
                  <a:gd name="T49" fmla="*/ 24 h 25"/>
                  <a:gd name="T50" fmla="*/ 24 w 34"/>
                  <a:gd name="T51" fmla="*/ 25 h 25"/>
                  <a:gd name="T52" fmla="*/ 22 w 34"/>
                  <a:gd name="T53" fmla="*/ 25 h 25"/>
                  <a:gd name="T54" fmla="*/ 22 w 34"/>
                  <a:gd name="T55" fmla="*/ 25 h 25"/>
                  <a:gd name="T56" fmla="*/ 22 w 34"/>
                  <a:gd name="T57" fmla="*/ 25 h 25"/>
                  <a:gd name="T58" fmla="*/ 22 w 34"/>
                  <a:gd name="T59" fmla="*/ 25 h 25"/>
                  <a:gd name="T60" fmla="*/ 22 w 34"/>
                  <a:gd name="T61" fmla="*/ 24 h 25"/>
                  <a:gd name="T62" fmla="*/ 21 w 34"/>
                  <a:gd name="T63" fmla="*/ 20 h 25"/>
                  <a:gd name="T64" fmla="*/ 19 w 34"/>
                  <a:gd name="T65" fmla="*/ 19 h 25"/>
                  <a:gd name="T66" fmla="*/ 17 w 34"/>
                  <a:gd name="T67" fmla="*/ 15 h 25"/>
                  <a:gd name="T68" fmla="*/ 12 w 34"/>
                  <a:gd name="T69" fmla="*/ 14 h 25"/>
                  <a:gd name="T70" fmla="*/ 7 w 34"/>
                  <a:gd name="T71" fmla="*/ 10 h 25"/>
                  <a:gd name="T72" fmla="*/ 0 w 34"/>
                  <a:gd name="T73" fmla="*/ 10 h 25"/>
                  <a:gd name="T74" fmla="*/ 0 w 34"/>
                  <a:gd name="T75" fmla="*/ 10 h 25"/>
                  <a:gd name="T76" fmla="*/ 0 w 34"/>
                  <a:gd name="T77" fmla="*/ 9 h 25"/>
                  <a:gd name="T78" fmla="*/ 0 w 34"/>
                  <a:gd name="T79" fmla="*/ 5 h 25"/>
                  <a:gd name="T80" fmla="*/ 2 w 34"/>
                  <a:gd name="T81" fmla="*/ 2 h 25"/>
                  <a:gd name="T82" fmla="*/ 4 w 34"/>
                  <a:gd name="T83" fmla="*/ 0 h 25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w 34"/>
                  <a:gd name="T127" fmla="*/ 0 h 25"/>
                  <a:gd name="T128" fmla="*/ 34 w 34"/>
                  <a:gd name="T129" fmla="*/ 25 h 25"/>
                </a:gdLst>
                <a:ahLst/>
                <a:cxnLst>
                  <a:cxn ang="T84">
                    <a:pos x="T0" y="T1"/>
                  </a:cxn>
                  <a:cxn ang="T85">
                    <a:pos x="T2" y="T3"/>
                  </a:cxn>
                  <a:cxn ang="T86">
                    <a:pos x="T4" y="T5"/>
                  </a:cxn>
                  <a:cxn ang="T87">
                    <a:pos x="T6" y="T7"/>
                  </a:cxn>
                  <a:cxn ang="T88">
                    <a:pos x="T8" y="T9"/>
                  </a:cxn>
                  <a:cxn ang="T89">
                    <a:pos x="T10" y="T11"/>
                  </a:cxn>
                  <a:cxn ang="T90">
                    <a:pos x="T12" y="T13"/>
                  </a:cxn>
                  <a:cxn ang="T91">
                    <a:pos x="T14" y="T15"/>
                  </a:cxn>
                  <a:cxn ang="T92">
                    <a:pos x="T16" y="T17"/>
                  </a:cxn>
                  <a:cxn ang="T93">
                    <a:pos x="T18" y="T19"/>
                  </a:cxn>
                  <a:cxn ang="T94">
                    <a:pos x="T20" y="T21"/>
                  </a:cxn>
                  <a:cxn ang="T95">
                    <a:pos x="T22" y="T23"/>
                  </a:cxn>
                  <a:cxn ang="T96">
                    <a:pos x="T24" y="T25"/>
                  </a:cxn>
                  <a:cxn ang="T97">
                    <a:pos x="T26" y="T27"/>
                  </a:cxn>
                  <a:cxn ang="T98">
                    <a:pos x="T28" y="T29"/>
                  </a:cxn>
                  <a:cxn ang="T99">
                    <a:pos x="T30" y="T31"/>
                  </a:cxn>
                  <a:cxn ang="T100">
                    <a:pos x="T32" y="T33"/>
                  </a:cxn>
                  <a:cxn ang="T101">
                    <a:pos x="T34" y="T35"/>
                  </a:cxn>
                  <a:cxn ang="T102">
                    <a:pos x="T36" y="T37"/>
                  </a:cxn>
                  <a:cxn ang="T103">
                    <a:pos x="T38" y="T39"/>
                  </a:cxn>
                  <a:cxn ang="T104">
                    <a:pos x="T40" y="T41"/>
                  </a:cxn>
                  <a:cxn ang="T105">
                    <a:pos x="T42" y="T43"/>
                  </a:cxn>
                  <a:cxn ang="T106">
                    <a:pos x="T44" y="T45"/>
                  </a:cxn>
                  <a:cxn ang="T107">
                    <a:pos x="T46" y="T47"/>
                  </a:cxn>
                  <a:cxn ang="T108">
                    <a:pos x="T48" y="T49"/>
                  </a:cxn>
                  <a:cxn ang="T109">
                    <a:pos x="T50" y="T51"/>
                  </a:cxn>
                  <a:cxn ang="T110">
                    <a:pos x="T52" y="T53"/>
                  </a:cxn>
                  <a:cxn ang="T111">
                    <a:pos x="T54" y="T55"/>
                  </a:cxn>
                  <a:cxn ang="T112">
                    <a:pos x="T56" y="T57"/>
                  </a:cxn>
                  <a:cxn ang="T113">
                    <a:pos x="T58" y="T59"/>
                  </a:cxn>
                  <a:cxn ang="T114">
                    <a:pos x="T60" y="T61"/>
                  </a:cxn>
                  <a:cxn ang="T115">
                    <a:pos x="T62" y="T63"/>
                  </a:cxn>
                  <a:cxn ang="T116">
                    <a:pos x="T64" y="T65"/>
                  </a:cxn>
                  <a:cxn ang="T117">
                    <a:pos x="T66" y="T67"/>
                  </a:cxn>
                  <a:cxn ang="T118">
                    <a:pos x="T68" y="T69"/>
                  </a:cxn>
                  <a:cxn ang="T119">
                    <a:pos x="T70" y="T71"/>
                  </a:cxn>
                  <a:cxn ang="T120">
                    <a:pos x="T72" y="T73"/>
                  </a:cxn>
                  <a:cxn ang="T121">
                    <a:pos x="T74" y="T75"/>
                  </a:cxn>
                  <a:cxn ang="T122">
                    <a:pos x="T76" y="T77"/>
                  </a:cxn>
                  <a:cxn ang="T123">
                    <a:pos x="T78" y="T79"/>
                  </a:cxn>
                  <a:cxn ang="T124">
                    <a:pos x="T80" y="T81"/>
                  </a:cxn>
                  <a:cxn ang="T125">
                    <a:pos x="T82" y="T83"/>
                  </a:cxn>
                </a:cxnLst>
                <a:rect l="T126" t="T127" r="T128" b="T129"/>
                <a:pathLst>
                  <a:path w="34" h="25">
                    <a:moveTo>
                      <a:pt x="4" y="0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6" y="3"/>
                    </a:lnTo>
                    <a:lnTo>
                      <a:pt x="9" y="5"/>
                    </a:lnTo>
                    <a:lnTo>
                      <a:pt x="11" y="7"/>
                    </a:lnTo>
                    <a:lnTo>
                      <a:pt x="14" y="7"/>
                    </a:lnTo>
                    <a:lnTo>
                      <a:pt x="17" y="5"/>
                    </a:lnTo>
                    <a:lnTo>
                      <a:pt x="21" y="3"/>
                    </a:lnTo>
                    <a:lnTo>
                      <a:pt x="21" y="5"/>
                    </a:lnTo>
                    <a:lnTo>
                      <a:pt x="22" y="7"/>
                    </a:lnTo>
                    <a:lnTo>
                      <a:pt x="22" y="10"/>
                    </a:lnTo>
                    <a:lnTo>
                      <a:pt x="26" y="14"/>
                    </a:lnTo>
                    <a:lnTo>
                      <a:pt x="28" y="15"/>
                    </a:lnTo>
                    <a:lnTo>
                      <a:pt x="31" y="17"/>
                    </a:lnTo>
                    <a:lnTo>
                      <a:pt x="34" y="17"/>
                    </a:lnTo>
                    <a:lnTo>
                      <a:pt x="34" y="19"/>
                    </a:lnTo>
                    <a:lnTo>
                      <a:pt x="33" y="19"/>
                    </a:lnTo>
                    <a:lnTo>
                      <a:pt x="31" y="20"/>
                    </a:lnTo>
                    <a:lnTo>
                      <a:pt x="28" y="22"/>
                    </a:lnTo>
                    <a:lnTo>
                      <a:pt x="26" y="24"/>
                    </a:lnTo>
                    <a:lnTo>
                      <a:pt x="24" y="25"/>
                    </a:lnTo>
                    <a:lnTo>
                      <a:pt x="22" y="25"/>
                    </a:lnTo>
                    <a:lnTo>
                      <a:pt x="22" y="24"/>
                    </a:lnTo>
                    <a:lnTo>
                      <a:pt x="21" y="20"/>
                    </a:lnTo>
                    <a:lnTo>
                      <a:pt x="19" y="19"/>
                    </a:lnTo>
                    <a:lnTo>
                      <a:pt x="17" y="15"/>
                    </a:lnTo>
                    <a:lnTo>
                      <a:pt x="12" y="14"/>
                    </a:lnTo>
                    <a:lnTo>
                      <a:pt x="7" y="10"/>
                    </a:lnTo>
                    <a:lnTo>
                      <a:pt x="0" y="10"/>
                    </a:lnTo>
                    <a:lnTo>
                      <a:pt x="0" y="9"/>
                    </a:lnTo>
                    <a:lnTo>
                      <a:pt x="0" y="5"/>
                    </a:lnTo>
                    <a:lnTo>
                      <a:pt x="2" y="2"/>
                    </a:lnTo>
                    <a:lnTo>
                      <a:pt x="4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396" name="Freeform 115"/>
            <p:cNvSpPr>
              <a:spLocks/>
            </p:cNvSpPr>
            <p:nvPr/>
          </p:nvSpPr>
          <p:spPr bwMode="auto">
            <a:xfrm>
              <a:off x="250" y="1142"/>
              <a:ext cx="769" cy="650"/>
            </a:xfrm>
            <a:custGeom>
              <a:avLst/>
              <a:gdLst>
                <a:gd name="T0" fmla="*/ 149 w 791"/>
                <a:gd name="T1" fmla="*/ 14 h 669"/>
                <a:gd name="T2" fmla="*/ 137 w 791"/>
                <a:gd name="T3" fmla="*/ 12 h 669"/>
                <a:gd name="T4" fmla="*/ 122 w 791"/>
                <a:gd name="T5" fmla="*/ 0 h 669"/>
                <a:gd name="T6" fmla="*/ 116 w 791"/>
                <a:gd name="T7" fmla="*/ 29 h 669"/>
                <a:gd name="T8" fmla="*/ 89 w 791"/>
                <a:gd name="T9" fmla="*/ 99 h 669"/>
                <a:gd name="T10" fmla="*/ 71 w 791"/>
                <a:gd name="T11" fmla="*/ 147 h 669"/>
                <a:gd name="T12" fmla="*/ 55 w 791"/>
                <a:gd name="T13" fmla="*/ 179 h 669"/>
                <a:gd name="T14" fmla="*/ 40 w 791"/>
                <a:gd name="T15" fmla="*/ 210 h 669"/>
                <a:gd name="T16" fmla="*/ 27 w 791"/>
                <a:gd name="T17" fmla="*/ 224 h 669"/>
                <a:gd name="T18" fmla="*/ 24 w 791"/>
                <a:gd name="T19" fmla="*/ 230 h 669"/>
                <a:gd name="T20" fmla="*/ 14 w 791"/>
                <a:gd name="T21" fmla="*/ 258 h 669"/>
                <a:gd name="T22" fmla="*/ 12 w 791"/>
                <a:gd name="T23" fmla="*/ 275 h 669"/>
                <a:gd name="T24" fmla="*/ 12 w 791"/>
                <a:gd name="T25" fmla="*/ 286 h 669"/>
                <a:gd name="T26" fmla="*/ 2 w 791"/>
                <a:gd name="T27" fmla="*/ 302 h 669"/>
                <a:gd name="T28" fmla="*/ 0 w 791"/>
                <a:gd name="T29" fmla="*/ 317 h 669"/>
                <a:gd name="T30" fmla="*/ 2 w 791"/>
                <a:gd name="T31" fmla="*/ 326 h 669"/>
                <a:gd name="T32" fmla="*/ 4 w 791"/>
                <a:gd name="T33" fmla="*/ 330 h 669"/>
                <a:gd name="T34" fmla="*/ 10 w 791"/>
                <a:gd name="T35" fmla="*/ 337 h 669"/>
                <a:gd name="T36" fmla="*/ 25 w 791"/>
                <a:gd name="T37" fmla="*/ 340 h 669"/>
                <a:gd name="T38" fmla="*/ 59 w 791"/>
                <a:gd name="T39" fmla="*/ 350 h 669"/>
                <a:gd name="T40" fmla="*/ 98 w 791"/>
                <a:gd name="T41" fmla="*/ 361 h 669"/>
                <a:gd name="T42" fmla="*/ 145 w 791"/>
                <a:gd name="T43" fmla="*/ 374 h 669"/>
                <a:gd name="T44" fmla="*/ 193 w 791"/>
                <a:gd name="T45" fmla="*/ 387 h 669"/>
                <a:gd name="T46" fmla="*/ 247 w 791"/>
                <a:gd name="T47" fmla="*/ 400 h 669"/>
                <a:gd name="T48" fmla="*/ 291 w 791"/>
                <a:gd name="T49" fmla="*/ 412 h 669"/>
                <a:gd name="T50" fmla="*/ 330 w 791"/>
                <a:gd name="T51" fmla="*/ 422 h 669"/>
                <a:gd name="T52" fmla="*/ 367 w 791"/>
                <a:gd name="T53" fmla="*/ 431 h 669"/>
                <a:gd name="T54" fmla="*/ 398 w 791"/>
                <a:gd name="T55" fmla="*/ 436 h 669"/>
                <a:gd name="T56" fmla="*/ 421 w 791"/>
                <a:gd name="T57" fmla="*/ 444 h 669"/>
                <a:gd name="T58" fmla="*/ 432 w 791"/>
                <a:gd name="T59" fmla="*/ 448 h 669"/>
                <a:gd name="T60" fmla="*/ 462 w 791"/>
                <a:gd name="T61" fmla="*/ 308 h 669"/>
                <a:gd name="T62" fmla="*/ 477 w 791"/>
                <a:gd name="T63" fmla="*/ 266 h 669"/>
                <a:gd name="T64" fmla="*/ 466 w 791"/>
                <a:gd name="T65" fmla="*/ 250 h 669"/>
                <a:gd name="T66" fmla="*/ 470 w 791"/>
                <a:gd name="T67" fmla="*/ 245 h 669"/>
                <a:gd name="T68" fmla="*/ 492 w 791"/>
                <a:gd name="T69" fmla="*/ 216 h 669"/>
                <a:gd name="T70" fmla="*/ 531 w 791"/>
                <a:gd name="T71" fmla="*/ 159 h 669"/>
                <a:gd name="T72" fmla="*/ 515 w 791"/>
                <a:gd name="T73" fmla="*/ 124 h 669"/>
                <a:gd name="T74" fmla="*/ 398 w 791"/>
                <a:gd name="T75" fmla="*/ 96 h 669"/>
                <a:gd name="T76" fmla="*/ 383 w 791"/>
                <a:gd name="T77" fmla="*/ 98 h 669"/>
                <a:gd name="T78" fmla="*/ 367 w 791"/>
                <a:gd name="T79" fmla="*/ 95 h 669"/>
                <a:gd name="T80" fmla="*/ 357 w 791"/>
                <a:gd name="T81" fmla="*/ 93 h 669"/>
                <a:gd name="T82" fmla="*/ 350 w 791"/>
                <a:gd name="T83" fmla="*/ 96 h 669"/>
                <a:gd name="T84" fmla="*/ 319 w 791"/>
                <a:gd name="T85" fmla="*/ 99 h 669"/>
                <a:gd name="T86" fmla="*/ 297 w 791"/>
                <a:gd name="T87" fmla="*/ 94 h 669"/>
                <a:gd name="T88" fmla="*/ 283 w 791"/>
                <a:gd name="T89" fmla="*/ 95 h 669"/>
                <a:gd name="T90" fmla="*/ 265 w 791"/>
                <a:gd name="T91" fmla="*/ 95 h 669"/>
                <a:gd name="T92" fmla="*/ 244 w 791"/>
                <a:gd name="T93" fmla="*/ 81 h 669"/>
                <a:gd name="T94" fmla="*/ 228 w 791"/>
                <a:gd name="T95" fmla="*/ 80 h 669"/>
                <a:gd name="T96" fmla="*/ 212 w 791"/>
                <a:gd name="T97" fmla="*/ 82 h 669"/>
                <a:gd name="T98" fmla="*/ 193 w 791"/>
                <a:gd name="T99" fmla="*/ 81 h 669"/>
                <a:gd name="T100" fmla="*/ 185 w 791"/>
                <a:gd name="T101" fmla="*/ 76 h 669"/>
                <a:gd name="T102" fmla="*/ 178 w 791"/>
                <a:gd name="T103" fmla="*/ 70 h 669"/>
                <a:gd name="T104" fmla="*/ 177 w 791"/>
                <a:gd name="T105" fmla="*/ 59 h 669"/>
                <a:gd name="T106" fmla="*/ 177 w 791"/>
                <a:gd name="T107" fmla="*/ 43 h 669"/>
                <a:gd name="T108" fmla="*/ 172 w 791"/>
                <a:gd name="T109" fmla="*/ 22 h 669"/>
                <a:gd name="T110" fmla="*/ 159 w 791"/>
                <a:gd name="T111" fmla="*/ 17 h 669"/>
                <a:gd name="T112" fmla="*/ 154 w 791"/>
                <a:gd name="T113" fmla="*/ 17 h 669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w 791"/>
                <a:gd name="T172" fmla="*/ 0 h 669"/>
                <a:gd name="T173" fmla="*/ 791 w 791"/>
                <a:gd name="T174" fmla="*/ 669 h 669"/>
              </a:gdLst>
              <a:ahLst/>
              <a:cxnLst>
                <a:cxn ang="T114">
                  <a:pos x="T0" y="T1"/>
                </a:cxn>
                <a:cxn ang="T115">
                  <a:pos x="T2" y="T3"/>
                </a:cxn>
                <a:cxn ang="T116">
                  <a:pos x="T4" y="T5"/>
                </a:cxn>
                <a:cxn ang="T117">
                  <a:pos x="T6" y="T7"/>
                </a:cxn>
                <a:cxn ang="T118">
                  <a:pos x="T8" y="T9"/>
                </a:cxn>
                <a:cxn ang="T119">
                  <a:pos x="T10" y="T11"/>
                </a:cxn>
                <a:cxn ang="T120">
                  <a:pos x="T12" y="T13"/>
                </a:cxn>
                <a:cxn ang="T121">
                  <a:pos x="T14" y="T15"/>
                </a:cxn>
                <a:cxn ang="T122">
                  <a:pos x="T16" y="T17"/>
                </a:cxn>
                <a:cxn ang="T123">
                  <a:pos x="T18" y="T19"/>
                </a:cxn>
                <a:cxn ang="T124">
                  <a:pos x="T20" y="T21"/>
                </a:cxn>
                <a:cxn ang="T125">
                  <a:pos x="T22" y="T23"/>
                </a:cxn>
                <a:cxn ang="T126">
                  <a:pos x="T24" y="T25"/>
                </a:cxn>
                <a:cxn ang="T127">
                  <a:pos x="T26" y="T27"/>
                </a:cxn>
                <a:cxn ang="T128">
                  <a:pos x="T28" y="T29"/>
                </a:cxn>
                <a:cxn ang="T129">
                  <a:pos x="T30" y="T31"/>
                </a:cxn>
                <a:cxn ang="T130">
                  <a:pos x="T32" y="T33"/>
                </a:cxn>
                <a:cxn ang="T131">
                  <a:pos x="T34" y="T35"/>
                </a:cxn>
                <a:cxn ang="T132">
                  <a:pos x="T36" y="T37"/>
                </a:cxn>
                <a:cxn ang="T133">
                  <a:pos x="T38" y="T39"/>
                </a:cxn>
                <a:cxn ang="T134">
                  <a:pos x="T40" y="T41"/>
                </a:cxn>
                <a:cxn ang="T135">
                  <a:pos x="T42" y="T43"/>
                </a:cxn>
                <a:cxn ang="T136">
                  <a:pos x="T44" y="T45"/>
                </a:cxn>
                <a:cxn ang="T137">
                  <a:pos x="T46" y="T47"/>
                </a:cxn>
                <a:cxn ang="T138">
                  <a:pos x="T48" y="T49"/>
                </a:cxn>
                <a:cxn ang="T139">
                  <a:pos x="T50" y="T51"/>
                </a:cxn>
                <a:cxn ang="T140">
                  <a:pos x="T52" y="T53"/>
                </a:cxn>
                <a:cxn ang="T141">
                  <a:pos x="T54" y="T55"/>
                </a:cxn>
                <a:cxn ang="T142">
                  <a:pos x="T56" y="T57"/>
                </a:cxn>
                <a:cxn ang="T143">
                  <a:pos x="T58" y="T59"/>
                </a:cxn>
                <a:cxn ang="T144">
                  <a:pos x="T60" y="T61"/>
                </a:cxn>
                <a:cxn ang="T145">
                  <a:pos x="T62" y="T63"/>
                </a:cxn>
                <a:cxn ang="T146">
                  <a:pos x="T64" y="T65"/>
                </a:cxn>
                <a:cxn ang="T147">
                  <a:pos x="T66" y="T67"/>
                </a:cxn>
                <a:cxn ang="T148">
                  <a:pos x="T68" y="T69"/>
                </a:cxn>
                <a:cxn ang="T149">
                  <a:pos x="T70" y="T71"/>
                </a:cxn>
                <a:cxn ang="T150">
                  <a:pos x="T72" y="T73"/>
                </a:cxn>
                <a:cxn ang="T151">
                  <a:pos x="T74" y="T75"/>
                </a:cxn>
                <a:cxn ang="T152">
                  <a:pos x="T76" y="T77"/>
                </a:cxn>
                <a:cxn ang="T153">
                  <a:pos x="T78" y="T79"/>
                </a:cxn>
                <a:cxn ang="T154">
                  <a:pos x="T80" y="T81"/>
                </a:cxn>
                <a:cxn ang="T155">
                  <a:pos x="T82" y="T83"/>
                </a:cxn>
                <a:cxn ang="T156">
                  <a:pos x="T84" y="T85"/>
                </a:cxn>
                <a:cxn ang="T157">
                  <a:pos x="T86" y="T87"/>
                </a:cxn>
                <a:cxn ang="T158">
                  <a:pos x="T88" y="T89"/>
                </a:cxn>
                <a:cxn ang="T159">
                  <a:pos x="T90" y="T91"/>
                </a:cxn>
                <a:cxn ang="T160">
                  <a:pos x="T92" y="T93"/>
                </a:cxn>
                <a:cxn ang="T161">
                  <a:pos x="T94" y="T95"/>
                </a:cxn>
                <a:cxn ang="T162">
                  <a:pos x="T96" y="T97"/>
                </a:cxn>
                <a:cxn ang="T163">
                  <a:pos x="T98" y="T99"/>
                </a:cxn>
                <a:cxn ang="T164">
                  <a:pos x="T100" y="T101"/>
                </a:cxn>
                <a:cxn ang="T165">
                  <a:pos x="T102" y="T103"/>
                </a:cxn>
                <a:cxn ang="T166">
                  <a:pos x="T104" y="T105"/>
                </a:cxn>
                <a:cxn ang="T167">
                  <a:pos x="T106" y="T107"/>
                </a:cxn>
                <a:cxn ang="T168">
                  <a:pos x="T108" y="T109"/>
                </a:cxn>
                <a:cxn ang="T169">
                  <a:pos x="T110" y="T111"/>
                </a:cxn>
                <a:cxn ang="T170">
                  <a:pos x="T112" y="T113"/>
                </a:cxn>
              </a:cxnLst>
              <a:rect l="T171" t="T172" r="T173" b="T174"/>
              <a:pathLst>
                <a:path w="791" h="669">
                  <a:moveTo>
                    <a:pt x="239" y="27"/>
                  </a:moveTo>
                  <a:lnTo>
                    <a:pt x="232" y="27"/>
                  </a:lnTo>
                  <a:lnTo>
                    <a:pt x="227" y="22"/>
                  </a:lnTo>
                  <a:lnTo>
                    <a:pt x="222" y="19"/>
                  </a:lnTo>
                  <a:lnTo>
                    <a:pt x="220" y="14"/>
                  </a:lnTo>
                  <a:lnTo>
                    <a:pt x="214" y="12"/>
                  </a:lnTo>
                  <a:lnTo>
                    <a:pt x="212" y="12"/>
                  </a:lnTo>
                  <a:lnTo>
                    <a:pt x="207" y="14"/>
                  </a:lnTo>
                  <a:lnTo>
                    <a:pt x="202" y="12"/>
                  </a:lnTo>
                  <a:lnTo>
                    <a:pt x="197" y="9"/>
                  </a:lnTo>
                  <a:lnTo>
                    <a:pt x="193" y="9"/>
                  </a:lnTo>
                  <a:lnTo>
                    <a:pt x="190" y="12"/>
                  </a:lnTo>
                  <a:lnTo>
                    <a:pt x="185" y="7"/>
                  </a:lnTo>
                  <a:lnTo>
                    <a:pt x="181" y="0"/>
                  </a:lnTo>
                  <a:lnTo>
                    <a:pt x="178" y="0"/>
                  </a:lnTo>
                  <a:lnTo>
                    <a:pt x="180" y="17"/>
                  </a:lnTo>
                  <a:lnTo>
                    <a:pt x="178" y="26"/>
                  </a:lnTo>
                  <a:lnTo>
                    <a:pt x="168" y="34"/>
                  </a:lnTo>
                  <a:lnTo>
                    <a:pt x="173" y="43"/>
                  </a:lnTo>
                  <a:lnTo>
                    <a:pt x="168" y="48"/>
                  </a:lnTo>
                  <a:lnTo>
                    <a:pt x="161" y="63"/>
                  </a:lnTo>
                  <a:lnTo>
                    <a:pt x="164" y="73"/>
                  </a:lnTo>
                  <a:lnTo>
                    <a:pt x="156" y="88"/>
                  </a:lnTo>
                  <a:lnTo>
                    <a:pt x="134" y="147"/>
                  </a:lnTo>
                  <a:lnTo>
                    <a:pt x="119" y="169"/>
                  </a:lnTo>
                  <a:lnTo>
                    <a:pt x="119" y="176"/>
                  </a:lnTo>
                  <a:lnTo>
                    <a:pt x="102" y="222"/>
                  </a:lnTo>
                  <a:lnTo>
                    <a:pt x="104" y="222"/>
                  </a:lnTo>
                  <a:lnTo>
                    <a:pt x="104" y="220"/>
                  </a:lnTo>
                  <a:lnTo>
                    <a:pt x="102" y="222"/>
                  </a:lnTo>
                  <a:lnTo>
                    <a:pt x="95" y="239"/>
                  </a:lnTo>
                  <a:lnTo>
                    <a:pt x="90" y="254"/>
                  </a:lnTo>
                  <a:lnTo>
                    <a:pt x="83" y="268"/>
                  </a:lnTo>
                  <a:lnTo>
                    <a:pt x="76" y="279"/>
                  </a:lnTo>
                  <a:lnTo>
                    <a:pt x="71" y="290"/>
                  </a:lnTo>
                  <a:lnTo>
                    <a:pt x="66" y="300"/>
                  </a:lnTo>
                  <a:lnTo>
                    <a:pt x="61" y="308"/>
                  </a:lnTo>
                  <a:lnTo>
                    <a:pt x="56" y="315"/>
                  </a:lnTo>
                  <a:lnTo>
                    <a:pt x="53" y="322"/>
                  </a:lnTo>
                  <a:lnTo>
                    <a:pt x="49" y="327"/>
                  </a:lnTo>
                  <a:lnTo>
                    <a:pt x="46" y="332"/>
                  </a:lnTo>
                  <a:lnTo>
                    <a:pt x="43" y="335"/>
                  </a:lnTo>
                  <a:lnTo>
                    <a:pt x="41" y="337"/>
                  </a:lnTo>
                  <a:lnTo>
                    <a:pt x="39" y="339"/>
                  </a:lnTo>
                  <a:lnTo>
                    <a:pt x="39" y="340"/>
                  </a:lnTo>
                  <a:lnTo>
                    <a:pt x="39" y="344"/>
                  </a:lnTo>
                  <a:lnTo>
                    <a:pt x="38" y="345"/>
                  </a:lnTo>
                  <a:lnTo>
                    <a:pt x="34" y="351"/>
                  </a:lnTo>
                  <a:lnTo>
                    <a:pt x="31" y="359"/>
                  </a:lnTo>
                  <a:lnTo>
                    <a:pt x="24" y="367"/>
                  </a:lnTo>
                  <a:lnTo>
                    <a:pt x="19" y="378"/>
                  </a:lnTo>
                  <a:lnTo>
                    <a:pt x="14" y="386"/>
                  </a:lnTo>
                  <a:lnTo>
                    <a:pt x="10" y="393"/>
                  </a:lnTo>
                  <a:lnTo>
                    <a:pt x="9" y="396"/>
                  </a:lnTo>
                  <a:lnTo>
                    <a:pt x="10" y="401"/>
                  </a:lnTo>
                  <a:lnTo>
                    <a:pt x="12" y="406"/>
                  </a:lnTo>
                  <a:lnTo>
                    <a:pt x="12" y="411"/>
                  </a:lnTo>
                  <a:lnTo>
                    <a:pt x="12" y="417"/>
                  </a:lnTo>
                  <a:lnTo>
                    <a:pt x="12" y="420"/>
                  </a:lnTo>
                  <a:lnTo>
                    <a:pt x="12" y="423"/>
                  </a:lnTo>
                  <a:lnTo>
                    <a:pt x="12" y="427"/>
                  </a:lnTo>
                  <a:lnTo>
                    <a:pt x="12" y="428"/>
                  </a:lnTo>
                  <a:lnTo>
                    <a:pt x="9" y="432"/>
                  </a:lnTo>
                  <a:lnTo>
                    <a:pt x="7" y="437"/>
                  </a:lnTo>
                  <a:lnTo>
                    <a:pt x="5" y="442"/>
                  </a:lnTo>
                  <a:lnTo>
                    <a:pt x="4" y="447"/>
                  </a:lnTo>
                  <a:lnTo>
                    <a:pt x="2" y="452"/>
                  </a:lnTo>
                  <a:lnTo>
                    <a:pt x="2" y="457"/>
                  </a:lnTo>
                  <a:lnTo>
                    <a:pt x="0" y="462"/>
                  </a:lnTo>
                  <a:lnTo>
                    <a:pt x="0" y="466"/>
                  </a:lnTo>
                  <a:lnTo>
                    <a:pt x="0" y="471"/>
                  </a:lnTo>
                  <a:lnTo>
                    <a:pt x="0" y="474"/>
                  </a:lnTo>
                  <a:lnTo>
                    <a:pt x="0" y="477"/>
                  </a:lnTo>
                  <a:lnTo>
                    <a:pt x="2" y="481"/>
                  </a:lnTo>
                  <a:lnTo>
                    <a:pt x="2" y="484"/>
                  </a:lnTo>
                  <a:lnTo>
                    <a:pt x="2" y="486"/>
                  </a:lnTo>
                  <a:lnTo>
                    <a:pt x="2" y="488"/>
                  </a:lnTo>
                  <a:lnTo>
                    <a:pt x="2" y="489"/>
                  </a:lnTo>
                  <a:lnTo>
                    <a:pt x="4" y="491"/>
                  </a:lnTo>
                  <a:lnTo>
                    <a:pt x="4" y="494"/>
                  </a:lnTo>
                  <a:lnTo>
                    <a:pt x="5" y="496"/>
                  </a:lnTo>
                  <a:lnTo>
                    <a:pt x="5" y="498"/>
                  </a:lnTo>
                  <a:lnTo>
                    <a:pt x="7" y="499"/>
                  </a:lnTo>
                  <a:lnTo>
                    <a:pt x="7" y="501"/>
                  </a:lnTo>
                  <a:lnTo>
                    <a:pt x="10" y="503"/>
                  </a:lnTo>
                  <a:lnTo>
                    <a:pt x="16" y="503"/>
                  </a:lnTo>
                  <a:lnTo>
                    <a:pt x="21" y="506"/>
                  </a:lnTo>
                  <a:lnTo>
                    <a:pt x="26" y="508"/>
                  </a:lnTo>
                  <a:lnTo>
                    <a:pt x="32" y="510"/>
                  </a:lnTo>
                  <a:lnTo>
                    <a:pt x="39" y="511"/>
                  </a:lnTo>
                  <a:lnTo>
                    <a:pt x="48" y="515"/>
                  </a:lnTo>
                  <a:lnTo>
                    <a:pt x="56" y="516"/>
                  </a:lnTo>
                  <a:lnTo>
                    <a:pt x="66" y="520"/>
                  </a:lnTo>
                  <a:lnTo>
                    <a:pt x="76" y="521"/>
                  </a:lnTo>
                  <a:lnTo>
                    <a:pt x="87" y="525"/>
                  </a:lnTo>
                  <a:lnTo>
                    <a:pt x="97" y="528"/>
                  </a:lnTo>
                  <a:lnTo>
                    <a:pt x="109" y="532"/>
                  </a:lnTo>
                  <a:lnTo>
                    <a:pt x="120" y="535"/>
                  </a:lnTo>
                  <a:lnTo>
                    <a:pt x="132" y="538"/>
                  </a:lnTo>
                  <a:lnTo>
                    <a:pt x="146" y="542"/>
                  </a:lnTo>
                  <a:lnTo>
                    <a:pt x="159" y="545"/>
                  </a:lnTo>
                  <a:lnTo>
                    <a:pt x="173" y="549"/>
                  </a:lnTo>
                  <a:lnTo>
                    <a:pt x="186" y="552"/>
                  </a:lnTo>
                  <a:lnTo>
                    <a:pt x="200" y="555"/>
                  </a:lnTo>
                  <a:lnTo>
                    <a:pt x="214" y="560"/>
                  </a:lnTo>
                  <a:lnTo>
                    <a:pt x="229" y="564"/>
                  </a:lnTo>
                  <a:lnTo>
                    <a:pt x="244" y="567"/>
                  </a:lnTo>
                  <a:lnTo>
                    <a:pt x="259" y="572"/>
                  </a:lnTo>
                  <a:lnTo>
                    <a:pt x="274" y="576"/>
                  </a:lnTo>
                  <a:lnTo>
                    <a:pt x="288" y="579"/>
                  </a:lnTo>
                  <a:lnTo>
                    <a:pt x="305" y="584"/>
                  </a:lnTo>
                  <a:lnTo>
                    <a:pt x="318" y="587"/>
                  </a:lnTo>
                  <a:lnTo>
                    <a:pt x="335" y="591"/>
                  </a:lnTo>
                  <a:lnTo>
                    <a:pt x="349" y="594"/>
                  </a:lnTo>
                  <a:lnTo>
                    <a:pt x="366" y="599"/>
                  </a:lnTo>
                  <a:lnTo>
                    <a:pt x="379" y="603"/>
                  </a:lnTo>
                  <a:lnTo>
                    <a:pt x="393" y="606"/>
                  </a:lnTo>
                  <a:lnTo>
                    <a:pt x="406" y="609"/>
                  </a:lnTo>
                  <a:lnTo>
                    <a:pt x="418" y="613"/>
                  </a:lnTo>
                  <a:lnTo>
                    <a:pt x="432" y="616"/>
                  </a:lnTo>
                  <a:lnTo>
                    <a:pt x="444" y="620"/>
                  </a:lnTo>
                  <a:lnTo>
                    <a:pt x="456" y="621"/>
                  </a:lnTo>
                  <a:lnTo>
                    <a:pt x="469" y="625"/>
                  </a:lnTo>
                  <a:lnTo>
                    <a:pt x="479" y="628"/>
                  </a:lnTo>
                  <a:lnTo>
                    <a:pt x="491" y="631"/>
                  </a:lnTo>
                  <a:lnTo>
                    <a:pt x="503" y="633"/>
                  </a:lnTo>
                  <a:lnTo>
                    <a:pt x="515" y="637"/>
                  </a:lnTo>
                  <a:lnTo>
                    <a:pt x="525" y="640"/>
                  </a:lnTo>
                  <a:lnTo>
                    <a:pt x="535" y="642"/>
                  </a:lnTo>
                  <a:lnTo>
                    <a:pt x="545" y="645"/>
                  </a:lnTo>
                  <a:lnTo>
                    <a:pt x="555" y="647"/>
                  </a:lnTo>
                  <a:lnTo>
                    <a:pt x="564" y="650"/>
                  </a:lnTo>
                  <a:lnTo>
                    <a:pt x="574" y="652"/>
                  </a:lnTo>
                  <a:lnTo>
                    <a:pt x="582" y="653"/>
                  </a:lnTo>
                  <a:lnTo>
                    <a:pt x="589" y="655"/>
                  </a:lnTo>
                  <a:lnTo>
                    <a:pt x="598" y="657"/>
                  </a:lnTo>
                  <a:lnTo>
                    <a:pt x="604" y="659"/>
                  </a:lnTo>
                  <a:lnTo>
                    <a:pt x="611" y="660"/>
                  </a:lnTo>
                  <a:lnTo>
                    <a:pt x="616" y="662"/>
                  </a:lnTo>
                  <a:lnTo>
                    <a:pt x="623" y="664"/>
                  </a:lnTo>
                  <a:lnTo>
                    <a:pt x="626" y="665"/>
                  </a:lnTo>
                  <a:lnTo>
                    <a:pt x="632" y="667"/>
                  </a:lnTo>
                  <a:lnTo>
                    <a:pt x="635" y="667"/>
                  </a:lnTo>
                  <a:lnTo>
                    <a:pt x="638" y="667"/>
                  </a:lnTo>
                  <a:lnTo>
                    <a:pt x="640" y="669"/>
                  </a:lnTo>
                  <a:lnTo>
                    <a:pt x="643" y="669"/>
                  </a:lnTo>
                  <a:lnTo>
                    <a:pt x="689" y="474"/>
                  </a:lnTo>
                  <a:lnTo>
                    <a:pt x="687" y="461"/>
                  </a:lnTo>
                  <a:lnTo>
                    <a:pt x="706" y="428"/>
                  </a:lnTo>
                  <a:lnTo>
                    <a:pt x="706" y="418"/>
                  </a:lnTo>
                  <a:lnTo>
                    <a:pt x="711" y="411"/>
                  </a:lnTo>
                  <a:lnTo>
                    <a:pt x="714" y="403"/>
                  </a:lnTo>
                  <a:lnTo>
                    <a:pt x="709" y="398"/>
                  </a:lnTo>
                  <a:lnTo>
                    <a:pt x="691" y="386"/>
                  </a:lnTo>
                  <a:lnTo>
                    <a:pt x="692" y="378"/>
                  </a:lnTo>
                  <a:lnTo>
                    <a:pt x="692" y="376"/>
                  </a:lnTo>
                  <a:lnTo>
                    <a:pt x="692" y="374"/>
                  </a:lnTo>
                  <a:lnTo>
                    <a:pt x="694" y="373"/>
                  </a:lnTo>
                  <a:lnTo>
                    <a:pt x="694" y="371"/>
                  </a:lnTo>
                  <a:lnTo>
                    <a:pt x="696" y="369"/>
                  </a:lnTo>
                  <a:lnTo>
                    <a:pt x="696" y="367"/>
                  </a:lnTo>
                  <a:lnTo>
                    <a:pt x="696" y="366"/>
                  </a:lnTo>
                  <a:lnTo>
                    <a:pt x="701" y="356"/>
                  </a:lnTo>
                  <a:lnTo>
                    <a:pt x="706" y="347"/>
                  </a:lnTo>
                  <a:lnTo>
                    <a:pt x="714" y="339"/>
                  </a:lnTo>
                  <a:lnTo>
                    <a:pt x="721" y="330"/>
                  </a:lnTo>
                  <a:lnTo>
                    <a:pt x="730" y="323"/>
                  </a:lnTo>
                  <a:lnTo>
                    <a:pt x="736" y="318"/>
                  </a:lnTo>
                  <a:lnTo>
                    <a:pt x="740" y="315"/>
                  </a:lnTo>
                  <a:lnTo>
                    <a:pt x="742" y="313"/>
                  </a:lnTo>
                  <a:lnTo>
                    <a:pt x="742" y="305"/>
                  </a:lnTo>
                  <a:lnTo>
                    <a:pt x="789" y="239"/>
                  </a:lnTo>
                  <a:lnTo>
                    <a:pt x="791" y="230"/>
                  </a:lnTo>
                  <a:lnTo>
                    <a:pt x="784" y="217"/>
                  </a:lnTo>
                  <a:lnTo>
                    <a:pt x="774" y="208"/>
                  </a:lnTo>
                  <a:lnTo>
                    <a:pt x="762" y="185"/>
                  </a:lnTo>
                  <a:lnTo>
                    <a:pt x="764" y="186"/>
                  </a:lnTo>
                  <a:lnTo>
                    <a:pt x="596" y="144"/>
                  </a:lnTo>
                  <a:lnTo>
                    <a:pt x="594" y="144"/>
                  </a:lnTo>
                  <a:lnTo>
                    <a:pt x="593" y="144"/>
                  </a:lnTo>
                  <a:lnTo>
                    <a:pt x="589" y="144"/>
                  </a:lnTo>
                  <a:lnTo>
                    <a:pt x="586" y="144"/>
                  </a:lnTo>
                  <a:lnTo>
                    <a:pt x="582" y="146"/>
                  </a:lnTo>
                  <a:lnTo>
                    <a:pt x="577" y="146"/>
                  </a:lnTo>
                  <a:lnTo>
                    <a:pt x="574" y="146"/>
                  </a:lnTo>
                  <a:lnTo>
                    <a:pt x="569" y="146"/>
                  </a:lnTo>
                  <a:lnTo>
                    <a:pt x="564" y="146"/>
                  </a:lnTo>
                  <a:lnTo>
                    <a:pt x="559" y="146"/>
                  </a:lnTo>
                  <a:lnTo>
                    <a:pt x="554" y="144"/>
                  </a:lnTo>
                  <a:lnTo>
                    <a:pt x="549" y="144"/>
                  </a:lnTo>
                  <a:lnTo>
                    <a:pt x="544" y="142"/>
                  </a:lnTo>
                  <a:lnTo>
                    <a:pt x="538" y="141"/>
                  </a:lnTo>
                  <a:lnTo>
                    <a:pt x="533" y="139"/>
                  </a:lnTo>
                  <a:lnTo>
                    <a:pt x="532" y="139"/>
                  </a:lnTo>
                  <a:lnTo>
                    <a:pt x="530" y="139"/>
                  </a:lnTo>
                  <a:lnTo>
                    <a:pt x="528" y="139"/>
                  </a:lnTo>
                  <a:lnTo>
                    <a:pt x="527" y="141"/>
                  </a:lnTo>
                  <a:lnTo>
                    <a:pt x="523" y="142"/>
                  </a:lnTo>
                  <a:lnTo>
                    <a:pt x="522" y="144"/>
                  </a:lnTo>
                  <a:lnTo>
                    <a:pt x="520" y="144"/>
                  </a:lnTo>
                  <a:lnTo>
                    <a:pt x="498" y="144"/>
                  </a:lnTo>
                  <a:lnTo>
                    <a:pt x="496" y="144"/>
                  </a:lnTo>
                  <a:lnTo>
                    <a:pt x="491" y="144"/>
                  </a:lnTo>
                  <a:lnTo>
                    <a:pt x="483" y="146"/>
                  </a:lnTo>
                  <a:lnTo>
                    <a:pt x="472" y="147"/>
                  </a:lnTo>
                  <a:lnTo>
                    <a:pt x="464" y="147"/>
                  </a:lnTo>
                  <a:lnTo>
                    <a:pt x="454" y="147"/>
                  </a:lnTo>
                  <a:lnTo>
                    <a:pt x="447" y="144"/>
                  </a:lnTo>
                  <a:lnTo>
                    <a:pt x="440" y="141"/>
                  </a:lnTo>
                  <a:lnTo>
                    <a:pt x="437" y="141"/>
                  </a:lnTo>
                  <a:lnTo>
                    <a:pt x="434" y="141"/>
                  </a:lnTo>
                  <a:lnTo>
                    <a:pt x="428" y="141"/>
                  </a:lnTo>
                  <a:lnTo>
                    <a:pt x="423" y="141"/>
                  </a:lnTo>
                  <a:lnTo>
                    <a:pt x="420" y="142"/>
                  </a:lnTo>
                  <a:lnTo>
                    <a:pt x="417" y="142"/>
                  </a:lnTo>
                  <a:lnTo>
                    <a:pt x="408" y="141"/>
                  </a:lnTo>
                  <a:lnTo>
                    <a:pt x="395" y="144"/>
                  </a:lnTo>
                  <a:lnTo>
                    <a:pt x="395" y="142"/>
                  </a:lnTo>
                  <a:lnTo>
                    <a:pt x="390" y="139"/>
                  </a:lnTo>
                  <a:lnTo>
                    <a:pt x="384" y="134"/>
                  </a:lnTo>
                  <a:lnTo>
                    <a:pt x="376" y="129"/>
                  </a:lnTo>
                  <a:lnTo>
                    <a:pt x="369" y="124"/>
                  </a:lnTo>
                  <a:lnTo>
                    <a:pt x="361" y="120"/>
                  </a:lnTo>
                  <a:lnTo>
                    <a:pt x="352" y="117"/>
                  </a:lnTo>
                  <a:lnTo>
                    <a:pt x="346" y="117"/>
                  </a:lnTo>
                  <a:lnTo>
                    <a:pt x="344" y="117"/>
                  </a:lnTo>
                  <a:lnTo>
                    <a:pt x="342" y="117"/>
                  </a:lnTo>
                  <a:lnTo>
                    <a:pt x="339" y="119"/>
                  </a:lnTo>
                  <a:lnTo>
                    <a:pt x="335" y="119"/>
                  </a:lnTo>
                  <a:lnTo>
                    <a:pt x="332" y="120"/>
                  </a:lnTo>
                  <a:lnTo>
                    <a:pt x="327" y="120"/>
                  </a:lnTo>
                  <a:lnTo>
                    <a:pt x="320" y="122"/>
                  </a:lnTo>
                  <a:lnTo>
                    <a:pt x="315" y="122"/>
                  </a:lnTo>
                  <a:lnTo>
                    <a:pt x="310" y="122"/>
                  </a:lnTo>
                  <a:lnTo>
                    <a:pt x="303" y="122"/>
                  </a:lnTo>
                  <a:lnTo>
                    <a:pt x="298" y="122"/>
                  </a:lnTo>
                  <a:lnTo>
                    <a:pt x="293" y="122"/>
                  </a:lnTo>
                  <a:lnTo>
                    <a:pt x="288" y="120"/>
                  </a:lnTo>
                  <a:lnTo>
                    <a:pt x="283" y="119"/>
                  </a:lnTo>
                  <a:lnTo>
                    <a:pt x="280" y="117"/>
                  </a:lnTo>
                  <a:lnTo>
                    <a:pt x="278" y="114"/>
                  </a:lnTo>
                  <a:lnTo>
                    <a:pt x="276" y="112"/>
                  </a:lnTo>
                  <a:lnTo>
                    <a:pt x="274" y="112"/>
                  </a:lnTo>
                  <a:lnTo>
                    <a:pt x="273" y="110"/>
                  </a:lnTo>
                  <a:lnTo>
                    <a:pt x="269" y="107"/>
                  </a:lnTo>
                  <a:lnTo>
                    <a:pt x="268" y="105"/>
                  </a:lnTo>
                  <a:lnTo>
                    <a:pt x="266" y="103"/>
                  </a:lnTo>
                  <a:lnTo>
                    <a:pt x="264" y="103"/>
                  </a:lnTo>
                  <a:lnTo>
                    <a:pt x="259" y="92"/>
                  </a:lnTo>
                  <a:lnTo>
                    <a:pt x="259" y="90"/>
                  </a:lnTo>
                  <a:lnTo>
                    <a:pt x="261" y="87"/>
                  </a:lnTo>
                  <a:lnTo>
                    <a:pt x="261" y="83"/>
                  </a:lnTo>
                  <a:lnTo>
                    <a:pt x="263" y="78"/>
                  </a:lnTo>
                  <a:lnTo>
                    <a:pt x="263" y="73"/>
                  </a:lnTo>
                  <a:lnTo>
                    <a:pt x="263" y="68"/>
                  </a:lnTo>
                  <a:lnTo>
                    <a:pt x="263" y="63"/>
                  </a:lnTo>
                  <a:lnTo>
                    <a:pt x="263" y="56"/>
                  </a:lnTo>
                  <a:lnTo>
                    <a:pt x="261" y="51"/>
                  </a:lnTo>
                  <a:lnTo>
                    <a:pt x="261" y="46"/>
                  </a:lnTo>
                  <a:lnTo>
                    <a:pt x="258" y="41"/>
                  </a:lnTo>
                  <a:lnTo>
                    <a:pt x="254" y="36"/>
                  </a:lnTo>
                  <a:lnTo>
                    <a:pt x="251" y="32"/>
                  </a:lnTo>
                  <a:lnTo>
                    <a:pt x="246" y="29"/>
                  </a:lnTo>
                  <a:lnTo>
                    <a:pt x="239" y="27"/>
                  </a:lnTo>
                  <a:lnTo>
                    <a:pt x="237" y="27"/>
                  </a:lnTo>
                  <a:lnTo>
                    <a:pt x="236" y="27"/>
                  </a:lnTo>
                  <a:lnTo>
                    <a:pt x="232" y="26"/>
                  </a:lnTo>
                  <a:lnTo>
                    <a:pt x="230" y="26"/>
                  </a:lnTo>
                  <a:lnTo>
                    <a:pt x="229" y="26"/>
                  </a:lnTo>
                  <a:lnTo>
                    <a:pt x="227" y="26"/>
                  </a:lnTo>
                  <a:lnTo>
                    <a:pt x="239" y="27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397" name="Freeform 116"/>
            <p:cNvSpPr>
              <a:spLocks/>
            </p:cNvSpPr>
            <p:nvPr/>
          </p:nvSpPr>
          <p:spPr bwMode="auto">
            <a:xfrm>
              <a:off x="875" y="965"/>
              <a:ext cx="570" cy="930"/>
            </a:xfrm>
            <a:custGeom>
              <a:avLst/>
              <a:gdLst>
                <a:gd name="T0" fmla="*/ 177 w 586"/>
                <a:gd name="T1" fmla="*/ 129 h 958"/>
                <a:gd name="T2" fmla="*/ 183 w 586"/>
                <a:gd name="T3" fmla="*/ 147 h 958"/>
                <a:gd name="T4" fmla="*/ 183 w 586"/>
                <a:gd name="T5" fmla="*/ 152 h 958"/>
                <a:gd name="T6" fmla="*/ 191 w 586"/>
                <a:gd name="T7" fmla="*/ 156 h 958"/>
                <a:gd name="T8" fmla="*/ 200 w 586"/>
                <a:gd name="T9" fmla="*/ 173 h 958"/>
                <a:gd name="T10" fmla="*/ 208 w 586"/>
                <a:gd name="T11" fmla="*/ 192 h 958"/>
                <a:gd name="T12" fmla="*/ 214 w 586"/>
                <a:gd name="T13" fmla="*/ 202 h 958"/>
                <a:gd name="T14" fmla="*/ 227 w 586"/>
                <a:gd name="T15" fmla="*/ 217 h 958"/>
                <a:gd name="T16" fmla="*/ 232 w 586"/>
                <a:gd name="T17" fmla="*/ 242 h 958"/>
                <a:gd name="T18" fmla="*/ 222 w 586"/>
                <a:gd name="T19" fmla="*/ 265 h 958"/>
                <a:gd name="T20" fmla="*/ 222 w 586"/>
                <a:gd name="T21" fmla="*/ 281 h 958"/>
                <a:gd name="T22" fmla="*/ 213 w 586"/>
                <a:gd name="T23" fmla="*/ 292 h 958"/>
                <a:gd name="T24" fmla="*/ 211 w 586"/>
                <a:gd name="T25" fmla="*/ 305 h 958"/>
                <a:gd name="T26" fmla="*/ 247 w 586"/>
                <a:gd name="T27" fmla="*/ 300 h 958"/>
                <a:gd name="T28" fmla="*/ 250 w 586"/>
                <a:gd name="T29" fmla="*/ 299 h 958"/>
                <a:gd name="T30" fmla="*/ 253 w 586"/>
                <a:gd name="T31" fmla="*/ 329 h 958"/>
                <a:gd name="T32" fmla="*/ 259 w 586"/>
                <a:gd name="T33" fmla="*/ 348 h 958"/>
                <a:gd name="T34" fmla="*/ 264 w 586"/>
                <a:gd name="T35" fmla="*/ 360 h 958"/>
                <a:gd name="T36" fmla="*/ 261 w 586"/>
                <a:gd name="T37" fmla="*/ 369 h 958"/>
                <a:gd name="T38" fmla="*/ 270 w 586"/>
                <a:gd name="T39" fmla="*/ 378 h 958"/>
                <a:gd name="T40" fmla="*/ 282 w 586"/>
                <a:gd name="T41" fmla="*/ 394 h 958"/>
                <a:gd name="T42" fmla="*/ 284 w 586"/>
                <a:gd name="T43" fmla="*/ 415 h 958"/>
                <a:gd name="T44" fmla="*/ 292 w 586"/>
                <a:gd name="T45" fmla="*/ 419 h 958"/>
                <a:gd name="T46" fmla="*/ 295 w 586"/>
                <a:gd name="T47" fmla="*/ 411 h 958"/>
                <a:gd name="T48" fmla="*/ 308 w 586"/>
                <a:gd name="T49" fmla="*/ 413 h 958"/>
                <a:gd name="T50" fmla="*/ 320 w 586"/>
                <a:gd name="T51" fmla="*/ 416 h 958"/>
                <a:gd name="T52" fmla="*/ 327 w 586"/>
                <a:gd name="T53" fmla="*/ 409 h 958"/>
                <a:gd name="T54" fmla="*/ 334 w 586"/>
                <a:gd name="T55" fmla="*/ 411 h 958"/>
                <a:gd name="T56" fmla="*/ 352 w 586"/>
                <a:gd name="T57" fmla="*/ 413 h 958"/>
                <a:gd name="T58" fmla="*/ 386 w 586"/>
                <a:gd name="T59" fmla="*/ 403 h 958"/>
                <a:gd name="T60" fmla="*/ 183 w 586"/>
                <a:gd name="T61" fmla="*/ 599 h 958"/>
                <a:gd name="T62" fmla="*/ 176 w 586"/>
                <a:gd name="T63" fmla="*/ 598 h 958"/>
                <a:gd name="T64" fmla="*/ 156 w 586"/>
                <a:gd name="T65" fmla="*/ 595 h 958"/>
                <a:gd name="T66" fmla="*/ 125 w 586"/>
                <a:gd name="T67" fmla="*/ 588 h 958"/>
                <a:gd name="T68" fmla="*/ 89 w 586"/>
                <a:gd name="T69" fmla="*/ 580 h 958"/>
                <a:gd name="T70" fmla="*/ 51 w 586"/>
                <a:gd name="T71" fmla="*/ 572 h 958"/>
                <a:gd name="T72" fmla="*/ 18 w 586"/>
                <a:gd name="T73" fmla="*/ 564 h 958"/>
                <a:gd name="T74" fmla="*/ 44 w 586"/>
                <a:gd name="T75" fmla="*/ 403 h 958"/>
                <a:gd name="T76" fmla="*/ 34 w 586"/>
                <a:gd name="T77" fmla="*/ 375 h 958"/>
                <a:gd name="T78" fmla="*/ 37 w 586"/>
                <a:gd name="T79" fmla="*/ 368 h 958"/>
                <a:gd name="T80" fmla="*/ 42 w 586"/>
                <a:gd name="T81" fmla="*/ 356 h 958"/>
                <a:gd name="T82" fmla="*/ 64 w 586"/>
                <a:gd name="T83" fmla="*/ 330 h 958"/>
                <a:gd name="T84" fmla="*/ 101 w 586"/>
                <a:gd name="T85" fmla="*/ 273 h 958"/>
                <a:gd name="T86" fmla="*/ 83 w 586"/>
                <a:gd name="T87" fmla="*/ 228 h 958"/>
                <a:gd name="T88" fmla="*/ 83 w 586"/>
                <a:gd name="T89" fmla="*/ 198 h 958"/>
                <a:gd name="T90" fmla="*/ 89 w 586"/>
                <a:gd name="T91" fmla="*/ 176 h 958"/>
                <a:gd name="T92" fmla="*/ 98 w 586"/>
                <a:gd name="T93" fmla="*/ 137 h 958"/>
                <a:gd name="T94" fmla="*/ 109 w 586"/>
                <a:gd name="T95" fmla="*/ 91 h 958"/>
                <a:gd name="T96" fmla="*/ 118 w 586"/>
                <a:gd name="T97" fmla="*/ 46 h 958"/>
                <a:gd name="T98" fmla="*/ 125 w 586"/>
                <a:gd name="T99" fmla="*/ 17 h 958"/>
                <a:gd name="T100" fmla="*/ 127 w 586"/>
                <a:gd name="T101" fmla="*/ 0 h 958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w 586"/>
                <a:gd name="T154" fmla="*/ 0 h 958"/>
                <a:gd name="T155" fmla="*/ 586 w 586"/>
                <a:gd name="T156" fmla="*/ 958 h 958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T153" t="T154" r="T155" b="T156"/>
              <a:pathLst>
                <a:path w="586" h="958">
                  <a:moveTo>
                    <a:pt x="266" y="17"/>
                  </a:moveTo>
                  <a:lnTo>
                    <a:pt x="241" y="139"/>
                  </a:lnTo>
                  <a:lnTo>
                    <a:pt x="249" y="158"/>
                  </a:lnTo>
                  <a:lnTo>
                    <a:pt x="261" y="185"/>
                  </a:lnTo>
                  <a:lnTo>
                    <a:pt x="261" y="195"/>
                  </a:lnTo>
                  <a:lnTo>
                    <a:pt x="254" y="200"/>
                  </a:lnTo>
                  <a:lnTo>
                    <a:pt x="263" y="207"/>
                  </a:lnTo>
                  <a:lnTo>
                    <a:pt x="256" y="212"/>
                  </a:lnTo>
                  <a:lnTo>
                    <a:pt x="256" y="219"/>
                  </a:lnTo>
                  <a:lnTo>
                    <a:pt x="269" y="222"/>
                  </a:lnTo>
                  <a:lnTo>
                    <a:pt x="269" y="224"/>
                  </a:lnTo>
                  <a:lnTo>
                    <a:pt x="269" y="226"/>
                  </a:lnTo>
                  <a:lnTo>
                    <a:pt x="269" y="227"/>
                  </a:lnTo>
                  <a:lnTo>
                    <a:pt x="269" y="229"/>
                  </a:lnTo>
                  <a:lnTo>
                    <a:pt x="269" y="231"/>
                  </a:lnTo>
                  <a:lnTo>
                    <a:pt x="269" y="232"/>
                  </a:lnTo>
                  <a:lnTo>
                    <a:pt x="271" y="234"/>
                  </a:lnTo>
                  <a:lnTo>
                    <a:pt x="276" y="236"/>
                  </a:lnTo>
                  <a:lnTo>
                    <a:pt x="280" y="237"/>
                  </a:lnTo>
                  <a:lnTo>
                    <a:pt x="283" y="241"/>
                  </a:lnTo>
                  <a:lnTo>
                    <a:pt x="286" y="244"/>
                  </a:lnTo>
                  <a:lnTo>
                    <a:pt x="290" y="249"/>
                  </a:lnTo>
                  <a:lnTo>
                    <a:pt x="293" y="256"/>
                  </a:lnTo>
                  <a:lnTo>
                    <a:pt x="295" y="261"/>
                  </a:lnTo>
                  <a:lnTo>
                    <a:pt x="298" y="268"/>
                  </a:lnTo>
                  <a:lnTo>
                    <a:pt x="300" y="275"/>
                  </a:lnTo>
                  <a:lnTo>
                    <a:pt x="302" y="280"/>
                  </a:lnTo>
                  <a:lnTo>
                    <a:pt x="303" y="286"/>
                  </a:lnTo>
                  <a:lnTo>
                    <a:pt x="305" y="292"/>
                  </a:lnTo>
                  <a:lnTo>
                    <a:pt x="305" y="295"/>
                  </a:lnTo>
                  <a:lnTo>
                    <a:pt x="307" y="298"/>
                  </a:lnTo>
                  <a:lnTo>
                    <a:pt x="307" y="300"/>
                  </a:lnTo>
                  <a:lnTo>
                    <a:pt x="307" y="302"/>
                  </a:lnTo>
                  <a:lnTo>
                    <a:pt x="315" y="305"/>
                  </a:lnTo>
                  <a:lnTo>
                    <a:pt x="315" y="317"/>
                  </a:lnTo>
                  <a:lnTo>
                    <a:pt x="327" y="317"/>
                  </a:lnTo>
                  <a:lnTo>
                    <a:pt x="329" y="330"/>
                  </a:lnTo>
                  <a:lnTo>
                    <a:pt x="335" y="330"/>
                  </a:lnTo>
                  <a:lnTo>
                    <a:pt x="354" y="330"/>
                  </a:lnTo>
                  <a:lnTo>
                    <a:pt x="354" y="332"/>
                  </a:lnTo>
                  <a:lnTo>
                    <a:pt x="342" y="354"/>
                  </a:lnTo>
                  <a:lnTo>
                    <a:pt x="342" y="366"/>
                  </a:lnTo>
                  <a:lnTo>
                    <a:pt x="334" y="376"/>
                  </a:lnTo>
                  <a:lnTo>
                    <a:pt x="335" y="376"/>
                  </a:lnTo>
                  <a:lnTo>
                    <a:pt x="335" y="385"/>
                  </a:lnTo>
                  <a:lnTo>
                    <a:pt x="329" y="390"/>
                  </a:lnTo>
                  <a:lnTo>
                    <a:pt x="327" y="400"/>
                  </a:lnTo>
                  <a:lnTo>
                    <a:pt x="330" y="418"/>
                  </a:lnTo>
                  <a:lnTo>
                    <a:pt x="330" y="420"/>
                  </a:lnTo>
                  <a:lnTo>
                    <a:pt x="329" y="422"/>
                  </a:lnTo>
                  <a:lnTo>
                    <a:pt x="327" y="425"/>
                  </a:lnTo>
                  <a:lnTo>
                    <a:pt x="320" y="427"/>
                  </a:lnTo>
                  <a:lnTo>
                    <a:pt x="317" y="430"/>
                  </a:lnTo>
                  <a:lnTo>
                    <a:pt x="315" y="434"/>
                  </a:lnTo>
                  <a:lnTo>
                    <a:pt x="313" y="439"/>
                  </a:lnTo>
                  <a:lnTo>
                    <a:pt x="313" y="444"/>
                  </a:lnTo>
                  <a:lnTo>
                    <a:pt x="315" y="447"/>
                  </a:lnTo>
                  <a:lnTo>
                    <a:pt x="315" y="451"/>
                  </a:lnTo>
                  <a:lnTo>
                    <a:pt x="315" y="452"/>
                  </a:lnTo>
                  <a:lnTo>
                    <a:pt x="310" y="454"/>
                  </a:lnTo>
                  <a:lnTo>
                    <a:pt x="310" y="462"/>
                  </a:lnTo>
                  <a:lnTo>
                    <a:pt x="319" y="466"/>
                  </a:lnTo>
                  <a:lnTo>
                    <a:pt x="327" y="474"/>
                  </a:lnTo>
                  <a:lnTo>
                    <a:pt x="342" y="469"/>
                  </a:lnTo>
                  <a:lnTo>
                    <a:pt x="357" y="456"/>
                  </a:lnTo>
                  <a:lnTo>
                    <a:pt x="364" y="454"/>
                  </a:lnTo>
                  <a:lnTo>
                    <a:pt x="366" y="452"/>
                  </a:lnTo>
                  <a:lnTo>
                    <a:pt x="366" y="451"/>
                  </a:lnTo>
                  <a:lnTo>
                    <a:pt x="368" y="451"/>
                  </a:lnTo>
                  <a:lnTo>
                    <a:pt x="369" y="452"/>
                  </a:lnTo>
                  <a:lnTo>
                    <a:pt x="371" y="456"/>
                  </a:lnTo>
                  <a:lnTo>
                    <a:pt x="373" y="464"/>
                  </a:lnTo>
                  <a:lnTo>
                    <a:pt x="373" y="474"/>
                  </a:lnTo>
                  <a:lnTo>
                    <a:pt x="373" y="488"/>
                  </a:lnTo>
                  <a:lnTo>
                    <a:pt x="373" y="498"/>
                  </a:lnTo>
                  <a:lnTo>
                    <a:pt x="374" y="506"/>
                  </a:lnTo>
                  <a:lnTo>
                    <a:pt x="376" y="513"/>
                  </a:lnTo>
                  <a:lnTo>
                    <a:pt x="378" y="520"/>
                  </a:lnTo>
                  <a:lnTo>
                    <a:pt x="379" y="523"/>
                  </a:lnTo>
                  <a:lnTo>
                    <a:pt x="381" y="525"/>
                  </a:lnTo>
                  <a:lnTo>
                    <a:pt x="383" y="527"/>
                  </a:lnTo>
                  <a:lnTo>
                    <a:pt x="386" y="535"/>
                  </a:lnTo>
                  <a:lnTo>
                    <a:pt x="388" y="540"/>
                  </a:lnTo>
                  <a:lnTo>
                    <a:pt x="390" y="545"/>
                  </a:lnTo>
                  <a:lnTo>
                    <a:pt x="390" y="547"/>
                  </a:lnTo>
                  <a:lnTo>
                    <a:pt x="388" y="550"/>
                  </a:lnTo>
                  <a:lnTo>
                    <a:pt x="388" y="552"/>
                  </a:lnTo>
                  <a:lnTo>
                    <a:pt x="386" y="554"/>
                  </a:lnTo>
                  <a:lnTo>
                    <a:pt x="385" y="559"/>
                  </a:lnTo>
                  <a:lnTo>
                    <a:pt x="386" y="562"/>
                  </a:lnTo>
                  <a:lnTo>
                    <a:pt x="388" y="566"/>
                  </a:lnTo>
                  <a:lnTo>
                    <a:pt x="391" y="569"/>
                  </a:lnTo>
                  <a:lnTo>
                    <a:pt x="395" y="571"/>
                  </a:lnTo>
                  <a:lnTo>
                    <a:pt x="398" y="572"/>
                  </a:lnTo>
                  <a:lnTo>
                    <a:pt x="400" y="572"/>
                  </a:lnTo>
                  <a:lnTo>
                    <a:pt x="401" y="572"/>
                  </a:lnTo>
                  <a:lnTo>
                    <a:pt x="413" y="591"/>
                  </a:lnTo>
                  <a:lnTo>
                    <a:pt x="413" y="593"/>
                  </a:lnTo>
                  <a:lnTo>
                    <a:pt x="415" y="596"/>
                  </a:lnTo>
                  <a:lnTo>
                    <a:pt x="415" y="603"/>
                  </a:lnTo>
                  <a:lnTo>
                    <a:pt x="415" y="610"/>
                  </a:lnTo>
                  <a:lnTo>
                    <a:pt x="417" y="616"/>
                  </a:lnTo>
                  <a:lnTo>
                    <a:pt x="417" y="622"/>
                  </a:lnTo>
                  <a:lnTo>
                    <a:pt x="418" y="627"/>
                  </a:lnTo>
                  <a:lnTo>
                    <a:pt x="418" y="628"/>
                  </a:lnTo>
                  <a:lnTo>
                    <a:pt x="422" y="633"/>
                  </a:lnTo>
                  <a:lnTo>
                    <a:pt x="425" y="637"/>
                  </a:lnTo>
                  <a:lnTo>
                    <a:pt x="427" y="637"/>
                  </a:lnTo>
                  <a:lnTo>
                    <a:pt x="429" y="637"/>
                  </a:lnTo>
                  <a:lnTo>
                    <a:pt x="430" y="633"/>
                  </a:lnTo>
                  <a:lnTo>
                    <a:pt x="432" y="632"/>
                  </a:lnTo>
                  <a:lnTo>
                    <a:pt x="432" y="630"/>
                  </a:lnTo>
                  <a:lnTo>
                    <a:pt x="432" y="628"/>
                  </a:lnTo>
                  <a:lnTo>
                    <a:pt x="435" y="623"/>
                  </a:lnTo>
                  <a:lnTo>
                    <a:pt x="440" y="622"/>
                  </a:lnTo>
                  <a:lnTo>
                    <a:pt x="444" y="622"/>
                  </a:lnTo>
                  <a:lnTo>
                    <a:pt x="447" y="622"/>
                  </a:lnTo>
                  <a:lnTo>
                    <a:pt x="452" y="623"/>
                  </a:lnTo>
                  <a:lnTo>
                    <a:pt x="454" y="625"/>
                  </a:lnTo>
                  <a:lnTo>
                    <a:pt x="457" y="627"/>
                  </a:lnTo>
                  <a:lnTo>
                    <a:pt x="459" y="628"/>
                  </a:lnTo>
                  <a:lnTo>
                    <a:pt x="464" y="632"/>
                  </a:lnTo>
                  <a:lnTo>
                    <a:pt x="469" y="632"/>
                  </a:lnTo>
                  <a:lnTo>
                    <a:pt x="473" y="630"/>
                  </a:lnTo>
                  <a:lnTo>
                    <a:pt x="476" y="628"/>
                  </a:lnTo>
                  <a:lnTo>
                    <a:pt x="478" y="625"/>
                  </a:lnTo>
                  <a:lnTo>
                    <a:pt x="479" y="623"/>
                  </a:lnTo>
                  <a:lnTo>
                    <a:pt x="479" y="620"/>
                  </a:lnTo>
                  <a:lnTo>
                    <a:pt x="481" y="620"/>
                  </a:lnTo>
                  <a:lnTo>
                    <a:pt x="484" y="618"/>
                  </a:lnTo>
                  <a:lnTo>
                    <a:pt x="486" y="618"/>
                  </a:lnTo>
                  <a:lnTo>
                    <a:pt x="488" y="620"/>
                  </a:lnTo>
                  <a:lnTo>
                    <a:pt x="489" y="622"/>
                  </a:lnTo>
                  <a:lnTo>
                    <a:pt x="491" y="623"/>
                  </a:lnTo>
                  <a:lnTo>
                    <a:pt x="491" y="625"/>
                  </a:lnTo>
                  <a:lnTo>
                    <a:pt x="493" y="627"/>
                  </a:lnTo>
                  <a:lnTo>
                    <a:pt x="493" y="628"/>
                  </a:lnTo>
                  <a:lnTo>
                    <a:pt x="498" y="628"/>
                  </a:lnTo>
                  <a:lnTo>
                    <a:pt x="518" y="625"/>
                  </a:lnTo>
                  <a:lnTo>
                    <a:pt x="525" y="630"/>
                  </a:lnTo>
                  <a:lnTo>
                    <a:pt x="537" y="630"/>
                  </a:lnTo>
                  <a:lnTo>
                    <a:pt x="552" y="628"/>
                  </a:lnTo>
                  <a:lnTo>
                    <a:pt x="559" y="611"/>
                  </a:lnTo>
                  <a:lnTo>
                    <a:pt x="569" y="611"/>
                  </a:lnTo>
                  <a:lnTo>
                    <a:pt x="576" y="632"/>
                  </a:lnTo>
                  <a:lnTo>
                    <a:pt x="586" y="647"/>
                  </a:lnTo>
                  <a:lnTo>
                    <a:pt x="540" y="958"/>
                  </a:lnTo>
                  <a:lnTo>
                    <a:pt x="269" y="909"/>
                  </a:lnTo>
                  <a:lnTo>
                    <a:pt x="268" y="909"/>
                  </a:lnTo>
                  <a:lnTo>
                    <a:pt x="266" y="909"/>
                  </a:lnTo>
                  <a:lnTo>
                    <a:pt x="263" y="908"/>
                  </a:lnTo>
                  <a:lnTo>
                    <a:pt x="259" y="908"/>
                  </a:lnTo>
                  <a:lnTo>
                    <a:pt x="254" y="906"/>
                  </a:lnTo>
                  <a:lnTo>
                    <a:pt x="249" y="904"/>
                  </a:lnTo>
                  <a:lnTo>
                    <a:pt x="242" y="904"/>
                  </a:lnTo>
                  <a:lnTo>
                    <a:pt x="236" y="902"/>
                  </a:lnTo>
                  <a:lnTo>
                    <a:pt x="229" y="901"/>
                  </a:lnTo>
                  <a:lnTo>
                    <a:pt x="220" y="899"/>
                  </a:lnTo>
                  <a:lnTo>
                    <a:pt x="212" y="897"/>
                  </a:lnTo>
                  <a:lnTo>
                    <a:pt x="203" y="896"/>
                  </a:lnTo>
                  <a:lnTo>
                    <a:pt x="193" y="894"/>
                  </a:lnTo>
                  <a:lnTo>
                    <a:pt x="185" y="891"/>
                  </a:lnTo>
                  <a:lnTo>
                    <a:pt x="175" y="889"/>
                  </a:lnTo>
                  <a:lnTo>
                    <a:pt x="165" y="887"/>
                  </a:lnTo>
                  <a:lnTo>
                    <a:pt x="154" y="884"/>
                  </a:lnTo>
                  <a:lnTo>
                    <a:pt x="143" y="882"/>
                  </a:lnTo>
                  <a:lnTo>
                    <a:pt x="132" y="880"/>
                  </a:lnTo>
                  <a:lnTo>
                    <a:pt x="121" y="877"/>
                  </a:lnTo>
                  <a:lnTo>
                    <a:pt x="110" y="875"/>
                  </a:lnTo>
                  <a:lnTo>
                    <a:pt x="99" y="872"/>
                  </a:lnTo>
                  <a:lnTo>
                    <a:pt x="87" y="870"/>
                  </a:lnTo>
                  <a:lnTo>
                    <a:pt x="77" y="867"/>
                  </a:lnTo>
                  <a:lnTo>
                    <a:pt x="65" y="865"/>
                  </a:lnTo>
                  <a:lnTo>
                    <a:pt x="53" y="862"/>
                  </a:lnTo>
                  <a:lnTo>
                    <a:pt x="43" y="860"/>
                  </a:lnTo>
                  <a:lnTo>
                    <a:pt x="33" y="858"/>
                  </a:lnTo>
                  <a:lnTo>
                    <a:pt x="21" y="855"/>
                  </a:lnTo>
                  <a:lnTo>
                    <a:pt x="11" y="853"/>
                  </a:lnTo>
                  <a:lnTo>
                    <a:pt x="0" y="852"/>
                  </a:lnTo>
                  <a:lnTo>
                    <a:pt x="46" y="657"/>
                  </a:lnTo>
                  <a:lnTo>
                    <a:pt x="44" y="644"/>
                  </a:lnTo>
                  <a:lnTo>
                    <a:pt x="63" y="611"/>
                  </a:lnTo>
                  <a:lnTo>
                    <a:pt x="63" y="601"/>
                  </a:lnTo>
                  <a:lnTo>
                    <a:pt x="68" y="594"/>
                  </a:lnTo>
                  <a:lnTo>
                    <a:pt x="71" y="586"/>
                  </a:lnTo>
                  <a:lnTo>
                    <a:pt x="66" y="581"/>
                  </a:lnTo>
                  <a:lnTo>
                    <a:pt x="48" y="569"/>
                  </a:lnTo>
                  <a:lnTo>
                    <a:pt x="49" y="561"/>
                  </a:lnTo>
                  <a:lnTo>
                    <a:pt x="49" y="559"/>
                  </a:lnTo>
                  <a:lnTo>
                    <a:pt x="49" y="557"/>
                  </a:lnTo>
                  <a:lnTo>
                    <a:pt x="51" y="556"/>
                  </a:lnTo>
                  <a:lnTo>
                    <a:pt x="51" y="554"/>
                  </a:lnTo>
                  <a:lnTo>
                    <a:pt x="53" y="552"/>
                  </a:lnTo>
                  <a:lnTo>
                    <a:pt x="53" y="550"/>
                  </a:lnTo>
                  <a:lnTo>
                    <a:pt x="53" y="549"/>
                  </a:lnTo>
                  <a:lnTo>
                    <a:pt x="58" y="539"/>
                  </a:lnTo>
                  <a:lnTo>
                    <a:pt x="63" y="530"/>
                  </a:lnTo>
                  <a:lnTo>
                    <a:pt x="71" y="522"/>
                  </a:lnTo>
                  <a:lnTo>
                    <a:pt x="78" y="513"/>
                  </a:lnTo>
                  <a:lnTo>
                    <a:pt x="87" y="506"/>
                  </a:lnTo>
                  <a:lnTo>
                    <a:pt x="93" y="501"/>
                  </a:lnTo>
                  <a:lnTo>
                    <a:pt x="97" y="498"/>
                  </a:lnTo>
                  <a:lnTo>
                    <a:pt x="99" y="496"/>
                  </a:lnTo>
                  <a:lnTo>
                    <a:pt x="99" y="488"/>
                  </a:lnTo>
                  <a:lnTo>
                    <a:pt x="146" y="422"/>
                  </a:lnTo>
                  <a:lnTo>
                    <a:pt x="148" y="413"/>
                  </a:lnTo>
                  <a:lnTo>
                    <a:pt x="141" y="400"/>
                  </a:lnTo>
                  <a:lnTo>
                    <a:pt x="131" y="391"/>
                  </a:lnTo>
                  <a:lnTo>
                    <a:pt x="119" y="368"/>
                  </a:lnTo>
                  <a:lnTo>
                    <a:pt x="119" y="358"/>
                  </a:lnTo>
                  <a:lnTo>
                    <a:pt x="122" y="344"/>
                  </a:lnTo>
                  <a:lnTo>
                    <a:pt x="122" y="332"/>
                  </a:lnTo>
                  <a:lnTo>
                    <a:pt x="117" y="320"/>
                  </a:lnTo>
                  <a:lnTo>
                    <a:pt x="122" y="303"/>
                  </a:lnTo>
                  <a:lnTo>
                    <a:pt x="122" y="302"/>
                  </a:lnTo>
                  <a:lnTo>
                    <a:pt x="122" y="300"/>
                  </a:lnTo>
                  <a:lnTo>
                    <a:pt x="124" y="297"/>
                  </a:lnTo>
                  <a:lnTo>
                    <a:pt x="126" y="290"/>
                  </a:lnTo>
                  <a:lnTo>
                    <a:pt x="127" y="283"/>
                  </a:lnTo>
                  <a:lnTo>
                    <a:pt x="129" y="275"/>
                  </a:lnTo>
                  <a:lnTo>
                    <a:pt x="131" y="266"/>
                  </a:lnTo>
                  <a:lnTo>
                    <a:pt x="132" y="256"/>
                  </a:lnTo>
                  <a:lnTo>
                    <a:pt x="136" y="244"/>
                  </a:lnTo>
                  <a:lnTo>
                    <a:pt x="137" y="232"/>
                  </a:lnTo>
                  <a:lnTo>
                    <a:pt x="141" y="220"/>
                  </a:lnTo>
                  <a:lnTo>
                    <a:pt x="144" y="207"/>
                  </a:lnTo>
                  <a:lnTo>
                    <a:pt x="146" y="193"/>
                  </a:lnTo>
                  <a:lnTo>
                    <a:pt x="149" y="180"/>
                  </a:lnTo>
                  <a:lnTo>
                    <a:pt x="153" y="166"/>
                  </a:lnTo>
                  <a:lnTo>
                    <a:pt x="156" y="151"/>
                  </a:lnTo>
                  <a:lnTo>
                    <a:pt x="159" y="138"/>
                  </a:lnTo>
                  <a:lnTo>
                    <a:pt x="161" y="122"/>
                  </a:lnTo>
                  <a:lnTo>
                    <a:pt x="165" y="109"/>
                  </a:lnTo>
                  <a:lnTo>
                    <a:pt x="168" y="95"/>
                  </a:lnTo>
                  <a:lnTo>
                    <a:pt x="171" y="82"/>
                  </a:lnTo>
                  <a:lnTo>
                    <a:pt x="173" y="70"/>
                  </a:lnTo>
                  <a:lnTo>
                    <a:pt x="176" y="58"/>
                  </a:lnTo>
                  <a:lnTo>
                    <a:pt x="178" y="48"/>
                  </a:lnTo>
                  <a:lnTo>
                    <a:pt x="181" y="38"/>
                  </a:lnTo>
                  <a:lnTo>
                    <a:pt x="183" y="28"/>
                  </a:lnTo>
                  <a:lnTo>
                    <a:pt x="185" y="19"/>
                  </a:lnTo>
                  <a:lnTo>
                    <a:pt x="187" y="12"/>
                  </a:lnTo>
                  <a:lnTo>
                    <a:pt x="188" y="7"/>
                  </a:lnTo>
                  <a:lnTo>
                    <a:pt x="188" y="4"/>
                  </a:lnTo>
                  <a:lnTo>
                    <a:pt x="188" y="0"/>
                  </a:lnTo>
                  <a:lnTo>
                    <a:pt x="266" y="17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398" name="Freeform 117"/>
            <p:cNvSpPr>
              <a:spLocks/>
            </p:cNvSpPr>
            <p:nvPr/>
          </p:nvSpPr>
          <p:spPr bwMode="auto">
            <a:xfrm>
              <a:off x="1110" y="981"/>
              <a:ext cx="979" cy="621"/>
            </a:xfrm>
            <a:custGeom>
              <a:avLst/>
              <a:gdLst>
                <a:gd name="T0" fmla="*/ 289 w 1007"/>
                <a:gd name="T1" fmla="*/ 381 h 640"/>
                <a:gd name="T2" fmla="*/ 357 w 1007"/>
                <a:gd name="T3" fmla="*/ 389 h 640"/>
                <a:gd name="T4" fmla="*/ 425 w 1007"/>
                <a:gd name="T5" fmla="*/ 398 h 640"/>
                <a:gd name="T6" fmla="*/ 489 w 1007"/>
                <a:gd name="T7" fmla="*/ 406 h 640"/>
                <a:gd name="T8" fmla="*/ 550 w 1007"/>
                <a:gd name="T9" fmla="*/ 410 h 640"/>
                <a:gd name="T10" fmla="*/ 600 w 1007"/>
                <a:gd name="T11" fmla="*/ 415 h 640"/>
                <a:gd name="T12" fmla="*/ 635 w 1007"/>
                <a:gd name="T13" fmla="*/ 418 h 640"/>
                <a:gd name="T14" fmla="*/ 651 w 1007"/>
                <a:gd name="T15" fmla="*/ 420 h 640"/>
                <a:gd name="T16" fmla="*/ 635 w 1007"/>
                <a:gd name="T17" fmla="*/ 93 h 640"/>
                <a:gd name="T18" fmla="*/ 534 w 1007"/>
                <a:gd name="T19" fmla="*/ 82 h 640"/>
                <a:gd name="T20" fmla="*/ 426 w 1007"/>
                <a:gd name="T21" fmla="*/ 70 h 640"/>
                <a:gd name="T22" fmla="*/ 317 w 1007"/>
                <a:gd name="T23" fmla="*/ 54 h 640"/>
                <a:gd name="T24" fmla="*/ 215 w 1007"/>
                <a:gd name="T25" fmla="*/ 39 h 640"/>
                <a:gd name="T26" fmla="*/ 126 w 1007"/>
                <a:gd name="T27" fmla="*/ 17 h 640"/>
                <a:gd name="T28" fmla="*/ 60 w 1007"/>
                <a:gd name="T29" fmla="*/ 12 h 640"/>
                <a:gd name="T30" fmla="*/ 20 w 1007"/>
                <a:gd name="T31" fmla="*/ 2 h 640"/>
                <a:gd name="T32" fmla="*/ 0 w 1007"/>
                <a:gd name="T33" fmla="*/ 80 h 640"/>
                <a:gd name="T34" fmla="*/ 13 w 1007"/>
                <a:gd name="T35" fmla="*/ 120 h 640"/>
                <a:gd name="T36" fmla="*/ 17 w 1007"/>
                <a:gd name="T37" fmla="*/ 135 h 640"/>
                <a:gd name="T38" fmla="*/ 17 w 1007"/>
                <a:gd name="T39" fmla="*/ 139 h 640"/>
                <a:gd name="T40" fmla="*/ 17 w 1007"/>
                <a:gd name="T41" fmla="*/ 143 h 640"/>
                <a:gd name="T42" fmla="*/ 31 w 1007"/>
                <a:gd name="T43" fmla="*/ 148 h 640"/>
                <a:gd name="T44" fmla="*/ 41 w 1007"/>
                <a:gd name="T45" fmla="*/ 165 h 640"/>
                <a:gd name="T46" fmla="*/ 44 w 1007"/>
                <a:gd name="T47" fmla="*/ 180 h 640"/>
                <a:gd name="T48" fmla="*/ 45 w 1007"/>
                <a:gd name="T49" fmla="*/ 187 h 640"/>
                <a:gd name="T50" fmla="*/ 60 w 1007"/>
                <a:gd name="T51" fmla="*/ 206 h 640"/>
                <a:gd name="T52" fmla="*/ 77 w 1007"/>
                <a:gd name="T53" fmla="*/ 206 h 640"/>
                <a:gd name="T54" fmla="*/ 63 w 1007"/>
                <a:gd name="T55" fmla="*/ 236 h 640"/>
                <a:gd name="T56" fmla="*/ 58 w 1007"/>
                <a:gd name="T57" fmla="*/ 252 h 640"/>
                <a:gd name="T58" fmla="*/ 58 w 1007"/>
                <a:gd name="T59" fmla="*/ 268 h 640"/>
                <a:gd name="T60" fmla="*/ 49 w 1007"/>
                <a:gd name="T61" fmla="*/ 274 h 640"/>
                <a:gd name="T62" fmla="*/ 49 w 1007"/>
                <a:gd name="T63" fmla="*/ 285 h 640"/>
                <a:gd name="T64" fmla="*/ 51 w 1007"/>
                <a:gd name="T65" fmla="*/ 295 h 640"/>
                <a:gd name="T66" fmla="*/ 83 w 1007"/>
                <a:gd name="T67" fmla="*/ 286 h 640"/>
                <a:gd name="T68" fmla="*/ 85 w 1007"/>
                <a:gd name="T69" fmla="*/ 285 h 640"/>
                <a:gd name="T70" fmla="*/ 88 w 1007"/>
                <a:gd name="T71" fmla="*/ 300 h 640"/>
                <a:gd name="T72" fmla="*/ 90 w 1007"/>
                <a:gd name="T73" fmla="*/ 325 h 640"/>
                <a:gd name="T74" fmla="*/ 95 w 1007"/>
                <a:gd name="T75" fmla="*/ 334 h 640"/>
                <a:gd name="T76" fmla="*/ 101 w 1007"/>
                <a:gd name="T77" fmla="*/ 347 h 640"/>
                <a:gd name="T78" fmla="*/ 98 w 1007"/>
                <a:gd name="T79" fmla="*/ 352 h 640"/>
                <a:gd name="T80" fmla="*/ 101 w 1007"/>
                <a:gd name="T81" fmla="*/ 363 h 640"/>
                <a:gd name="T82" fmla="*/ 109 w 1007"/>
                <a:gd name="T83" fmla="*/ 364 h 640"/>
                <a:gd name="T84" fmla="*/ 117 w 1007"/>
                <a:gd name="T85" fmla="*/ 385 h 640"/>
                <a:gd name="T86" fmla="*/ 119 w 1007"/>
                <a:gd name="T87" fmla="*/ 399 h 640"/>
                <a:gd name="T88" fmla="*/ 125 w 1007"/>
                <a:gd name="T89" fmla="*/ 408 h 640"/>
                <a:gd name="T90" fmla="*/ 129 w 1007"/>
                <a:gd name="T91" fmla="*/ 402 h 640"/>
                <a:gd name="T92" fmla="*/ 137 w 1007"/>
                <a:gd name="T93" fmla="*/ 397 h 640"/>
                <a:gd name="T94" fmla="*/ 145 w 1007"/>
                <a:gd name="T95" fmla="*/ 399 h 640"/>
                <a:gd name="T96" fmla="*/ 157 w 1007"/>
                <a:gd name="T97" fmla="*/ 402 h 640"/>
                <a:gd name="T98" fmla="*/ 160 w 1007"/>
                <a:gd name="T99" fmla="*/ 396 h 640"/>
                <a:gd name="T100" fmla="*/ 167 w 1007"/>
                <a:gd name="T101" fmla="*/ 396 h 640"/>
                <a:gd name="T102" fmla="*/ 170 w 1007"/>
                <a:gd name="T103" fmla="*/ 399 h 640"/>
                <a:gd name="T104" fmla="*/ 192 w 1007"/>
                <a:gd name="T105" fmla="*/ 402 h 640"/>
                <a:gd name="T106" fmla="*/ 221 w 1007"/>
                <a:gd name="T107" fmla="*/ 389 h 640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w 1007"/>
                <a:gd name="T163" fmla="*/ 0 h 640"/>
                <a:gd name="T164" fmla="*/ 1007 w 1007"/>
                <a:gd name="T165" fmla="*/ 640 h 640"/>
              </a:gdLst>
              <a:ahLst/>
              <a:cxnLst>
                <a:cxn ang="T108">
                  <a:pos x="T0" y="T1"/>
                </a:cxn>
                <a:cxn ang="T109">
                  <a:pos x="T2" y="T3"/>
                </a:cxn>
                <a:cxn ang="T110">
                  <a:pos x="T4" y="T5"/>
                </a:cxn>
                <a:cxn ang="T111">
                  <a:pos x="T6" y="T7"/>
                </a:cxn>
                <a:cxn ang="T112">
                  <a:pos x="T8" y="T9"/>
                </a:cxn>
                <a:cxn ang="T113">
                  <a:pos x="T10" y="T11"/>
                </a:cxn>
                <a:cxn ang="T114">
                  <a:pos x="T12" y="T13"/>
                </a:cxn>
                <a:cxn ang="T115">
                  <a:pos x="T14" y="T15"/>
                </a:cxn>
                <a:cxn ang="T116">
                  <a:pos x="T16" y="T17"/>
                </a:cxn>
                <a:cxn ang="T117">
                  <a:pos x="T18" y="T19"/>
                </a:cxn>
                <a:cxn ang="T118">
                  <a:pos x="T20" y="T21"/>
                </a:cxn>
                <a:cxn ang="T119">
                  <a:pos x="T22" y="T23"/>
                </a:cxn>
                <a:cxn ang="T120">
                  <a:pos x="T24" y="T25"/>
                </a:cxn>
                <a:cxn ang="T121">
                  <a:pos x="T26" y="T27"/>
                </a:cxn>
                <a:cxn ang="T122">
                  <a:pos x="T28" y="T29"/>
                </a:cxn>
                <a:cxn ang="T123">
                  <a:pos x="T30" y="T31"/>
                </a:cxn>
                <a:cxn ang="T124">
                  <a:pos x="T32" y="T33"/>
                </a:cxn>
                <a:cxn ang="T125">
                  <a:pos x="T34" y="T35"/>
                </a:cxn>
                <a:cxn ang="T126">
                  <a:pos x="T36" y="T37"/>
                </a:cxn>
                <a:cxn ang="T127">
                  <a:pos x="T38" y="T39"/>
                </a:cxn>
                <a:cxn ang="T128">
                  <a:pos x="T40" y="T41"/>
                </a:cxn>
                <a:cxn ang="T129">
                  <a:pos x="T42" y="T43"/>
                </a:cxn>
                <a:cxn ang="T130">
                  <a:pos x="T44" y="T45"/>
                </a:cxn>
                <a:cxn ang="T131">
                  <a:pos x="T46" y="T47"/>
                </a:cxn>
                <a:cxn ang="T132">
                  <a:pos x="T48" y="T49"/>
                </a:cxn>
                <a:cxn ang="T133">
                  <a:pos x="T50" y="T51"/>
                </a:cxn>
                <a:cxn ang="T134">
                  <a:pos x="T52" y="T53"/>
                </a:cxn>
                <a:cxn ang="T135">
                  <a:pos x="T54" y="T55"/>
                </a:cxn>
                <a:cxn ang="T136">
                  <a:pos x="T56" y="T57"/>
                </a:cxn>
                <a:cxn ang="T137">
                  <a:pos x="T58" y="T59"/>
                </a:cxn>
                <a:cxn ang="T138">
                  <a:pos x="T60" y="T61"/>
                </a:cxn>
                <a:cxn ang="T139">
                  <a:pos x="T62" y="T63"/>
                </a:cxn>
                <a:cxn ang="T140">
                  <a:pos x="T64" y="T65"/>
                </a:cxn>
                <a:cxn ang="T141">
                  <a:pos x="T66" y="T67"/>
                </a:cxn>
                <a:cxn ang="T142">
                  <a:pos x="T68" y="T69"/>
                </a:cxn>
                <a:cxn ang="T143">
                  <a:pos x="T70" y="T71"/>
                </a:cxn>
                <a:cxn ang="T144">
                  <a:pos x="T72" y="T73"/>
                </a:cxn>
                <a:cxn ang="T145">
                  <a:pos x="T74" y="T75"/>
                </a:cxn>
                <a:cxn ang="T146">
                  <a:pos x="T76" y="T77"/>
                </a:cxn>
                <a:cxn ang="T147">
                  <a:pos x="T78" y="T79"/>
                </a:cxn>
                <a:cxn ang="T148">
                  <a:pos x="T80" y="T81"/>
                </a:cxn>
                <a:cxn ang="T149">
                  <a:pos x="T82" y="T83"/>
                </a:cxn>
                <a:cxn ang="T150">
                  <a:pos x="T84" y="T85"/>
                </a:cxn>
                <a:cxn ang="T151">
                  <a:pos x="T86" y="T87"/>
                </a:cxn>
                <a:cxn ang="T152">
                  <a:pos x="T88" y="T89"/>
                </a:cxn>
                <a:cxn ang="T153">
                  <a:pos x="T90" y="T91"/>
                </a:cxn>
                <a:cxn ang="T154">
                  <a:pos x="T92" y="T93"/>
                </a:cxn>
                <a:cxn ang="T155">
                  <a:pos x="T94" y="T95"/>
                </a:cxn>
                <a:cxn ang="T156">
                  <a:pos x="T96" y="T97"/>
                </a:cxn>
                <a:cxn ang="T157">
                  <a:pos x="T98" y="T99"/>
                </a:cxn>
                <a:cxn ang="T158">
                  <a:pos x="T100" y="T101"/>
                </a:cxn>
                <a:cxn ang="T159">
                  <a:pos x="T102" y="T103"/>
                </a:cxn>
                <a:cxn ang="T160">
                  <a:pos x="T104" y="T105"/>
                </a:cxn>
                <a:cxn ang="T161">
                  <a:pos x="T106" y="T107"/>
                </a:cxn>
              </a:cxnLst>
              <a:rect l="T162" t="T163" r="T164" b="T165"/>
              <a:pathLst>
                <a:path w="1007" h="640">
                  <a:moveTo>
                    <a:pt x="358" y="569"/>
                  </a:moveTo>
                  <a:lnTo>
                    <a:pt x="380" y="572"/>
                  </a:lnTo>
                  <a:lnTo>
                    <a:pt x="404" y="576"/>
                  </a:lnTo>
                  <a:lnTo>
                    <a:pt x="428" y="581"/>
                  </a:lnTo>
                  <a:lnTo>
                    <a:pt x="453" y="584"/>
                  </a:lnTo>
                  <a:lnTo>
                    <a:pt x="477" y="588"/>
                  </a:lnTo>
                  <a:lnTo>
                    <a:pt x="502" y="591"/>
                  </a:lnTo>
                  <a:lnTo>
                    <a:pt x="528" y="594"/>
                  </a:lnTo>
                  <a:lnTo>
                    <a:pt x="553" y="598"/>
                  </a:lnTo>
                  <a:lnTo>
                    <a:pt x="578" y="601"/>
                  </a:lnTo>
                  <a:lnTo>
                    <a:pt x="605" y="603"/>
                  </a:lnTo>
                  <a:lnTo>
                    <a:pt x="631" y="606"/>
                  </a:lnTo>
                  <a:lnTo>
                    <a:pt x="655" y="610"/>
                  </a:lnTo>
                  <a:lnTo>
                    <a:pt x="680" y="613"/>
                  </a:lnTo>
                  <a:lnTo>
                    <a:pt x="704" y="615"/>
                  </a:lnTo>
                  <a:lnTo>
                    <a:pt x="727" y="618"/>
                  </a:lnTo>
                  <a:lnTo>
                    <a:pt x="751" y="620"/>
                  </a:lnTo>
                  <a:lnTo>
                    <a:pt x="775" y="621"/>
                  </a:lnTo>
                  <a:lnTo>
                    <a:pt x="797" y="625"/>
                  </a:lnTo>
                  <a:lnTo>
                    <a:pt x="817" y="627"/>
                  </a:lnTo>
                  <a:lnTo>
                    <a:pt x="837" y="628"/>
                  </a:lnTo>
                  <a:lnTo>
                    <a:pt x="856" y="630"/>
                  </a:lnTo>
                  <a:lnTo>
                    <a:pt x="873" y="632"/>
                  </a:lnTo>
                  <a:lnTo>
                    <a:pt x="890" y="633"/>
                  </a:lnTo>
                  <a:lnTo>
                    <a:pt x="905" y="635"/>
                  </a:lnTo>
                  <a:lnTo>
                    <a:pt x="919" y="635"/>
                  </a:lnTo>
                  <a:lnTo>
                    <a:pt x="930" y="637"/>
                  </a:lnTo>
                  <a:lnTo>
                    <a:pt x="941" y="637"/>
                  </a:lnTo>
                  <a:lnTo>
                    <a:pt x="949" y="638"/>
                  </a:lnTo>
                  <a:lnTo>
                    <a:pt x="957" y="638"/>
                  </a:lnTo>
                  <a:lnTo>
                    <a:pt x="963" y="638"/>
                  </a:lnTo>
                  <a:lnTo>
                    <a:pt x="966" y="640"/>
                  </a:lnTo>
                  <a:lnTo>
                    <a:pt x="1007" y="144"/>
                  </a:lnTo>
                  <a:lnTo>
                    <a:pt x="974" y="143"/>
                  </a:lnTo>
                  <a:lnTo>
                    <a:pt x="941" y="141"/>
                  </a:lnTo>
                  <a:lnTo>
                    <a:pt x="905" y="139"/>
                  </a:lnTo>
                  <a:lnTo>
                    <a:pt x="869" y="136"/>
                  </a:lnTo>
                  <a:lnTo>
                    <a:pt x="832" y="131"/>
                  </a:lnTo>
                  <a:lnTo>
                    <a:pt x="793" y="127"/>
                  </a:lnTo>
                  <a:lnTo>
                    <a:pt x="754" y="122"/>
                  </a:lnTo>
                  <a:lnTo>
                    <a:pt x="714" y="117"/>
                  </a:lnTo>
                  <a:lnTo>
                    <a:pt x="673" y="112"/>
                  </a:lnTo>
                  <a:lnTo>
                    <a:pt x="633" y="105"/>
                  </a:lnTo>
                  <a:lnTo>
                    <a:pt x="592" y="100"/>
                  </a:lnTo>
                  <a:lnTo>
                    <a:pt x="551" y="93"/>
                  </a:lnTo>
                  <a:lnTo>
                    <a:pt x="511" y="88"/>
                  </a:lnTo>
                  <a:lnTo>
                    <a:pt x="470" y="82"/>
                  </a:lnTo>
                  <a:lnTo>
                    <a:pt x="431" y="75"/>
                  </a:lnTo>
                  <a:lnTo>
                    <a:pt x="392" y="68"/>
                  </a:lnTo>
                  <a:lnTo>
                    <a:pt x="355" y="61"/>
                  </a:lnTo>
                  <a:lnTo>
                    <a:pt x="318" y="56"/>
                  </a:lnTo>
                  <a:lnTo>
                    <a:pt x="282" y="49"/>
                  </a:lnTo>
                  <a:lnTo>
                    <a:pt x="248" y="43"/>
                  </a:lnTo>
                  <a:lnTo>
                    <a:pt x="216" y="38"/>
                  </a:lnTo>
                  <a:lnTo>
                    <a:pt x="188" y="31"/>
                  </a:lnTo>
                  <a:lnTo>
                    <a:pt x="159" y="26"/>
                  </a:lnTo>
                  <a:lnTo>
                    <a:pt x="133" y="21"/>
                  </a:lnTo>
                  <a:lnTo>
                    <a:pt x="108" y="17"/>
                  </a:lnTo>
                  <a:lnTo>
                    <a:pt x="88" y="12"/>
                  </a:lnTo>
                  <a:lnTo>
                    <a:pt x="69" y="9"/>
                  </a:lnTo>
                  <a:lnTo>
                    <a:pt x="54" y="5"/>
                  </a:lnTo>
                  <a:lnTo>
                    <a:pt x="42" y="4"/>
                  </a:lnTo>
                  <a:lnTo>
                    <a:pt x="34" y="2"/>
                  </a:lnTo>
                  <a:lnTo>
                    <a:pt x="27" y="0"/>
                  </a:lnTo>
                  <a:lnTo>
                    <a:pt x="25" y="0"/>
                  </a:lnTo>
                  <a:lnTo>
                    <a:pt x="0" y="122"/>
                  </a:lnTo>
                  <a:lnTo>
                    <a:pt x="8" y="141"/>
                  </a:lnTo>
                  <a:lnTo>
                    <a:pt x="20" y="168"/>
                  </a:lnTo>
                  <a:lnTo>
                    <a:pt x="20" y="178"/>
                  </a:lnTo>
                  <a:lnTo>
                    <a:pt x="13" y="183"/>
                  </a:lnTo>
                  <a:lnTo>
                    <a:pt x="22" y="190"/>
                  </a:lnTo>
                  <a:lnTo>
                    <a:pt x="15" y="195"/>
                  </a:lnTo>
                  <a:lnTo>
                    <a:pt x="15" y="202"/>
                  </a:lnTo>
                  <a:lnTo>
                    <a:pt x="28" y="205"/>
                  </a:lnTo>
                  <a:lnTo>
                    <a:pt x="28" y="207"/>
                  </a:lnTo>
                  <a:lnTo>
                    <a:pt x="28" y="209"/>
                  </a:lnTo>
                  <a:lnTo>
                    <a:pt x="28" y="210"/>
                  </a:lnTo>
                  <a:lnTo>
                    <a:pt x="28" y="212"/>
                  </a:lnTo>
                  <a:lnTo>
                    <a:pt x="28" y="214"/>
                  </a:lnTo>
                  <a:lnTo>
                    <a:pt x="28" y="215"/>
                  </a:lnTo>
                  <a:lnTo>
                    <a:pt x="30" y="217"/>
                  </a:lnTo>
                  <a:lnTo>
                    <a:pt x="35" y="219"/>
                  </a:lnTo>
                  <a:lnTo>
                    <a:pt x="39" y="220"/>
                  </a:lnTo>
                  <a:lnTo>
                    <a:pt x="42" y="224"/>
                  </a:lnTo>
                  <a:lnTo>
                    <a:pt x="45" y="227"/>
                  </a:lnTo>
                  <a:lnTo>
                    <a:pt x="49" y="232"/>
                  </a:lnTo>
                  <a:lnTo>
                    <a:pt x="52" y="239"/>
                  </a:lnTo>
                  <a:lnTo>
                    <a:pt x="54" y="244"/>
                  </a:lnTo>
                  <a:lnTo>
                    <a:pt x="57" y="251"/>
                  </a:lnTo>
                  <a:lnTo>
                    <a:pt x="59" y="258"/>
                  </a:lnTo>
                  <a:lnTo>
                    <a:pt x="61" y="263"/>
                  </a:lnTo>
                  <a:lnTo>
                    <a:pt x="62" y="269"/>
                  </a:lnTo>
                  <a:lnTo>
                    <a:pt x="64" y="275"/>
                  </a:lnTo>
                  <a:lnTo>
                    <a:pt x="64" y="278"/>
                  </a:lnTo>
                  <a:lnTo>
                    <a:pt x="66" y="281"/>
                  </a:lnTo>
                  <a:lnTo>
                    <a:pt x="66" y="283"/>
                  </a:lnTo>
                  <a:lnTo>
                    <a:pt x="66" y="285"/>
                  </a:lnTo>
                  <a:lnTo>
                    <a:pt x="74" y="288"/>
                  </a:lnTo>
                  <a:lnTo>
                    <a:pt x="74" y="300"/>
                  </a:lnTo>
                  <a:lnTo>
                    <a:pt x="86" y="300"/>
                  </a:lnTo>
                  <a:lnTo>
                    <a:pt x="88" y="313"/>
                  </a:lnTo>
                  <a:lnTo>
                    <a:pt x="94" y="313"/>
                  </a:lnTo>
                  <a:lnTo>
                    <a:pt x="113" y="313"/>
                  </a:lnTo>
                  <a:lnTo>
                    <a:pt x="113" y="315"/>
                  </a:lnTo>
                  <a:lnTo>
                    <a:pt x="101" y="337"/>
                  </a:lnTo>
                  <a:lnTo>
                    <a:pt x="101" y="349"/>
                  </a:lnTo>
                  <a:lnTo>
                    <a:pt x="93" y="359"/>
                  </a:lnTo>
                  <a:lnTo>
                    <a:pt x="94" y="359"/>
                  </a:lnTo>
                  <a:lnTo>
                    <a:pt x="94" y="368"/>
                  </a:lnTo>
                  <a:lnTo>
                    <a:pt x="88" y="373"/>
                  </a:lnTo>
                  <a:lnTo>
                    <a:pt x="86" y="383"/>
                  </a:lnTo>
                  <a:lnTo>
                    <a:pt x="89" y="401"/>
                  </a:lnTo>
                  <a:lnTo>
                    <a:pt x="89" y="403"/>
                  </a:lnTo>
                  <a:lnTo>
                    <a:pt x="88" y="405"/>
                  </a:lnTo>
                  <a:lnTo>
                    <a:pt x="86" y="408"/>
                  </a:lnTo>
                  <a:lnTo>
                    <a:pt x="79" y="410"/>
                  </a:lnTo>
                  <a:lnTo>
                    <a:pt x="76" y="413"/>
                  </a:lnTo>
                  <a:lnTo>
                    <a:pt x="74" y="417"/>
                  </a:lnTo>
                  <a:lnTo>
                    <a:pt x="72" y="422"/>
                  </a:lnTo>
                  <a:lnTo>
                    <a:pt x="72" y="427"/>
                  </a:lnTo>
                  <a:lnTo>
                    <a:pt x="74" y="430"/>
                  </a:lnTo>
                  <a:lnTo>
                    <a:pt x="74" y="434"/>
                  </a:lnTo>
                  <a:lnTo>
                    <a:pt x="74" y="435"/>
                  </a:lnTo>
                  <a:lnTo>
                    <a:pt x="69" y="437"/>
                  </a:lnTo>
                  <a:lnTo>
                    <a:pt x="69" y="445"/>
                  </a:lnTo>
                  <a:lnTo>
                    <a:pt x="78" y="449"/>
                  </a:lnTo>
                  <a:lnTo>
                    <a:pt x="86" y="457"/>
                  </a:lnTo>
                  <a:lnTo>
                    <a:pt x="101" y="452"/>
                  </a:lnTo>
                  <a:lnTo>
                    <a:pt x="116" y="439"/>
                  </a:lnTo>
                  <a:lnTo>
                    <a:pt x="123" y="437"/>
                  </a:lnTo>
                  <a:lnTo>
                    <a:pt x="125" y="435"/>
                  </a:lnTo>
                  <a:lnTo>
                    <a:pt x="125" y="434"/>
                  </a:lnTo>
                  <a:lnTo>
                    <a:pt x="127" y="434"/>
                  </a:lnTo>
                  <a:lnTo>
                    <a:pt x="128" y="435"/>
                  </a:lnTo>
                  <a:lnTo>
                    <a:pt x="130" y="439"/>
                  </a:lnTo>
                  <a:lnTo>
                    <a:pt x="132" y="447"/>
                  </a:lnTo>
                  <a:lnTo>
                    <a:pt x="132" y="457"/>
                  </a:lnTo>
                  <a:lnTo>
                    <a:pt x="132" y="471"/>
                  </a:lnTo>
                  <a:lnTo>
                    <a:pt x="132" y="481"/>
                  </a:lnTo>
                  <a:lnTo>
                    <a:pt x="133" y="489"/>
                  </a:lnTo>
                  <a:lnTo>
                    <a:pt x="135" y="496"/>
                  </a:lnTo>
                  <a:lnTo>
                    <a:pt x="137" y="503"/>
                  </a:lnTo>
                  <a:lnTo>
                    <a:pt x="138" y="506"/>
                  </a:lnTo>
                  <a:lnTo>
                    <a:pt x="140" y="508"/>
                  </a:lnTo>
                  <a:lnTo>
                    <a:pt x="142" y="510"/>
                  </a:lnTo>
                  <a:lnTo>
                    <a:pt x="145" y="518"/>
                  </a:lnTo>
                  <a:lnTo>
                    <a:pt x="147" y="523"/>
                  </a:lnTo>
                  <a:lnTo>
                    <a:pt x="149" y="528"/>
                  </a:lnTo>
                  <a:lnTo>
                    <a:pt x="149" y="530"/>
                  </a:lnTo>
                  <a:lnTo>
                    <a:pt x="147" y="533"/>
                  </a:lnTo>
                  <a:lnTo>
                    <a:pt x="147" y="535"/>
                  </a:lnTo>
                  <a:lnTo>
                    <a:pt x="145" y="537"/>
                  </a:lnTo>
                  <a:lnTo>
                    <a:pt x="144" y="542"/>
                  </a:lnTo>
                  <a:lnTo>
                    <a:pt x="145" y="545"/>
                  </a:lnTo>
                  <a:lnTo>
                    <a:pt x="147" y="549"/>
                  </a:lnTo>
                  <a:lnTo>
                    <a:pt x="150" y="552"/>
                  </a:lnTo>
                  <a:lnTo>
                    <a:pt x="154" y="554"/>
                  </a:lnTo>
                  <a:lnTo>
                    <a:pt x="157" y="555"/>
                  </a:lnTo>
                  <a:lnTo>
                    <a:pt x="159" y="555"/>
                  </a:lnTo>
                  <a:lnTo>
                    <a:pt x="160" y="555"/>
                  </a:lnTo>
                  <a:lnTo>
                    <a:pt x="172" y="574"/>
                  </a:lnTo>
                  <a:lnTo>
                    <a:pt x="172" y="576"/>
                  </a:lnTo>
                  <a:lnTo>
                    <a:pt x="174" y="579"/>
                  </a:lnTo>
                  <a:lnTo>
                    <a:pt x="174" y="586"/>
                  </a:lnTo>
                  <a:lnTo>
                    <a:pt x="174" y="593"/>
                  </a:lnTo>
                  <a:lnTo>
                    <a:pt x="176" y="599"/>
                  </a:lnTo>
                  <a:lnTo>
                    <a:pt x="176" y="605"/>
                  </a:lnTo>
                  <a:lnTo>
                    <a:pt x="177" y="610"/>
                  </a:lnTo>
                  <a:lnTo>
                    <a:pt x="177" y="611"/>
                  </a:lnTo>
                  <a:lnTo>
                    <a:pt x="181" y="616"/>
                  </a:lnTo>
                  <a:lnTo>
                    <a:pt x="184" y="620"/>
                  </a:lnTo>
                  <a:lnTo>
                    <a:pt x="186" y="620"/>
                  </a:lnTo>
                  <a:lnTo>
                    <a:pt x="188" y="620"/>
                  </a:lnTo>
                  <a:lnTo>
                    <a:pt x="189" y="616"/>
                  </a:lnTo>
                  <a:lnTo>
                    <a:pt x="191" y="615"/>
                  </a:lnTo>
                  <a:lnTo>
                    <a:pt x="191" y="613"/>
                  </a:lnTo>
                  <a:lnTo>
                    <a:pt x="191" y="611"/>
                  </a:lnTo>
                  <a:lnTo>
                    <a:pt x="194" y="606"/>
                  </a:lnTo>
                  <a:lnTo>
                    <a:pt x="199" y="605"/>
                  </a:lnTo>
                  <a:lnTo>
                    <a:pt x="203" y="605"/>
                  </a:lnTo>
                  <a:lnTo>
                    <a:pt x="206" y="605"/>
                  </a:lnTo>
                  <a:lnTo>
                    <a:pt x="211" y="606"/>
                  </a:lnTo>
                  <a:lnTo>
                    <a:pt x="213" y="608"/>
                  </a:lnTo>
                  <a:lnTo>
                    <a:pt x="216" y="610"/>
                  </a:lnTo>
                  <a:lnTo>
                    <a:pt x="218" y="611"/>
                  </a:lnTo>
                  <a:lnTo>
                    <a:pt x="223" y="615"/>
                  </a:lnTo>
                  <a:lnTo>
                    <a:pt x="228" y="615"/>
                  </a:lnTo>
                  <a:lnTo>
                    <a:pt x="232" y="613"/>
                  </a:lnTo>
                  <a:lnTo>
                    <a:pt x="235" y="611"/>
                  </a:lnTo>
                  <a:lnTo>
                    <a:pt x="237" y="608"/>
                  </a:lnTo>
                  <a:lnTo>
                    <a:pt x="238" y="606"/>
                  </a:lnTo>
                  <a:lnTo>
                    <a:pt x="238" y="603"/>
                  </a:lnTo>
                  <a:lnTo>
                    <a:pt x="240" y="603"/>
                  </a:lnTo>
                  <a:lnTo>
                    <a:pt x="243" y="601"/>
                  </a:lnTo>
                  <a:lnTo>
                    <a:pt x="245" y="601"/>
                  </a:lnTo>
                  <a:lnTo>
                    <a:pt x="247" y="603"/>
                  </a:lnTo>
                  <a:lnTo>
                    <a:pt x="248" y="605"/>
                  </a:lnTo>
                  <a:lnTo>
                    <a:pt x="250" y="606"/>
                  </a:lnTo>
                  <a:lnTo>
                    <a:pt x="250" y="608"/>
                  </a:lnTo>
                  <a:lnTo>
                    <a:pt x="252" y="610"/>
                  </a:lnTo>
                  <a:lnTo>
                    <a:pt x="252" y="611"/>
                  </a:lnTo>
                  <a:lnTo>
                    <a:pt x="257" y="611"/>
                  </a:lnTo>
                  <a:lnTo>
                    <a:pt x="277" y="608"/>
                  </a:lnTo>
                  <a:lnTo>
                    <a:pt x="284" y="613"/>
                  </a:lnTo>
                  <a:lnTo>
                    <a:pt x="296" y="613"/>
                  </a:lnTo>
                  <a:lnTo>
                    <a:pt x="311" y="611"/>
                  </a:lnTo>
                  <a:lnTo>
                    <a:pt x="318" y="594"/>
                  </a:lnTo>
                  <a:lnTo>
                    <a:pt x="328" y="594"/>
                  </a:lnTo>
                  <a:lnTo>
                    <a:pt x="335" y="615"/>
                  </a:lnTo>
                  <a:lnTo>
                    <a:pt x="345" y="630"/>
                  </a:lnTo>
                  <a:lnTo>
                    <a:pt x="358" y="56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399" name="Freeform 118"/>
            <p:cNvSpPr>
              <a:spLocks/>
            </p:cNvSpPr>
            <p:nvPr/>
          </p:nvSpPr>
          <p:spPr bwMode="auto">
            <a:xfrm>
              <a:off x="528" y="1726"/>
              <a:ext cx="609" cy="942"/>
            </a:xfrm>
            <a:custGeom>
              <a:avLst/>
              <a:gdLst>
                <a:gd name="T0" fmla="*/ 0 w 626"/>
                <a:gd name="T1" fmla="*/ 243 h 970"/>
                <a:gd name="T2" fmla="*/ 64 w 626"/>
                <a:gd name="T3" fmla="*/ 2 h 970"/>
                <a:gd name="T4" fmla="*/ 82 w 626"/>
                <a:gd name="T5" fmla="*/ 8 h 970"/>
                <a:gd name="T6" fmla="*/ 99 w 626"/>
                <a:gd name="T7" fmla="*/ 15 h 970"/>
                <a:gd name="T8" fmla="*/ 116 w 626"/>
                <a:gd name="T9" fmla="*/ 17 h 970"/>
                <a:gd name="T10" fmla="*/ 131 w 626"/>
                <a:gd name="T11" fmla="*/ 17 h 970"/>
                <a:gd name="T12" fmla="*/ 148 w 626"/>
                <a:gd name="T13" fmla="*/ 18 h 970"/>
                <a:gd name="T14" fmla="*/ 162 w 626"/>
                <a:gd name="T15" fmla="*/ 25 h 970"/>
                <a:gd name="T16" fmla="*/ 177 w 626"/>
                <a:gd name="T17" fmla="*/ 30 h 970"/>
                <a:gd name="T18" fmla="*/ 189 w 626"/>
                <a:gd name="T19" fmla="*/ 35 h 970"/>
                <a:gd name="T20" fmla="*/ 201 w 626"/>
                <a:gd name="T21" fmla="*/ 37 h 970"/>
                <a:gd name="T22" fmla="*/ 213 w 626"/>
                <a:gd name="T23" fmla="*/ 39 h 970"/>
                <a:gd name="T24" fmla="*/ 221 w 626"/>
                <a:gd name="T25" fmla="*/ 41 h 970"/>
                <a:gd name="T26" fmla="*/ 229 w 626"/>
                <a:gd name="T27" fmla="*/ 43 h 970"/>
                <a:gd name="T28" fmla="*/ 235 w 626"/>
                <a:gd name="T29" fmla="*/ 44 h 970"/>
                <a:gd name="T30" fmla="*/ 239 w 626"/>
                <a:gd name="T31" fmla="*/ 44 h 970"/>
                <a:gd name="T32" fmla="*/ 243 w 626"/>
                <a:gd name="T33" fmla="*/ 45 h 970"/>
                <a:gd name="T34" fmla="*/ 243 w 626"/>
                <a:gd name="T35" fmla="*/ 45 h 970"/>
                <a:gd name="T36" fmla="*/ 425 w 626"/>
                <a:gd name="T37" fmla="*/ 83 h 970"/>
                <a:gd name="T38" fmla="*/ 334 w 626"/>
                <a:gd name="T39" fmla="*/ 552 h 970"/>
                <a:gd name="T40" fmla="*/ 332 w 626"/>
                <a:gd name="T41" fmla="*/ 555 h 970"/>
                <a:gd name="T42" fmla="*/ 330 w 626"/>
                <a:gd name="T43" fmla="*/ 564 h 970"/>
                <a:gd name="T44" fmla="*/ 323 w 626"/>
                <a:gd name="T45" fmla="*/ 570 h 970"/>
                <a:gd name="T46" fmla="*/ 315 w 626"/>
                <a:gd name="T47" fmla="*/ 566 h 970"/>
                <a:gd name="T48" fmla="*/ 313 w 626"/>
                <a:gd name="T49" fmla="*/ 564 h 970"/>
                <a:gd name="T50" fmla="*/ 313 w 626"/>
                <a:gd name="T51" fmla="*/ 562 h 970"/>
                <a:gd name="T52" fmla="*/ 311 w 626"/>
                <a:gd name="T53" fmla="*/ 557 h 970"/>
                <a:gd name="T54" fmla="*/ 305 w 626"/>
                <a:gd name="T55" fmla="*/ 555 h 970"/>
                <a:gd name="T56" fmla="*/ 303 w 626"/>
                <a:gd name="T57" fmla="*/ 555 h 970"/>
                <a:gd name="T58" fmla="*/ 302 w 626"/>
                <a:gd name="T59" fmla="*/ 554 h 970"/>
                <a:gd name="T60" fmla="*/ 298 w 626"/>
                <a:gd name="T61" fmla="*/ 554 h 970"/>
                <a:gd name="T62" fmla="*/ 297 w 626"/>
                <a:gd name="T63" fmla="*/ 555 h 970"/>
                <a:gd name="T64" fmla="*/ 294 w 626"/>
                <a:gd name="T65" fmla="*/ 555 h 970"/>
                <a:gd name="T66" fmla="*/ 289 w 626"/>
                <a:gd name="T67" fmla="*/ 555 h 970"/>
                <a:gd name="T68" fmla="*/ 286 w 626"/>
                <a:gd name="T69" fmla="*/ 555 h 970"/>
                <a:gd name="T70" fmla="*/ 285 w 626"/>
                <a:gd name="T71" fmla="*/ 559 h 970"/>
                <a:gd name="T72" fmla="*/ 285 w 626"/>
                <a:gd name="T73" fmla="*/ 562 h 970"/>
                <a:gd name="T74" fmla="*/ 286 w 626"/>
                <a:gd name="T75" fmla="*/ 566 h 970"/>
                <a:gd name="T76" fmla="*/ 286 w 626"/>
                <a:gd name="T77" fmla="*/ 572 h 970"/>
                <a:gd name="T78" fmla="*/ 286 w 626"/>
                <a:gd name="T79" fmla="*/ 580 h 970"/>
                <a:gd name="T80" fmla="*/ 288 w 626"/>
                <a:gd name="T81" fmla="*/ 587 h 970"/>
                <a:gd name="T82" fmla="*/ 286 w 626"/>
                <a:gd name="T83" fmla="*/ 596 h 970"/>
                <a:gd name="T84" fmla="*/ 285 w 626"/>
                <a:gd name="T85" fmla="*/ 602 h 970"/>
                <a:gd name="T86" fmla="*/ 282 w 626"/>
                <a:gd name="T87" fmla="*/ 607 h 970"/>
                <a:gd name="T88" fmla="*/ 282 w 626"/>
                <a:gd name="T89" fmla="*/ 612 h 970"/>
                <a:gd name="T90" fmla="*/ 282 w 626"/>
                <a:gd name="T91" fmla="*/ 620 h 970"/>
                <a:gd name="T92" fmla="*/ 282 w 626"/>
                <a:gd name="T93" fmla="*/ 629 h 970"/>
                <a:gd name="T94" fmla="*/ 281 w 626"/>
                <a:gd name="T95" fmla="*/ 637 h 970"/>
                <a:gd name="T96" fmla="*/ 279 w 626"/>
                <a:gd name="T97" fmla="*/ 637 h 970"/>
                <a:gd name="T98" fmla="*/ 276 w 626"/>
                <a:gd name="T99" fmla="*/ 640 h 970"/>
                <a:gd name="T100" fmla="*/ 273 w 626"/>
                <a:gd name="T101" fmla="*/ 643 h 970"/>
                <a:gd name="T102" fmla="*/ 272 w 626"/>
                <a:gd name="T103" fmla="*/ 644 h 970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w 626"/>
                <a:gd name="T157" fmla="*/ 0 h 970"/>
                <a:gd name="T158" fmla="*/ 626 w 626"/>
                <a:gd name="T159" fmla="*/ 970 h 970"/>
              </a:gdLst>
              <a:ahLst/>
              <a:cxnLst>
                <a:cxn ang="T104">
                  <a:pos x="T0" y="T1"/>
                </a:cxn>
                <a:cxn ang="T105">
                  <a:pos x="T2" y="T3"/>
                </a:cxn>
                <a:cxn ang="T106">
                  <a:pos x="T4" y="T5"/>
                </a:cxn>
                <a:cxn ang="T107">
                  <a:pos x="T6" y="T7"/>
                </a:cxn>
                <a:cxn ang="T108">
                  <a:pos x="T8" y="T9"/>
                </a:cxn>
                <a:cxn ang="T109">
                  <a:pos x="T10" y="T11"/>
                </a:cxn>
                <a:cxn ang="T110">
                  <a:pos x="T12" y="T13"/>
                </a:cxn>
                <a:cxn ang="T111">
                  <a:pos x="T14" y="T15"/>
                </a:cxn>
                <a:cxn ang="T112">
                  <a:pos x="T16" y="T17"/>
                </a:cxn>
                <a:cxn ang="T113">
                  <a:pos x="T18" y="T19"/>
                </a:cxn>
                <a:cxn ang="T114">
                  <a:pos x="T20" y="T21"/>
                </a:cxn>
                <a:cxn ang="T115">
                  <a:pos x="T22" y="T23"/>
                </a:cxn>
                <a:cxn ang="T116">
                  <a:pos x="T24" y="T25"/>
                </a:cxn>
                <a:cxn ang="T117">
                  <a:pos x="T26" y="T27"/>
                </a:cxn>
                <a:cxn ang="T118">
                  <a:pos x="T28" y="T29"/>
                </a:cxn>
                <a:cxn ang="T119">
                  <a:pos x="T30" y="T31"/>
                </a:cxn>
                <a:cxn ang="T120">
                  <a:pos x="T32" y="T33"/>
                </a:cxn>
                <a:cxn ang="T121">
                  <a:pos x="T34" y="T35"/>
                </a:cxn>
                <a:cxn ang="T122">
                  <a:pos x="T36" y="T37"/>
                </a:cxn>
                <a:cxn ang="T123">
                  <a:pos x="T38" y="T39"/>
                </a:cxn>
                <a:cxn ang="T124">
                  <a:pos x="T40" y="T41"/>
                </a:cxn>
                <a:cxn ang="T125">
                  <a:pos x="T42" y="T43"/>
                </a:cxn>
                <a:cxn ang="T126">
                  <a:pos x="T44" y="T45"/>
                </a:cxn>
                <a:cxn ang="T127">
                  <a:pos x="T46" y="T47"/>
                </a:cxn>
                <a:cxn ang="T128">
                  <a:pos x="T48" y="T49"/>
                </a:cxn>
                <a:cxn ang="T129">
                  <a:pos x="T50" y="T51"/>
                </a:cxn>
                <a:cxn ang="T130">
                  <a:pos x="T52" y="T53"/>
                </a:cxn>
                <a:cxn ang="T131">
                  <a:pos x="T54" y="T55"/>
                </a:cxn>
                <a:cxn ang="T132">
                  <a:pos x="T56" y="T57"/>
                </a:cxn>
                <a:cxn ang="T133">
                  <a:pos x="T58" y="T59"/>
                </a:cxn>
                <a:cxn ang="T134">
                  <a:pos x="T60" y="T61"/>
                </a:cxn>
                <a:cxn ang="T135">
                  <a:pos x="T62" y="T63"/>
                </a:cxn>
                <a:cxn ang="T136">
                  <a:pos x="T64" y="T65"/>
                </a:cxn>
                <a:cxn ang="T137">
                  <a:pos x="T66" y="T67"/>
                </a:cxn>
                <a:cxn ang="T138">
                  <a:pos x="T68" y="T69"/>
                </a:cxn>
                <a:cxn ang="T139">
                  <a:pos x="T70" y="T71"/>
                </a:cxn>
                <a:cxn ang="T140">
                  <a:pos x="T72" y="T73"/>
                </a:cxn>
                <a:cxn ang="T141">
                  <a:pos x="T74" y="T75"/>
                </a:cxn>
                <a:cxn ang="T142">
                  <a:pos x="T76" y="T77"/>
                </a:cxn>
                <a:cxn ang="T143">
                  <a:pos x="T78" y="T79"/>
                </a:cxn>
                <a:cxn ang="T144">
                  <a:pos x="T80" y="T81"/>
                </a:cxn>
                <a:cxn ang="T145">
                  <a:pos x="T82" y="T83"/>
                </a:cxn>
                <a:cxn ang="T146">
                  <a:pos x="T84" y="T85"/>
                </a:cxn>
                <a:cxn ang="T147">
                  <a:pos x="T86" y="T87"/>
                </a:cxn>
                <a:cxn ang="T148">
                  <a:pos x="T88" y="T89"/>
                </a:cxn>
                <a:cxn ang="T149">
                  <a:pos x="T90" y="T91"/>
                </a:cxn>
                <a:cxn ang="T150">
                  <a:pos x="T92" y="T93"/>
                </a:cxn>
                <a:cxn ang="T151">
                  <a:pos x="T94" y="T95"/>
                </a:cxn>
                <a:cxn ang="T152">
                  <a:pos x="T96" y="T97"/>
                </a:cxn>
                <a:cxn ang="T153">
                  <a:pos x="T98" y="T99"/>
                </a:cxn>
                <a:cxn ang="T154">
                  <a:pos x="T100" y="T101"/>
                </a:cxn>
                <a:cxn ang="T155">
                  <a:pos x="T102" y="T103"/>
                </a:cxn>
              </a:cxnLst>
              <a:rect l="T156" t="T157" r="T158" b="T159"/>
              <a:pathLst>
                <a:path w="626" h="970">
                  <a:moveTo>
                    <a:pt x="400" y="970"/>
                  </a:moveTo>
                  <a:lnTo>
                    <a:pt x="0" y="366"/>
                  </a:lnTo>
                  <a:lnTo>
                    <a:pt x="95" y="0"/>
                  </a:lnTo>
                  <a:lnTo>
                    <a:pt x="93" y="2"/>
                  </a:lnTo>
                  <a:lnTo>
                    <a:pt x="107" y="5"/>
                  </a:lnTo>
                  <a:lnTo>
                    <a:pt x="120" y="8"/>
                  </a:lnTo>
                  <a:lnTo>
                    <a:pt x="132" y="12"/>
                  </a:lnTo>
                  <a:lnTo>
                    <a:pt x="146" y="15"/>
                  </a:lnTo>
                  <a:lnTo>
                    <a:pt x="158" y="19"/>
                  </a:lnTo>
                  <a:lnTo>
                    <a:pt x="170" y="20"/>
                  </a:lnTo>
                  <a:lnTo>
                    <a:pt x="183" y="24"/>
                  </a:lnTo>
                  <a:lnTo>
                    <a:pt x="193" y="27"/>
                  </a:lnTo>
                  <a:lnTo>
                    <a:pt x="205" y="30"/>
                  </a:lnTo>
                  <a:lnTo>
                    <a:pt x="217" y="32"/>
                  </a:lnTo>
                  <a:lnTo>
                    <a:pt x="229" y="36"/>
                  </a:lnTo>
                  <a:lnTo>
                    <a:pt x="239" y="39"/>
                  </a:lnTo>
                  <a:lnTo>
                    <a:pt x="249" y="41"/>
                  </a:lnTo>
                  <a:lnTo>
                    <a:pt x="259" y="44"/>
                  </a:lnTo>
                  <a:lnTo>
                    <a:pt x="269" y="46"/>
                  </a:lnTo>
                  <a:lnTo>
                    <a:pt x="278" y="49"/>
                  </a:lnTo>
                  <a:lnTo>
                    <a:pt x="288" y="51"/>
                  </a:lnTo>
                  <a:lnTo>
                    <a:pt x="296" y="52"/>
                  </a:lnTo>
                  <a:lnTo>
                    <a:pt x="303" y="54"/>
                  </a:lnTo>
                  <a:lnTo>
                    <a:pt x="312" y="56"/>
                  </a:lnTo>
                  <a:lnTo>
                    <a:pt x="318" y="58"/>
                  </a:lnTo>
                  <a:lnTo>
                    <a:pt x="325" y="59"/>
                  </a:lnTo>
                  <a:lnTo>
                    <a:pt x="330" y="61"/>
                  </a:lnTo>
                  <a:lnTo>
                    <a:pt x="337" y="63"/>
                  </a:lnTo>
                  <a:lnTo>
                    <a:pt x="340" y="64"/>
                  </a:lnTo>
                  <a:lnTo>
                    <a:pt x="346" y="66"/>
                  </a:lnTo>
                  <a:lnTo>
                    <a:pt x="349" y="66"/>
                  </a:lnTo>
                  <a:lnTo>
                    <a:pt x="352" y="66"/>
                  </a:lnTo>
                  <a:lnTo>
                    <a:pt x="354" y="68"/>
                  </a:lnTo>
                  <a:lnTo>
                    <a:pt x="357" y="68"/>
                  </a:lnTo>
                  <a:lnTo>
                    <a:pt x="626" y="125"/>
                  </a:lnTo>
                  <a:lnTo>
                    <a:pt x="508" y="741"/>
                  </a:lnTo>
                  <a:lnTo>
                    <a:pt x="491" y="831"/>
                  </a:lnTo>
                  <a:lnTo>
                    <a:pt x="491" y="833"/>
                  </a:lnTo>
                  <a:lnTo>
                    <a:pt x="489" y="836"/>
                  </a:lnTo>
                  <a:lnTo>
                    <a:pt x="488" y="843"/>
                  </a:lnTo>
                  <a:lnTo>
                    <a:pt x="484" y="850"/>
                  </a:lnTo>
                  <a:lnTo>
                    <a:pt x="481" y="855"/>
                  </a:lnTo>
                  <a:lnTo>
                    <a:pt x="476" y="858"/>
                  </a:lnTo>
                  <a:lnTo>
                    <a:pt x="471" y="858"/>
                  </a:lnTo>
                  <a:lnTo>
                    <a:pt x="464" y="853"/>
                  </a:lnTo>
                  <a:lnTo>
                    <a:pt x="464" y="851"/>
                  </a:lnTo>
                  <a:lnTo>
                    <a:pt x="462" y="850"/>
                  </a:lnTo>
                  <a:lnTo>
                    <a:pt x="462" y="848"/>
                  </a:lnTo>
                  <a:lnTo>
                    <a:pt x="462" y="846"/>
                  </a:lnTo>
                  <a:lnTo>
                    <a:pt x="461" y="844"/>
                  </a:lnTo>
                  <a:lnTo>
                    <a:pt x="457" y="841"/>
                  </a:lnTo>
                  <a:lnTo>
                    <a:pt x="454" y="841"/>
                  </a:lnTo>
                  <a:lnTo>
                    <a:pt x="449" y="839"/>
                  </a:lnTo>
                  <a:lnTo>
                    <a:pt x="447" y="839"/>
                  </a:lnTo>
                  <a:lnTo>
                    <a:pt x="445" y="838"/>
                  </a:lnTo>
                  <a:lnTo>
                    <a:pt x="445" y="836"/>
                  </a:lnTo>
                  <a:lnTo>
                    <a:pt x="444" y="834"/>
                  </a:lnTo>
                  <a:lnTo>
                    <a:pt x="440" y="833"/>
                  </a:lnTo>
                  <a:lnTo>
                    <a:pt x="439" y="833"/>
                  </a:lnTo>
                  <a:lnTo>
                    <a:pt x="437" y="833"/>
                  </a:lnTo>
                  <a:lnTo>
                    <a:pt x="435" y="836"/>
                  </a:lnTo>
                  <a:lnTo>
                    <a:pt x="434" y="836"/>
                  </a:lnTo>
                  <a:lnTo>
                    <a:pt x="432" y="838"/>
                  </a:lnTo>
                  <a:lnTo>
                    <a:pt x="428" y="838"/>
                  </a:lnTo>
                  <a:lnTo>
                    <a:pt x="425" y="838"/>
                  </a:lnTo>
                  <a:lnTo>
                    <a:pt x="423" y="838"/>
                  </a:lnTo>
                  <a:lnTo>
                    <a:pt x="420" y="839"/>
                  </a:lnTo>
                  <a:lnTo>
                    <a:pt x="420" y="841"/>
                  </a:lnTo>
                  <a:lnTo>
                    <a:pt x="418" y="843"/>
                  </a:lnTo>
                  <a:lnTo>
                    <a:pt x="418" y="844"/>
                  </a:lnTo>
                  <a:lnTo>
                    <a:pt x="418" y="846"/>
                  </a:lnTo>
                  <a:lnTo>
                    <a:pt x="420" y="850"/>
                  </a:lnTo>
                  <a:lnTo>
                    <a:pt x="420" y="853"/>
                  </a:lnTo>
                  <a:lnTo>
                    <a:pt x="420" y="856"/>
                  </a:lnTo>
                  <a:lnTo>
                    <a:pt x="420" y="861"/>
                  </a:lnTo>
                  <a:lnTo>
                    <a:pt x="420" y="866"/>
                  </a:lnTo>
                  <a:lnTo>
                    <a:pt x="420" y="873"/>
                  </a:lnTo>
                  <a:lnTo>
                    <a:pt x="422" y="878"/>
                  </a:lnTo>
                  <a:lnTo>
                    <a:pt x="422" y="885"/>
                  </a:lnTo>
                  <a:lnTo>
                    <a:pt x="420" y="890"/>
                  </a:lnTo>
                  <a:lnTo>
                    <a:pt x="420" y="897"/>
                  </a:lnTo>
                  <a:lnTo>
                    <a:pt x="420" y="902"/>
                  </a:lnTo>
                  <a:lnTo>
                    <a:pt x="418" y="907"/>
                  </a:lnTo>
                  <a:lnTo>
                    <a:pt x="417" y="912"/>
                  </a:lnTo>
                  <a:lnTo>
                    <a:pt x="415" y="916"/>
                  </a:lnTo>
                  <a:lnTo>
                    <a:pt x="415" y="919"/>
                  </a:lnTo>
                  <a:lnTo>
                    <a:pt x="415" y="922"/>
                  </a:lnTo>
                  <a:lnTo>
                    <a:pt x="415" y="927"/>
                  </a:lnTo>
                  <a:lnTo>
                    <a:pt x="415" y="934"/>
                  </a:lnTo>
                  <a:lnTo>
                    <a:pt x="415" y="941"/>
                  </a:lnTo>
                  <a:lnTo>
                    <a:pt x="415" y="948"/>
                  </a:lnTo>
                  <a:lnTo>
                    <a:pt x="415" y="954"/>
                  </a:lnTo>
                  <a:lnTo>
                    <a:pt x="413" y="960"/>
                  </a:lnTo>
                  <a:lnTo>
                    <a:pt x="412" y="960"/>
                  </a:lnTo>
                  <a:lnTo>
                    <a:pt x="410" y="961"/>
                  </a:lnTo>
                  <a:lnTo>
                    <a:pt x="408" y="963"/>
                  </a:lnTo>
                  <a:lnTo>
                    <a:pt x="406" y="965"/>
                  </a:lnTo>
                  <a:lnTo>
                    <a:pt x="403" y="966"/>
                  </a:lnTo>
                  <a:lnTo>
                    <a:pt x="401" y="968"/>
                  </a:lnTo>
                  <a:lnTo>
                    <a:pt x="400" y="970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400" name="Freeform 119"/>
            <p:cNvSpPr>
              <a:spLocks/>
            </p:cNvSpPr>
            <p:nvPr/>
          </p:nvSpPr>
          <p:spPr bwMode="auto">
            <a:xfrm>
              <a:off x="846" y="2445"/>
              <a:ext cx="649" cy="757"/>
            </a:xfrm>
            <a:custGeom>
              <a:avLst/>
              <a:gdLst>
                <a:gd name="T0" fmla="*/ 18 w 667"/>
                <a:gd name="T1" fmla="*/ 337 h 780"/>
                <a:gd name="T2" fmla="*/ 25 w 667"/>
                <a:gd name="T3" fmla="*/ 334 h 780"/>
                <a:gd name="T4" fmla="*/ 28 w 667"/>
                <a:gd name="T5" fmla="*/ 326 h 780"/>
                <a:gd name="T6" fmla="*/ 28 w 667"/>
                <a:gd name="T7" fmla="*/ 319 h 780"/>
                <a:gd name="T8" fmla="*/ 27 w 667"/>
                <a:gd name="T9" fmla="*/ 316 h 780"/>
                <a:gd name="T10" fmla="*/ 18 w 667"/>
                <a:gd name="T11" fmla="*/ 299 h 780"/>
                <a:gd name="T12" fmla="*/ 18 w 667"/>
                <a:gd name="T13" fmla="*/ 285 h 780"/>
                <a:gd name="T14" fmla="*/ 18 w 667"/>
                <a:gd name="T15" fmla="*/ 284 h 780"/>
                <a:gd name="T16" fmla="*/ 23 w 667"/>
                <a:gd name="T17" fmla="*/ 280 h 780"/>
                <a:gd name="T18" fmla="*/ 28 w 667"/>
                <a:gd name="T19" fmla="*/ 279 h 780"/>
                <a:gd name="T20" fmla="*/ 32 w 667"/>
                <a:gd name="T21" fmla="*/ 277 h 780"/>
                <a:gd name="T22" fmla="*/ 41 w 667"/>
                <a:gd name="T23" fmla="*/ 270 h 780"/>
                <a:gd name="T24" fmla="*/ 43 w 667"/>
                <a:gd name="T25" fmla="*/ 261 h 780"/>
                <a:gd name="T26" fmla="*/ 44 w 667"/>
                <a:gd name="T27" fmla="*/ 253 h 780"/>
                <a:gd name="T28" fmla="*/ 44 w 667"/>
                <a:gd name="T29" fmla="*/ 248 h 780"/>
                <a:gd name="T30" fmla="*/ 46 w 667"/>
                <a:gd name="T31" fmla="*/ 238 h 780"/>
                <a:gd name="T32" fmla="*/ 54 w 667"/>
                <a:gd name="T33" fmla="*/ 230 h 780"/>
                <a:gd name="T34" fmla="*/ 66 w 667"/>
                <a:gd name="T35" fmla="*/ 226 h 780"/>
                <a:gd name="T36" fmla="*/ 70 w 667"/>
                <a:gd name="T37" fmla="*/ 226 h 780"/>
                <a:gd name="T38" fmla="*/ 74 w 667"/>
                <a:gd name="T39" fmla="*/ 214 h 780"/>
                <a:gd name="T40" fmla="*/ 64 w 667"/>
                <a:gd name="T41" fmla="*/ 186 h 780"/>
                <a:gd name="T42" fmla="*/ 51 w 667"/>
                <a:gd name="T43" fmla="*/ 161 h 780"/>
                <a:gd name="T44" fmla="*/ 50 w 667"/>
                <a:gd name="T45" fmla="*/ 150 h 780"/>
                <a:gd name="T46" fmla="*/ 51 w 667"/>
                <a:gd name="T47" fmla="*/ 148 h 780"/>
                <a:gd name="T48" fmla="*/ 54 w 667"/>
                <a:gd name="T49" fmla="*/ 146 h 780"/>
                <a:gd name="T50" fmla="*/ 57 w 667"/>
                <a:gd name="T51" fmla="*/ 144 h 780"/>
                <a:gd name="T52" fmla="*/ 60 w 667"/>
                <a:gd name="T53" fmla="*/ 140 h 780"/>
                <a:gd name="T54" fmla="*/ 60 w 667"/>
                <a:gd name="T55" fmla="*/ 132 h 780"/>
                <a:gd name="T56" fmla="*/ 60 w 667"/>
                <a:gd name="T57" fmla="*/ 123 h 780"/>
                <a:gd name="T58" fmla="*/ 60 w 667"/>
                <a:gd name="T59" fmla="*/ 116 h 780"/>
                <a:gd name="T60" fmla="*/ 62 w 667"/>
                <a:gd name="T61" fmla="*/ 112 h 780"/>
                <a:gd name="T62" fmla="*/ 64 w 667"/>
                <a:gd name="T63" fmla="*/ 106 h 780"/>
                <a:gd name="T64" fmla="*/ 64 w 667"/>
                <a:gd name="T65" fmla="*/ 99 h 780"/>
                <a:gd name="T66" fmla="*/ 66 w 667"/>
                <a:gd name="T67" fmla="*/ 90 h 780"/>
                <a:gd name="T68" fmla="*/ 64 w 667"/>
                <a:gd name="T69" fmla="*/ 82 h 780"/>
                <a:gd name="T70" fmla="*/ 64 w 667"/>
                <a:gd name="T71" fmla="*/ 76 h 780"/>
                <a:gd name="T72" fmla="*/ 64 w 667"/>
                <a:gd name="T73" fmla="*/ 72 h 780"/>
                <a:gd name="T74" fmla="*/ 63 w 667"/>
                <a:gd name="T75" fmla="*/ 68 h 780"/>
                <a:gd name="T76" fmla="*/ 64 w 667"/>
                <a:gd name="T77" fmla="*/ 66 h 780"/>
                <a:gd name="T78" fmla="*/ 66 w 667"/>
                <a:gd name="T79" fmla="*/ 64 h 780"/>
                <a:gd name="T80" fmla="*/ 70 w 667"/>
                <a:gd name="T81" fmla="*/ 64 h 780"/>
                <a:gd name="T82" fmla="*/ 74 w 667"/>
                <a:gd name="T83" fmla="*/ 63 h 780"/>
                <a:gd name="T84" fmla="*/ 76 w 667"/>
                <a:gd name="T85" fmla="*/ 61 h 780"/>
                <a:gd name="T86" fmla="*/ 78 w 667"/>
                <a:gd name="T87" fmla="*/ 61 h 780"/>
                <a:gd name="T88" fmla="*/ 81 w 667"/>
                <a:gd name="T89" fmla="*/ 63 h 780"/>
                <a:gd name="T90" fmla="*/ 82 w 667"/>
                <a:gd name="T91" fmla="*/ 65 h 780"/>
                <a:gd name="T92" fmla="*/ 87 w 667"/>
                <a:gd name="T93" fmla="*/ 66 h 780"/>
                <a:gd name="T94" fmla="*/ 90 w 667"/>
                <a:gd name="T95" fmla="*/ 68 h 780"/>
                <a:gd name="T96" fmla="*/ 91 w 667"/>
                <a:gd name="T97" fmla="*/ 71 h 780"/>
                <a:gd name="T98" fmla="*/ 93 w 667"/>
                <a:gd name="T99" fmla="*/ 73 h 780"/>
                <a:gd name="T100" fmla="*/ 98 w 667"/>
                <a:gd name="T101" fmla="*/ 78 h 780"/>
                <a:gd name="T102" fmla="*/ 105 w 667"/>
                <a:gd name="T103" fmla="*/ 76 h 780"/>
                <a:gd name="T104" fmla="*/ 111 w 667"/>
                <a:gd name="T105" fmla="*/ 68 h 780"/>
                <a:gd name="T106" fmla="*/ 113 w 667"/>
                <a:gd name="T107" fmla="*/ 61 h 780"/>
                <a:gd name="T108" fmla="*/ 123 w 667"/>
                <a:gd name="T109" fmla="*/ 0 h 780"/>
                <a:gd name="T110" fmla="*/ 454 w 667"/>
                <a:gd name="T111" fmla="*/ 53 h 780"/>
                <a:gd name="T112" fmla="*/ 247 w 667"/>
                <a:gd name="T113" fmla="*/ 495 h 780"/>
                <a:gd name="T114" fmla="*/ 13 w 667"/>
                <a:gd name="T115" fmla="*/ 337 h 780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667"/>
                <a:gd name="T175" fmla="*/ 0 h 780"/>
                <a:gd name="T176" fmla="*/ 667 w 667"/>
                <a:gd name="T177" fmla="*/ 780 h 780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667" h="780">
                  <a:moveTo>
                    <a:pt x="13" y="513"/>
                  </a:moveTo>
                  <a:lnTo>
                    <a:pt x="29" y="513"/>
                  </a:lnTo>
                  <a:lnTo>
                    <a:pt x="34" y="511"/>
                  </a:lnTo>
                  <a:lnTo>
                    <a:pt x="39" y="508"/>
                  </a:lnTo>
                  <a:lnTo>
                    <a:pt x="41" y="503"/>
                  </a:lnTo>
                  <a:lnTo>
                    <a:pt x="42" y="496"/>
                  </a:lnTo>
                  <a:lnTo>
                    <a:pt x="42" y="491"/>
                  </a:lnTo>
                  <a:lnTo>
                    <a:pt x="42" y="486"/>
                  </a:lnTo>
                  <a:lnTo>
                    <a:pt x="42" y="483"/>
                  </a:lnTo>
                  <a:lnTo>
                    <a:pt x="41" y="481"/>
                  </a:lnTo>
                  <a:lnTo>
                    <a:pt x="24" y="472"/>
                  </a:lnTo>
                  <a:lnTo>
                    <a:pt x="29" y="455"/>
                  </a:lnTo>
                  <a:lnTo>
                    <a:pt x="27" y="444"/>
                  </a:lnTo>
                  <a:lnTo>
                    <a:pt x="30" y="433"/>
                  </a:lnTo>
                  <a:lnTo>
                    <a:pt x="32" y="432"/>
                  </a:lnTo>
                  <a:lnTo>
                    <a:pt x="35" y="430"/>
                  </a:lnTo>
                  <a:lnTo>
                    <a:pt x="37" y="427"/>
                  </a:lnTo>
                  <a:lnTo>
                    <a:pt x="41" y="425"/>
                  </a:lnTo>
                  <a:lnTo>
                    <a:pt x="42" y="423"/>
                  </a:lnTo>
                  <a:lnTo>
                    <a:pt x="44" y="422"/>
                  </a:lnTo>
                  <a:lnTo>
                    <a:pt x="46" y="420"/>
                  </a:lnTo>
                  <a:lnTo>
                    <a:pt x="51" y="415"/>
                  </a:lnTo>
                  <a:lnTo>
                    <a:pt x="56" y="410"/>
                  </a:lnTo>
                  <a:lnTo>
                    <a:pt x="57" y="403"/>
                  </a:lnTo>
                  <a:lnTo>
                    <a:pt x="59" y="396"/>
                  </a:lnTo>
                  <a:lnTo>
                    <a:pt x="61" y="389"/>
                  </a:lnTo>
                  <a:lnTo>
                    <a:pt x="61" y="384"/>
                  </a:lnTo>
                  <a:lnTo>
                    <a:pt x="61" y="379"/>
                  </a:lnTo>
                  <a:lnTo>
                    <a:pt x="61" y="378"/>
                  </a:lnTo>
                  <a:lnTo>
                    <a:pt x="63" y="369"/>
                  </a:lnTo>
                  <a:lnTo>
                    <a:pt x="66" y="361"/>
                  </a:lnTo>
                  <a:lnTo>
                    <a:pt x="73" y="354"/>
                  </a:lnTo>
                  <a:lnTo>
                    <a:pt x="81" y="349"/>
                  </a:lnTo>
                  <a:lnTo>
                    <a:pt x="88" y="345"/>
                  </a:lnTo>
                  <a:lnTo>
                    <a:pt x="95" y="344"/>
                  </a:lnTo>
                  <a:lnTo>
                    <a:pt x="100" y="344"/>
                  </a:lnTo>
                  <a:lnTo>
                    <a:pt x="101" y="342"/>
                  </a:lnTo>
                  <a:lnTo>
                    <a:pt x="108" y="334"/>
                  </a:lnTo>
                  <a:lnTo>
                    <a:pt x="108" y="325"/>
                  </a:lnTo>
                  <a:lnTo>
                    <a:pt x="91" y="301"/>
                  </a:lnTo>
                  <a:lnTo>
                    <a:pt x="93" y="283"/>
                  </a:lnTo>
                  <a:lnTo>
                    <a:pt x="81" y="257"/>
                  </a:lnTo>
                  <a:lnTo>
                    <a:pt x="76" y="244"/>
                  </a:lnTo>
                  <a:lnTo>
                    <a:pt x="73" y="229"/>
                  </a:lnTo>
                  <a:lnTo>
                    <a:pt x="74" y="227"/>
                  </a:lnTo>
                  <a:lnTo>
                    <a:pt x="76" y="225"/>
                  </a:lnTo>
                  <a:lnTo>
                    <a:pt x="79" y="224"/>
                  </a:lnTo>
                  <a:lnTo>
                    <a:pt x="81" y="222"/>
                  </a:lnTo>
                  <a:lnTo>
                    <a:pt x="83" y="220"/>
                  </a:lnTo>
                  <a:lnTo>
                    <a:pt x="85" y="219"/>
                  </a:lnTo>
                  <a:lnTo>
                    <a:pt x="86" y="219"/>
                  </a:lnTo>
                  <a:lnTo>
                    <a:pt x="88" y="213"/>
                  </a:lnTo>
                  <a:lnTo>
                    <a:pt x="88" y="207"/>
                  </a:lnTo>
                  <a:lnTo>
                    <a:pt x="88" y="200"/>
                  </a:lnTo>
                  <a:lnTo>
                    <a:pt x="88" y="193"/>
                  </a:lnTo>
                  <a:lnTo>
                    <a:pt x="88" y="186"/>
                  </a:lnTo>
                  <a:lnTo>
                    <a:pt x="88" y="181"/>
                  </a:lnTo>
                  <a:lnTo>
                    <a:pt x="88" y="178"/>
                  </a:lnTo>
                  <a:lnTo>
                    <a:pt x="88" y="175"/>
                  </a:lnTo>
                  <a:lnTo>
                    <a:pt x="90" y="171"/>
                  </a:lnTo>
                  <a:lnTo>
                    <a:pt x="91" y="166"/>
                  </a:lnTo>
                  <a:lnTo>
                    <a:pt x="93" y="161"/>
                  </a:lnTo>
                  <a:lnTo>
                    <a:pt x="93" y="156"/>
                  </a:lnTo>
                  <a:lnTo>
                    <a:pt x="93" y="149"/>
                  </a:lnTo>
                  <a:lnTo>
                    <a:pt x="95" y="144"/>
                  </a:lnTo>
                  <a:lnTo>
                    <a:pt x="95" y="137"/>
                  </a:lnTo>
                  <a:lnTo>
                    <a:pt x="93" y="132"/>
                  </a:lnTo>
                  <a:lnTo>
                    <a:pt x="93" y="125"/>
                  </a:lnTo>
                  <a:lnTo>
                    <a:pt x="93" y="120"/>
                  </a:lnTo>
                  <a:lnTo>
                    <a:pt x="93" y="115"/>
                  </a:lnTo>
                  <a:lnTo>
                    <a:pt x="93" y="112"/>
                  </a:lnTo>
                  <a:lnTo>
                    <a:pt x="93" y="109"/>
                  </a:lnTo>
                  <a:lnTo>
                    <a:pt x="91" y="105"/>
                  </a:lnTo>
                  <a:lnTo>
                    <a:pt x="91" y="103"/>
                  </a:lnTo>
                  <a:lnTo>
                    <a:pt x="91" y="102"/>
                  </a:lnTo>
                  <a:lnTo>
                    <a:pt x="93" y="100"/>
                  </a:lnTo>
                  <a:lnTo>
                    <a:pt x="93" y="98"/>
                  </a:lnTo>
                  <a:lnTo>
                    <a:pt x="96" y="97"/>
                  </a:lnTo>
                  <a:lnTo>
                    <a:pt x="98" y="97"/>
                  </a:lnTo>
                  <a:lnTo>
                    <a:pt x="101" y="97"/>
                  </a:lnTo>
                  <a:lnTo>
                    <a:pt x="105" y="97"/>
                  </a:lnTo>
                  <a:lnTo>
                    <a:pt x="107" y="95"/>
                  </a:lnTo>
                  <a:lnTo>
                    <a:pt x="108" y="95"/>
                  </a:lnTo>
                  <a:lnTo>
                    <a:pt x="110" y="92"/>
                  </a:lnTo>
                  <a:lnTo>
                    <a:pt x="112" y="92"/>
                  </a:lnTo>
                  <a:lnTo>
                    <a:pt x="113" y="92"/>
                  </a:lnTo>
                  <a:lnTo>
                    <a:pt x="117" y="93"/>
                  </a:lnTo>
                  <a:lnTo>
                    <a:pt x="118" y="95"/>
                  </a:lnTo>
                  <a:lnTo>
                    <a:pt x="118" y="97"/>
                  </a:lnTo>
                  <a:lnTo>
                    <a:pt x="120" y="98"/>
                  </a:lnTo>
                  <a:lnTo>
                    <a:pt x="122" y="98"/>
                  </a:lnTo>
                  <a:lnTo>
                    <a:pt x="127" y="100"/>
                  </a:lnTo>
                  <a:lnTo>
                    <a:pt x="130" y="100"/>
                  </a:lnTo>
                  <a:lnTo>
                    <a:pt x="134" y="103"/>
                  </a:lnTo>
                  <a:lnTo>
                    <a:pt x="135" y="105"/>
                  </a:lnTo>
                  <a:lnTo>
                    <a:pt x="135" y="107"/>
                  </a:lnTo>
                  <a:lnTo>
                    <a:pt x="135" y="109"/>
                  </a:lnTo>
                  <a:lnTo>
                    <a:pt x="137" y="110"/>
                  </a:lnTo>
                  <a:lnTo>
                    <a:pt x="137" y="112"/>
                  </a:lnTo>
                  <a:lnTo>
                    <a:pt x="144" y="117"/>
                  </a:lnTo>
                  <a:lnTo>
                    <a:pt x="149" y="117"/>
                  </a:lnTo>
                  <a:lnTo>
                    <a:pt x="154" y="114"/>
                  </a:lnTo>
                  <a:lnTo>
                    <a:pt x="157" y="109"/>
                  </a:lnTo>
                  <a:lnTo>
                    <a:pt x="161" y="102"/>
                  </a:lnTo>
                  <a:lnTo>
                    <a:pt x="162" y="95"/>
                  </a:lnTo>
                  <a:lnTo>
                    <a:pt x="164" y="92"/>
                  </a:lnTo>
                  <a:lnTo>
                    <a:pt x="164" y="90"/>
                  </a:lnTo>
                  <a:lnTo>
                    <a:pt x="181" y="0"/>
                  </a:lnTo>
                  <a:lnTo>
                    <a:pt x="667" y="81"/>
                  </a:lnTo>
                  <a:lnTo>
                    <a:pt x="570" y="780"/>
                  </a:lnTo>
                  <a:lnTo>
                    <a:pt x="362" y="753"/>
                  </a:lnTo>
                  <a:lnTo>
                    <a:pt x="0" y="542"/>
                  </a:lnTo>
                  <a:lnTo>
                    <a:pt x="13" y="513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401" name="Freeform 120"/>
            <p:cNvSpPr>
              <a:spLocks/>
            </p:cNvSpPr>
            <p:nvPr/>
          </p:nvSpPr>
          <p:spPr bwMode="auto">
            <a:xfrm>
              <a:off x="1495" y="2036"/>
              <a:ext cx="697" cy="552"/>
            </a:xfrm>
            <a:custGeom>
              <a:avLst/>
              <a:gdLst>
                <a:gd name="T0" fmla="*/ 387 w 717"/>
                <a:gd name="T1" fmla="*/ 376 h 568"/>
                <a:gd name="T2" fmla="*/ 368 w 717"/>
                <a:gd name="T3" fmla="*/ 375 h 568"/>
                <a:gd name="T4" fmla="*/ 343 w 717"/>
                <a:gd name="T5" fmla="*/ 374 h 568"/>
                <a:gd name="T6" fmla="*/ 315 w 717"/>
                <a:gd name="T7" fmla="*/ 372 h 568"/>
                <a:gd name="T8" fmla="*/ 285 w 717"/>
                <a:gd name="T9" fmla="*/ 369 h 568"/>
                <a:gd name="T10" fmla="*/ 252 w 717"/>
                <a:gd name="T11" fmla="*/ 364 h 568"/>
                <a:gd name="T12" fmla="*/ 219 w 717"/>
                <a:gd name="T13" fmla="*/ 362 h 568"/>
                <a:gd name="T14" fmla="*/ 185 w 717"/>
                <a:gd name="T15" fmla="*/ 359 h 568"/>
                <a:gd name="T16" fmla="*/ 152 w 717"/>
                <a:gd name="T17" fmla="*/ 354 h 568"/>
                <a:gd name="T18" fmla="*/ 119 w 717"/>
                <a:gd name="T19" fmla="*/ 351 h 568"/>
                <a:gd name="T20" fmla="*/ 89 w 717"/>
                <a:gd name="T21" fmla="*/ 347 h 568"/>
                <a:gd name="T22" fmla="*/ 63 w 717"/>
                <a:gd name="T23" fmla="*/ 344 h 568"/>
                <a:gd name="T24" fmla="*/ 42 w 717"/>
                <a:gd name="T25" fmla="*/ 342 h 568"/>
                <a:gd name="T26" fmla="*/ 17 w 717"/>
                <a:gd name="T27" fmla="*/ 340 h 568"/>
                <a:gd name="T28" fmla="*/ 11 w 717"/>
                <a:gd name="T29" fmla="*/ 336 h 568"/>
                <a:gd name="T30" fmla="*/ 1 w 717"/>
                <a:gd name="T31" fmla="*/ 336 h 568"/>
                <a:gd name="T32" fmla="*/ 45 w 717"/>
                <a:gd name="T33" fmla="*/ 0 h 568"/>
                <a:gd name="T34" fmla="*/ 49 w 717"/>
                <a:gd name="T35" fmla="*/ 2 h 568"/>
                <a:gd name="T36" fmla="*/ 63 w 717"/>
                <a:gd name="T37" fmla="*/ 5 h 568"/>
                <a:gd name="T38" fmla="*/ 79 w 717"/>
                <a:gd name="T39" fmla="*/ 7 h 568"/>
                <a:gd name="T40" fmla="*/ 99 w 717"/>
                <a:gd name="T41" fmla="*/ 10 h 568"/>
                <a:gd name="T42" fmla="*/ 122 w 717"/>
                <a:gd name="T43" fmla="*/ 15 h 568"/>
                <a:gd name="T44" fmla="*/ 149 w 717"/>
                <a:gd name="T45" fmla="*/ 17 h 568"/>
                <a:gd name="T46" fmla="*/ 177 w 717"/>
                <a:gd name="T47" fmla="*/ 17 h 568"/>
                <a:gd name="T48" fmla="*/ 205 w 717"/>
                <a:gd name="T49" fmla="*/ 17 h 568"/>
                <a:gd name="T50" fmla="*/ 233 w 717"/>
                <a:gd name="T51" fmla="*/ 20 h 568"/>
                <a:gd name="T52" fmla="*/ 261 w 717"/>
                <a:gd name="T53" fmla="*/ 23 h 568"/>
                <a:gd name="T54" fmla="*/ 286 w 717"/>
                <a:gd name="T55" fmla="*/ 26 h 568"/>
                <a:gd name="T56" fmla="*/ 308 w 717"/>
                <a:gd name="T57" fmla="*/ 32 h 568"/>
                <a:gd name="T58" fmla="*/ 327 w 717"/>
                <a:gd name="T59" fmla="*/ 33 h 568"/>
                <a:gd name="T60" fmla="*/ 341 w 717"/>
                <a:gd name="T61" fmla="*/ 37 h 568"/>
                <a:gd name="T62" fmla="*/ 350 w 717"/>
                <a:gd name="T63" fmla="*/ 38 h 568"/>
                <a:gd name="T64" fmla="*/ 355 w 717"/>
                <a:gd name="T65" fmla="*/ 38 h 568"/>
                <a:gd name="T66" fmla="*/ 483 w 717"/>
                <a:gd name="T67" fmla="*/ 44 h 568"/>
                <a:gd name="T68" fmla="*/ 459 w 717"/>
                <a:gd name="T69" fmla="*/ 381 h 568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w 717"/>
                <a:gd name="T106" fmla="*/ 0 h 568"/>
                <a:gd name="T107" fmla="*/ 717 w 717"/>
                <a:gd name="T108" fmla="*/ 568 h 568"/>
              </a:gdLst>
              <a:ahLst/>
              <a:cxnLst>
                <a:cxn ang="T70">
                  <a:pos x="T0" y="T1"/>
                </a:cxn>
                <a:cxn ang="T71">
                  <a:pos x="T2" y="T3"/>
                </a:cxn>
                <a:cxn ang="T72">
                  <a:pos x="T4" y="T5"/>
                </a:cxn>
                <a:cxn ang="T73">
                  <a:pos x="T6" y="T7"/>
                </a:cxn>
                <a:cxn ang="T74">
                  <a:pos x="T8" y="T9"/>
                </a:cxn>
                <a:cxn ang="T75">
                  <a:pos x="T10" y="T11"/>
                </a:cxn>
                <a:cxn ang="T76">
                  <a:pos x="T12" y="T13"/>
                </a:cxn>
                <a:cxn ang="T77">
                  <a:pos x="T14" y="T15"/>
                </a:cxn>
                <a:cxn ang="T78">
                  <a:pos x="T16" y="T17"/>
                </a:cxn>
                <a:cxn ang="T79">
                  <a:pos x="T18" y="T19"/>
                </a:cxn>
                <a:cxn ang="T80">
                  <a:pos x="T20" y="T21"/>
                </a:cxn>
                <a:cxn ang="T81">
                  <a:pos x="T22" y="T23"/>
                </a:cxn>
                <a:cxn ang="T82">
                  <a:pos x="T24" y="T25"/>
                </a:cxn>
                <a:cxn ang="T83">
                  <a:pos x="T26" y="T27"/>
                </a:cxn>
                <a:cxn ang="T84">
                  <a:pos x="T28" y="T29"/>
                </a:cxn>
                <a:cxn ang="T85">
                  <a:pos x="T30" y="T31"/>
                </a:cxn>
                <a:cxn ang="T86">
                  <a:pos x="T32" y="T33"/>
                </a:cxn>
                <a:cxn ang="T87">
                  <a:pos x="T34" y="T35"/>
                </a:cxn>
                <a:cxn ang="T88">
                  <a:pos x="T36" y="T37"/>
                </a:cxn>
                <a:cxn ang="T89">
                  <a:pos x="T38" y="T39"/>
                </a:cxn>
                <a:cxn ang="T90">
                  <a:pos x="T40" y="T41"/>
                </a:cxn>
                <a:cxn ang="T91">
                  <a:pos x="T42" y="T43"/>
                </a:cxn>
                <a:cxn ang="T92">
                  <a:pos x="T44" y="T45"/>
                </a:cxn>
                <a:cxn ang="T93">
                  <a:pos x="T46" y="T47"/>
                </a:cxn>
                <a:cxn ang="T94">
                  <a:pos x="T48" y="T49"/>
                </a:cxn>
                <a:cxn ang="T95">
                  <a:pos x="T50" y="T51"/>
                </a:cxn>
                <a:cxn ang="T96">
                  <a:pos x="T52" y="T53"/>
                </a:cxn>
                <a:cxn ang="T97">
                  <a:pos x="T54" y="T55"/>
                </a:cxn>
                <a:cxn ang="T98">
                  <a:pos x="T56" y="T57"/>
                </a:cxn>
                <a:cxn ang="T99">
                  <a:pos x="T58" y="T59"/>
                </a:cxn>
                <a:cxn ang="T100">
                  <a:pos x="T60" y="T61"/>
                </a:cxn>
                <a:cxn ang="T101">
                  <a:pos x="T62" y="T63"/>
                </a:cxn>
                <a:cxn ang="T102">
                  <a:pos x="T64" y="T65"/>
                </a:cxn>
                <a:cxn ang="T103">
                  <a:pos x="T66" y="T67"/>
                </a:cxn>
                <a:cxn ang="T104">
                  <a:pos x="T68" y="T69"/>
                </a:cxn>
              </a:cxnLst>
              <a:rect l="T105" t="T106" r="T107" b="T108"/>
              <a:pathLst>
                <a:path w="717" h="568">
                  <a:moveTo>
                    <a:pt x="587" y="562"/>
                  </a:moveTo>
                  <a:lnTo>
                    <a:pt x="575" y="562"/>
                  </a:lnTo>
                  <a:lnTo>
                    <a:pt x="561" y="562"/>
                  </a:lnTo>
                  <a:lnTo>
                    <a:pt x="546" y="560"/>
                  </a:lnTo>
                  <a:lnTo>
                    <a:pt x="528" y="560"/>
                  </a:lnTo>
                  <a:lnTo>
                    <a:pt x="509" y="558"/>
                  </a:lnTo>
                  <a:lnTo>
                    <a:pt x="489" y="557"/>
                  </a:lnTo>
                  <a:lnTo>
                    <a:pt x="468" y="555"/>
                  </a:lnTo>
                  <a:lnTo>
                    <a:pt x="446" y="552"/>
                  </a:lnTo>
                  <a:lnTo>
                    <a:pt x="423" y="550"/>
                  </a:lnTo>
                  <a:lnTo>
                    <a:pt x="399" y="548"/>
                  </a:lnTo>
                  <a:lnTo>
                    <a:pt x="374" y="545"/>
                  </a:lnTo>
                  <a:lnTo>
                    <a:pt x="350" y="543"/>
                  </a:lnTo>
                  <a:lnTo>
                    <a:pt x="325" y="540"/>
                  </a:lnTo>
                  <a:lnTo>
                    <a:pt x="299" y="538"/>
                  </a:lnTo>
                  <a:lnTo>
                    <a:pt x="274" y="535"/>
                  </a:lnTo>
                  <a:lnTo>
                    <a:pt x="250" y="531"/>
                  </a:lnTo>
                  <a:lnTo>
                    <a:pt x="225" y="530"/>
                  </a:lnTo>
                  <a:lnTo>
                    <a:pt x="201" y="526"/>
                  </a:lnTo>
                  <a:lnTo>
                    <a:pt x="177" y="523"/>
                  </a:lnTo>
                  <a:lnTo>
                    <a:pt x="155" y="521"/>
                  </a:lnTo>
                  <a:lnTo>
                    <a:pt x="133" y="518"/>
                  </a:lnTo>
                  <a:lnTo>
                    <a:pt x="113" y="516"/>
                  </a:lnTo>
                  <a:lnTo>
                    <a:pt x="93" y="513"/>
                  </a:lnTo>
                  <a:lnTo>
                    <a:pt x="74" y="511"/>
                  </a:lnTo>
                  <a:lnTo>
                    <a:pt x="59" y="509"/>
                  </a:lnTo>
                  <a:lnTo>
                    <a:pt x="44" y="508"/>
                  </a:lnTo>
                  <a:lnTo>
                    <a:pt x="30" y="506"/>
                  </a:lnTo>
                  <a:lnTo>
                    <a:pt x="20" y="504"/>
                  </a:lnTo>
                  <a:lnTo>
                    <a:pt x="11" y="502"/>
                  </a:lnTo>
                  <a:lnTo>
                    <a:pt x="5" y="502"/>
                  </a:lnTo>
                  <a:lnTo>
                    <a:pt x="1" y="502"/>
                  </a:lnTo>
                  <a:lnTo>
                    <a:pt x="0" y="502"/>
                  </a:lnTo>
                  <a:lnTo>
                    <a:pt x="66" y="0"/>
                  </a:lnTo>
                  <a:lnTo>
                    <a:pt x="69" y="2"/>
                  </a:lnTo>
                  <a:lnTo>
                    <a:pt x="74" y="2"/>
                  </a:lnTo>
                  <a:lnTo>
                    <a:pt x="83" y="3"/>
                  </a:lnTo>
                  <a:lnTo>
                    <a:pt x="93" y="5"/>
                  </a:lnTo>
                  <a:lnTo>
                    <a:pt x="103" y="5"/>
                  </a:lnTo>
                  <a:lnTo>
                    <a:pt x="116" y="7"/>
                  </a:lnTo>
                  <a:lnTo>
                    <a:pt x="132" y="8"/>
                  </a:lnTo>
                  <a:lnTo>
                    <a:pt x="147" y="10"/>
                  </a:lnTo>
                  <a:lnTo>
                    <a:pt x="164" y="13"/>
                  </a:lnTo>
                  <a:lnTo>
                    <a:pt x="182" y="15"/>
                  </a:lnTo>
                  <a:lnTo>
                    <a:pt x="201" y="17"/>
                  </a:lnTo>
                  <a:lnTo>
                    <a:pt x="221" y="18"/>
                  </a:lnTo>
                  <a:lnTo>
                    <a:pt x="242" y="22"/>
                  </a:lnTo>
                  <a:lnTo>
                    <a:pt x="262" y="24"/>
                  </a:lnTo>
                  <a:lnTo>
                    <a:pt x="282" y="27"/>
                  </a:lnTo>
                  <a:lnTo>
                    <a:pt x="304" y="29"/>
                  </a:lnTo>
                  <a:lnTo>
                    <a:pt x="325" y="30"/>
                  </a:lnTo>
                  <a:lnTo>
                    <a:pt x="347" y="34"/>
                  </a:lnTo>
                  <a:lnTo>
                    <a:pt x="367" y="35"/>
                  </a:lnTo>
                  <a:lnTo>
                    <a:pt x="387" y="37"/>
                  </a:lnTo>
                  <a:lnTo>
                    <a:pt x="406" y="39"/>
                  </a:lnTo>
                  <a:lnTo>
                    <a:pt x="424" y="40"/>
                  </a:lnTo>
                  <a:lnTo>
                    <a:pt x="441" y="44"/>
                  </a:lnTo>
                  <a:lnTo>
                    <a:pt x="457" y="46"/>
                  </a:lnTo>
                  <a:lnTo>
                    <a:pt x="472" y="47"/>
                  </a:lnTo>
                  <a:lnTo>
                    <a:pt x="485" y="47"/>
                  </a:lnTo>
                  <a:lnTo>
                    <a:pt x="497" y="49"/>
                  </a:lnTo>
                  <a:lnTo>
                    <a:pt x="507" y="51"/>
                  </a:lnTo>
                  <a:lnTo>
                    <a:pt x="516" y="51"/>
                  </a:lnTo>
                  <a:lnTo>
                    <a:pt x="521" y="52"/>
                  </a:lnTo>
                  <a:lnTo>
                    <a:pt x="526" y="52"/>
                  </a:lnTo>
                  <a:lnTo>
                    <a:pt x="524" y="52"/>
                  </a:lnTo>
                  <a:lnTo>
                    <a:pt x="717" y="64"/>
                  </a:lnTo>
                  <a:lnTo>
                    <a:pt x="710" y="189"/>
                  </a:lnTo>
                  <a:lnTo>
                    <a:pt x="683" y="568"/>
                  </a:lnTo>
                  <a:lnTo>
                    <a:pt x="587" y="562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402" name="Freeform 121"/>
            <p:cNvSpPr>
              <a:spLocks/>
            </p:cNvSpPr>
            <p:nvPr/>
          </p:nvSpPr>
          <p:spPr bwMode="auto">
            <a:xfrm>
              <a:off x="1401" y="2524"/>
              <a:ext cx="665" cy="694"/>
            </a:xfrm>
            <a:custGeom>
              <a:avLst/>
              <a:gdLst>
                <a:gd name="T0" fmla="*/ 60 w 684"/>
                <a:gd name="T1" fmla="*/ 470 h 715"/>
                <a:gd name="T2" fmla="*/ 65 w 684"/>
                <a:gd name="T3" fmla="*/ 433 h 715"/>
                <a:gd name="T4" fmla="*/ 182 w 684"/>
                <a:gd name="T5" fmla="*/ 449 h 715"/>
                <a:gd name="T6" fmla="*/ 177 w 684"/>
                <a:gd name="T7" fmla="*/ 439 h 715"/>
                <a:gd name="T8" fmla="*/ 177 w 684"/>
                <a:gd name="T9" fmla="*/ 428 h 715"/>
                <a:gd name="T10" fmla="*/ 426 w 684"/>
                <a:gd name="T11" fmla="*/ 452 h 715"/>
                <a:gd name="T12" fmla="*/ 459 w 684"/>
                <a:gd name="T13" fmla="*/ 80 h 715"/>
                <a:gd name="T14" fmla="*/ 461 w 684"/>
                <a:gd name="T15" fmla="*/ 41 h 715"/>
                <a:gd name="T16" fmla="*/ 453 w 684"/>
                <a:gd name="T17" fmla="*/ 41 h 715"/>
                <a:gd name="T18" fmla="*/ 444 w 684"/>
                <a:gd name="T19" fmla="*/ 41 h 715"/>
                <a:gd name="T20" fmla="*/ 434 w 684"/>
                <a:gd name="T21" fmla="*/ 40 h 715"/>
                <a:gd name="T22" fmla="*/ 422 w 684"/>
                <a:gd name="T23" fmla="*/ 40 h 715"/>
                <a:gd name="T24" fmla="*/ 409 w 684"/>
                <a:gd name="T25" fmla="*/ 39 h 715"/>
                <a:gd name="T26" fmla="*/ 395 w 684"/>
                <a:gd name="T27" fmla="*/ 39 h 715"/>
                <a:gd name="T28" fmla="*/ 380 w 684"/>
                <a:gd name="T29" fmla="*/ 38 h 715"/>
                <a:gd name="T30" fmla="*/ 367 w 684"/>
                <a:gd name="T31" fmla="*/ 36 h 715"/>
                <a:gd name="T32" fmla="*/ 350 w 684"/>
                <a:gd name="T33" fmla="*/ 34 h 715"/>
                <a:gd name="T34" fmla="*/ 334 w 684"/>
                <a:gd name="T35" fmla="*/ 32 h 715"/>
                <a:gd name="T36" fmla="*/ 318 w 684"/>
                <a:gd name="T37" fmla="*/ 29 h 715"/>
                <a:gd name="T38" fmla="*/ 301 w 684"/>
                <a:gd name="T39" fmla="*/ 27 h 715"/>
                <a:gd name="T40" fmla="*/ 285 w 684"/>
                <a:gd name="T41" fmla="*/ 24 h 715"/>
                <a:gd name="T42" fmla="*/ 266 w 684"/>
                <a:gd name="T43" fmla="*/ 22 h 715"/>
                <a:gd name="T44" fmla="*/ 251 w 684"/>
                <a:gd name="T45" fmla="*/ 19 h 715"/>
                <a:gd name="T46" fmla="*/ 234 w 684"/>
                <a:gd name="T47" fmla="*/ 17 h 715"/>
                <a:gd name="T48" fmla="*/ 217 w 684"/>
                <a:gd name="T49" fmla="*/ 17 h 715"/>
                <a:gd name="T50" fmla="*/ 201 w 684"/>
                <a:gd name="T51" fmla="*/ 17 h 715"/>
                <a:gd name="T52" fmla="*/ 185 w 684"/>
                <a:gd name="T53" fmla="*/ 17 h 715"/>
                <a:gd name="T54" fmla="*/ 170 w 684"/>
                <a:gd name="T55" fmla="*/ 17 h 715"/>
                <a:gd name="T56" fmla="*/ 155 w 684"/>
                <a:gd name="T57" fmla="*/ 16 h 715"/>
                <a:gd name="T58" fmla="*/ 142 w 684"/>
                <a:gd name="T59" fmla="*/ 14 h 715"/>
                <a:gd name="T60" fmla="*/ 128 w 684"/>
                <a:gd name="T61" fmla="*/ 11 h 715"/>
                <a:gd name="T62" fmla="*/ 116 w 684"/>
                <a:gd name="T63" fmla="*/ 9 h 715"/>
                <a:gd name="T64" fmla="*/ 106 w 684"/>
                <a:gd name="T65" fmla="*/ 7 h 715"/>
                <a:gd name="T66" fmla="*/ 95 w 684"/>
                <a:gd name="T67" fmla="*/ 6 h 715"/>
                <a:gd name="T68" fmla="*/ 85 w 684"/>
                <a:gd name="T69" fmla="*/ 4 h 715"/>
                <a:gd name="T70" fmla="*/ 79 w 684"/>
                <a:gd name="T71" fmla="*/ 2 h 715"/>
                <a:gd name="T72" fmla="*/ 73 w 684"/>
                <a:gd name="T73" fmla="*/ 0 h 715"/>
                <a:gd name="T74" fmla="*/ 69 w 684"/>
                <a:gd name="T75" fmla="*/ 0 h 715"/>
                <a:gd name="T76" fmla="*/ 67 w 684"/>
                <a:gd name="T77" fmla="*/ 0 h 715"/>
                <a:gd name="T78" fmla="*/ 66 w 684"/>
                <a:gd name="T79" fmla="*/ 0 h 715"/>
                <a:gd name="T80" fmla="*/ 66 w 684"/>
                <a:gd name="T81" fmla="*/ 0 h 715"/>
                <a:gd name="T82" fmla="*/ 66 w 684"/>
                <a:gd name="T83" fmla="*/ 0 h 715"/>
                <a:gd name="T84" fmla="*/ 0 w 684"/>
                <a:gd name="T85" fmla="*/ 460 h 715"/>
                <a:gd name="T86" fmla="*/ 60 w 684"/>
                <a:gd name="T87" fmla="*/ 470 h 715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w 684"/>
                <a:gd name="T133" fmla="*/ 0 h 715"/>
                <a:gd name="T134" fmla="*/ 684 w 684"/>
                <a:gd name="T135" fmla="*/ 715 h 715"/>
              </a:gdLst>
              <a:ahLst/>
              <a:cxnLst>
                <a:cxn ang="T88">
                  <a:pos x="T0" y="T1"/>
                </a:cxn>
                <a:cxn ang="T89">
                  <a:pos x="T2" y="T3"/>
                </a:cxn>
                <a:cxn ang="T90">
                  <a:pos x="T4" y="T5"/>
                </a:cxn>
                <a:cxn ang="T91">
                  <a:pos x="T6" y="T7"/>
                </a:cxn>
                <a:cxn ang="T92">
                  <a:pos x="T8" y="T9"/>
                </a:cxn>
                <a:cxn ang="T93">
                  <a:pos x="T10" y="T11"/>
                </a:cxn>
                <a:cxn ang="T94">
                  <a:pos x="T12" y="T13"/>
                </a:cxn>
                <a:cxn ang="T95">
                  <a:pos x="T14" y="T15"/>
                </a:cxn>
                <a:cxn ang="T96">
                  <a:pos x="T16" y="T17"/>
                </a:cxn>
                <a:cxn ang="T97">
                  <a:pos x="T18" y="T19"/>
                </a:cxn>
                <a:cxn ang="T98">
                  <a:pos x="T20" y="T21"/>
                </a:cxn>
                <a:cxn ang="T99">
                  <a:pos x="T22" y="T23"/>
                </a:cxn>
                <a:cxn ang="T100">
                  <a:pos x="T24" y="T25"/>
                </a:cxn>
                <a:cxn ang="T101">
                  <a:pos x="T26" y="T27"/>
                </a:cxn>
                <a:cxn ang="T102">
                  <a:pos x="T28" y="T29"/>
                </a:cxn>
                <a:cxn ang="T103">
                  <a:pos x="T30" y="T31"/>
                </a:cxn>
                <a:cxn ang="T104">
                  <a:pos x="T32" y="T33"/>
                </a:cxn>
                <a:cxn ang="T105">
                  <a:pos x="T34" y="T35"/>
                </a:cxn>
                <a:cxn ang="T106">
                  <a:pos x="T36" y="T37"/>
                </a:cxn>
                <a:cxn ang="T107">
                  <a:pos x="T38" y="T39"/>
                </a:cxn>
                <a:cxn ang="T108">
                  <a:pos x="T40" y="T41"/>
                </a:cxn>
                <a:cxn ang="T109">
                  <a:pos x="T42" y="T43"/>
                </a:cxn>
                <a:cxn ang="T110">
                  <a:pos x="T44" y="T45"/>
                </a:cxn>
                <a:cxn ang="T111">
                  <a:pos x="T46" y="T47"/>
                </a:cxn>
                <a:cxn ang="T112">
                  <a:pos x="T48" y="T49"/>
                </a:cxn>
                <a:cxn ang="T113">
                  <a:pos x="T50" y="T51"/>
                </a:cxn>
                <a:cxn ang="T114">
                  <a:pos x="T52" y="T53"/>
                </a:cxn>
                <a:cxn ang="T115">
                  <a:pos x="T54" y="T55"/>
                </a:cxn>
                <a:cxn ang="T116">
                  <a:pos x="T56" y="T57"/>
                </a:cxn>
                <a:cxn ang="T117">
                  <a:pos x="T58" y="T59"/>
                </a:cxn>
                <a:cxn ang="T118">
                  <a:pos x="T60" y="T61"/>
                </a:cxn>
                <a:cxn ang="T119">
                  <a:pos x="T62" y="T63"/>
                </a:cxn>
                <a:cxn ang="T120">
                  <a:pos x="T64" y="T65"/>
                </a:cxn>
                <a:cxn ang="T121">
                  <a:pos x="T66" y="T67"/>
                </a:cxn>
                <a:cxn ang="T122">
                  <a:pos x="T68" y="T69"/>
                </a:cxn>
                <a:cxn ang="T123">
                  <a:pos x="T70" y="T71"/>
                </a:cxn>
                <a:cxn ang="T124">
                  <a:pos x="T72" y="T73"/>
                </a:cxn>
                <a:cxn ang="T125">
                  <a:pos x="T74" y="T75"/>
                </a:cxn>
                <a:cxn ang="T126">
                  <a:pos x="T76" y="T77"/>
                </a:cxn>
                <a:cxn ang="T127">
                  <a:pos x="T78" y="T79"/>
                </a:cxn>
                <a:cxn ang="T128">
                  <a:pos x="T80" y="T81"/>
                </a:cxn>
                <a:cxn ang="T129">
                  <a:pos x="T82" y="T83"/>
                </a:cxn>
                <a:cxn ang="T130">
                  <a:pos x="T84" y="T85"/>
                </a:cxn>
                <a:cxn ang="T131">
                  <a:pos x="T86" y="T87"/>
                </a:cxn>
              </a:cxnLst>
              <a:rect l="T132" t="T133" r="T134" b="T135"/>
              <a:pathLst>
                <a:path w="684" h="715">
                  <a:moveTo>
                    <a:pt x="88" y="715"/>
                  </a:moveTo>
                  <a:lnTo>
                    <a:pt x="95" y="657"/>
                  </a:lnTo>
                  <a:lnTo>
                    <a:pt x="268" y="681"/>
                  </a:lnTo>
                  <a:lnTo>
                    <a:pt x="262" y="666"/>
                  </a:lnTo>
                  <a:lnTo>
                    <a:pt x="262" y="649"/>
                  </a:lnTo>
                  <a:lnTo>
                    <a:pt x="633" y="686"/>
                  </a:lnTo>
                  <a:lnTo>
                    <a:pt x="679" y="121"/>
                  </a:lnTo>
                  <a:lnTo>
                    <a:pt x="684" y="60"/>
                  </a:lnTo>
                  <a:lnTo>
                    <a:pt x="672" y="60"/>
                  </a:lnTo>
                  <a:lnTo>
                    <a:pt x="658" y="60"/>
                  </a:lnTo>
                  <a:lnTo>
                    <a:pt x="643" y="58"/>
                  </a:lnTo>
                  <a:lnTo>
                    <a:pt x="625" y="58"/>
                  </a:lnTo>
                  <a:lnTo>
                    <a:pt x="606" y="56"/>
                  </a:lnTo>
                  <a:lnTo>
                    <a:pt x="586" y="55"/>
                  </a:lnTo>
                  <a:lnTo>
                    <a:pt x="565" y="53"/>
                  </a:lnTo>
                  <a:lnTo>
                    <a:pt x="543" y="50"/>
                  </a:lnTo>
                  <a:lnTo>
                    <a:pt x="520" y="48"/>
                  </a:lnTo>
                  <a:lnTo>
                    <a:pt x="496" y="46"/>
                  </a:lnTo>
                  <a:lnTo>
                    <a:pt x="471" y="43"/>
                  </a:lnTo>
                  <a:lnTo>
                    <a:pt x="447" y="41"/>
                  </a:lnTo>
                  <a:lnTo>
                    <a:pt x="422" y="38"/>
                  </a:lnTo>
                  <a:lnTo>
                    <a:pt x="396" y="36"/>
                  </a:lnTo>
                  <a:lnTo>
                    <a:pt x="371" y="33"/>
                  </a:lnTo>
                  <a:lnTo>
                    <a:pt x="347" y="29"/>
                  </a:lnTo>
                  <a:lnTo>
                    <a:pt x="322" y="28"/>
                  </a:lnTo>
                  <a:lnTo>
                    <a:pt x="298" y="24"/>
                  </a:lnTo>
                  <a:lnTo>
                    <a:pt x="274" y="21"/>
                  </a:lnTo>
                  <a:lnTo>
                    <a:pt x="252" y="19"/>
                  </a:lnTo>
                  <a:lnTo>
                    <a:pt x="230" y="16"/>
                  </a:lnTo>
                  <a:lnTo>
                    <a:pt x="210" y="14"/>
                  </a:lnTo>
                  <a:lnTo>
                    <a:pt x="190" y="11"/>
                  </a:lnTo>
                  <a:lnTo>
                    <a:pt x="171" y="9"/>
                  </a:lnTo>
                  <a:lnTo>
                    <a:pt x="156" y="7"/>
                  </a:lnTo>
                  <a:lnTo>
                    <a:pt x="141" y="6"/>
                  </a:lnTo>
                  <a:lnTo>
                    <a:pt x="127" y="4"/>
                  </a:lnTo>
                  <a:lnTo>
                    <a:pt x="117" y="2"/>
                  </a:lnTo>
                  <a:lnTo>
                    <a:pt x="108" y="0"/>
                  </a:lnTo>
                  <a:lnTo>
                    <a:pt x="102" y="0"/>
                  </a:lnTo>
                  <a:lnTo>
                    <a:pt x="98" y="0"/>
                  </a:lnTo>
                  <a:lnTo>
                    <a:pt x="97" y="0"/>
                  </a:lnTo>
                  <a:lnTo>
                    <a:pt x="0" y="699"/>
                  </a:lnTo>
                  <a:lnTo>
                    <a:pt x="88" y="715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403" name="Freeform 122"/>
            <p:cNvSpPr>
              <a:spLocks/>
            </p:cNvSpPr>
            <p:nvPr/>
          </p:nvSpPr>
          <p:spPr bwMode="auto">
            <a:xfrm>
              <a:off x="2061" y="2582"/>
              <a:ext cx="827" cy="428"/>
            </a:xfrm>
            <a:custGeom>
              <a:avLst/>
              <a:gdLst>
                <a:gd name="T0" fmla="*/ 203 w 851"/>
                <a:gd name="T1" fmla="*/ 212 h 441"/>
                <a:gd name="T2" fmla="*/ 234 w 851"/>
                <a:gd name="T3" fmla="*/ 228 h 441"/>
                <a:gd name="T4" fmla="*/ 266 w 851"/>
                <a:gd name="T5" fmla="*/ 242 h 441"/>
                <a:gd name="T6" fmla="*/ 271 w 851"/>
                <a:gd name="T7" fmla="*/ 245 h 441"/>
                <a:gd name="T8" fmla="*/ 277 w 851"/>
                <a:gd name="T9" fmla="*/ 248 h 441"/>
                <a:gd name="T10" fmla="*/ 285 w 851"/>
                <a:gd name="T11" fmla="*/ 247 h 441"/>
                <a:gd name="T12" fmla="*/ 297 w 851"/>
                <a:gd name="T13" fmla="*/ 248 h 441"/>
                <a:gd name="T14" fmla="*/ 303 w 851"/>
                <a:gd name="T15" fmla="*/ 255 h 441"/>
                <a:gd name="T16" fmla="*/ 315 w 851"/>
                <a:gd name="T17" fmla="*/ 251 h 441"/>
                <a:gd name="T18" fmla="*/ 332 w 851"/>
                <a:gd name="T19" fmla="*/ 257 h 441"/>
                <a:gd name="T20" fmla="*/ 347 w 851"/>
                <a:gd name="T21" fmla="*/ 264 h 441"/>
                <a:gd name="T22" fmla="*/ 367 w 851"/>
                <a:gd name="T23" fmla="*/ 271 h 441"/>
                <a:gd name="T24" fmla="*/ 367 w 851"/>
                <a:gd name="T25" fmla="*/ 273 h 441"/>
                <a:gd name="T26" fmla="*/ 369 w 851"/>
                <a:gd name="T27" fmla="*/ 278 h 441"/>
                <a:gd name="T28" fmla="*/ 380 w 851"/>
                <a:gd name="T29" fmla="*/ 271 h 441"/>
                <a:gd name="T30" fmla="*/ 384 w 851"/>
                <a:gd name="T31" fmla="*/ 265 h 441"/>
                <a:gd name="T32" fmla="*/ 385 w 851"/>
                <a:gd name="T33" fmla="*/ 272 h 441"/>
                <a:gd name="T34" fmla="*/ 389 w 851"/>
                <a:gd name="T35" fmla="*/ 283 h 441"/>
                <a:gd name="T36" fmla="*/ 392 w 851"/>
                <a:gd name="T37" fmla="*/ 280 h 441"/>
                <a:gd name="T38" fmla="*/ 392 w 851"/>
                <a:gd name="T39" fmla="*/ 276 h 441"/>
                <a:gd name="T40" fmla="*/ 425 w 851"/>
                <a:gd name="T41" fmla="*/ 269 h 441"/>
                <a:gd name="T42" fmla="*/ 423 w 851"/>
                <a:gd name="T43" fmla="*/ 270 h 441"/>
                <a:gd name="T44" fmla="*/ 425 w 851"/>
                <a:gd name="T45" fmla="*/ 275 h 441"/>
                <a:gd name="T46" fmla="*/ 438 w 851"/>
                <a:gd name="T47" fmla="*/ 280 h 441"/>
                <a:gd name="T48" fmla="*/ 446 w 851"/>
                <a:gd name="T49" fmla="*/ 286 h 441"/>
                <a:gd name="T50" fmla="*/ 452 w 851"/>
                <a:gd name="T51" fmla="*/ 282 h 441"/>
                <a:gd name="T52" fmla="*/ 465 w 851"/>
                <a:gd name="T53" fmla="*/ 272 h 441"/>
                <a:gd name="T54" fmla="*/ 476 w 851"/>
                <a:gd name="T55" fmla="*/ 273 h 441"/>
                <a:gd name="T56" fmla="*/ 479 w 851"/>
                <a:gd name="T57" fmla="*/ 279 h 441"/>
                <a:gd name="T58" fmla="*/ 479 w 851"/>
                <a:gd name="T59" fmla="*/ 279 h 441"/>
                <a:gd name="T60" fmla="*/ 479 w 851"/>
                <a:gd name="T61" fmla="*/ 276 h 441"/>
                <a:gd name="T62" fmla="*/ 487 w 851"/>
                <a:gd name="T63" fmla="*/ 269 h 441"/>
                <a:gd name="T64" fmla="*/ 489 w 851"/>
                <a:gd name="T65" fmla="*/ 264 h 441"/>
                <a:gd name="T66" fmla="*/ 492 w 851"/>
                <a:gd name="T67" fmla="*/ 269 h 441"/>
                <a:gd name="T68" fmla="*/ 504 w 851"/>
                <a:gd name="T69" fmla="*/ 278 h 441"/>
                <a:gd name="T70" fmla="*/ 506 w 851"/>
                <a:gd name="T71" fmla="*/ 280 h 441"/>
                <a:gd name="T72" fmla="*/ 509 w 851"/>
                <a:gd name="T73" fmla="*/ 272 h 441"/>
                <a:gd name="T74" fmla="*/ 520 w 851"/>
                <a:gd name="T75" fmla="*/ 267 h 441"/>
                <a:gd name="T76" fmla="*/ 527 w 851"/>
                <a:gd name="T77" fmla="*/ 269 h 441"/>
                <a:gd name="T78" fmla="*/ 546 w 851"/>
                <a:gd name="T79" fmla="*/ 285 h 441"/>
                <a:gd name="T80" fmla="*/ 569 w 851"/>
                <a:gd name="T81" fmla="*/ 147 h 441"/>
                <a:gd name="T82" fmla="*/ 555 w 851"/>
                <a:gd name="T83" fmla="*/ 16 h 441"/>
                <a:gd name="T84" fmla="*/ 546 w 851"/>
                <a:gd name="T85" fmla="*/ 16 h 441"/>
                <a:gd name="T86" fmla="*/ 519 w 851"/>
                <a:gd name="T87" fmla="*/ 16 h 441"/>
                <a:gd name="T88" fmla="*/ 477 w 851"/>
                <a:gd name="T89" fmla="*/ 16 h 441"/>
                <a:gd name="T90" fmla="*/ 427 w 851"/>
                <a:gd name="T91" fmla="*/ 16 h 441"/>
                <a:gd name="T92" fmla="*/ 368 w 851"/>
                <a:gd name="T93" fmla="*/ 16 h 441"/>
                <a:gd name="T94" fmla="*/ 306 w 851"/>
                <a:gd name="T95" fmla="*/ 16 h 441"/>
                <a:gd name="T96" fmla="*/ 244 w 851"/>
                <a:gd name="T97" fmla="*/ 15 h 441"/>
                <a:gd name="T98" fmla="*/ 185 w 851"/>
                <a:gd name="T99" fmla="*/ 13 h 441"/>
                <a:gd name="T100" fmla="*/ 133 w 851"/>
                <a:gd name="T101" fmla="*/ 12 h 441"/>
                <a:gd name="T102" fmla="*/ 88 w 851"/>
                <a:gd name="T103" fmla="*/ 8 h 441"/>
                <a:gd name="T104" fmla="*/ 5 w 851"/>
                <a:gd name="T105" fmla="*/ 0 h 441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w 851"/>
                <a:gd name="T160" fmla="*/ 0 h 441"/>
                <a:gd name="T161" fmla="*/ 851 w 851"/>
                <a:gd name="T162" fmla="*/ 441 h 441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T159" t="T160" r="T161" b="T162"/>
              <a:pathLst>
                <a:path w="851" h="441">
                  <a:moveTo>
                    <a:pt x="303" y="79"/>
                  </a:moveTo>
                  <a:lnTo>
                    <a:pt x="294" y="320"/>
                  </a:lnTo>
                  <a:lnTo>
                    <a:pt x="303" y="321"/>
                  </a:lnTo>
                  <a:lnTo>
                    <a:pt x="326" y="345"/>
                  </a:lnTo>
                  <a:lnTo>
                    <a:pt x="335" y="338"/>
                  </a:lnTo>
                  <a:lnTo>
                    <a:pt x="350" y="347"/>
                  </a:lnTo>
                  <a:lnTo>
                    <a:pt x="359" y="335"/>
                  </a:lnTo>
                  <a:lnTo>
                    <a:pt x="379" y="369"/>
                  </a:lnTo>
                  <a:lnTo>
                    <a:pt x="397" y="369"/>
                  </a:lnTo>
                  <a:lnTo>
                    <a:pt x="399" y="369"/>
                  </a:lnTo>
                  <a:lnTo>
                    <a:pt x="401" y="370"/>
                  </a:lnTo>
                  <a:lnTo>
                    <a:pt x="404" y="372"/>
                  </a:lnTo>
                  <a:lnTo>
                    <a:pt x="408" y="374"/>
                  </a:lnTo>
                  <a:lnTo>
                    <a:pt x="411" y="375"/>
                  </a:lnTo>
                  <a:lnTo>
                    <a:pt x="414" y="377"/>
                  </a:lnTo>
                  <a:lnTo>
                    <a:pt x="418" y="379"/>
                  </a:lnTo>
                  <a:lnTo>
                    <a:pt x="419" y="379"/>
                  </a:lnTo>
                  <a:lnTo>
                    <a:pt x="426" y="374"/>
                  </a:lnTo>
                  <a:lnTo>
                    <a:pt x="431" y="372"/>
                  </a:lnTo>
                  <a:lnTo>
                    <a:pt x="438" y="374"/>
                  </a:lnTo>
                  <a:lnTo>
                    <a:pt x="443" y="377"/>
                  </a:lnTo>
                  <a:lnTo>
                    <a:pt x="447" y="380"/>
                  </a:lnTo>
                  <a:lnTo>
                    <a:pt x="450" y="386"/>
                  </a:lnTo>
                  <a:lnTo>
                    <a:pt x="452" y="387"/>
                  </a:lnTo>
                  <a:lnTo>
                    <a:pt x="453" y="389"/>
                  </a:lnTo>
                  <a:lnTo>
                    <a:pt x="458" y="379"/>
                  </a:lnTo>
                  <a:lnTo>
                    <a:pt x="469" y="382"/>
                  </a:lnTo>
                  <a:lnTo>
                    <a:pt x="484" y="377"/>
                  </a:lnTo>
                  <a:lnTo>
                    <a:pt x="484" y="391"/>
                  </a:lnTo>
                  <a:lnTo>
                    <a:pt x="496" y="392"/>
                  </a:lnTo>
                  <a:lnTo>
                    <a:pt x="499" y="406"/>
                  </a:lnTo>
                  <a:lnTo>
                    <a:pt x="511" y="411"/>
                  </a:lnTo>
                  <a:lnTo>
                    <a:pt x="518" y="401"/>
                  </a:lnTo>
                  <a:lnTo>
                    <a:pt x="529" y="397"/>
                  </a:lnTo>
                  <a:lnTo>
                    <a:pt x="540" y="408"/>
                  </a:lnTo>
                  <a:lnTo>
                    <a:pt x="548" y="411"/>
                  </a:lnTo>
                  <a:lnTo>
                    <a:pt x="548" y="413"/>
                  </a:lnTo>
                  <a:lnTo>
                    <a:pt x="548" y="414"/>
                  </a:lnTo>
                  <a:lnTo>
                    <a:pt x="548" y="416"/>
                  </a:lnTo>
                  <a:lnTo>
                    <a:pt x="548" y="418"/>
                  </a:lnTo>
                  <a:lnTo>
                    <a:pt x="550" y="419"/>
                  </a:lnTo>
                  <a:lnTo>
                    <a:pt x="551" y="421"/>
                  </a:lnTo>
                  <a:lnTo>
                    <a:pt x="555" y="419"/>
                  </a:lnTo>
                  <a:lnTo>
                    <a:pt x="562" y="416"/>
                  </a:lnTo>
                  <a:lnTo>
                    <a:pt x="567" y="411"/>
                  </a:lnTo>
                  <a:lnTo>
                    <a:pt x="570" y="408"/>
                  </a:lnTo>
                  <a:lnTo>
                    <a:pt x="572" y="406"/>
                  </a:lnTo>
                  <a:lnTo>
                    <a:pt x="572" y="404"/>
                  </a:lnTo>
                  <a:lnTo>
                    <a:pt x="572" y="408"/>
                  </a:lnTo>
                  <a:lnTo>
                    <a:pt x="573" y="413"/>
                  </a:lnTo>
                  <a:lnTo>
                    <a:pt x="575" y="419"/>
                  </a:lnTo>
                  <a:lnTo>
                    <a:pt x="579" y="428"/>
                  </a:lnTo>
                  <a:lnTo>
                    <a:pt x="580" y="431"/>
                  </a:lnTo>
                  <a:lnTo>
                    <a:pt x="584" y="431"/>
                  </a:lnTo>
                  <a:lnTo>
                    <a:pt x="584" y="430"/>
                  </a:lnTo>
                  <a:lnTo>
                    <a:pt x="585" y="426"/>
                  </a:lnTo>
                  <a:lnTo>
                    <a:pt x="585" y="424"/>
                  </a:lnTo>
                  <a:lnTo>
                    <a:pt x="585" y="421"/>
                  </a:lnTo>
                  <a:lnTo>
                    <a:pt x="585" y="419"/>
                  </a:lnTo>
                  <a:lnTo>
                    <a:pt x="602" y="406"/>
                  </a:lnTo>
                  <a:lnTo>
                    <a:pt x="616" y="416"/>
                  </a:lnTo>
                  <a:lnTo>
                    <a:pt x="633" y="408"/>
                  </a:lnTo>
                  <a:lnTo>
                    <a:pt x="631" y="409"/>
                  </a:lnTo>
                  <a:lnTo>
                    <a:pt x="631" y="413"/>
                  </a:lnTo>
                  <a:lnTo>
                    <a:pt x="633" y="414"/>
                  </a:lnTo>
                  <a:lnTo>
                    <a:pt x="634" y="418"/>
                  </a:lnTo>
                  <a:lnTo>
                    <a:pt x="639" y="421"/>
                  </a:lnTo>
                  <a:lnTo>
                    <a:pt x="646" y="424"/>
                  </a:lnTo>
                  <a:lnTo>
                    <a:pt x="653" y="428"/>
                  </a:lnTo>
                  <a:lnTo>
                    <a:pt x="658" y="431"/>
                  </a:lnTo>
                  <a:lnTo>
                    <a:pt x="661" y="433"/>
                  </a:lnTo>
                  <a:lnTo>
                    <a:pt x="665" y="435"/>
                  </a:lnTo>
                  <a:lnTo>
                    <a:pt x="667" y="435"/>
                  </a:lnTo>
                  <a:lnTo>
                    <a:pt x="670" y="433"/>
                  </a:lnTo>
                  <a:lnTo>
                    <a:pt x="675" y="430"/>
                  </a:lnTo>
                  <a:lnTo>
                    <a:pt x="682" y="423"/>
                  </a:lnTo>
                  <a:lnTo>
                    <a:pt x="690" y="416"/>
                  </a:lnTo>
                  <a:lnTo>
                    <a:pt x="697" y="413"/>
                  </a:lnTo>
                  <a:lnTo>
                    <a:pt x="702" y="413"/>
                  </a:lnTo>
                  <a:lnTo>
                    <a:pt x="707" y="414"/>
                  </a:lnTo>
                  <a:lnTo>
                    <a:pt x="709" y="416"/>
                  </a:lnTo>
                  <a:lnTo>
                    <a:pt x="712" y="419"/>
                  </a:lnTo>
                  <a:lnTo>
                    <a:pt x="714" y="421"/>
                  </a:lnTo>
                  <a:lnTo>
                    <a:pt x="714" y="423"/>
                  </a:lnTo>
                  <a:lnTo>
                    <a:pt x="716" y="423"/>
                  </a:lnTo>
                  <a:lnTo>
                    <a:pt x="716" y="421"/>
                  </a:lnTo>
                  <a:lnTo>
                    <a:pt x="717" y="419"/>
                  </a:lnTo>
                  <a:lnTo>
                    <a:pt x="721" y="416"/>
                  </a:lnTo>
                  <a:lnTo>
                    <a:pt x="724" y="411"/>
                  </a:lnTo>
                  <a:lnTo>
                    <a:pt x="727" y="408"/>
                  </a:lnTo>
                  <a:lnTo>
                    <a:pt x="727" y="404"/>
                  </a:lnTo>
                  <a:lnTo>
                    <a:pt x="727" y="401"/>
                  </a:lnTo>
                  <a:lnTo>
                    <a:pt x="729" y="401"/>
                  </a:lnTo>
                  <a:lnTo>
                    <a:pt x="731" y="404"/>
                  </a:lnTo>
                  <a:lnTo>
                    <a:pt x="734" y="408"/>
                  </a:lnTo>
                  <a:lnTo>
                    <a:pt x="741" y="411"/>
                  </a:lnTo>
                  <a:lnTo>
                    <a:pt x="746" y="416"/>
                  </a:lnTo>
                  <a:lnTo>
                    <a:pt x="751" y="421"/>
                  </a:lnTo>
                  <a:lnTo>
                    <a:pt x="753" y="423"/>
                  </a:lnTo>
                  <a:lnTo>
                    <a:pt x="755" y="424"/>
                  </a:lnTo>
                  <a:lnTo>
                    <a:pt x="756" y="423"/>
                  </a:lnTo>
                  <a:lnTo>
                    <a:pt x="758" y="419"/>
                  </a:lnTo>
                  <a:lnTo>
                    <a:pt x="761" y="414"/>
                  </a:lnTo>
                  <a:lnTo>
                    <a:pt x="766" y="409"/>
                  </a:lnTo>
                  <a:lnTo>
                    <a:pt x="771" y="406"/>
                  </a:lnTo>
                  <a:lnTo>
                    <a:pt x="775" y="406"/>
                  </a:lnTo>
                  <a:lnTo>
                    <a:pt x="780" y="406"/>
                  </a:lnTo>
                  <a:lnTo>
                    <a:pt x="783" y="408"/>
                  </a:lnTo>
                  <a:lnTo>
                    <a:pt x="787" y="408"/>
                  </a:lnTo>
                  <a:lnTo>
                    <a:pt x="788" y="409"/>
                  </a:lnTo>
                  <a:lnTo>
                    <a:pt x="815" y="433"/>
                  </a:lnTo>
                  <a:lnTo>
                    <a:pt x="831" y="435"/>
                  </a:lnTo>
                  <a:lnTo>
                    <a:pt x="849" y="441"/>
                  </a:lnTo>
                  <a:lnTo>
                    <a:pt x="851" y="223"/>
                  </a:lnTo>
                  <a:lnTo>
                    <a:pt x="831" y="84"/>
                  </a:lnTo>
                  <a:lnTo>
                    <a:pt x="829" y="20"/>
                  </a:lnTo>
                  <a:lnTo>
                    <a:pt x="827" y="20"/>
                  </a:lnTo>
                  <a:lnTo>
                    <a:pt x="822" y="20"/>
                  </a:lnTo>
                  <a:lnTo>
                    <a:pt x="814" y="20"/>
                  </a:lnTo>
                  <a:lnTo>
                    <a:pt x="804" y="20"/>
                  </a:lnTo>
                  <a:lnTo>
                    <a:pt x="790" y="20"/>
                  </a:lnTo>
                  <a:lnTo>
                    <a:pt x="773" y="20"/>
                  </a:lnTo>
                  <a:lnTo>
                    <a:pt x="755" y="20"/>
                  </a:lnTo>
                  <a:lnTo>
                    <a:pt x="736" y="20"/>
                  </a:lnTo>
                  <a:lnTo>
                    <a:pt x="712" y="20"/>
                  </a:lnTo>
                  <a:lnTo>
                    <a:pt x="689" y="20"/>
                  </a:lnTo>
                  <a:lnTo>
                    <a:pt x="663" y="20"/>
                  </a:lnTo>
                  <a:lnTo>
                    <a:pt x="636" y="20"/>
                  </a:lnTo>
                  <a:lnTo>
                    <a:pt x="609" y="20"/>
                  </a:lnTo>
                  <a:lnTo>
                    <a:pt x="579" y="18"/>
                  </a:lnTo>
                  <a:lnTo>
                    <a:pt x="550" y="18"/>
                  </a:lnTo>
                  <a:lnTo>
                    <a:pt x="519" y="18"/>
                  </a:lnTo>
                  <a:lnTo>
                    <a:pt x="489" y="18"/>
                  </a:lnTo>
                  <a:lnTo>
                    <a:pt x="457" y="17"/>
                  </a:lnTo>
                  <a:lnTo>
                    <a:pt x="426" y="17"/>
                  </a:lnTo>
                  <a:lnTo>
                    <a:pt x="396" y="17"/>
                  </a:lnTo>
                  <a:lnTo>
                    <a:pt x="364" y="15"/>
                  </a:lnTo>
                  <a:lnTo>
                    <a:pt x="335" y="15"/>
                  </a:lnTo>
                  <a:lnTo>
                    <a:pt x="304" y="15"/>
                  </a:lnTo>
                  <a:lnTo>
                    <a:pt x="276" y="13"/>
                  </a:lnTo>
                  <a:lnTo>
                    <a:pt x="249" y="13"/>
                  </a:lnTo>
                  <a:lnTo>
                    <a:pt x="221" y="12"/>
                  </a:lnTo>
                  <a:lnTo>
                    <a:pt x="198" y="12"/>
                  </a:lnTo>
                  <a:lnTo>
                    <a:pt x="174" y="10"/>
                  </a:lnTo>
                  <a:lnTo>
                    <a:pt x="152" y="10"/>
                  </a:lnTo>
                  <a:lnTo>
                    <a:pt x="133" y="8"/>
                  </a:lnTo>
                  <a:lnTo>
                    <a:pt x="117" y="6"/>
                  </a:lnTo>
                  <a:lnTo>
                    <a:pt x="101" y="6"/>
                  </a:lnTo>
                  <a:lnTo>
                    <a:pt x="5" y="0"/>
                  </a:lnTo>
                  <a:lnTo>
                    <a:pt x="0" y="61"/>
                  </a:lnTo>
                  <a:lnTo>
                    <a:pt x="303" y="7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404" name="Freeform 123"/>
            <p:cNvSpPr>
              <a:spLocks/>
            </p:cNvSpPr>
            <p:nvPr/>
          </p:nvSpPr>
          <p:spPr bwMode="auto">
            <a:xfrm>
              <a:off x="1658" y="2620"/>
              <a:ext cx="1334" cy="1316"/>
            </a:xfrm>
            <a:custGeom>
              <a:avLst/>
              <a:gdLst>
                <a:gd name="T0" fmla="*/ 522 w 1371"/>
                <a:gd name="T1" fmla="*/ 189 h 1355"/>
                <a:gd name="T2" fmla="*/ 569 w 1371"/>
                <a:gd name="T3" fmla="*/ 212 h 1355"/>
                <a:gd name="T4" fmla="*/ 614 w 1371"/>
                <a:gd name="T5" fmla="*/ 210 h 1355"/>
                <a:gd name="T6" fmla="*/ 658 w 1371"/>
                <a:gd name="T7" fmla="*/ 236 h 1355"/>
                <a:gd name="T8" fmla="*/ 674 w 1371"/>
                <a:gd name="T9" fmla="*/ 231 h 1355"/>
                <a:gd name="T10" fmla="*/ 695 w 1371"/>
                <a:gd name="T11" fmla="*/ 229 h 1355"/>
                <a:gd name="T12" fmla="*/ 729 w 1371"/>
                <a:gd name="T13" fmla="*/ 244 h 1355"/>
                <a:gd name="T14" fmla="*/ 767 w 1371"/>
                <a:gd name="T15" fmla="*/ 234 h 1355"/>
                <a:gd name="T16" fmla="*/ 775 w 1371"/>
                <a:gd name="T17" fmla="*/ 236 h 1355"/>
                <a:gd name="T18" fmla="*/ 796 w 1371"/>
                <a:gd name="T19" fmla="*/ 240 h 1355"/>
                <a:gd name="T20" fmla="*/ 818 w 1371"/>
                <a:gd name="T21" fmla="*/ 231 h 1355"/>
                <a:gd name="T22" fmla="*/ 894 w 1371"/>
                <a:gd name="T23" fmla="*/ 303 h 1355"/>
                <a:gd name="T24" fmla="*/ 931 w 1371"/>
                <a:gd name="T25" fmla="*/ 458 h 1355"/>
                <a:gd name="T26" fmla="*/ 923 w 1371"/>
                <a:gd name="T27" fmla="*/ 500 h 1355"/>
                <a:gd name="T28" fmla="*/ 925 w 1371"/>
                <a:gd name="T29" fmla="*/ 533 h 1355"/>
                <a:gd name="T30" fmla="*/ 913 w 1371"/>
                <a:gd name="T31" fmla="*/ 574 h 1355"/>
                <a:gd name="T32" fmla="*/ 894 w 1371"/>
                <a:gd name="T33" fmla="*/ 585 h 1355"/>
                <a:gd name="T34" fmla="*/ 867 w 1371"/>
                <a:gd name="T35" fmla="*/ 592 h 1355"/>
                <a:gd name="T36" fmla="*/ 853 w 1371"/>
                <a:gd name="T37" fmla="*/ 594 h 1355"/>
                <a:gd name="T38" fmla="*/ 853 w 1371"/>
                <a:gd name="T39" fmla="*/ 583 h 1355"/>
                <a:gd name="T40" fmla="*/ 841 w 1371"/>
                <a:gd name="T41" fmla="*/ 579 h 1355"/>
                <a:gd name="T42" fmla="*/ 833 w 1371"/>
                <a:gd name="T43" fmla="*/ 582 h 1355"/>
                <a:gd name="T44" fmla="*/ 829 w 1371"/>
                <a:gd name="T45" fmla="*/ 591 h 1355"/>
                <a:gd name="T46" fmla="*/ 840 w 1371"/>
                <a:gd name="T47" fmla="*/ 610 h 1355"/>
                <a:gd name="T48" fmla="*/ 811 w 1371"/>
                <a:gd name="T49" fmla="*/ 644 h 1355"/>
                <a:gd name="T50" fmla="*/ 773 w 1371"/>
                <a:gd name="T51" fmla="*/ 666 h 1355"/>
                <a:gd name="T52" fmla="*/ 739 w 1371"/>
                <a:gd name="T53" fmla="*/ 687 h 1355"/>
                <a:gd name="T54" fmla="*/ 770 w 1371"/>
                <a:gd name="T55" fmla="*/ 665 h 1355"/>
                <a:gd name="T56" fmla="*/ 751 w 1371"/>
                <a:gd name="T57" fmla="*/ 672 h 1355"/>
                <a:gd name="T58" fmla="*/ 747 w 1371"/>
                <a:gd name="T59" fmla="*/ 663 h 1355"/>
                <a:gd name="T60" fmla="*/ 719 w 1371"/>
                <a:gd name="T61" fmla="*/ 666 h 1355"/>
                <a:gd name="T62" fmla="*/ 729 w 1371"/>
                <a:gd name="T63" fmla="*/ 684 h 1355"/>
                <a:gd name="T64" fmla="*/ 716 w 1371"/>
                <a:gd name="T65" fmla="*/ 694 h 1355"/>
                <a:gd name="T66" fmla="*/ 704 w 1371"/>
                <a:gd name="T67" fmla="*/ 682 h 1355"/>
                <a:gd name="T68" fmla="*/ 695 w 1371"/>
                <a:gd name="T69" fmla="*/ 702 h 1355"/>
                <a:gd name="T70" fmla="*/ 684 w 1371"/>
                <a:gd name="T71" fmla="*/ 718 h 1355"/>
                <a:gd name="T72" fmla="*/ 669 w 1371"/>
                <a:gd name="T73" fmla="*/ 733 h 1355"/>
                <a:gd name="T74" fmla="*/ 654 w 1371"/>
                <a:gd name="T75" fmla="*/ 779 h 1355"/>
                <a:gd name="T76" fmla="*/ 646 w 1371"/>
                <a:gd name="T77" fmla="*/ 769 h 1355"/>
                <a:gd name="T78" fmla="*/ 653 w 1371"/>
                <a:gd name="T79" fmla="*/ 795 h 1355"/>
                <a:gd name="T80" fmla="*/ 654 w 1371"/>
                <a:gd name="T81" fmla="*/ 897 h 1355"/>
                <a:gd name="T82" fmla="*/ 623 w 1371"/>
                <a:gd name="T83" fmla="*/ 881 h 1355"/>
                <a:gd name="T84" fmla="*/ 595 w 1371"/>
                <a:gd name="T85" fmla="*/ 881 h 1355"/>
                <a:gd name="T86" fmla="*/ 535 w 1371"/>
                <a:gd name="T87" fmla="*/ 853 h 1355"/>
                <a:gd name="T88" fmla="*/ 522 w 1371"/>
                <a:gd name="T89" fmla="*/ 841 h 1355"/>
                <a:gd name="T90" fmla="*/ 509 w 1371"/>
                <a:gd name="T91" fmla="*/ 806 h 1355"/>
                <a:gd name="T92" fmla="*/ 504 w 1371"/>
                <a:gd name="T93" fmla="*/ 781 h 1355"/>
                <a:gd name="T94" fmla="*/ 487 w 1371"/>
                <a:gd name="T95" fmla="*/ 748 h 1355"/>
                <a:gd name="T96" fmla="*/ 463 w 1371"/>
                <a:gd name="T97" fmla="*/ 718 h 1355"/>
                <a:gd name="T98" fmla="*/ 444 w 1371"/>
                <a:gd name="T99" fmla="*/ 693 h 1355"/>
                <a:gd name="T100" fmla="*/ 361 w 1371"/>
                <a:gd name="T101" fmla="*/ 569 h 1355"/>
                <a:gd name="T102" fmla="*/ 323 w 1371"/>
                <a:gd name="T103" fmla="*/ 563 h 1355"/>
                <a:gd name="T104" fmla="*/ 297 w 1371"/>
                <a:gd name="T105" fmla="*/ 557 h 1355"/>
                <a:gd name="T106" fmla="*/ 282 w 1371"/>
                <a:gd name="T107" fmla="*/ 562 h 1355"/>
                <a:gd name="T108" fmla="*/ 251 w 1371"/>
                <a:gd name="T109" fmla="*/ 600 h 1355"/>
                <a:gd name="T110" fmla="*/ 238 w 1371"/>
                <a:gd name="T111" fmla="*/ 614 h 1355"/>
                <a:gd name="T112" fmla="*/ 215 w 1371"/>
                <a:gd name="T113" fmla="*/ 619 h 1355"/>
                <a:gd name="T114" fmla="*/ 177 w 1371"/>
                <a:gd name="T115" fmla="*/ 594 h 1355"/>
                <a:gd name="T116" fmla="*/ 143 w 1371"/>
                <a:gd name="T117" fmla="*/ 567 h 1355"/>
                <a:gd name="T118" fmla="*/ 124 w 1371"/>
                <a:gd name="T119" fmla="*/ 510 h 1355"/>
                <a:gd name="T120" fmla="*/ 88 w 1371"/>
                <a:gd name="T121" fmla="*/ 458 h 1355"/>
                <a:gd name="T122" fmla="*/ 6 w 1371"/>
                <a:gd name="T123" fmla="*/ 372 h 1355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w 1371"/>
                <a:gd name="T187" fmla="*/ 0 h 1355"/>
                <a:gd name="T188" fmla="*/ 1371 w 1371"/>
                <a:gd name="T189" fmla="*/ 1355 h 1355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T186" t="T187" r="T188" b="T189"/>
              <a:pathLst>
                <a:path w="1371" h="1355">
                  <a:moveTo>
                    <a:pt x="6" y="560"/>
                  </a:moveTo>
                  <a:lnTo>
                    <a:pt x="0" y="545"/>
                  </a:lnTo>
                  <a:lnTo>
                    <a:pt x="0" y="528"/>
                  </a:lnTo>
                  <a:lnTo>
                    <a:pt x="371" y="565"/>
                  </a:lnTo>
                  <a:lnTo>
                    <a:pt x="417" y="0"/>
                  </a:lnTo>
                  <a:lnTo>
                    <a:pt x="720" y="18"/>
                  </a:lnTo>
                  <a:lnTo>
                    <a:pt x="711" y="259"/>
                  </a:lnTo>
                  <a:lnTo>
                    <a:pt x="720" y="260"/>
                  </a:lnTo>
                  <a:lnTo>
                    <a:pt x="743" y="284"/>
                  </a:lnTo>
                  <a:lnTo>
                    <a:pt x="752" y="277"/>
                  </a:lnTo>
                  <a:lnTo>
                    <a:pt x="767" y="286"/>
                  </a:lnTo>
                  <a:lnTo>
                    <a:pt x="776" y="274"/>
                  </a:lnTo>
                  <a:lnTo>
                    <a:pt x="796" y="308"/>
                  </a:lnTo>
                  <a:lnTo>
                    <a:pt x="814" y="308"/>
                  </a:lnTo>
                  <a:lnTo>
                    <a:pt x="816" y="308"/>
                  </a:lnTo>
                  <a:lnTo>
                    <a:pt x="818" y="309"/>
                  </a:lnTo>
                  <a:lnTo>
                    <a:pt x="821" y="311"/>
                  </a:lnTo>
                  <a:lnTo>
                    <a:pt x="825" y="313"/>
                  </a:lnTo>
                  <a:lnTo>
                    <a:pt x="828" y="314"/>
                  </a:lnTo>
                  <a:lnTo>
                    <a:pt x="831" y="316"/>
                  </a:lnTo>
                  <a:lnTo>
                    <a:pt x="835" y="318"/>
                  </a:lnTo>
                  <a:lnTo>
                    <a:pt x="836" y="318"/>
                  </a:lnTo>
                  <a:lnTo>
                    <a:pt x="843" y="313"/>
                  </a:lnTo>
                  <a:lnTo>
                    <a:pt x="848" y="311"/>
                  </a:lnTo>
                  <a:lnTo>
                    <a:pt x="855" y="313"/>
                  </a:lnTo>
                  <a:lnTo>
                    <a:pt x="860" y="316"/>
                  </a:lnTo>
                  <a:lnTo>
                    <a:pt x="864" y="319"/>
                  </a:lnTo>
                  <a:lnTo>
                    <a:pt x="867" y="325"/>
                  </a:lnTo>
                  <a:lnTo>
                    <a:pt x="869" y="326"/>
                  </a:lnTo>
                  <a:lnTo>
                    <a:pt x="870" y="328"/>
                  </a:lnTo>
                  <a:lnTo>
                    <a:pt x="875" y="318"/>
                  </a:lnTo>
                  <a:lnTo>
                    <a:pt x="886" y="321"/>
                  </a:lnTo>
                  <a:lnTo>
                    <a:pt x="901" y="316"/>
                  </a:lnTo>
                  <a:lnTo>
                    <a:pt x="901" y="330"/>
                  </a:lnTo>
                  <a:lnTo>
                    <a:pt x="913" y="331"/>
                  </a:lnTo>
                  <a:lnTo>
                    <a:pt x="916" y="345"/>
                  </a:lnTo>
                  <a:lnTo>
                    <a:pt x="928" y="350"/>
                  </a:lnTo>
                  <a:lnTo>
                    <a:pt x="935" y="340"/>
                  </a:lnTo>
                  <a:lnTo>
                    <a:pt x="946" y="336"/>
                  </a:lnTo>
                  <a:lnTo>
                    <a:pt x="957" y="347"/>
                  </a:lnTo>
                  <a:lnTo>
                    <a:pt x="965" y="350"/>
                  </a:lnTo>
                  <a:lnTo>
                    <a:pt x="965" y="352"/>
                  </a:lnTo>
                  <a:lnTo>
                    <a:pt x="965" y="353"/>
                  </a:lnTo>
                  <a:lnTo>
                    <a:pt x="965" y="355"/>
                  </a:lnTo>
                  <a:lnTo>
                    <a:pt x="965" y="357"/>
                  </a:lnTo>
                  <a:lnTo>
                    <a:pt x="967" y="358"/>
                  </a:lnTo>
                  <a:lnTo>
                    <a:pt x="968" y="360"/>
                  </a:lnTo>
                  <a:lnTo>
                    <a:pt x="972" y="358"/>
                  </a:lnTo>
                  <a:lnTo>
                    <a:pt x="979" y="355"/>
                  </a:lnTo>
                  <a:lnTo>
                    <a:pt x="984" y="350"/>
                  </a:lnTo>
                  <a:lnTo>
                    <a:pt x="987" y="347"/>
                  </a:lnTo>
                  <a:lnTo>
                    <a:pt x="989" y="345"/>
                  </a:lnTo>
                  <a:lnTo>
                    <a:pt x="989" y="343"/>
                  </a:lnTo>
                  <a:lnTo>
                    <a:pt x="989" y="347"/>
                  </a:lnTo>
                  <a:lnTo>
                    <a:pt x="990" y="352"/>
                  </a:lnTo>
                  <a:lnTo>
                    <a:pt x="992" y="358"/>
                  </a:lnTo>
                  <a:lnTo>
                    <a:pt x="996" y="367"/>
                  </a:lnTo>
                  <a:lnTo>
                    <a:pt x="997" y="370"/>
                  </a:lnTo>
                  <a:lnTo>
                    <a:pt x="1001" y="370"/>
                  </a:lnTo>
                  <a:lnTo>
                    <a:pt x="1001" y="369"/>
                  </a:lnTo>
                  <a:lnTo>
                    <a:pt x="1002" y="365"/>
                  </a:lnTo>
                  <a:lnTo>
                    <a:pt x="1002" y="363"/>
                  </a:lnTo>
                  <a:lnTo>
                    <a:pt x="1002" y="360"/>
                  </a:lnTo>
                  <a:lnTo>
                    <a:pt x="1002" y="358"/>
                  </a:lnTo>
                  <a:lnTo>
                    <a:pt x="1019" y="345"/>
                  </a:lnTo>
                  <a:lnTo>
                    <a:pt x="1033" y="355"/>
                  </a:lnTo>
                  <a:lnTo>
                    <a:pt x="1050" y="347"/>
                  </a:lnTo>
                  <a:lnTo>
                    <a:pt x="1048" y="348"/>
                  </a:lnTo>
                  <a:lnTo>
                    <a:pt x="1048" y="352"/>
                  </a:lnTo>
                  <a:lnTo>
                    <a:pt x="1050" y="353"/>
                  </a:lnTo>
                  <a:lnTo>
                    <a:pt x="1051" y="357"/>
                  </a:lnTo>
                  <a:lnTo>
                    <a:pt x="1056" y="360"/>
                  </a:lnTo>
                  <a:lnTo>
                    <a:pt x="1063" y="363"/>
                  </a:lnTo>
                  <a:lnTo>
                    <a:pt x="1070" y="367"/>
                  </a:lnTo>
                  <a:lnTo>
                    <a:pt x="1075" y="370"/>
                  </a:lnTo>
                  <a:lnTo>
                    <a:pt x="1078" y="372"/>
                  </a:lnTo>
                  <a:lnTo>
                    <a:pt x="1082" y="374"/>
                  </a:lnTo>
                  <a:lnTo>
                    <a:pt x="1084" y="374"/>
                  </a:lnTo>
                  <a:lnTo>
                    <a:pt x="1087" y="372"/>
                  </a:lnTo>
                  <a:lnTo>
                    <a:pt x="1092" y="369"/>
                  </a:lnTo>
                  <a:lnTo>
                    <a:pt x="1099" y="362"/>
                  </a:lnTo>
                  <a:lnTo>
                    <a:pt x="1107" y="355"/>
                  </a:lnTo>
                  <a:lnTo>
                    <a:pt x="1114" y="352"/>
                  </a:lnTo>
                  <a:lnTo>
                    <a:pt x="1119" y="352"/>
                  </a:lnTo>
                  <a:lnTo>
                    <a:pt x="1124" y="353"/>
                  </a:lnTo>
                  <a:lnTo>
                    <a:pt x="1126" y="355"/>
                  </a:lnTo>
                  <a:lnTo>
                    <a:pt x="1129" y="358"/>
                  </a:lnTo>
                  <a:lnTo>
                    <a:pt x="1131" y="360"/>
                  </a:lnTo>
                  <a:lnTo>
                    <a:pt x="1131" y="362"/>
                  </a:lnTo>
                  <a:lnTo>
                    <a:pt x="1133" y="362"/>
                  </a:lnTo>
                  <a:lnTo>
                    <a:pt x="1133" y="360"/>
                  </a:lnTo>
                  <a:lnTo>
                    <a:pt x="1134" y="358"/>
                  </a:lnTo>
                  <a:lnTo>
                    <a:pt x="1138" y="355"/>
                  </a:lnTo>
                  <a:lnTo>
                    <a:pt x="1141" y="350"/>
                  </a:lnTo>
                  <a:lnTo>
                    <a:pt x="1144" y="347"/>
                  </a:lnTo>
                  <a:lnTo>
                    <a:pt x="1144" y="343"/>
                  </a:lnTo>
                  <a:lnTo>
                    <a:pt x="1144" y="340"/>
                  </a:lnTo>
                  <a:lnTo>
                    <a:pt x="1146" y="340"/>
                  </a:lnTo>
                  <a:lnTo>
                    <a:pt x="1148" y="343"/>
                  </a:lnTo>
                  <a:lnTo>
                    <a:pt x="1151" y="347"/>
                  </a:lnTo>
                  <a:lnTo>
                    <a:pt x="1158" y="350"/>
                  </a:lnTo>
                  <a:lnTo>
                    <a:pt x="1163" y="355"/>
                  </a:lnTo>
                  <a:lnTo>
                    <a:pt x="1168" y="360"/>
                  </a:lnTo>
                  <a:lnTo>
                    <a:pt x="1170" y="362"/>
                  </a:lnTo>
                  <a:lnTo>
                    <a:pt x="1172" y="363"/>
                  </a:lnTo>
                  <a:lnTo>
                    <a:pt x="1173" y="362"/>
                  </a:lnTo>
                  <a:lnTo>
                    <a:pt x="1175" y="358"/>
                  </a:lnTo>
                  <a:lnTo>
                    <a:pt x="1178" y="353"/>
                  </a:lnTo>
                  <a:lnTo>
                    <a:pt x="1183" y="348"/>
                  </a:lnTo>
                  <a:lnTo>
                    <a:pt x="1188" y="345"/>
                  </a:lnTo>
                  <a:lnTo>
                    <a:pt x="1192" y="345"/>
                  </a:lnTo>
                  <a:lnTo>
                    <a:pt x="1197" y="345"/>
                  </a:lnTo>
                  <a:lnTo>
                    <a:pt x="1200" y="347"/>
                  </a:lnTo>
                  <a:lnTo>
                    <a:pt x="1204" y="347"/>
                  </a:lnTo>
                  <a:lnTo>
                    <a:pt x="1205" y="348"/>
                  </a:lnTo>
                  <a:lnTo>
                    <a:pt x="1232" y="372"/>
                  </a:lnTo>
                  <a:lnTo>
                    <a:pt x="1248" y="374"/>
                  </a:lnTo>
                  <a:lnTo>
                    <a:pt x="1266" y="380"/>
                  </a:lnTo>
                  <a:lnTo>
                    <a:pt x="1265" y="377"/>
                  </a:lnTo>
                  <a:lnTo>
                    <a:pt x="1276" y="392"/>
                  </a:lnTo>
                  <a:lnTo>
                    <a:pt x="1302" y="389"/>
                  </a:lnTo>
                  <a:lnTo>
                    <a:pt x="1312" y="391"/>
                  </a:lnTo>
                  <a:lnTo>
                    <a:pt x="1312" y="455"/>
                  </a:lnTo>
                  <a:lnTo>
                    <a:pt x="1317" y="580"/>
                  </a:lnTo>
                  <a:lnTo>
                    <a:pt x="1341" y="611"/>
                  </a:lnTo>
                  <a:lnTo>
                    <a:pt x="1341" y="641"/>
                  </a:lnTo>
                  <a:lnTo>
                    <a:pt x="1354" y="655"/>
                  </a:lnTo>
                  <a:lnTo>
                    <a:pt x="1361" y="675"/>
                  </a:lnTo>
                  <a:lnTo>
                    <a:pt x="1361" y="677"/>
                  </a:lnTo>
                  <a:lnTo>
                    <a:pt x="1363" y="678"/>
                  </a:lnTo>
                  <a:lnTo>
                    <a:pt x="1364" y="682"/>
                  </a:lnTo>
                  <a:lnTo>
                    <a:pt x="1366" y="687"/>
                  </a:lnTo>
                  <a:lnTo>
                    <a:pt x="1366" y="690"/>
                  </a:lnTo>
                  <a:lnTo>
                    <a:pt x="1368" y="695"/>
                  </a:lnTo>
                  <a:lnTo>
                    <a:pt x="1370" y="700"/>
                  </a:lnTo>
                  <a:lnTo>
                    <a:pt x="1371" y="705"/>
                  </a:lnTo>
                  <a:lnTo>
                    <a:pt x="1371" y="710"/>
                  </a:lnTo>
                  <a:lnTo>
                    <a:pt x="1371" y="717"/>
                  </a:lnTo>
                  <a:lnTo>
                    <a:pt x="1371" y="722"/>
                  </a:lnTo>
                  <a:lnTo>
                    <a:pt x="1370" y="727"/>
                  </a:lnTo>
                  <a:lnTo>
                    <a:pt x="1368" y="734"/>
                  </a:lnTo>
                  <a:lnTo>
                    <a:pt x="1366" y="739"/>
                  </a:lnTo>
                  <a:lnTo>
                    <a:pt x="1363" y="744"/>
                  </a:lnTo>
                  <a:lnTo>
                    <a:pt x="1356" y="753"/>
                  </a:lnTo>
                  <a:lnTo>
                    <a:pt x="1353" y="759"/>
                  </a:lnTo>
                  <a:lnTo>
                    <a:pt x="1351" y="765"/>
                  </a:lnTo>
                  <a:lnTo>
                    <a:pt x="1351" y="768"/>
                  </a:lnTo>
                  <a:lnTo>
                    <a:pt x="1353" y="771"/>
                  </a:lnTo>
                  <a:lnTo>
                    <a:pt x="1354" y="773"/>
                  </a:lnTo>
                  <a:lnTo>
                    <a:pt x="1356" y="775"/>
                  </a:lnTo>
                  <a:lnTo>
                    <a:pt x="1353" y="797"/>
                  </a:lnTo>
                  <a:lnTo>
                    <a:pt x="1356" y="798"/>
                  </a:lnTo>
                  <a:lnTo>
                    <a:pt x="1358" y="802"/>
                  </a:lnTo>
                  <a:lnTo>
                    <a:pt x="1361" y="807"/>
                  </a:lnTo>
                  <a:lnTo>
                    <a:pt x="1363" y="812"/>
                  </a:lnTo>
                  <a:lnTo>
                    <a:pt x="1363" y="819"/>
                  </a:lnTo>
                  <a:lnTo>
                    <a:pt x="1359" y="827"/>
                  </a:lnTo>
                  <a:lnTo>
                    <a:pt x="1353" y="836"/>
                  </a:lnTo>
                  <a:lnTo>
                    <a:pt x="1351" y="837"/>
                  </a:lnTo>
                  <a:lnTo>
                    <a:pt x="1348" y="836"/>
                  </a:lnTo>
                  <a:lnTo>
                    <a:pt x="1346" y="836"/>
                  </a:lnTo>
                  <a:lnTo>
                    <a:pt x="1329" y="854"/>
                  </a:lnTo>
                  <a:lnTo>
                    <a:pt x="1337" y="866"/>
                  </a:lnTo>
                  <a:lnTo>
                    <a:pt x="1339" y="875"/>
                  </a:lnTo>
                  <a:lnTo>
                    <a:pt x="1337" y="875"/>
                  </a:lnTo>
                  <a:lnTo>
                    <a:pt x="1334" y="875"/>
                  </a:lnTo>
                  <a:lnTo>
                    <a:pt x="1332" y="875"/>
                  </a:lnTo>
                  <a:lnTo>
                    <a:pt x="1329" y="875"/>
                  </a:lnTo>
                  <a:lnTo>
                    <a:pt x="1324" y="876"/>
                  </a:lnTo>
                  <a:lnTo>
                    <a:pt x="1319" y="878"/>
                  </a:lnTo>
                  <a:lnTo>
                    <a:pt x="1312" y="880"/>
                  </a:lnTo>
                  <a:lnTo>
                    <a:pt x="1305" y="883"/>
                  </a:lnTo>
                  <a:lnTo>
                    <a:pt x="1295" y="888"/>
                  </a:lnTo>
                  <a:lnTo>
                    <a:pt x="1285" y="893"/>
                  </a:lnTo>
                  <a:lnTo>
                    <a:pt x="1273" y="898"/>
                  </a:lnTo>
                  <a:lnTo>
                    <a:pt x="1260" y="905"/>
                  </a:lnTo>
                  <a:lnTo>
                    <a:pt x="1246" y="913"/>
                  </a:lnTo>
                  <a:lnTo>
                    <a:pt x="1251" y="905"/>
                  </a:lnTo>
                  <a:lnTo>
                    <a:pt x="1256" y="902"/>
                  </a:lnTo>
                  <a:lnTo>
                    <a:pt x="1268" y="895"/>
                  </a:lnTo>
                  <a:lnTo>
                    <a:pt x="1270" y="895"/>
                  </a:lnTo>
                  <a:lnTo>
                    <a:pt x="1271" y="893"/>
                  </a:lnTo>
                  <a:lnTo>
                    <a:pt x="1271" y="891"/>
                  </a:lnTo>
                  <a:lnTo>
                    <a:pt x="1268" y="890"/>
                  </a:lnTo>
                  <a:lnTo>
                    <a:pt x="1266" y="890"/>
                  </a:lnTo>
                  <a:lnTo>
                    <a:pt x="1263" y="890"/>
                  </a:lnTo>
                  <a:lnTo>
                    <a:pt x="1261" y="890"/>
                  </a:lnTo>
                  <a:lnTo>
                    <a:pt x="1260" y="890"/>
                  </a:lnTo>
                  <a:lnTo>
                    <a:pt x="1258" y="891"/>
                  </a:lnTo>
                  <a:lnTo>
                    <a:pt x="1256" y="891"/>
                  </a:lnTo>
                  <a:lnTo>
                    <a:pt x="1251" y="895"/>
                  </a:lnTo>
                  <a:lnTo>
                    <a:pt x="1249" y="895"/>
                  </a:lnTo>
                  <a:lnTo>
                    <a:pt x="1248" y="895"/>
                  </a:lnTo>
                  <a:lnTo>
                    <a:pt x="1246" y="895"/>
                  </a:lnTo>
                  <a:lnTo>
                    <a:pt x="1244" y="895"/>
                  </a:lnTo>
                  <a:lnTo>
                    <a:pt x="1243" y="893"/>
                  </a:lnTo>
                  <a:lnTo>
                    <a:pt x="1244" y="890"/>
                  </a:lnTo>
                  <a:lnTo>
                    <a:pt x="1246" y="886"/>
                  </a:lnTo>
                  <a:lnTo>
                    <a:pt x="1248" y="881"/>
                  </a:lnTo>
                  <a:lnTo>
                    <a:pt x="1249" y="878"/>
                  </a:lnTo>
                  <a:lnTo>
                    <a:pt x="1251" y="876"/>
                  </a:lnTo>
                  <a:lnTo>
                    <a:pt x="1253" y="875"/>
                  </a:lnTo>
                  <a:lnTo>
                    <a:pt x="1254" y="873"/>
                  </a:lnTo>
                  <a:lnTo>
                    <a:pt x="1254" y="871"/>
                  </a:lnTo>
                  <a:lnTo>
                    <a:pt x="1254" y="869"/>
                  </a:lnTo>
                  <a:lnTo>
                    <a:pt x="1253" y="868"/>
                  </a:lnTo>
                  <a:lnTo>
                    <a:pt x="1251" y="864"/>
                  </a:lnTo>
                  <a:lnTo>
                    <a:pt x="1249" y="864"/>
                  </a:lnTo>
                  <a:lnTo>
                    <a:pt x="1248" y="864"/>
                  </a:lnTo>
                  <a:lnTo>
                    <a:pt x="1243" y="868"/>
                  </a:lnTo>
                  <a:lnTo>
                    <a:pt x="1238" y="869"/>
                  </a:lnTo>
                  <a:lnTo>
                    <a:pt x="1234" y="871"/>
                  </a:lnTo>
                  <a:lnTo>
                    <a:pt x="1232" y="873"/>
                  </a:lnTo>
                  <a:lnTo>
                    <a:pt x="1232" y="875"/>
                  </a:lnTo>
                  <a:lnTo>
                    <a:pt x="1232" y="876"/>
                  </a:lnTo>
                  <a:lnTo>
                    <a:pt x="1232" y="878"/>
                  </a:lnTo>
                  <a:lnTo>
                    <a:pt x="1231" y="880"/>
                  </a:lnTo>
                  <a:lnTo>
                    <a:pt x="1229" y="880"/>
                  </a:lnTo>
                  <a:lnTo>
                    <a:pt x="1227" y="880"/>
                  </a:lnTo>
                  <a:lnTo>
                    <a:pt x="1224" y="878"/>
                  </a:lnTo>
                  <a:lnTo>
                    <a:pt x="1222" y="875"/>
                  </a:lnTo>
                  <a:lnTo>
                    <a:pt x="1219" y="873"/>
                  </a:lnTo>
                  <a:lnTo>
                    <a:pt x="1217" y="871"/>
                  </a:lnTo>
                  <a:lnTo>
                    <a:pt x="1216" y="869"/>
                  </a:lnTo>
                  <a:lnTo>
                    <a:pt x="1216" y="871"/>
                  </a:lnTo>
                  <a:lnTo>
                    <a:pt x="1217" y="875"/>
                  </a:lnTo>
                  <a:lnTo>
                    <a:pt x="1219" y="878"/>
                  </a:lnTo>
                  <a:lnTo>
                    <a:pt x="1219" y="881"/>
                  </a:lnTo>
                  <a:lnTo>
                    <a:pt x="1219" y="885"/>
                  </a:lnTo>
                  <a:lnTo>
                    <a:pt x="1217" y="886"/>
                  </a:lnTo>
                  <a:lnTo>
                    <a:pt x="1216" y="890"/>
                  </a:lnTo>
                  <a:lnTo>
                    <a:pt x="1216" y="891"/>
                  </a:lnTo>
                  <a:lnTo>
                    <a:pt x="1217" y="895"/>
                  </a:lnTo>
                  <a:lnTo>
                    <a:pt x="1221" y="898"/>
                  </a:lnTo>
                  <a:lnTo>
                    <a:pt x="1226" y="903"/>
                  </a:lnTo>
                  <a:lnTo>
                    <a:pt x="1231" y="907"/>
                  </a:lnTo>
                  <a:lnTo>
                    <a:pt x="1234" y="910"/>
                  </a:lnTo>
                  <a:lnTo>
                    <a:pt x="1236" y="913"/>
                  </a:lnTo>
                  <a:lnTo>
                    <a:pt x="1234" y="915"/>
                  </a:lnTo>
                  <a:lnTo>
                    <a:pt x="1234" y="917"/>
                  </a:lnTo>
                  <a:lnTo>
                    <a:pt x="1232" y="919"/>
                  </a:lnTo>
                  <a:lnTo>
                    <a:pt x="1231" y="919"/>
                  </a:lnTo>
                  <a:lnTo>
                    <a:pt x="1212" y="939"/>
                  </a:lnTo>
                  <a:lnTo>
                    <a:pt x="1202" y="937"/>
                  </a:lnTo>
                  <a:lnTo>
                    <a:pt x="1192" y="959"/>
                  </a:lnTo>
                  <a:lnTo>
                    <a:pt x="1202" y="957"/>
                  </a:lnTo>
                  <a:lnTo>
                    <a:pt x="1200" y="959"/>
                  </a:lnTo>
                  <a:lnTo>
                    <a:pt x="1199" y="961"/>
                  </a:lnTo>
                  <a:lnTo>
                    <a:pt x="1197" y="964"/>
                  </a:lnTo>
                  <a:lnTo>
                    <a:pt x="1194" y="966"/>
                  </a:lnTo>
                  <a:lnTo>
                    <a:pt x="1190" y="969"/>
                  </a:lnTo>
                  <a:lnTo>
                    <a:pt x="1185" y="973"/>
                  </a:lnTo>
                  <a:lnTo>
                    <a:pt x="1180" y="976"/>
                  </a:lnTo>
                  <a:lnTo>
                    <a:pt x="1177" y="981"/>
                  </a:lnTo>
                  <a:lnTo>
                    <a:pt x="1172" y="985"/>
                  </a:lnTo>
                  <a:lnTo>
                    <a:pt x="1165" y="988"/>
                  </a:lnTo>
                  <a:lnTo>
                    <a:pt x="1160" y="991"/>
                  </a:lnTo>
                  <a:lnTo>
                    <a:pt x="1155" y="995"/>
                  </a:lnTo>
                  <a:lnTo>
                    <a:pt x="1148" y="998"/>
                  </a:lnTo>
                  <a:lnTo>
                    <a:pt x="1143" y="1000"/>
                  </a:lnTo>
                  <a:lnTo>
                    <a:pt x="1136" y="1001"/>
                  </a:lnTo>
                  <a:lnTo>
                    <a:pt x="1134" y="1003"/>
                  </a:lnTo>
                  <a:lnTo>
                    <a:pt x="1129" y="1007"/>
                  </a:lnTo>
                  <a:lnTo>
                    <a:pt x="1124" y="1010"/>
                  </a:lnTo>
                  <a:lnTo>
                    <a:pt x="1117" y="1013"/>
                  </a:lnTo>
                  <a:lnTo>
                    <a:pt x="1111" y="1018"/>
                  </a:lnTo>
                  <a:lnTo>
                    <a:pt x="1106" y="1022"/>
                  </a:lnTo>
                  <a:lnTo>
                    <a:pt x="1102" y="1023"/>
                  </a:lnTo>
                  <a:lnTo>
                    <a:pt x="1100" y="1025"/>
                  </a:lnTo>
                  <a:lnTo>
                    <a:pt x="1099" y="1025"/>
                  </a:lnTo>
                  <a:lnTo>
                    <a:pt x="1094" y="1029"/>
                  </a:lnTo>
                  <a:lnTo>
                    <a:pt x="1089" y="1032"/>
                  </a:lnTo>
                  <a:lnTo>
                    <a:pt x="1084" y="1034"/>
                  </a:lnTo>
                  <a:lnTo>
                    <a:pt x="1078" y="1034"/>
                  </a:lnTo>
                  <a:lnTo>
                    <a:pt x="1080" y="1034"/>
                  </a:lnTo>
                  <a:lnTo>
                    <a:pt x="1085" y="1029"/>
                  </a:lnTo>
                  <a:lnTo>
                    <a:pt x="1099" y="1020"/>
                  </a:lnTo>
                  <a:lnTo>
                    <a:pt x="1100" y="1018"/>
                  </a:lnTo>
                  <a:lnTo>
                    <a:pt x="1102" y="1017"/>
                  </a:lnTo>
                  <a:lnTo>
                    <a:pt x="1107" y="1015"/>
                  </a:lnTo>
                  <a:lnTo>
                    <a:pt x="1112" y="1012"/>
                  </a:lnTo>
                  <a:lnTo>
                    <a:pt x="1119" y="1008"/>
                  </a:lnTo>
                  <a:lnTo>
                    <a:pt x="1124" y="1005"/>
                  </a:lnTo>
                  <a:lnTo>
                    <a:pt x="1131" y="1001"/>
                  </a:lnTo>
                  <a:lnTo>
                    <a:pt x="1136" y="998"/>
                  </a:lnTo>
                  <a:lnTo>
                    <a:pt x="1139" y="995"/>
                  </a:lnTo>
                  <a:lnTo>
                    <a:pt x="1141" y="993"/>
                  </a:lnTo>
                  <a:lnTo>
                    <a:pt x="1143" y="993"/>
                  </a:lnTo>
                  <a:lnTo>
                    <a:pt x="1141" y="993"/>
                  </a:lnTo>
                  <a:lnTo>
                    <a:pt x="1138" y="993"/>
                  </a:lnTo>
                  <a:lnTo>
                    <a:pt x="1131" y="996"/>
                  </a:lnTo>
                  <a:lnTo>
                    <a:pt x="1119" y="1001"/>
                  </a:lnTo>
                  <a:lnTo>
                    <a:pt x="1106" y="1008"/>
                  </a:lnTo>
                  <a:lnTo>
                    <a:pt x="1104" y="1008"/>
                  </a:lnTo>
                  <a:lnTo>
                    <a:pt x="1102" y="1010"/>
                  </a:lnTo>
                  <a:lnTo>
                    <a:pt x="1099" y="1012"/>
                  </a:lnTo>
                  <a:lnTo>
                    <a:pt x="1097" y="1013"/>
                  </a:lnTo>
                  <a:lnTo>
                    <a:pt x="1094" y="1015"/>
                  </a:lnTo>
                  <a:lnTo>
                    <a:pt x="1092" y="1015"/>
                  </a:lnTo>
                  <a:lnTo>
                    <a:pt x="1092" y="1012"/>
                  </a:lnTo>
                  <a:lnTo>
                    <a:pt x="1094" y="1008"/>
                  </a:lnTo>
                  <a:lnTo>
                    <a:pt x="1094" y="1007"/>
                  </a:lnTo>
                  <a:lnTo>
                    <a:pt x="1095" y="1005"/>
                  </a:lnTo>
                  <a:lnTo>
                    <a:pt x="1095" y="1003"/>
                  </a:lnTo>
                  <a:lnTo>
                    <a:pt x="1097" y="1000"/>
                  </a:lnTo>
                  <a:lnTo>
                    <a:pt x="1097" y="998"/>
                  </a:lnTo>
                  <a:lnTo>
                    <a:pt x="1099" y="995"/>
                  </a:lnTo>
                  <a:lnTo>
                    <a:pt x="1099" y="993"/>
                  </a:lnTo>
                  <a:lnTo>
                    <a:pt x="1087" y="1005"/>
                  </a:lnTo>
                  <a:lnTo>
                    <a:pt x="1078" y="1007"/>
                  </a:lnTo>
                  <a:lnTo>
                    <a:pt x="1075" y="1001"/>
                  </a:lnTo>
                  <a:lnTo>
                    <a:pt x="1077" y="1012"/>
                  </a:lnTo>
                  <a:lnTo>
                    <a:pt x="1067" y="1015"/>
                  </a:lnTo>
                  <a:lnTo>
                    <a:pt x="1065" y="1013"/>
                  </a:lnTo>
                  <a:lnTo>
                    <a:pt x="1062" y="1008"/>
                  </a:lnTo>
                  <a:lnTo>
                    <a:pt x="1056" y="1003"/>
                  </a:lnTo>
                  <a:lnTo>
                    <a:pt x="1051" y="1000"/>
                  </a:lnTo>
                  <a:lnTo>
                    <a:pt x="1048" y="998"/>
                  </a:lnTo>
                  <a:lnTo>
                    <a:pt x="1048" y="1000"/>
                  </a:lnTo>
                  <a:lnTo>
                    <a:pt x="1050" y="1007"/>
                  </a:lnTo>
                  <a:lnTo>
                    <a:pt x="1058" y="1020"/>
                  </a:lnTo>
                  <a:lnTo>
                    <a:pt x="1060" y="1020"/>
                  </a:lnTo>
                  <a:lnTo>
                    <a:pt x="1063" y="1023"/>
                  </a:lnTo>
                  <a:lnTo>
                    <a:pt x="1067" y="1023"/>
                  </a:lnTo>
                  <a:lnTo>
                    <a:pt x="1068" y="1025"/>
                  </a:lnTo>
                  <a:lnTo>
                    <a:pt x="1070" y="1029"/>
                  </a:lnTo>
                  <a:lnTo>
                    <a:pt x="1070" y="1032"/>
                  </a:lnTo>
                  <a:lnTo>
                    <a:pt x="1067" y="1035"/>
                  </a:lnTo>
                  <a:lnTo>
                    <a:pt x="1063" y="1037"/>
                  </a:lnTo>
                  <a:lnTo>
                    <a:pt x="1062" y="1039"/>
                  </a:lnTo>
                  <a:lnTo>
                    <a:pt x="1058" y="1040"/>
                  </a:lnTo>
                  <a:lnTo>
                    <a:pt x="1056" y="1042"/>
                  </a:lnTo>
                  <a:lnTo>
                    <a:pt x="1053" y="1044"/>
                  </a:lnTo>
                  <a:lnTo>
                    <a:pt x="1051" y="1045"/>
                  </a:lnTo>
                  <a:lnTo>
                    <a:pt x="1050" y="1045"/>
                  </a:lnTo>
                  <a:lnTo>
                    <a:pt x="1050" y="1047"/>
                  </a:lnTo>
                  <a:lnTo>
                    <a:pt x="1048" y="1047"/>
                  </a:lnTo>
                  <a:lnTo>
                    <a:pt x="1046" y="1047"/>
                  </a:lnTo>
                  <a:lnTo>
                    <a:pt x="1045" y="1047"/>
                  </a:lnTo>
                  <a:lnTo>
                    <a:pt x="1043" y="1045"/>
                  </a:lnTo>
                  <a:lnTo>
                    <a:pt x="1041" y="1044"/>
                  </a:lnTo>
                  <a:lnTo>
                    <a:pt x="1040" y="1039"/>
                  </a:lnTo>
                  <a:lnTo>
                    <a:pt x="1040" y="1034"/>
                  </a:lnTo>
                  <a:lnTo>
                    <a:pt x="1036" y="1030"/>
                  </a:lnTo>
                  <a:lnTo>
                    <a:pt x="1036" y="1027"/>
                  </a:lnTo>
                  <a:lnTo>
                    <a:pt x="1033" y="1027"/>
                  </a:lnTo>
                  <a:lnTo>
                    <a:pt x="1033" y="1025"/>
                  </a:lnTo>
                  <a:lnTo>
                    <a:pt x="1031" y="1025"/>
                  </a:lnTo>
                  <a:lnTo>
                    <a:pt x="1029" y="1025"/>
                  </a:lnTo>
                  <a:lnTo>
                    <a:pt x="1019" y="1013"/>
                  </a:lnTo>
                  <a:lnTo>
                    <a:pt x="1023" y="1027"/>
                  </a:lnTo>
                  <a:lnTo>
                    <a:pt x="1031" y="1037"/>
                  </a:lnTo>
                  <a:lnTo>
                    <a:pt x="1028" y="1040"/>
                  </a:lnTo>
                  <a:lnTo>
                    <a:pt x="1031" y="1056"/>
                  </a:lnTo>
                  <a:lnTo>
                    <a:pt x="1019" y="1069"/>
                  </a:lnTo>
                  <a:lnTo>
                    <a:pt x="1018" y="1057"/>
                  </a:lnTo>
                  <a:lnTo>
                    <a:pt x="1011" y="1067"/>
                  </a:lnTo>
                  <a:lnTo>
                    <a:pt x="1006" y="1064"/>
                  </a:lnTo>
                  <a:lnTo>
                    <a:pt x="984" y="1078"/>
                  </a:lnTo>
                  <a:lnTo>
                    <a:pt x="992" y="1086"/>
                  </a:lnTo>
                  <a:lnTo>
                    <a:pt x="996" y="1083"/>
                  </a:lnTo>
                  <a:lnTo>
                    <a:pt x="997" y="1081"/>
                  </a:lnTo>
                  <a:lnTo>
                    <a:pt x="1001" y="1078"/>
                  </a:lnTo>
                  <a:lnTo>
                    <a:pt x="1002" y="1076"/>
                  </a:lnTo>
                  <a:lnTo>
                    <a:pt x="1004" y="1078"/>
                  </a:lnTo>
                  <a:lnTo>
                    <a:pt x="1004" y="1081"/>
                  </a:lnTo>
                  <a:lnTo>
                    <a:pt x="1001" y="1089"/>
                  </a:lnTo>
                  <a:lnTo>
                    <a:pt x="999" y="1091"/>
                  </a:lnTo>
                  <a:lnTo>
                    <a:pt x="997" y="1095"/>
                  </a:lnTo>
                  <a:lnTo>
                    <a:pt x="996" y="1098"/>
                  </a:lnTo>
                  <a:lnTo>
                    <a:pt x="994" y="1100"/>
                  </a:lnTo>
                  <a:lnTo>
                    <a:pt x="992" y="1103"/>
                  </a:lnTo>
                  <a:lnTo>
                    <a:pt x="992" y="1105"/>
                  </a:lnTo>
                  <a:lnTo>
                    <a:pt x="985" y="1110"/>
                  </a:lnTo>
                  <a:lnTo>
                    <a:pt x="982" y="1103"/>
                  </a:lnTo>
                  <a:lnTo>
                    <a:pt x="952" y="1103"/>
                  </a:lnTo>
                  <a:lnTo>
                    <a:pt x="957" y="1110"/>
                  </a:lnTo>
                  <a:lnTo>
                    <a:pt x="962" y="1111"/>
                  </a:lnTo>
                  <a:lnTo>
                    <a:pt x="965" y="1120"/>
                  </a:lnTo>
                  <a:lnTo>
                    <a:pt x="972" y="1125"/>
                  </a:lnTo>
                  <a:lnTo>
                    <a:pt x="977" y="1123"/>
                  </a:lnTo>
                  <a:lnTo>
                    <a:pt x="963" y="1167"/>
                  </a:lnTo>
                  <a:lnTo>
                    <a:pt x="963" y="1169"/>
                  </a:lnTo>
                  <a:lnTo>
                    <a:pt x="962" y="1171"/>
                  </a:lnTo>
                  <a:lnTo>
                    <a:pt x="962" y="1172"/>
                  </a:lnTo>
                  <a:lnTo>
                    <a:pt x="960" y="1172"/>
                  </a:lnTo>
                  <a:lnTo>
                    <a:pt x="958" y="1174"/>
                  </a:lnTo>
                  <a:lnTo>
                    <a:pt x="957" y="1172"/>
                  </a:lnTo>
                  <a:lnTo>
                    <a:pt x="955" y="1169"/>
                  </a:lnTo>
                  <a:lnTo>
                    <a:pt x="955" y="1162"/>
                  </a:lnTo>
                  <a:lnTo>
                    <a:pt x="953" y="1159"/>
                  </a:lnTo>
                  <a:lnTo>
                    <a:pt x="953" y="1155"/>
                  </a:lnTo>
                  <a:lnTo>
                    <a:pt x="952" y="1154"/>
                  </a:lnTo>
                  <a:lnTo>
                    <a:pt x="950" y="1152"/>
                  </a:lnTo>
                  <a:lnTo>
                    <a:pt x="948" y="1154"/>
                  </a:lnTo>
                  <a:lnTo>
                    <a:pt x="948" y="1157"/>
                  </a:lnTo>
                  <a:lnTo>
                    <a:pt x="948" y="1164"/>
                  </a:lnTo>
                  <a:lnTo>
                    <a:pt x="946" y="1166"/>
                  </a:lnTo>
                  <a:lnTo>
                    <a:pt x="945" y="1169"/>
                  </a:lnTo>
                  <a:lnTo>
                    <a:pt x="941" y="1172"/>
                  </a:lnTo>
                  <a:lnTo>
                    <a:pt x="940" y="1172"/>
                  </a:lnTo>
                  <a:lnTo>
                    <a:pt x="930" y="1166"/>
                  </a:lnTo>
                  <a:lnTo>
                    <a:pt x="931" y="1174"/>
                  </a:lnTo>
                  <a:lnTo>
                    <a:pt x="928" y="1179"/>
                  </a:lnTo>
                  <a:lnTo>
                    <a:pt x="938" y="1184"/>
                  </a:lnTo>
                  <a:lnTo>
                    <a:pt x="957" y="1181"/>
                  </a:lnTo>
                  <a:lnTo>
                    <a:pt x="958" y="1198"/>
                  </a:lnTo>
                  <a:lnTo>
                    <a:pt x="948" y="1223"/>
                  </a:lnTo>
                  <a:lnTo>
                    <a:pt x="948" y="1233"/>
                  </a:lnTo>
                  <a:lnTo>
                    <a:pt x="962" y="1269"/>
                  </a:lnTo>
                  <a:lnTo>
                    <a:pt x="960" y="1291"/>
                  </a:lnTo>
                  <a:lnTo>
                    <a:pt x="970" y="1304"/>
                  </a:lnTo>
                  <a:lnTo>
                    <a:pt x="975" y="1325"/>
                  </a:lnTo>
                  <a:lnTo>
                    <a:pt x="982" y="1337"/>
                  </a:lnTo>
                  <a:lnTo>
                    <a:pt x="968" y="1347"/>
                  </a:lnTo>
                  <a:lnTo>
                    <a:pt x="962" y="1355"/>
                  </a:lnTo>
                  <a:lnTo>
                    <a:pt x="960" y="1353"/>
                  </a:lnTo>
                  <a:lnTo>
                    <a:pt x="958" y="1352"/>
                  </a:lnTo>
                  <a:lnTo>
                    <a:pt x="957" y="1350"/>
                  </a:lnTo>
                  <a:lnTo>
                    <a:pt x="953" y="1347"/>
                  </a:lnTo>
                  <a:lnTo>
                    <a:pt x="950" y="1343"/>
                  </a:lnTo>
                  <a:lnTo>
                    <a:pt x="946" y="1340"/>
                  </a:lnTo>
                  <a:lnTo>
                    <a:pt x="943" y="1338"/>
                  </a:lnTo>
                  <a:lnTo>
                    <a:pt x="938" y="1335"/>
                  </a:lnTo>
                  <a:lnTo>
                    <a:pt x="933" y="1331"/>
                  </a:lnTo>
                  <a:lnTo>
                    <a:pt x="926" y="1330"/>
                  </a:lnTo>
                  <a:lnTo>
                    <a:pt x="919" y="1326"/>
                  </a:lnTo>
                  <a:lnTo>
                    <a:pt x="913" y="1325"/>
                  </a:lnTo>
                  <a:lnTo>
                    <a:pt x="904" y="1325"/>
                  </a:lnTo>
                  <a:lnTo>
                    <a:pt x="896" y="1325"/>
                  </a:lnTo>
                  <a:lnTo>
                    <a:pt x="887" y="1325"/>
                  </a:lnTo>
                  <a:lnTo>
                    <a:pt x="886" y="1325"/>
                  </a:lnTo>
                  <a:lnTo>
                    <a:pt x="884" y="1325"/>
                  </a:lnTo>
                  <a:lnTo>
                    <a:pt x="882" y="1325"/>
                  </a:lnTo>
                  <a:lnTo>
                    <a:pt x="879" y="1325"/>
                  </a:lnTo>
                  <a:lnTo>
                    <a:pt x="877" y="1325"/>
                  </a:lnTo>
                  <a:lnTo>
                    <a:pt x="875" y="1326"/>
                  </a:lnTo>
                  <a:lnTo>
                    <a:pt x="874" y="1326"/>
                  </a:lnTo>
                  <a:lnTo>
                    <a:pt x="872" y="1326"/>
                  </a:lnTo>
                  <a:lnTo>
                    <a:pt x="836" y="1304"/>
                  </a:lnTo>
                  <a:lnTo>
                    <a:pt x="821" y="1304"/>
                  </a:lnTo>
                  <a:lnTo>
                    <a:pt x="821" y="1303"/>
                  </a:lnTo>
                  <a:lnTo>
                    <a:pt x="820" y="1301"/>
                  </a:lnTo>
                  <a:lnTo>
                    <a:pt x="820" y="1298"/>
                  </a:lnTo>
                  <a:lnTo>
                    <a:pt x="816" y="1294"/>
                  </a:lnTo>
                  <a:lnTo>
                    <a:pt x="811" y="1291"/>
                  </a:lnTo>
                  <a:lnTo>
                    <a:pt x="806" y="1287"/>
                  </a:lnTo>
                  <a:lnTo>
                    <a:pt x="798" y="1284"/>
                  </a:lnTo>
                  <a:lnTo>
                    <a:pt x="787" y="1284"/>
                  </a:lnTo>
                  <a:lnTo>
                    <a:pt x="786" y="1284"/>
                  </a:lnTo>
                  <a:lnTo>
                    <a:pt x="784" y="1284"/>
                  </a:lnTo>
                  <a:lnTo>
                    <a:pt x="781" y="1284"/>
                  </a:lnTo>
                  <a:lnTo>
                    <a:pt x="779" y="1284"/>
                  </a:lnTo>
                  <a:lnTo>
                    <a:pt x="777" y="1284"/>
                  </a:lnTo>
                  <a:lnTo>
                    <a:pt x="776" y="1284"/>
                  </a:lnTo>
                  <a:lnTo>
                    <a:pt x="774" y="1284"/>
                  </a:lnTo>
                  <a:lnTo>
                    <a:pt x="774" y="1269"/>
                  </a:lnTo>
                  <a:lnTo>
                    <a:pt x="767" y="1267"/>
                  </a:lnTo>
                  <a:lnTo>
                    <a:pt x="767" y="1265"/>
                  </a:lnTo>
                  <a:lnTo>
                    <a:pt x="767" y="1262"/>
                  </a:lnTo>
                  <a:lnTo>
                    <a:pt x="765" y="1257"/>
                  </a:lnTo>
                  <a:lnTo>
                    <a:pt x="764" y="1252"/>
                  </a:lnTo>
                  <a:lnTo>
                    <a:pt x="764" y="1247"/>
                  </a:lnTo>
                  <a:lnTo>
                    <a:pt x="762" y="1242"/>
                  </a:lnTo>
                  <a:lnTo>
                    <a:pt x="759" y="1237"/>
                  </a:lnTo>
                  <a:lnTo>
                    <a:pt x="757" y="1230"/>
                  </a:lnTo>
                  <a:lnTo>
                    <a:pt x="755" y="1225"/>
                  </a:lnTo>
                  <a:lnTo>
                    <a:pt x="754" y="1220"/>
                  </a:lnTo>
                  <a:lnTo>
                    <a:pt x="750" y="1216"/>
                  </a:lnTo>
                  <a:lnTo>
                    <a:pt x="748" y="1213"/>
                  </a:lnTo>
                  <a:lnTo>
                    <a:pt x="745" y="1210"/>
                  </a:lnTo>
                  <a:lnTo>
                    <a:pt x="743" y="1208"/>
                  </a:lnTo>
                  <a:lnTo>
                    <a:pt x="740" y="1208"/>
                  </a:lnTo>
                  <a:lnTo>
                    <a:pt x="738" y="1208"/>
                  </a:lnTo>
                  <a:lnTo>
                    <a:pt x="738" y="1205"/>
                  </a:lnTo>
                  <a:lnTo>
                    <a:pt x="738" y="1199"/>
                  </a:lnTo>
                  <a:lnTo>
                    <a:pt x="738" y="1193"/>
                  </a:lnTo>
                  <a:lnTo>
                    <a:pt x="738" y="1188"/>
                  </a:lnTo>
                  <a:lnTo>
                    <a:pt x="738" y="1181"/>
                  </a:lnTo>
                  <a:lnTo>
                    <a:pt x="738" y="1177"/>
                  </a:lnTo>
                  <a:lnTo>
                    <a:pt x="738" y="1176"/>
                  </a:lnTo>
                  <a:lnTo>
                    <a:pt x="728" y="1166"/>
                  </a:lnTo>
                  <a:lnTo>
                    <a:pt x="728" y="1164"/>
                  </a:lnTo>
                  <a:lnTo>
                    <a:pt x="728" y="1161"/>
                  </a:lnTo>
                  <a:lnTo>
                    <a:pt x="730" y="1154"/>
                  </a:lnTo>
                  <a:lnTo>
                    <a:pt x="730" y="1147"/>
                  </a:lnTo>
                  <a:lnTo>
                    <a:pt x="728" y="1140"/>
                  </a:lnTo>
                  <a:lnTo>
                    <a:pt x="726" y="1133"/>
                  </a:lnTo>
                  <a:lnTo>
                    <a:pt x="725" y="1128"/>
                  </a:lnTo>
                  <a:lnTo>
                    <a:pt x="720" y="1127"/>
                  </a:lnTo>
                  <a:lnTo>
                    <a:pt x="718" y="1127"/>
                  </a:lnTo>
                  <a:lnTo>
                    <a:pt x="715" y="1125"/>
                  </a:lnTo>
                  <a:lnTo>
                    <a:pt x="711" y="1123"/>
                  </a:lnTo>
                  <a:lnTo>
                    <a:pt x="708" y="1122"/>
                  </a:lnTo>
                  <a:lnTo>
                    <a:pt x="706" y="1118"/>
                  </a:lnTo>
                  <a:lnTo>
                    <a:pt x="703" y="1115"/>
                  </a:lnTo>
                  <a:lnTo>
                    <a:pt x="699" y="1111"/>
                  </a:lnTo>
                  <a:lnTo>
                    <a:pt x="696" y="1106"/>
                  </a:lnTo>
                  <a:lnTo>
                    <a:pt x="693" y="1103"/>
                  </a:lnTo>
                  <a:lnTo>
                    <a:pt x="689" y="1098"/>
                  </a:lnTo>
                  <a:lnTo>
                    <a:pt x="686" y="1091"/>
                  </a:lnTo>
                  <a:lnTo>
                    <a:pt x="682" y="1086"/>
                  </a:lnTo>
                  <a:lnTo>
                    <a:pt x="679" y="1081"/>
                  </a:lnTo>
                  <a:lnTo>
                    <a:pt x="676" y="1074"/>
                  </a:lnTo>
                  <a:lnTo>
                    <a:pt x="672" y="1069"/>
                  </a:lnTo>
                  <a:lnTo>
                    <a:pt x="669" y="1062"/>
                  </a:lnTo>
                  <a:lnTo>
                    <a:pt x="667" y="1061"/>
                  </a:lnTo>
                  <a:lnTo>
                    <a:pt x="666" y="1059"/>
                  </a:lnTo>
                  <a:lnTo>
                    <a:pt x="662" y="1056"/>
                  </a:lnTo>
                  <a:lnTo>
                    <a:pt x="660" y="1051"/>
                  </a:lnTo>
                  <a:lnTo>
                    <a:pt x="657" y="1047"/>
                  </a:lnTo>
                  <a:lnTo>
                    <a:pt x="654" y="1045"/>
                  </a:lnTo>
                  <a:lnTo>
                    <a:pt x="652" y="1044"/>
                  </a:lnTo>
                  <a:lnTo>
                    <a:pt x="652" y="1042"/>
                  </a:lnTo>
                  <a:lnTo>
                    <a:pt x="610" y="949"/>
                  </a:lnTo>
                  <a:lnTo>
                    <a:pt x="605" y="935"/>
                  </a:lnTo>
                  <a:lnTo>
                    <a:pt x="591" y="915"/>
                  </a:lnTo>
                  <a:lnTo>
                    <a:pt x="564" y="891"/>
                  </a:lnTo>
                  <a:lnTo>
                    <a:pt x="562" y="890"/>
                  </a:lnTo>
                  <a:lnTo>
                    <a:pt x="561" y="885"/>
                  </a:lnTo>
                  <a:lnTo>
                    <a:pt x="554" y="880"/>
                  </a:lnTo>
                  <a:lnTo>
                    <a:pt x="549" y="873"/>
                  </a:lnTo>
                  <a:lnTo>
                    <a:pt x="542" y="866"/>
                  </a:lnTo>
                  <a:lnTo>
                    <a:pt x="535" y="861"/>
                  </a:lnTo>
                  <a:lnTo>
                    <a:pt x="528" y="856"/>
                  </a:lnTo>
                  <a:lnTo>
                    <a:pt x="522" y="854"/>
                  </a:lnTo>
                  <a:lnTo>
                    <a:pt x="520" y="854"/>
                  </a:lnTo>
                  <a:lnTo>
                    <a:pt x="515" y="854"/>
                  </a:lnTo>
                  <a:lnTo>
                    <a:pt x="512" y="853"/>
                  </a:lnTo>
                  <a:lnTo>
                    <a:pt x="506" y="853"/>
                  </a:lnTo>
                  <a:lnTo>
                    <a:pt x="501" y="853"/>
                  </a:lnTo>
                  <a:lnTo>
                    <a:pt x="496" y="851"/>
                  </a:lnTo>
                  <a:lnTo>
                    <a:pt x="490" y="851"/>
                  </a:lnTo>
                  <a:lnTo>
                    <a:pt x="484" y="849"/>
                  </a:lnTo>
                  <a:lnTo>
                    <a:pt x="478" y="849"/>
                  </a:lnTo>
                  <a:lnTo>
                    <a:pt x="473" y="847"/>
                  </a:lnTo>
                  <a:lnTo>
                    <a:pt x="468" y="846"/>
                  </a:lnTo>
                  <a:lnTo>
                    <a:pt x="461" y="844"/>
                  </a:lnTo>
                  <a:lnTo>
                    <a:pt x="457" y="844"/>
                  </a:lnTo>
                  <a:lnTo>
                    <a:pt x="452" y="841"/>
                  </a:lnTo>
                  <a:lnTo>
                    <a:pt x="449" y="839"/>
                  </a:lnTo>
                  <a:lnTo>
                    <a:pt x="446" y="837"/>
                  </a:lnTo>
                  <a:lnTo>
                    <a:pt x="442" y="836"/>
                  </a:lnTo>
                  <a:lnTo>
                    <a:pt x="440" y="834"/>
                  </a:lnTo>
                  <a:lnTo>
                    <a:pt x="439" y="834"/>
                  </a:lnTo>
                  <a:lnTo>
                    <a:pt x="435" y="836"/>
                  </a:lnTo>
                  <a:lnTo>
                    <a:pt x="434" y="837"/>
                  </a:lnTo>
                  <a:lnTo>
                    <a:pt x="432" y="839"/>
                  </a:lnTo>
                  <a:lnTo>
                    <a:pt x="429" y="842"/>
                  </a:lnTo>
                  <a:lnTo>
                    <a:pt x="427" y="846"/>
                  </a:lnTo>
                  <a:lnTo>
                    <a:pt x="424" y="847"/>
                  </a:lnTo>
                  <a:lnTo>
                    <a:pt x="420" y="849"/>
                  </a:lnTo>
                  <a:lnTo>
                    <a:pt x="418" y="849"/>
                  </a:lnTo>
                  <a:lnTo>
                    <a:pt x="417" y="849"/>
                  </a:lnTo>
                  <a:lnTo>
                    <a:pt x="415" y="847"/>
                  </a:lnTo>
                  <a:lnTo>
                    <a:pt x="413" y="846"/>
                  </a:lnTo>
                  <a:lnTo>
                    <a:pt x="412" y="844"/>
                  </a:lnTo>
                  <a:lnTo>
                    <a:pt x="408" y="844"/>
                  </a:lnTo>
                  <a:lnTo>
                    <a:pt x="405" y="846"/>
                  </a:lnTo>
                  <a:lnTo>
                    <a:pt x="398" y="847"/>
                  </a:lnTo>
                  <a:lnTo>
                    <a:pt x="391" y="853"/>
                  </a:lnTo>
                  <a:lnTo>
                    <a:pt x="386" y="863"/>
                  </a:lnTo>
                  <a:lnTo>
                    <a:pt x="380" y="875"/>
                  </a:lnTo>
                  <a:lnTo>
                    <a:pt x="374" y="891"/>
                  </a:lnTo>
                  <a:lnTo>
                    <a:pt x="368" y="902"/>
                  </a:lnTo>
                  <a:lnTo>
                    <a:pt x="368" y="903"/>
                  </a:lnTo>
                  <a:lnTo>
                    <a:pt x="366" y="903"/>
                  </a:lnTo>
                  <a:lnTo>
                    <a:pt x="366" y="905"/>
                  </a:lnTo>
                  <a:lnTo>
                    <a:pt x="364" y="908"/>
                  </a:lnTo>
                  <a:lnTo>
                    <a:pt x="361" y="912"/>
                  </a:lnTo>
                  <a:lnTo>
                    <a:pt x="358" y="915"/>
                  </a:lnTo>
                  <a:lnTo>
                    <a:pt x="356" y="915"/>
                  </a:lnTo>
                  <a:lnTo>
                    <a:pt x="356" y="917"/>
                  </a:lnTo>
                  <a:lnTo>
                    <a:pt x="352" y="919"/>
                  </a:lnTo>
                  <a:lnTo>
                    <a:pt x="351" y="922"/>
                  </a:lnTo>
                  <a:lnTo>
                    <a:pt x="349" y="924"/>
                  </a:lnTo>
                  <a:lnTo>
                    <a:pt x="347" y="925"/>
                  </a:lnTo>
                  <a:lnTo>
                    <a:pt x="346" y="927"/>
                  </a:lnTo>
                  <a:lnTo>
                    <a:pt x="346" y="930"/>
                  </a:lnTo>
                  <a:lnTo>
                    <a:pt x="344" y="932"/>
                  </a:lnTo>
                  <a:lnTo>
                    <a:pt x="342" y="935"/>
                  </a:lnTo>
                  <a:lnTo>
                    <a:pt x="339" y="937"/>
                  </a:lnTo>
                  <a:lnTo>
                    <a:pt x="334" y="937"/>
                  </a:lnTo>
                  <a:lnTo>
                    <a:pt x="325" y="937"/>
                  </a:lnTo>
                  <a:lnTo>
                    <a:pt x="314" y="932"/>
                  </a:lnTo>
                  <a:lnTo>
                    <a:pt x="312" y="930"/>
                  </a:lnTo>
                  <a:lnTo>
                    <a:pt x="308" y="927"/>
                  </a:lnTo>
                  <a:lnTo>
                    <a:pt x="303" y="924"/>
                  </a:lnTo>
                  <a:lnTo>
                    <a:pt x="297" y="919"/>
                  </a:lnTo>
                  <a:lnTo>
                    <a:pt x="288" y="912"/>
                  </a:lnTo>
                  <a:lnTo>
                    <a:pt x="280" y="907"/>
                  </a:lnTo>
                  <a:lnTo>
                    <a:pt x="271" y="902"/>
                  </a:lnTo>
                  <a:lnTo>
                    <a:pt x="263" y="895"/>
                  </a:lnTo>
                  <a:lnTo>
                    <a:pt x="261" y="895"/>
                  </a:lnTo>
                  <a:lnTo>
                    <a:pt x="259" y="895"/>
                  </a:lnTo>
                  <a:lnTo>
                    <a:pt x="256" y="895"/>
                  </a:lnTo>
                  <a:lnTo>
                    <a:pt x="251" y="893"/>
                  </a:lnTo>
                  <a:lnTo>
                    <a:pt x="246" y="890"/>
                  </a:lnTo>
                  <a:lnTo>
                    <a:pt x="239" y="885"/>
                  </a:lnTo>
                  <a:lnTo>
                    <a:pt x="234" y="880"/>
                  </a:lnTo>
                  <a:lnTo>
                    <a:pt x="227" y="869"/>
                  </a:lnTo>
                  <a:lnTo>
                    <a:pt x="224" y="866"/>
                  </a:lnTo>
                  <a:lnTo>
                    <a:pt x="220" y="864"/>
                  </a:lnTo>
                  <a:lnTo>
                    <a:pt x="217" y="863"/>
                  </a:lnTo>
                  <a:lnTo>
                    <a:pt x="214" y="859"/>
                  </a:lnTo>
                  <a:lnTo>
                    <a:pt x="209" y="854"/>
                  </a:lnTo>
                  <a:lnTo>
                    <a:pt x="204" y="846"/>
                  </a:lnTo>
                  <a:lnTo>
                    <a:pt x="195" y="834"/>
                  </a:lnTo>
                  <a:lnTo>
                    <a:pt x="187" y="819"/>
                  </a:lnTo>
                  <a:lnTo>
                    <a:pt x="187" y="815"/>
                  </a:lnTo>
                  <a:lnTo>
                    <a:pt x="185" y="809"/>
                  </a:lnTo>
                  <a:lnTo>
                    <a:pt x="185" y="800"/>
                  </a:lnTo>
                  <a:lnTo>
                    <a:pt x="185" y="792"/>
                  </a:lnTo>
                  <a:lnTo>
                    <a:pt x="183" y="783"/>
                  </a:lnTo>
                  <a:lnTo>
                    <a:pt x="183" y="776"/>
                  </a:lnTo>
                  <a:lnTo>
                    <a:pt x="183" y="771"/>
                  </a:lnTo>
                  <a:lnTo>
                    <a:pt x="183" y="770"/>
                  </a:lnTo>
                  <a:lnTo>
                    <a:pt x="171" y="753"/>
                  </a:lnTo>
                  <a:lnTo>
                    <a:pt x="171" y="751"/>
                  </a:lnTo>
                  <a:lnTo>
                    <a:pt x="171" y="749"/>
                  </a:lnTo>
                  <a:lnTo>
                    <a:pt x="171" y="746"/>
                  </a:lnTo>
                  <a:lnTo>
                    <a:pt x="170" y="741"/>
                  </a:lnTo>
                  <a:lnTo>
                    <a:pt x="166" y="732"/>
                  </a:lnTo>
                  <a:lnTo>
                    <a:pt x="160" y="722"/>
                  </a:lnTo>
                  <a:lnTo>
                    <a:pt x="149" y="710"/>
                  </a:lnTo>
                  <a:lnTo>
                    <a:pt x="134" y="695"/>
                  </a:lnTo>
                  <a:lnTo>
                    <a:pt x="132" y="693"/>
                  </a:lnTo>
                  <a:lnTo>
                    <a:pt x="129" y="690"/>
                  </a:lnTo>
                  <a:lnTo>
                    <a:pt x="124" y="685"/>
                  </a:lnTo>
                  <a:lnTo>
                    <a:pt x="119" y="680"/>
                  </a:lnTo>
                  <a:lnTo>
                    <a:pt x="114" y="677"/>
                  </a:lnTo>
                  <a:lnTo>
                    <a:pt x="109" y="671"/>
                  </a:lnTo>
                  <a:lnTo>
                    <a:pt x="105" y="670"/>
                  </a:lnTo>
                  <a:lnTo>
                    <a:pt x="104" y="668"/>
                  </a:lnTo>
                  <a:lnTo>
                    <a:pt x="92" y="648"/>
                  </a:lnTo>
                  <a:lnTo>
                    <a:pt x="60" y="609"/>
                  </a:lnTo>
                  <a:lnTo>
                    <a:pt x="43" y="605"/>
                  </a:lnTo>
                  <a:lnTo>
                    <a:pt x="19" y="561"/>
                  </a:lnTo>
                  <a:lnTo>
                    <a:pt x="6" y="560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405" name="Freeform 124"/>
            <p:cNvSpPr>
              <a:spLocks/>
            </p:cNvSpPr>
            <p:nvPr/>
          </p:nvSpPr>
          <p:spPr bwMode="auto">
            <a:xfrm>
              <a:off x="2004" y="1844"/>
              <a:ext cx="789" cy="392"/>
            </a:xfrm>
            <a:custGeom>
              <a:avLst/>
              <a:gdLst>
                <a:gd name="T0" fmla="*/ 533 w 811"/>
                <a:gd name="T1" fmla="*/ 239 h 404"/>
                <a:gd name="T2" fmla="*/ 531 w 811"/>
                <a:gd name="T3" fmla="*/ 229 h 404"/>
                <a:gd name="T4" fmla="*/ 528 w 811"/>
                <a:gd name="T5" fmla="*/ 221 h 404"/>
                <a:gd name="T6" fmla="*/ 526 w 811"/>
                <a:gd name="T7" fmla="*/ 216 h 404"/>
                <a:gd name="T8" fmla="*/ 520 w 811"/>
                <a:gd name="T9" fmla="*/ 209 h 404"/>
                <a:gd name="T10" fmla="*/ 518 w 811"/>
                <a:gd name="T11" fmla="*/ 199 h 404"/>
                <a:gd name="T12" fmla="*/ 520 w 811"/>
                <a:gd name="T13" fmla="*/ 188 h 404"/>
                <a:gd name="T14" fmla="*/ 520 w 811"/>
                <a:gd name="T15" fmla="*/ 178 h 404"/>
                <a:gd name="T16" fmla="*/ 521 w 811"/>
                <a:gd name="T17" fmla="*/ 173 h 404"/>
                <a:gd name="T18" fmla="*/ 516 w 811"/>
                <a:gd name="T19" fmla="*/ 146 h 404"/>
                <a:gd name="T20" fmla="*/ 508 w 811"/>
                <a:gd name="T21" fmla="*/ 138 h 404"/>
                <a:gd name="T22" fmla="*/ 505 w 811"/>
                <a:gd name="T23" fmla="*/ 127 h 404"/>
                <a:gd name="T24" fmla="*/ 506 w 811"/>
                <a:gd name="T25" fmla="*/ 122 h 404"/>
                <a:gd name="T26" fmla="*/ 504 w 811"/>
                <a:gd name="T27" fmla="*/ 108 h 404"/>
                <a:gd name="T28" fmla="*/ 501 w 811"/>
                <a:gd name="T29" fmla="*/ 102 h 404"/>
                <a:gd name="T30" fmla="*/ 493 w 811"/>
                <a:gd name="T31" fmla="*/ 97 h 404"/>
                <a:gd name="T32" fmla="*/ 490 w 811"/>
                <a:gd name="T33" fmla="*/ 87 h 404"/>
                <a:gd name="T34" fmla="*/ 489 w 811"/>
                <a:gd name="T35" fmla="*/ 80 h 404"/>
                <a:gd name="T36" fmla="*/ 486 w 811"/>
                <a:gd name="T37" fmla="*/ 73 h 404"/>
                <a:gd name="T38" fmla="*/ 484 w 811"/>
                <a:gd name="T39" fmla="*/ 70 h 404"/>
                <a:gd name="T40" fmla="*/ 478 w 811"/>
                <a:gd name="T41" fmla="*/ 63 h 404"/>
                <a:gd name="T42" fmla="*/ 474 w 811"/>
                <a:gd name="T43" fmla="*/ 58 h 404"/>
                <a:gd name="T44" fmla="*/ 469 w 811"/>
                <a:gd name="T45" fmla="*/ 48 h 404"/>
                <a:gd name="T46" fmla="*/ 459 w 811"/>
                <a:gd name="T47" fmla="*/ 41 h 404"/>
                <a:gd name="T48" fmla="*/ 450 w 811"/>
                <a:gd name="T49" fmla="*/ 39 h 404"/>
                <a:gd name="T50" fmla="*/ 441 w 811"/>
                <a:gd name="T51" fmla="*/ 38 h 404"/>
                <a:gd name="T52" fmla="*/ 398 w 811"/>
                <a:gd name="T53" fmla="*/ 32 h 404"/>
                <a:gd name="T54" fmla="*/ 391 w 811"/>
                <a:gd name="T55" fmla="*/ 37 h 404"/>
                <a:gd name="T56" fmla="*/ 384 w 811"/>
                <a:gd name="T57" fmla="*/ 38 h 404"/>
                <a:gd name="T58" fmla="*/ 378 w 811"/>
                <a:gd name="T59" fmla="*/ 32 h 404"/>
                <a:gd name="T60" fmla="*/ 364 w 811"/>
                <a:gd name="T61" fmla="*/ 18 h 404"/>
                <a:gd name="T62" fmla="*/ 355 w 811"/>
                <a:gd name="T63" fmla="*/ 16 h 404"/>
                <a:gd name="T64" fmla="*/ 348 w 811"/>
                <a:gd name="T65" fmla="*/ 16 h 404"/>
                <a:gd name="T66" fmla="*/ 328 w 811"/>
                <a:gd name="T67" fmla="*/ 16 h 404"/>
                <a:gd name="T68" fmla="*/ 295 w 811"/>
                <a:gd name="T69" fmla="*/ 16 h 404"/>
                <a:gd name="T70" fmla="*/ 258 w 811"/>
                <a:gd name="T71" fmla="*/ 16 h 404"/>
                <a:gd name="T72" fmla="*/ 214 w 811"/>
                <a:gd name="T73" fmla="*/ 16 h 404"/>
                <a:gd name="T74" fmla="*/ 167 w 811"/>
                <a:gd name="T75" fmla="*/ 13 h 404"/>
                <a:gd name="T76" fmla="*/ 123 w 811"/>
                <a:gd name="T77" fmla="*/ 12 h 404"/>
                <a:gd name="T78" fmla="*/ 84 w 811"/>
                <a:gd name="T79" fmla="*/ 8 h 404"/>
                <a:gd name="T80" fmla="*/ 50 w 811"/>
                <a:gd name="T81" fmla="*/ 5 h 404"/>
                <a:gd name="T82" fmla="*/ 23 w 811"/>
                <a:gd name="T83" fmla="*/ 2 h 404"/>
                <a:gd name="T84" fmla="*/ 2 w 811"/>
                <a:gd name="T85" fmla="*/ 165 h 404"/>
                <a:gd name="T86" fmla="*/ 126 w 811"/>
                <a:gd name="T87" fmla="*/ 254 h 404"/>
                <a:gd name="T88" fmla="*/ 153 w 811"/>
                <a:gd name="T89" fmla="*/ 257 h 404"/>
                <a:gd name="T90" fmla="*/ 189 w 811"/>
                <a:gd name="T91" fmla="*/ 260 h 404"/>
                <a:gd name="T92" fmla="*/ 234 w 811"/>
                <a:gd name="T93" fmla="*/ 262 h 404"/>
                <a:gd name="T94" fmla="*/ 289 w 811"/>
                <a:gd name="T95" fmla="*/ 262 h 404"/>
                <a:gd name="T96" fmla="*/ 343 w 811"/>
                <a:gd name="T97" fmla="*/ 262 h 404"/>
                <a:gd name="T98" fmla="*/ 400 w 811"/>
                <a:gd name="T99" fmla="*/ 264 h 404"/>
                <a:gd name="T100" fmla="*/ 449 w 811"/>
                <a:gd name="T101" fmla="*/ 264 h 404"/>
                <a:gd name="T102" fmla="*/ 492 w 811"/>
                <a:gd name="T103" fmla="*/ 265 h 404"/>
                <a:gd name="T104" fmla="*/ 528 w 811"/>
                <a:gd name="T105" fmla="*/ 265 h 404"/>
                <a:gd name="T106" fmla="*/ 547 w 811"/>
                <a:gd name="T107" fmla="*/ 265 h 404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w 811"/>
                <a:gd name="T163" fmla="*/ 0 h 404"/>
                <a:gd name="T164" fmla="*/ 811 w 811"/>
                <a:gd name="T165" fmla="*/ 404 h 404"/>
              </a:gdLst>
              <a:ahLst/>
              <a:cxnLst>
                <a:cxn ang="T108">
                  <a:pos x="T0" y="T1"/>
                </a:cxn>
                <a:cxn ang="T109">
                  <a:pos x="T2" y="T3"/>
                </a:cxn>
                <a:cxn ang="T110">
                  <a:pos x="T4" y="T5"/>
                </a:cxn>
                <a:cxn ang="T111">
                  <a:pos x="T6" y="T7"/>
                </a:cxn>
                <a:cxn ang="T112">
                  <a:pos x="T8" y="T9"/>
                </a:cxn>
                <a:cxn ang="T113">
                  <a:pos x="T10" y="T11"/>
                </a:cxn>
                <a:cxn ang="T114">
                  <a:pos x="T12" y="T13"/>
                </a:cxn>
                <a:cxn ang="T115">
                  <a:pos x="T14" y="T15"/>
                </a:cxn>
                <a:cxn ang="T116">
                  <a:pos x="T16" y="T17"/>
                </a:cxn>
                <a:cxn ang="T117">
                  <a:pos x="T18" y="T19"/>
                </a:cxn>
                <a:cxn ang="T118">
                  <a:pos x="T20" y="T21"/>
                </a:cxn>
                <a:cxn ang="T119">
                  <a:pos x="T22" y="T23"/>
                </a:cxn>
                <a:cxn ang="T120">
                  <a:pos x="T24" y="T25"/>
                </a:cxn>
                <a:cxn ang="T121">
                  <a:pos x="T26" y="T27"/>
                </a:cxn>
                <a:cxn ang="T122">
                  <a:pos x="T28" y="T29"/>
                </a:cxn>
                <a:cxn ang="T123">
                  <a:pos x="T30" y="T31"/>
                </a:cxn>
                <a:cxn ang="T124">
                  <a:pos x="T32" y="T33"/>
                </a:cxn>
                <a:cxn ang="T125">
                  <a:pos x="T34" y="T35"/>
                </a:cxn>
                <a:cxn ang="T126">
                  <a:pos x="T36" y="T37"/>
                </a:cxn>
                <a:cxn ang="T127">
                  <a:pos x="T38" y="T39"/>
                </a:cxn>
                <a:cxn ang="T128">
                  <a:pos x="T40" y="T41"/>
                </a:cxn>
                <a:cxn ang="T129">
                  <a:pos x="T42" y="T43"/>
                </a:cxn>
                <a:cxn ang="T130">
                  <a:pos x="T44" y="T45"/>
                </a:cxn>
                <a:cxn ang="T131">
                  <a:pos x="T46" y="T47"/>
                </a:cxn>
                <a:cxn ang="T132">
                  <a:pos x="T48" y="T49"/>
                </a:cxn>
                <a:cxn ang="T133">
                  <a:pos x="T50" y="T51"/>
                </a:cxn>
                <a:cxn ang="T134">
                  <a:pos x="T52" y="T53"/>
                </a:cxn>
                <a:cxn ang="T135">
                  <a:pos x="T54" y="T55"/>
                </a:cxn>
                <a:cxn ang="T136">
                  <a:pos x="T56" y="T57"/>
                </a:cxn>
                <a:cxn ang="T137">
                  <a:pos x="T58" y="T59"/>
                </a:cxn>
                <a:cxn ang="T138">
                  <a:pos x="T60" y="T61"/>
                </a:cxn>
                <a:cxn ang="T139">
                  <a:pos x="T62" y="T63"/>
                </a:cxn>
                <a:cxn ang="T140">
                  <a:pos x="T64" y="T65"/>
                </a:cxn>
                <a:cxn ang="T141">
                  <a:pos x="T66" y="T67"/>
                </a:cxn>
                <a:cxn ang="T142">
                  <a:pos x="T68" y="T69"/>
                </a:cxn>
                <a:cxn ang="T143">
                  <a:pos x="T70" y="T71"/>
                </a:cxn>
                <a:cxn ang="T144">
                  <a:pos x="T72" y="T73"/>
                </a:cxn>
                <a:cxn ang="T145">
                  <a:pos x="T74" y="T75"/>
                </a:cxn>
                <a:cxn ang="T146">
                  <a:pos x="T76" y="T77"/>
                </a:cxn>
                <a:cxn ang="T147">
                  <a:pos x="T78" y="T79"/>
                </a:cxn>
                <a:cxn ang="T148">
                  <a:pos x="T80" y="T81"/>
                </a:cxn>
                <a:cxn ang="T149">
                  <a:pos x="T82" y="T83"/>
                </a:cxn>
                <a:cxn ang="T150">
                  <a:pos x="T84" y="T85"/>
                </a:cxn>
                <a:cxn ang="T151">
                  <a:pos x="T86" y="T87"/>
                </a:cxn>
                <a:cxn ang="T152">
                  <a:pos x="T88" y="T89"/>
                </a:cxn>
                <a:cxn ang="T153">
                  <a:pos x="T90" y="T91"/>
                </a:cxn>
                <a:cxn ang="T154">
                  <a:pos x="T92" y="T93"/>
                </a:cxn>
                <a:cxn ang="T155">
                  <a:pos x="T94" y="T95"/>
                </a:cxn>
                <a:cxn ang="T156">
                  <a:pos x="T96" y="T97"/>
                </a:cxn>
                <a:cxn ang="T157">
                  <a:pos x="T98" y="T99"/>
                </a:cxn>
                <a:cxn ang="T158">
                  <a:pos x="T100" y="T101"/>
                </a:cxn>
                <a:cxn ang="T159">
                  <a:pos x="T102" y="T103"/>
                </a:cxn>
                <a:cxn ang="T160">
                  <a:pos x="T104" y="T105"/>
                </a:cxn>
                <a:cxn ang="T161">
                  <a:pos x="T106" y="T107"/>
                </a:cxn>
              </a:cxnLst>
              <a:rect l="T162" t="T163" r="T164" b="T165"/>
              <a:pathLst>
                <a:path w="811" h="404">
                  <a:moveTo>
                    <a:pt x="811" y="404"/>
                  </a:moveTo>
                  <a:lnTo>
                    <a:pt x="799" y="376"/>
                  </a:lnTo>
                  <a:lnTo>
                    <a:pt x="785" y="364"/>
                  </a:lnTo>
                  <a:lnTo>
                    <a:pt x="782" y="352"/>
                  </a:lnTo>
                  <a:lnTo>
                    <a:pt x="782" y="350"/>
                  </a:lnTo>
                  <a:lnTo>
                    <a:pt x="780" y="348"/>
                  </a:lnTo>
                  <a:lnTo>
                    <a:pt x="779" y="345"/>
                  </a:lnTo>
                  <a:lnTo>
                    <a:pt x="777" y="342"/>
                  </a:lnTo>
                  <a:lnTo>
                    <a:pt x="775" y="337"/>
                  </a:lnTo>
                  <a:lnTo>
                    <a:pt x="774" y="333"/>
                  </a:lnTo>
                  <a:lnTo>
                    <a:pt x="772" y="330"/>
                  </a:lnTo>
                  <a:lnTo>
                    <a:pt x="769" y="326"/>
                  </a:lnTo>
                  <a:lnTo>
                    <a:pt x="767" y="323"/>
                  </a:lnTo>
                  <a:lnTo>
                    <a:pt x="765" y="318"/>
                  </a:lnTo>
                  <a:lnTo>
                    <a:pt x="765" y="313"/>
                  </a:lnTo>
                  <a:lnTo>
                    <a:pt x="763" y="308"/>
                  </a:lnTo>
                  <a:lnTo>
                    <a:pt x="763" y="303"/>
                  </a:lnTo>
                  <a:lnTo>
                    <a:pt x="763" y="298"/>
                  </a:lnTo>
                  <a:lnTo>
                    <a:pt x="763" y="291"/>
                  </a:lnTo>
                  <a:lnTo>
                    <a:pt x="765" y="286"/>
                  </a:lnTo>
                  <a:lnTo>
                    <a:pt x="765" y="281"/>
                  </a:lnTo>
                  <a:lnTo>
                    <a:pt x="765" y="276"/>
                  </a:lnTo>
                  <a:lnTo>
                    <a:pt x="765" y="272"/>
                  </a:lnTo>
                  <a:lnTo>
                    <a:pt x="767" y="269"/>
                  </a:lnTo>
                  <a:lnTo>
                    <a:pt x="767" y="266"/>
                  </a:lnTo>
                  <a:lnTo>
                    <a:pt x="767" y="264"/>
                  </a:lnTo>
                  <a:lnTo>
                    <a:pt x="760" y="255"/>
                  </a:lnTo>
                  <a:lnTo>
                    <a:pt x="758" y="223"/>
                  </a:lnTo>
                  <a:lnTo>
                    <a:pt x="755" y="218"/>
                  </a:lnTo>
                  <a:lnTo>
                    <a:pt x="750" y="215"/>
                  </a:lnTo>
                  <a:lnTo>
                    <a:pt x="747" y="210"/>
                  </a:lnTo>
                  <a:lnTo>
                    <a:pt x="743" y="205"/>
                  </a:lnTo>
                  <a:lnTo>
                    <a:pt x="743" y="200"/>
                  </a:lnTo>
                  <a:lnTo>
                    <a:pt x="743" y="194"/>
                  </a:lnTo>
                  <a:lnTo>
                    <a:pt x="743" y="191"/>
                  </a:lnTo>
                  <a:lnTo>
                    <a:pt x="743" y="188"/>
                  </a:lnTo>
                  <a:lnTo>
                    <a:pt x="745" y="186"/>
                  </a:lnTo>
                  <a:lnTo>
                    <a:pt x="743" y="178"/>
                  </a:lnTo>
                  <a:lnTo>
                    <a:pt x="743" y="169"/>
                  </a:lnTo>
                  <a:lnTo>
                    <a:pt x="741" y="164"/>
                  </a:lnTo>
                  <a:lnTo>
                    <a:pt x="738" y="159"/>
                  </a:lnTo>
                  <a:lnTo>
                    <a:pt x="736" y="156"/>
                  </a:lnTo>
                  <a:lnTo>
                    <a:pt x="735" y="154"/>
                  </a:lnTo>
                  <a:lnTo>
                    <a:pt x="733" y="152"/>
                  </a:lnTo>
                  <a:lnTo>
                    <a:pt x="731" y="150"/>
                  </a:lnTo>
                  <a:lnTo>
                    <a:pt x="726" y="147"/>
                  </a:lnTo>
                  <a:lnTo>
                    <a:pt x="725" y="144"/>
                  </a:lnTo>
                  <a:lnTo>
                    <a:pt x="721" y="139"/>
                  </a:lnTo>
                  <a:lnTo>
                    <a:pt x="721" y="134"/>
                  </a:lnTo>
                  <a:lnTo>
                    <a:pt x="719" y="130"/>
                  </a:lnTo>
                  <a:lnTo>
                    <a:pt x="719" y="125"/>
                  </a:lnTo>
                  <a:lnTo>
                    <a:pt x="719" y="123"/>
                  </a:lnTo>
                  <a:lnTo>
                    <a:pt x="714" y="110"/>
                  </a:lnTo>
                  <a:lnTo>
                    <a:pt x="713" y="108"/>
                  </a:lnTo>
                  <a:lnTo>
                    <a:pt x="711" y="105"/>
                  </a:lnTo>
                  <a:lnTo>
                    <a:pt x="708" y="103"/>
                  </a:lnTo>
                  <a:lnTo>
                    <a:pt x="706" y="100"/>
                  </a:lnTo>
                  <a:lnTo>
                    <a:pt x="703" y="95"/>
                  </a:lnTo>
                  <a:lnTo>
                    <a:pt x="699" y="93"/>
                  </a:lnTo>
                  <a:lnTo>
                    <a:pt x="697" y="90"/>
                  </a:lnTo>
                  <a:lnTo>
                    <a:pt x="696" y="88"/>
                  </a:lnTo>
                  <a:lnTo>
                    <a:pt x="694" y="84"/>
                  </a:lnTo>
                  <a:lnTo>
                    <a:pt x="692" y="79"/>
                  </a:lnTo>
                  <a:lnTo>
                    <a:pt x="689" y="74"/>
                  </a:lnTo>
                  <a:lnTo>
                    <a:pt x="686" y="69"/>
                  </a:lnTo>
                  <a:lnTo>
                    <a:pt x="681" y="64"/>
                  </a:lnTo>
                  <a:lnTo>
                    <a:pt x="675" y="61"/>
                  </a:lnTo>
                  <a:lnTo>
                    <a:pt x="667" y="59"/>
                  </a:lnTo>
                  <a:lnTo>
                    <a:pt x="665" y="59"/>
                  </a:lnTo>
                  <a:lnTo>
                    <a:pt x="662" y="57"/>
                  </a:lnTo>
                  <a:lnTo>
                    <a:pt x="659" y="56"/>
                  </a:lnTo>
                  <a:lnTo>
                    <a:pt x="659" y="54"/>
                  </a:lnTo>
                  <a:lnTo>
                    <a:pt x="648" y="54"/>
                  </a:lnTo>
                  <a:lnTo>
                    <a:pt x="637" y="44"/>
                  </a:lnTo>
                  <a:lnTo>
                    <a:pt x="584" y="44"/>
                  </a:lnTo>
                  <a:lnTo>
                    <a:pt x="584" y="46"/>
                  </a:lnTo>
                  <a:lnTo>
                    <a:pt x="582" y="47"/>
                  </a:lnTo>
                  <a:lnTo>
                    <a:pt x="579" y="51"/>
                  </a:lnTo>
                  <a:lnTo>
                    <a:pt x="576" y="52"/>
                  </a:lnTo>
                  <a:lnTo>
                    <a:pt x="572" y="56"/>
                  </a:lnTo>
                  <a:lnTo>
                    <a:pt x="569" y="56"/>
                  </a:lnTo>
                  <a:lnTo>
                    <a:pt x="565" y="54"/>
                  </a:lnTo>
                  <a:lnTo>
                    <a:pt x="562" y="51"/>
                  </a:lnTo>
                  <a:lnTo>
                    <a:pt x="560" y="49"/>
                  </a:lnTo>
                  <a:lnTo>
                    <a:pt x="555" y="46"/>
                  </a:lnTo>
                  <a:lnTo>
                    <a:pt x="549" y="42"/>
                  </a:lnTo>
                  <a:lnTo>
                    <a:pt x="542" y="37"/>
                  </a:lnTo>
                  <a:lnTo>
                    <a:pt x="535" y="32"/>
                  </a:lnTo>
                  <a:lnTo>
                    <a:pt x="528" y="29"/>
                  </a:lnTo>
                  <a:lnTo>
                    <a:pt x="523" y="25"/>
                  </a:lnTo>
                  <a:lnTo>
                    <a:pt x="521" y="25"/>
                  </a:lnTo>
                  <a:lnTo>
                    <a:pt x="520" y="25"/>
                  </a:lnTo>
                  <a:lnTo>
                    <a:pt x="516" y="25"/>
                  </a:lnTo>
                  <a:lnTo>
                    <a:pt x="511" y="24"/>
                  </a:lnTo>
                  <a:lnTo>
                    <a:pt x="503" y="24"/>
                  </a:lnTo>
                  <a:lnTo>
                    <a:pt x="493" y="24"/>
                  </a:lnTo>
                  <a:lnTo>
                    <a:pt x="481" y="24"/>
                  </a:lnTo>
                  <a:lnTo>
                    <a:pt x="467" y="24"/>
                  </a:lnTo>
                  <a:lnTo>
                    <a:pt x="450" y="22"/>
                  </a:lnTo>
                  <a:lnTo>
                    <a:pt x="433" y="22"/>
                  </a:lnTo>
                  <a:lnTo>
                    <a:pt x="417" y="20"/>
                  </a:lnTo>
                  <a:lnTo>
                    <a:pt x="398" y="20"/>
                  </a:lnTo>
                  <a:lnTo>
                    <a:pt x="378" y="20"/>
                  </a:lnTo>
                  <a:lnTo>
                    <a:pt x="357" y="18"/>
                  </a:lnTo>
                  <a:lnTo>
                    <a:pt x="335" y="18"/>
                  </a:lnTo>
                  <a:lnTo>
                    <a:pt x="313" y="17"/>
                  </a:lnTo>
                  <a:lnTo>
                    <a:pt x="291" y="15"/>
                  </a:lnTo>
                  <a:lnTo>
                    <a:pt x="269" y="15"/>
                  </a:lnTo>
                  <a:lnTo>
                    <a:pt x="247" y="13"/>
                  </a:lnTo>
                  <a:lnTo>
                    <a:pt x="225" y="13"/>
                  </a:lnTo>
                  <a:lnTo>
                    <a:pt x="203" y="12"/>
                  </a:lnTo>
                  <a:lnTo>
                    <a:pt x="181" y="12"/>
                  </a:lnTo>
                  <a:lnTo>
                    <a:pt x="161" y="10"/>
                  </a:lnTo>
                  <a:lnTo>
                    <a:pt x="142" y="8"/>
                  </a:lnTo>
                  <a:lnTo>
                    <a:pt x="122" y="8"/>
                  </a:lnTo>
                  <a:lnTo>
                    <a:pt x="105" y="7"/>
                  </a:lnTo>
                  <a:lnTo>
                    <a:pt x="88" y="7"/>
                  </a:lnTo>
                  <a:lnTo>
                    <a:pt x="73" y="5"/>
                  </a:lnTo>
                  <a:lnTo>
                    <a:pt x="59" y="3"/>
                  </a:lnTo>
                  <a:lnTo>
                    <a:pt x="48" y="3"/>
                  </a:lnTo>
                  <a:lnTo>
                    <a:pt x="37" y="2"/>
                  </a:lnTo>
                  <a:lnTo>
                    <a:pt x="31" y="2"/>
                  </a:lnTo>
                  <a:lnTo>
                    <a:pt x="24" y="0"/>
                  </a:lnTo>
                  <a:lnTo>
                    <a:pt x="2" y="250"/>
                  </a:lnTo>
                  <a:lnTo>
                    <a:pt x="0" y="250"/>
                  </a:lnTo>
                  <a:lnTo>
                    <a:pt x="193" y="262"/>
                  </a:lnTo>
                  <a:lnTo>
                    <a:pt x="186" y="387"/>
                  </a:lnTo>
                  <a:lnTo>
                    <a:pt x="197" y="389"/>
                  </a:lnTo>
                  <a:lnTo>
                    <a:pt x="208" y="391"/>
                  </a:lnTo>
                  <a:lnTo>
                    <a:pt x="224" y="392"/>
                  </a:lnTo>
                  <a:lnTo>
                    <a:pt x="239" y="392"/>
                  </a:lnTo>
                  <a:lnTo>
                    <a:pt x="257" y="394"/>
                  </a:lnTo>
                  <a:lnTo>
                    <a:pt x="278" y="396"/>
                  </a:lnTo>
                  <a:lnTo>
                    <a:pt x="298" y="396"/>
                  </a:lnTo>
                  <a:lnTo>
                    <a:pt x="322" y="398"/>
                  </a:lnTo>
                  <a:lnTo>
                    <a:pt x="345" y="398"/>
                  </a:lnTo>
                  <a:lnTo>
                    <a:pt x="371" y="399"/>
                  </a:lnTo>
                  <a:lnTo>
                    <a:pt x="396" y="399"/>
                  </a:lnTo>
                  <a:lnTo>
                    <a:pt x="423" y="399"/>
                  </a:lnTo>
                  <a:lnTo>
                    <a:pt x="450" y="401"/>
                  </a:lnTo>
                  <a:lnTo>
                    <a:pt x="477" y="401"/>
                  </a:lnTo>
                  <a:lnTo>
                    <a:pt x="505" y="401"/>
                  </a:lnTo>
                  <a:lnTo>
                    <a:pt x="532" y="401"/>
                  </a:lnTo>
                  <a:lnTo>
                    <a:pt x="559" y="403"/>
                  </a:lnTo>
                  <a:lnTo>
                    <a:pt x="586" y="403"/>
                  </a:lnTo>
                  <a:lnTo>
                    <a:pt x="611" y="403"/>
                  </a:lnTo>
                  <a:lnTo>
                    <a:pt x="637" y="403"/>
                  </a:lnTo>
                  <a:lnTo>
                    <a:pt x="660" y="403"/>
                  </a:lnTo>
                  <a:lnTo>
                    <a:pt x="684" y="403"/>
                  </a:lnTo>
                  <a:lnTo>
                    <a:pt x="704" y="404"/>
                  </a:lnTo>
                  <a:lnTo>
                    <a:pt x="725" y="404"/>
                  </a:lnTo>
                  <a:lnTo>
                    <a:pt x="743" y="404"/>
                  </a:lnTo>
                  <a:lnTo>
                    <a:pt x="760" y="404"/>
                  </a:lnTo>
                  <a:lnTo>
                    <a:pt x="775" y="404"/>
                  </a:lnTo>
                  <a:lnTo>
                    <a:pt x="787" y="404"/>
                  </a:lnTo>
                  <a:lnTo>
                    <a:pt x="797" y="404"/>
                  </a:lnTo>
                  <a:lnTo>
                    <a:pt x="804" y="404"/>
                  </a:lnTo>
                  <a:lnTo>
                    <a:pt x="809" y="404"/>
                  </a:lnTo>
                  <a:lnTo>
                    <a:pt x="811" y="404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406" name="Freeform 125"/>
            <p:cNvSpPr>
              <a:spLocks/>
            </p:cNvSpPr>
            <p:nvPr/>
          </p:nvSpPr>
          <p:spPr bwMode="auto">
            <a:xfrm>
              <a:off x="1384" y="1534"/>
              <a:ext cx="665" cy="553"/>
            </a:xfrm>
            <a:custGeom>
              <a:avLst/>
              <a:gdLst>
                <a:gd name="T0" fmla="*/ 119 w 684"/>
                <a:gd name="T1" fmla="*/ 340 h 570"/>
                <a:gd name="T2" fmla="*/ 108 w 684"/>
                <a:gd name="T3" fmla="*/ 337 h 570"/>
                <a:gd name="T4" fmla="*/ 89 w 684"/>
                <a:gd name="T5" fmla="*/ 333 h 570"/>
                <a:gd name="T6" fmla="*/ 69 w 684"/>
                <a:gd name="T7" fmla="*/ 330 h 570"/>
                <a:gd name="T8" fmla="*/ 47 w 684"/>
                <a:gd name="T9" fmla="*/ 327 h 570"/>
                <a:gd name="T10" fmla="*/ 25 w 684"/>
                <a:gd name="T11" fmla="*/ 324 h 570"/>
                <a:gd name="T12" fmla="*/ 16 w 684"/>
                <a:gd name="T13" fmla="*/ 322 h 570"/>
                <a:gd name="T14" fmla="*/ 2 w 684"/>
                <a:gd name="T15" fmla="*/ 320 h 570"/>
                <a:gd name="T16" fmla="*/ 17 w 684"/>
                <a:gd name="T17" fmla="*/ 244 h 570"/>
                <a:gd name="T18" fmla="*/ 50 w 684"/>
                <a:gd name="T19" fmla="*/ 0 h 570"/>
                <a:gd name="T20" fmla="*/ 83 w 684"/>
                <a:gd name="T21" fmla="*/ 7 h 570"/>
                <a:gd name="T22" fmla="*/ 116 w 684"/>
                <a:gd name="T23" fmla="*/ 15 h 570"/>
                <a:gd name="T24" fmla="*/ 149 w 684"/>
                <a:gd name="T25" fmla="*/ 16 h 570"/>
                <a:gd name="T26" fmla="*/ 182 w 684"/>
                <a:gd name="T27" fmla="*/ 16 h 570"/>
                <a:gd name="T28" fmla="*/ 218 w 684"/>
                <a:gd name="T29" fmla="*/ 20 h 570"/>
                <a:gd name="T30" fmla="*/ 252 w 684"/>
                <a:gd name="T31" fmla="*/ 27 h 570"/>
                <a:gd name="T32" fmla="*/ 285 w 684"/>
                <a:gd name="T33" fmla="*/ 32 h 570"/>
                <a:gd name="T34" fmla="*/ 316 w 684"/>
                <a:gd name="T35" fmla="*/ 36 h 570"/>
                <a:gd name="T36" fmla="*/ 347 w 684"/>
                <a:gd name="T37" fmla="*/ 39 h 570"/>
                <a:gd name="T38" fmla="*/ 374 w 684"/>
                <a:gd name="T39" fmla="*/ 40 h 570"/>
                <a:gd name="T40" fmla="*/ 399 w 684"/>
                <a:gd name="T41" fmla="*/ 42 h 570"/>
                <a:gd name="T42" fmla="*/ 421 w 684"/>
                <a:gd name="T43" fmla="*/ 44 h 570"/>
                <a:gd name="T44" fmla="*/ 437 w 684"/>
                <a:gd name="T45" fmla="*/ 45 h 570"/>
                <a:gd name="T46" fmla="*/ 449 w 684"/>
                <a:gd name="T47" fmla="*/ 45 h 570"/>
                <a:gd name="T48" fmla="*/ 459 w 684"/>
                <a:gd name="T49" fmla="*/ 45 h 570"/>
                <a:gd name="T50" fmla="*/ 461 w 684"/>
                <a:gd name="T51" fmla="*/ 46 h 570"/>
                <a:gd name="T52" fmla="*/ 446 w 684"/>
                <a:gd name="T53" fmla="*/ 210 h 570"/>
                <a:gd name="T54" fmla="*/ 432 w 684"/>
                <a:gd name="T55" fmla="*/ 373 h 570"/>
                <a:gd name="T56" fmla="*/ 425 w 684"/>
                <a:gd name="T57" fmla="*/ 372 h 570"/>
                <a:gd name="T58" fmla="*/ 412 w 684"/>
                <a:gd name="T59" fmla="*/ 372 h 570"/>
                <a:gd name="T60" fmla="*/ 395 w 684"/>
                <a:gd name="T61" fmla="*/ 371 h 570"/>
                <a:gd name="T62" fmla="*/ 374 w 684"/>
                <a:gd name="T63" fmla="*/ 368 h 570"/>
                <a:gd name="T64" fmla="*/ 350 w 684"/>
                <a:gd name="T65" fmla="*/ 364 h 570"/>
                <a:gd name="T66" fmla="*/ 324 w 684"/>
                <a:gd name="T67" fmla="*/ 362 h 570"/>
                <a:gd name="T68" fmla="*/ 296 w 684"/>
                <a:gd name="T69" fmla="*/ 360 h 570"/>
                <a:gd name="T70" fmla="*/ 266 w 684"/>
                <a:gd name="T71" fmla="*/ 357 h 570"/>
                <a:gd name="T72" fmla="*/ 240 w 684"/>
                <a:gd name="T73" fmla="*/ 353 h 570"/>
                <a:gd name="T74" fmla="*/ 213 w 684"/>
                <a:gd name="T75" fmla="*/ 350 h 570"/>
                <a:gd name="T76" fmla="*/ 187 w 684"/>
                <a:gd name="T77" fmla="*/ 348 h 570"/>
                <a:gd name="T78" fmla="*/ 166 w 684"/>
                <a:gd name="T79" fmla="*/ 344 h 570"/>
                <a:gd name="T80" fmla="*/ 146 w 684"/>
                <a:gd name="T81" fmla="*/ 342 h 570"/>
                <a:gd name="T82" fmla="*/ 134 w 684"/>
                <a:gd name="T83" fmla="*/ 341 h 570"/>
                <a:gd name="T84" fmla="*/ 122 w 684"/>
                <a:gd name="T85" fmla="*/ 340 h 570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684"/>
                <a:gd name="T130" fmla="*/ 0 h 570"/>
                <a:gd name="T131" fmla="*/ 684 w 684"/>
                <a:gd name="T132" fmla="*/ 570 h 570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684" h="570">
                  <a:moveTo>
                    <a:pt x="180" y="518"/>
                  </a:moveTo>
                  <a:lnTo>
                    <a:pt x="176" y="518"/>
                  </a:lnTo>
                  <a:lnTo>
                    <a:pt x="169" y="516"/>
                  </a:lnTo>
                  <a:lnTo>
                    <a:pt x="159" y="514"/>
                  </a:lnTo>
                  <a:lnTo>
                    <a:pt x="147" y="513"/>
                  </a:lnTo>
                  <a:lnTo>
                    <a:pt x="134" y="509"/>
                  </a:lnTo>
                  <a:lnTo>
                    <a:pt x="119" y="508"/>
                  </a:lnTo>
                  <a:lnTo>
                    <a:pt x="102" y="504"/>
                  </a:lnTo>
                  <a:lnTo>
                    <a:pt x="87" y="503"/>
                  </a:lnTo>
                  <a:lnTo>
                    <a:pt x="70" y="499"/>
                  </a:lnTo>
                  <a:lnTo>
                    <a:pt x="54" y="498"/>
                  </a:lnTo>
                  <a:lnTo>
                    <a:pt x="39" y="496"/>
                  </a:lnTo>
                  <a:lnTo>
                    <a:pt x="27" y="492"/>
                  </a:lnTo>
                  <a:lnTo>
                    <a:pt x="16" y="491"/>
                  </a:lnTo>
                  <a:lnTo>
                    <a:pt x="9" y="489"/>
                  </a:lnTo>
                  <a:lnTo>
                    <a:pt x="2" y="489"/>
                  </a:lnTo>
                  <a:lnTo>
                    <a:pt x="0" y="489"/>
                  </a:lnTo>
                  <a:lnTo>
                    <a:pt x="17" y="372"/>
                  </a:lnTo>
                  <a:lnTo>
                    <a:pt x="63" y="61"/>
                  </a:lnTo>
                  <a:lnTo>
                    <a:pt x="76" y="0"/>
                  </a:lnTo>
                  <a:lnTo>
                    <a:pt x="98" y="3"/>
                  </a:lnTo>
                  <a:lnTo>
                    <a:pt x="122" y="7"/>
                  </a:lnTo>
                  <a:lnTo>
                    <a:pt x="146" y="12"/>
                  </a:lnTo>
                  <a:lnTo>
                    <a:pt x="171" y="15"/>
                  </a:lnTo>
                  <a:lnTo>
                    <a:pt x="195" y="19"/>
                  </a:lnTo>
                  <a:lnTo>
                    <a:pt x="220" y="22"/>
                  </a:lnTo>
                  <a:lnTo>
                    <a:pt x="246" y="25"/>
                  </a:lnTo>
                  <a:lnTo>
                    <a:pt x="271" y="29"/>
                  </a:lnTo>
                  <a:lnTo>
                    <a:pt x="296" y="32"/>
                  </a:lnTo>
                  <a:lnTo>
                    <a:pt x="323" y="34"/>
                  </a:lnTo>
                  <a:lnTo>
                    <a:pt x="349" y="37"/>
                  </a:lnTo>
                  <a:lnTo>
                    <a:pt x="373" y="41"/>
                  </a:lnTo>
                  <a:lnTo>
                    <a:pt x="398" y="44"/>
                  </a:lnTo>
                  <a:lnTo>
                    <a:pt x="422" y="46"/>
                  </a:lnTo>
                  <a:lnTo>
                    <a:pt x="445" y="49"/>
                  </a:lnTo>
                  <a:lnTo>
                    <a:pt x="469" y="51"/>
                  </a:lnTo>
                  <a:lnTo>
                    <a:pt x="493" y="52"/>
                  </a:lnTo>
                  <a:lnTo>
                    <a:pt x="515" y="56"/>
                  </a:lnTo>
                  <a:lnTo>
                    <a:pt x="535" y="58"/>
                  </a:lnTo>
                  <a:lnTo>
                    <a:pt x="555" y="59"/>
                  </a:lnTo>
                  <a:lnTo>
                    <a:pt x="574" y="61"/>
                  </a:lnTo>
                  <a:lnTo>
                    <a:pt x="591" y="63"/>
                  </a:lnTo>
                  <a:lnTo>
                    <a:pt x="608" y="64"/>
                  </a:lnTo>
                  <a:lnTo>
                    <a:pt x="623" y="66"/>
                  </a:lnTo>
                  <a:lnTo>
                    <a:pt x="637" y="66"/>
                  </a:lnTo>
                  <a:lnTo>
                    <a:pt x="648" y="68"/>
                  </a:lnTo>
                  <a:lnTo>
                    <a:pt x="659" y="68"/>
                  </a:lnTo>
                  <a:lnTo>
                    <a:pt x="667" y="69"/>
                  </a:lnTo>
                  <a:lnTo>
                    <a:pt x="675" y="69"/>
                  </a:lnTo>
                  <a:lnTo>
                    <a:pt x="681" y="69"/>
                  </a:lnTo>
                  <a:lnTo>
                    <a:pt x="684" y="71"/>
                  </a:lnTo>
                  <a:lnTo>
                    <a:pt x="662" y="320"/>
                  </a:lnTo>
                  <a:lnTo>
                    <a:pt x="640" y="570"/>
                  </a:lnTo>
                  <a:lnTo>
                    <a:pt x="635" y="570"/>
                  </a:lnTo>
                  <a:lnTo>
                    <a:pt x="630" y="569"/>
                  </a:lnTo>
                  <a:lnTo>
                    <a:pt x="621" y="569"/>
                  </a:lnTo>
                  <a:lnTo>
                    <a:pt x="611" y="567"/>
                  </a:lnTo>
                  <a:lnTo>
                    <a:pt x="599" y="565"/>
                  </a:lnTo>
                  <a:lnTo>
                    <a:pt x="586" y="565"/>
                  </a:lnTo>
                  <a:lnTo>
                    <a:pt x="571" y="564"/>
                  </a:lnTo>
                  <a:lnTo>
                    <a:pt x="555" y="562"/>
                  </a:lnTo>
                  <a:lnTo>
                    <a:pt x="538" y="558"/>
                  </a:lnTo>
                  <a:lnTo>
                    <a:pt x="520" y="557"/>
                  </a:lnTo>
                  <a:lnTo>
                    <a:pt x="501" y="555"/>
                  </a:lnTo>
                  <a:lnTo>
                    <a:pt x="481" y="553"/>
                  </a:lnTo>
                  <a:lnTo>
                    <a:pt x="461" y="552"/>
                  </a:lnTo>
                  <a:lnTo>
                    <a:pt x="439" y="548"/>
                  </a:lnTo>
                  <a:lnTo>
                    <a:pt x="418" y="547"/>
                  </a:lnTo>
                  <a:lnTo>
                    <a:pt x="396" y="545"/>
                  </a:lnTo>
                  <a:lnTo>
                    <a:pt x="376" y="542"/>
                  </a:lnTo>
                  <a:lnTo>
                    <a:pt x="356" y="540"/>
                  </a:lnTo>
                  <a:lnTo>
                    <a:pt x="335" y="536"/>
                  </a:lnTo>
                  <a:lnTo>
                    <a:pt x="315" y="535"/>
                  </a:lnTo>
                  <a:lnTo>
                    <a:pt x="296" y="533"/>
                  </a:lnTo>
                  <a:lnTo>
                    <a:pt x="278" y="531"/>
                  </a:lnTo>
                  <a:lnTo>
                    <a:pt x="261" y="528"/>
                  </a:lnTo>
                  <a:lnTo>
                    <a:pt x="246" y="526"/>
                  </a:lnTo>
                  <a:lnTo>
                    <a:pt x="230" y="525"/>
                  </a:lnTo>
                  <a:lnTo>
                    <a:pt x="217" y="523"/>
                  </a:lnTo>
                  <a:lnTo>
                    <a:pt x="207" y="523"/>
                  </a:lnTo>
                  <a:lnTo>
                    <a:pt x="197" y="521"/>
                  </a:lnTo>
                  <a:lnTo>
                    <a:pt x="188" y="520"/>
                  </a:lnTo>
                  <a:lnTo>
                    <a:pt x="183" y="520"/>
                  </a:lnTo>
                  <a:lnTo>
                    <a:pt x="180" y="518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407" name="Group 126"/>
            <p:cNvGrpSpPr>
              <a:grpSpLocks/>
            </p:cNvGrpSpPr>
            <p:nvPr/>
          </p:nvGrpSpPr>
          <p:grpSpPr bwMode="auto">
            <a:xfrm>
              <a:off x="3179" y="1296"/>
              <a:ext cx="723" cy="681"/>
              <a:chOff x="3132" y="1095"/>
              <a:chExt cx="724" cy="681"/>
            </a:xfrm>
          </p:grpSpPr>
          <p:sp>
            <p:nvSpPr>
              <p:cNvPr id="470" name="Freeform 127"/>
              <p:cNvSpPr>
                <a:spLocks/>
              </p:cNvSpPr>
              <p:nvPr/>
            </p:nvSpPr>
            <p:spPr bwMode="auto">
              <a:xfrm>
                <a:off x="3132" y="1095"/>
                <a:ext cx="548" cy="284"/>
              </a:xfrm>
              <a:custGeom>
                <a:avLst/>
                <a:gdLst>
                  <a:gd name="T0" fmla="*/ 12 w 564"/>
                  <a:gd name="T1" fmla="*/ 83 h 293"/>
                  <a:gd name="T2" fmla="*/ 17 w 564"/>
                  <a:gd name="T3" fmla="*/ 98 h 293"/>
                  <a:gd name="T4" fmla="*/ 27 w 564"/>
                  <a:gd name="T5" fmla="*/ 104 h 293"/>
                  <a:gd name="T6" fmla="*/ 45 w 564"/>
                  <a:gd name="T7" fmla="*/ 104 h 293"/>
                  <a:gd name="T8" fmla="*/ 79 w 564"/>
                  <a:gd name="T9" fmla="*/ 112 h 293"/>
                  <a:gd name="T10" fmla="*/ 104 w 564"/>
                  <a:gd name="T11" fmla="*/ 122 h 293"/>
                  <a:gd name="T12" fmla="*/ 137 w 564"/>
                  <a:gd name="T13" fmla="*/ 125 h 293"/>
                  <a:gd name="T14" fmla="*/ 149 w 564"/>
                  <a:gd name="T15" fmla="*/ 137 h 293"/>
                  <a:gd name="T16" fmla="*/ 156 w 564"/>
                  <a:gd name="T17" fmla="*/ 160 h 293"/>
                  <a:gd name="T18" fmla="*/ 154 w 564"/>
                  <a:gd name="T19" fmla="*/ 172 h 293"/>
                  <a:gd name="T20" fmla="*/ 168 w 564"/>
                  <a:gd name="T21" fmla="*/ 184 h 293"/>
                  <a:gd name="T22" fmla="*/ 178 w 564"/>
                  <a:gd name="T23" fmla="*/ 181 h 293"/>
                  <a:gd name="T24" fmla="*/ 182 w 564"/>
                  <a:gd name="T25" fmla="*/ 172 h 293"/>
                  <a:gd name="T26" fmla="*/ 193 w 564"/>
                  <a:gd name="T27" fmla="*/ 151 h 293"/>
                  <a:gd name="T28" fmla="*/ 200 w 564"/>
                  <a:gd name="T29" fmla="*/ 139 h 293"/>
                  <a:gd name="T30" fmla="*/ 206 w 564"/>
                  <a:gd name="T31" fmla="*/ 122 h 293"/>
                  <a:gd name="T32" fmla="*/ 206 w 564"/>
                  <a:gd name="T33" fmla="*/ 132 h 293"/>
                  <a:gd name="T34" fmla="*/ 218 w 564"/>
                  <a:gd name="T35" fmla="*/ 125 h 293"/>
                  <a:gd name="T36" fmla="*/ 229 w 564"/>
                  <a:gd name="T37" fmla="*/ 127 h 293"/>
                  <a:gd name="T38" fmla="*/ 224 w 564"/>
                  <a:gd name="T39" fmla="*/ 139 h 293"/>
                  <a:gd name="T40" fmla="*/ 229 w 564"/>
                  <a:gd name="T41" fmla="*/ 137 h 293"/>
                  <a:gd name="T42" fmla="*/ 244 w 564"/>
                  <a:gd name="T43" fmla="*/ 125 h 293"/>
                  <a:gd name="T44" fmla="*/ 250 w 564"/>
                  <a:gd name="T45" fmla="*/ 111 h 293"/>
                  <a:gd name="T46" fmla="*/ 287 w 564"/>
                  <a:gd name="T47" fmla="*/ 98 h 293"/>
                  <a:gd name="T48" fmla="*/ 315 w 564"/>
                  <a:gd name="T49" fmla="*/ 101 h 293"/>
                  <a:gd name="T50" fmla="*/ 335 w 564"/>
                  <a:gd name="T51" fmla="*/ 114 h 293"/>
                  <a:gd name="T52" fmla="*/ 334 w 564"/>
                  <a:gd name="T53" fmla="*/ 101 h 293"/>
                  <a:gd name="T54" fmla="*/ 341 w 564"/>
                  <a:gd name="T55" fmla="*/ 97 h 293"/>
                  <a:gd name="T56" fmla="*/ 351 w 564"/>
                  <a:gd name="T57" fmla="*/ 98 h 293"/>
                  <a:gd name="T58" fmla="*/ 373 w 564"/>
                  <a:gd name="T59" fmla="*/ 94 h 293"/>
                  <a:gd name="T60" fmla="*/ 360 w 564"/>
                  <a:gd name="T61" fmla="*/ 79 h 293"/>
                  <a:gd name="T62" fmla="*/ 357 w 564"/>
                  <a:gd name="T63" fmla="*/ 65 h 293"/>
                  <a:gd name="T64" fmla="*/ 347 w 564"/>
                  <a:gd name="T65" fmla="*/ 63 h 293"/>
                  <a:gd name="T66" fmla="*/ 331 w 564"/>
                  <a:gd name="T67" fmla="*/ 64 h 293"/>
                  <a:gd name="T68" fmla="*/ 309 w 564"/>
                  <a:gd name="T69" fmla="*/ 46 h 293"/>
                  <a:gd name="T70" fmla="*/ 304 w 564"/>
                  <a:gd name="T71" fmla="*/ 42 h 293"/>
                  <a:gd name="T72" fmla="*/ 290 w 564"/>
                  <a:gd name="T73" fmla="*/ 46 h 293"/>
                  <a:gd name="T74" fmla="*/ 264 w 564"/>
                  <a:gd name="T75" fmla="*/ 53 h 293"/>
                  <a:gd name="T76" fmla="*/ 247 w 564"/>
                  <a:gd name="T77" fmla="*/ 54 h 293"/>
                  <a:gd name="T78" fmla="*/ 212 w 564"/>
                  <a:gd name="T79" fmla="*/ 76 h 293"/>
                  <a:gd name="T80" fmla="*/ 203 w 564"/>
                  <a:gd name="T81" fmla="*/ 72 h 293"/>
                  <a:gd name="T82" fmla="*/ 190 w 564"/>
                  <a:gd name="T83" fmla="*/ 75 h 293"/>
                  <a:gd name="T84" fmla="*/ 170 w 564"/>
                  <a:gd name="T85" fmla="*/ 65 h 293"/>
                  <a:gd name="T86" fmla="*/ 151 w 564"/>
                  <a:gd name="T87" fmla="*/ 45 h 293"/>
                  <a:gd name="T88" fmla="*/ 127 w 564"/>
                  <a:gd name="T89" fmla="*/ 52 h 293"/>
                  <a:gd name="T90" fmla="*/ 130 w 564"/>
                  <a:gd name="T91" fmla="*/ 44 h 293"/>
                  <a:gd name="T92" fmla="*/ 117 w 564"/>
                  <a:gd name="T93" fmla="*/ 52 h 293"/>
                  <a:gd name="T94" fmla="*/ 113 w 564"/>
                  <a:gd name="T95" fmla="*/ 42 h 293"/>
                  <a:gd name="T96" fmla="*/ 108 w 564"/>
                  <a:gd name="T97" fmla="*/ 40 h 293"/>
                  <a:gd name="T98" fmla="*/ 111 w 564"/>
                  <a:gd name="T99" fmla="*/ 35 h 293"/>
                  <a:gd name="T100" fmla="*/ 113 w 564"/>
                  <a:gd name="T101" fmla="*/ 35 h 293"/>
                  <a:gd name="T102" fmla="*/ 114 w 564"/>
                  <a:gd name="T103" fmla="*/ 39 h 293"/>
                  <a:gd name="T104" fmla="*/ 117 w 564"/>
                  <a:gd name="T105" fmla="*/ 37 h 293"/>
                  <a:gd name="T106" fmla="*/ 142 w 564"/>
                  <a:gd name="T107" fmla="*/ 8 h 293"/>
                  <a:gd name="T108" fmla="*/ 152 w 564"/>
                  <a:gd name="T109" fmla="*/ 3 h 293"/>
                  <a:gd name="T110" fmla="*/ 132 w 564"/>
                  <a:gd name="T111" fmla="*/ 2 h 293"/>
                  <a:gd name="T112" fmla="*/ 104 w 564"/>
                  <a:gd name="T113" fmla="*/ 20 h 293"/>
                  <a:gd name="T114" fmla="*/ 87 w 564"/>
                  <a:gd name="T115" fmla="*/ 38 h 293"/>
                  <a:gd name="T116" fmla="*/ 74 w 564"/>
                  <a:gd name="T117" fmla="*/ 46 h 293"/>
                  <a:gd name="T118" fmla="*/ 55 w 564"/>
                  <a:gd name="T119" fmla="*/ 59 h 293"/>
                  <a:gd name="T120" fmla="*/ 42 w 564"/>
                  <a:gd name="T121" fmla="*/ 61 h 293"/>
                  <a:gd name="T122" fmla="*/ 17 w 564"/>
                  <a:gd name="T123" fmla="*/ 76 h 293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w 564"/>
                  <a:gd name="T187" fmla="*/ 0 h 293"/>
                  <a:gd name="T188" fmla="*/ 564 w 564"/>
                  <a:gd name="T189" fmla="*/ 293 h 293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T186" t="T187" r="T188" b="T189"/>
                <a:pathLst>
                  <a:path w="564" h="293">
                    <a:moveTo>
                      <a:pt x="0" y="129"/>
                    </a:moveTo>
                    <a:lnTo>
                      <a:pt x="2" y="129"/>
                    </a:lnTo>
                    <a:lnTo>
                      <a:pt x="4" y="129"/>
                    </a:lnTo>
                    <a:lnTo>
                      <a:pt x="6" y="129"/>
                    </a:lnTo>
                    <a:lnTo>
                      <a:pt x="9" y="129"/>
                    </a:lnTo>
                    <a:lnTo>
                      <a:pt x="12" y="129"/>
                    </a:lnTo>
                    <a:lnTo>
                      <a:pt x="17" y="130"/>
                    </a:lnTo>
                    <a:lnTo>
                      <a:pt x="21" y="135"/>
                    </a:lnTo>
                    <a:lnTo>
                      <a:pt x="26" y="140"/>
                    </a:lnTo>
                    <a:lnTo>
                      <a:pt x="29" y="149"/>
                    </a:lnTo>
                    <a:lnTo>
                      <a:pt x="31" y="151"/>
                    </a:lnTo>
                    <a:lnTo>
                      <a:pt x="31" y="152"/>
                    </a:lnTo>
                    <a:lnTo>
                      <a:pt x="34" y="154"/>
                    </a:lnTo>
                    <a:lnTo>
                      <a:pt x="36" y="156"/>
                    </a:lnTo>
                    <a:lnTo>
                      <a:pt x="38" y="157"/>
                    </a:lnTo>
                    <a:lnTo>
                      <a:pt x="39" y="159"/>
                    </a:lnTo>
                    <a:lnTo>
                      <a:pt x="41" y="159"/>
                    </a:lnTo>
                    <a:lnTo>
                      <a:pt x="41" y="161"/>
                    </a:lnTo>
                    <a:lnTo>
                      <a:pt x="44" y="161"/>
                    </a:lnTo>
                    <a:lnTo>
                      <a:pt x="48" y="161"/>
                    </a:lnTo>
                    <a:lnTo>
                      <a:pt x="53" y="161"/>
                    </a:lnTo>
                    <a:lnTo>
                      <a:pt x="60" y="162"/>
                    </a:lnTo>
                    <a:lnTo>
                      <a:pt x="66" y="162"/>
                    </a:lnTo>
                    <a:lnTo>
                      <a:pt x="75" y="164"/>
                    </a:lnTo>
                    <a:lnTo>
                      <a:pt x="83" y="166"/>
                    </a:lnTo>
                    <a:lnTo>
                      <a:pt x="92" y="168"/>
                    </a:lnTo>
                    <a:lnTo>
                      <a:pt x="100" y="169"/>
                    </a:lnTo>
                    <a:lnTo>
                      <a:pt x="109" y="171"/>
                    </a:lnTo>
                    <a:lnTo>
                      <a:pt x="117" y="174"/>
                    </a:lnTo>
                    <a:lnTo>
                      <a:pt x="126" y="176"/>
                    </a:lnTo>
                    <a:lnTo>
                      <a:pt x="132" y="179"/>
                    </a:lnTo>
                    <a:lnTo>
                      <a:pt x="139" y="183"/>
                    </a:lnTo>
                    <a:lnTo>
                      <a:pt x="146" y="186"/>
                    </a:lnTo>
                    <a:lnTo>
                      <a:pt x="148" y="186"/>
                    </a:lnTo>
                    <a:lnTo>
                      <a:pt x="154" y="188"/>
                    </a:lnTo>
                    <a:lnTo>
                      <a:pt x="165" y="190"/>
                    </a:lnTo>
                    <a:lnTo>
                      <a:pt x="175" y="190"/>
                    </a:lnTo>
                    <a:lnTo>
                      <a:pt x="185" y="191"/>
                    </a:lnTo>
                    <a:lnTo>
                      <a:pt x="193" y="193"/>
                    </a:lnTo>
                    <a:lnTo>
                      <a:pt x="200" y="193"/>
                    </a:lnTo>
                    <a:lnTo>
                      <a:pt x="204" y="193"/>
                    </a:lnTo>
                    <a:lnTo>
                      <a:pt x="207" y="198"/>
                    </a:lnTo>
                    <a:lnTo>
                      <a:pt x="210" y="210"/>
                    </a:lnTo>
                    <a:lnTo>
                      <a:pt x="212" y="210"/>
                    </a:lnTo>
                    <a:lnTo>
                      <a:pt x="214" y="210"/>
                    </a:lnTo>
                    <a:lnTo>
                      <a:pt x="219" y="210"/>
                    </a:lnTo>
                    <a:lnTo>
                      <a:pt x="222" y="212"/>
                    </a:lnTo>
                    <a:lnTo>
                      <a:pt x="227" y="215"/>
                    </a:lnTo>
                    <a:lnTo>
                      <a:pt x="231" y="222"/>
                    </a:lnTo>
                    <a:lnTo>
                      <a:pt x="234" y="230"/>
                    </a:lnTo>
                    <a:lnTo>
                      <a:pt x="236" y="242"/>
                    </a:lnTo>
                    <a:lnTo>
                      <a:pt x="236" y="244"/>
                    </a:lnTo>
                    <a:lnTo>
                      <a:pt x="234" y="247"/>
                    </a:lnTo>
                    <a:lnTo>
                      <a:pt x="234" y="250"/>
                    </a:lnTo>
                    <a:lnTo>
                      <a:pt x="234" y="256"/>
                    </a:lnTo>
                    <a:lnTo>
                      <a:pt x="232" y="259"/>
                    </a:lnTo>
                    <a:lnTo>
                      <a:pt x="232" y="262"/>
                    </a:lnTo>
                    <a:lnTo>
                      <a:pt x="231" y="266"/>
                    </a:lnTo>
                    <a:lnTo>
                      <a:pt x="253" y="266"/>
                    </a:lnTo>
                    <a:lnTo>
                      <a:pt x="253" y="267"/>
                    </a:lnTo>
                    <a:lnTo>
                      <a:pt x="251" y="269"/>
                    </a:lnTo>
                    <a:lnTo>
                      <a:pt x="251" y="274"/>
                    </a:lnTo>
                    <a:lnTo>
                      <a:pt x="251" y="279"/>
                    </a:lnTo>
                    <a:lnTo>
                      <a:pt x="251" y="284"/>
                    </a:lnTo>
                    <a:lnTo>
                      <a:pt x="253" y="288"/>
                    </a:lnTo>
                    <a:lnTo>
                      <a:pt x="256" y="291"/>
                    </a:lnTo>
                    <a:lnTo>
                      <a:pt x="261" y="293"/>
                    </a:lnTo>
                    <a:lnTo>
                      <a:pt x="266" y="279"/>
                    </a:lnTo>
                    <a:lnTo>
                      <a:pt x="266" y="281"/>
                    </a:lnTo>
                    <a:lnTo>
                      <a:pt x="266" y="279"/>
                    </a:lnTo>
                    <a:lnTo>
                      <a:pt x="266" y="278"/>
                    </a:lnTo>
                    <a:lnTo>
                      <a:pt x="268" y="274"/>
                    </a:lnTo>
                    <a:lnTo>
                      <a:pt x="270" y="271"/>
                    </a:lnTo>
                    <a:lnTo>
                      <a:pt x="271" y="266"/>
                    </a:lnTo>
                    <a:lnTo>
                      <a:pt x="275" y="261"/>
                    </a:lnTo>
                    <a:lnTo>
                      <a:pt x="276" y="256"/>
                    </a:lnTo>
                    <a:lnTo>
                      <a:pt x="280" y="250"/>
                    </a:lnTo>
                    <a:lnTo>
                      <a:pt x="283" y="245"/>
                    </a:lnTo>
                    <a:lnTo>
                      <a:pt x="286" y="239"/>
                    </a:lnTo>
                    <a:lnTo>
                      <a:pt x="288" y="234"/>
                    </a:lnTo>
                    <a:lnTo>
                      <a:pt x="292" y="228"/>
                    </a:lnTo>
                    <a:lnTo>
                      <a:pt x="293" y="225"/>
                    </a:lnTo>
                    <a:lnTo>
                      <a:pt x="297" y="220"/>
                    </a:lnTo>
                    <a:lnTo>
                      <a:pt x="298" y="218"/>
                    </a:lnTo>
                    <a:lnTo>
                      <a:pt x="298" y="217"/>
                    </a:lnTo>
                    <a:lnTo>
                      <a:pt x="300" y="215"/>
                    </a:lnTo>
                    <a:lnTo>
                      <a:pt x="300" y="206"/>
                    </a:lnTo>
                    <a:lnTo>
                      <a:pt x="302" y="198"/>
                    </a:lnTo>
                    <a:lnTo>
                      <a:pt x="303" y="193"/>
                    </a:lnTo>
                    <a:lnTo>
                      <a:pt x="305" y="191"/>
                    </a:lnTo>
                    <a:lnTo>
                      <a:pt x="307" y="188"/>
                    </a:lnTo>
                    <a:lnTo>
                      <a:pt x="308" y="188"/>
                    </a:lnTo>
                    <a:lnTo>
                      <a:pt x="310" y="188"/>
                    </a:lnTo>
                    <a:lnTo>
                      <a:pt x="308" y="191"/>
                    </a:lnTo>
                    <a:lnTo>
                      <a:pt x="308" y="195"/>
                    </a:lnTo>
                    <a:lnTo>
                      <a:pt x="308" y="198"/>
                    </a:lnTo>
                    <a:lnTo>
                      <a:pt x="308" y="203"/>
                    </a:lnTo>
                    <a:lnTo>
                      <a:pt x="308" y="206"/>
                    </a:lnTo>
                    <a:lnTo>
                      <a:pt x="308" y="210"/>
                    </a:lnTo>
                    <a:lnTo>
                      <a:pt x="310" y="213"/>
                    </a:lnTo>
                    <a:lnTo>
                      <a:pt x="327" y="201"/>
                    </a:lnTo>
                    <a:lnTo>
                      <a:pt x="327" y="193"/>
                    </a:lnTo>
                    <a:lnTo>
                      <a:pt x="336" y="191"/>
                    </a:lnTo>
                    <a:lnTo>
                      <a:pt x="341" y="186"/>
                    </a:lnTo>
                    <a:lnTo>
                      <a:pt x="346" y="191"/>
                    </a:lnTo>
                    <a:lnTo>
                      <a:pt x="344" y="191"/>
                    </a:lnTo>
                    <a:lnTo>
                      <a:pt x="344" y="193"/>
                    </a:lnTo>
                    <a:lnTo>
                      <a:pt x="342" y="196"/>
                    </a:lnTo>
                    <a:lnTo>
                      <a:pt x="341" y="198"/>
                    </a:lnTo>
                    <a:lnTo>
                      <a:pt x="339" y="201"/>
                    </a:lnTo>
                    <a:lnTo>
                      <a:pt x="336" y="205"/>
                    </a:lnTo>
                    <a:lnTo>
                      <a:pt x="336" y="208"/>
                    </a:lnTo>
                    <a:lnTo>
                      <a:pt x="336" y="210"/>
                    </a:lnTo>
                    <a:lnTo>
                      <a:pt x="336" y="215"/>
                    </a:lnTo>
                    <a:lnTo>
                      <a:pt x="336" y="218"/>
                    </a:lnTo>
                    <a:lnTo>
                      <a:pt x="337" y="218"/>
                    </a:lnTo>
                    <a:lnTo>
                      <a:pt x="339" y="217"/>
                    </a:lnTo>
                    <a:lnTo>
                      <a:pt x="341" y="215"/>
                    </a:lnTo>
                    <a:lnTo>
                      <a:pt x="342" y="213"/>
                    </a:lnTo>
                    <a:lnTo>
                      <a:pt x="342" y="212"/>
                    </a:lnTo>
                    <a:lnTo>
                      <a:pt x="344" y="210"/>
                    </a:lnTo>
                    <a:lnTo>
                      <a:pt x="354" y="198"/>
                    </a:lnTo>
                    <a:lnTo>
                      <a:pt x="356" y="198"/>
                    </a:lnTo>
                    <a:lnTo>
                      <a:pt x="359" y="196"/>
                    </a:lnTo>
                    <a:lnTo>
                      <a:pt x="363" y="193"/>
                    </a:lnTo>
                    <a:lnTo>
                      <a:pt x="364" y="193"/>
                    </a:lnTo>
                    <a:lnTo>
                      <a:pt x="363" y="188"/>
                    </a:lnTo>
                    <a:lnTo>
                      <a:pt x="363" y="183"/>
                    </a:lnTo>
                    <a:lnTo>
                      <a:pt x="364" y="179"/>
                    </a:lnTo>
                    <a:lnTo>
                      <a:pt x="366" y="176"/>
                    </a:lnTo>
                    <a:lnTo>
                      <a:pt x="369" y="174"/>
                    </a:lnTo>
                    <a:lnTo>
                      <a:pt x="373" y="173"/>
                    </a:lnTo>
                    <a:lnTo>
                      <a:pt x="374" y="173"/>
                    </a:lnTo>
                    <a:lnTo>
                      <a:pt x="376" y="171"/>
                    </a:lnTo>
                    <a:lnTo>
                      <a:pt x="400" y="173"/>
                    </a:lnTo>
                    <a:lnTo>
                      <a:pt x="400" y="168"/>
                    </a:lnTo>
                    <a:lnTo>
                      <a:pt x="417" y="168"/>
                    </a:lnTo>
                    <a:lnTo>
                      <a:pt x="429" y="151"/>
                    </a:lnTo>
                    <a:lnTo>
                      <a:pt x="468" y="154"/>
                    </a:lnTo>
                    <a:lnTo>
                      <a:pt x="471" y="157"/>
                    </a:lnTo>
                    <a:lnTo>
                      <a:pt x="474" y="159"/>
                    </a:lnTo>
                    <a:lnTo>
                      <a:pt x="479" y="162"/>
                    </a:lnTo>
                    <a:lnTo>
                      <a:pt x="486" y="168"/>
                    </a:lnTo>
                    <a:lnTo>
                      <a:pt x="493" y="171"/>
                    </a:lnTo>
                    <a:lnTo>
                      <a:pt x="498" y="174"/>
                    </a:lnTo>
                    <a:lnTo>
                      <a:pt x="501" y="176"/>
                    </a:lnTo>
                    <a:lnTo>
                      <a:pt x="503" y="174"/>
                    </a:lnTo>
                    <a:lnTo>
                      <a:pt x="503" y="173"/>
                    </a:lnTo>
                    <a:lnTo>
                      <a:pt x="501" y="171"/>
                    </a:lnTo>
                    <a:lnTo>
                      <a:pt x="501" y="166"/>
                    </a:lnTo>
                    <a:lnTo>
                      <a:pt x="500" y="162"/>
                    </a:lnTo>
                    <a:lnTo>
                      <a:pt x="500" y="157"/>
                    </a:lnTo>
                    <a:lnTo>
                      <a:pt x="501" y="154"/>
                    </a:lnTo>
                    <a:lnTo>
                      <a:pt x="501" y="152"/>
                    </a:lnTo>
                    <a:lnTo>
                      <a:pt x="505" y="151"/>
                    </a:lnTo>
                    <a:lnTo>
                      <a:pt x="506" y="149"/>
                    </a:lnTo>
                    <a:lnTo>
                      <a:pt x="508" y="149"/>
                    </a:lnTo>
                    <a:lnTo>
                      <a:pt x="510" y="149"/>
                    </a:lnTo>
                    <a:lnTo>
                      <a:pt x="510" y="152"/>
                    </a:lnTo>
                    <a:lnTo>
                      <a:pt x="513" y="154"/>
                    </a:lnTo>
                    <a:lnTo>
                      <a:pt x="517" y="154"/>
                    </a:lnTo>
                    <a:lnTo>
                      <a:pt x="520" y="154"/>
                    </a:lnTo>
                    <a:lnTo>
                      <a:pt x="525" y="152"/>
                    </a:lnTo>
                    <a:lnTo>
                      <a:pt x="528" y="151"/>
                    </a:lnTo>
                    <a:lnTo>
                      <a:pt x="532" y="151"/>
                    </a:lnTo>
                    <a:lnTo>
                      <a:pt x="532" y="149"/>
                    </a:lnTo>
                    <a:lnTo>
                      <a:pt x="562" y="149"/>
                    </a:lnTo>
                    <a:lnTo>
                      <a:pt x="564" y="144"/>
                    </a:lnTo>
                    <a:lnTo>
                      <a:pt x="559" y="144"/>
                    </a:lnTo>
                    <a:lnTo>
                      <a:pt x="550" y="129"/>
                    </a:lnTo>
                    <a:lnTo>
                      <a:pt x="537" y="129"/>
                    </a:lnTo>
                    <a:lnTo>
                      <a:pt x="537" y="127"/>
                    </a:lnTo>
                    <a:lnTo>
                      <a:pt x="537" y="125"/>
                    </a:lnTo>
                    <a:lnTo>
                      <a:pt x="537" y="124"/>
                    </a:lnTo>
                    <a:lnTo>
                      <a:pt x="535" y="120"/>
                    </a:lnTo>
                    <a:lnTo>
                      <a:pt x="535" y="118"/>
                    </a:lnTo>
                    <a:lnTo>
                      <a:pt x="535" y="117"/>
                    </a:lnTo>
                    <a:lnTo>
                      <a:pt x="535" y="115"/>
                    </a:lnTo>
                    <a:lnTo>
                      <a:pt x="535" y="105"/>
                    </a:lnTo>
                    <a:lnTo>
                      <a:pt x="534" y="100"/>
                    </a:lnTo>
                    <a:lnTo>
                      <a:pt x="530" y="96"/>
                    </a:lnTo>
                    <a:lnTo>
                      <a:pt x="527" y="95"/>
                    </a:lnTo>
                    <a:lnTo>
                      <a:pt x="523" y="95"/>
                    </a:lnTo>
                    <a:lnTo>
                      <a:pt x="520" y="95"/>
                    </a:lnTo>
                    <a:lnTo>
                      <a:pt x="518" y="96"/>
                    </a:lnTo>
                    <a:lnTo>
                      <a:pt x="513" y="102"/>
                    </a:lnTo>
                    <a:lnTo>
                      <a:pt x="508" y="102"/>
                    </a:lnTo>
                    <a:lnTo>
                      <a:pt x="505" y="102"/>
                    </a:lnTo>
                    <a:lnTo>
                      <a:pt x="501" y="102"/>
                    </a:lnTo>
                    <a:lnTo>
                      <a:pt x="500" y="100"/>
                    </a:lnTo>
                    <a:lnTo>
                      <a:pt x="496" y="98"/>
                    </a:lnTo>
                    <a:lnTo>
                      <a:pt x="496" y="96"/>
                    </a:lnTo>
                    <a:lnTo>
                      <a:pt x="496" y="95"/>
                    </a:lnTo>
                    <a:lnTo>
                      <a:pt x="490" y="102"/>
                    </a:lnTo>
                    <a:lnTo>
                      <a:pt x="468" y="100"/>
                    </a:lnTo>
                    <a:lnTo>
                      <a:pt x="466" y="95"/>
                    </a:lnTo>
                    <a:lnTo>
                      <a:pt x="462" y="73"/>
                    </a:lnTo>
                    <a:lnTo>
                      <a:pt x="466" y="68"/>
                    </a:lnTo>
                    <a:lnTo>
                      <a:pt x="464" y="61"/>
                    </a:lnTo>
                    <a:lnTo>
                      <a:pt x="462" y="63"/>
                    </a:lnTo>
                    <a:lnTo>
                      <a:pt x="459" y="63"/>
                    </a:lnTo>
                    <a:lnTo>
                      <a:pt x="456" y="64"/>
                    </a:lnTo>
                    <a:lnTo>
                      <a:pt x="452" y="66"/>
                    </a:lnTo>
                    <a:lnTo>
                      <a:pt x="449" y="66"/>
                    </a:lnTo>
                    <a:lnTo>
                      <a:pt x="447" y="68"/>
                    </a:lnTo>
                    <a:lnTo>
                      <a:pt x="440" y="71"/>
                    </a:lnTo>
                    <a:lnTo>
                      <a:pt x="434" y="73"/>
                    </a:lnTo>
                    <a:lnTo>
                      <a:pt x="427" y="74"/>
                    </a:lnTo>
                    <a:lnTo>
                      <a:pt x="420" y="78"/>
                    </a:lnTo>
                    <a:lnTo>
                      <a:pt x="413" y="78"/>
                    </a:lnTo>
                    <a:lnTo>
                      <a:pt x="407" y="80"/>
                    </a:lnTo>
                    <a:lnTo>
                      <a:pt x="402" y="81"/>
                    </a:lnTo>
                    <a:lnTo>
                      <a:pt x="395" y="81"/>
                    </a:lnTo>
                    <a:lnTo>
                      <a:pt x="390" y="83"/>
                    </a:lnTo>
                    <a:lnTo>
                      <a:pt x="383" y="83"/>
                    </a:lnTo>
                    <a:lnTo>
                      <a:pt x="380" y="83"/>
                    </a:lnTo>
                    <a:lnTo>
                      <a:pt x="374" y="83"/>
                    </a:lnTo>
                    <a:lnTo>
                      <a:pt x="371" y="83"/>
                    </a:lnTo>
                    <a:lnTo>
                      <a:pt x="369" y="83"/>
                    </a:lnTo>
                    <a:lnTo>
                      <a:pt x="368" y="83"/>
                    </a:lnTo>
                    <a:lnTo>
                      <a:pt x="330" y="118"/>
                    </a:lnTo>
                    <a:lnTo>
                      <a:pt x="324" y="117"/>
                    </a:lnTo>
                    <a:lnTo>
                      <a:pt x="317" y="117"/>
                    </a:lnTo>
                    <a:lnTo>
                      <a:pt x="315" y="117"/>
                    </a:lnTo>
                    <a:lnTo>
                      <a:pt x="312" y="117"/>
                    </a:lnTo>
                    <a:lnTo>
                      <a:pt x="308" y="117"/>
                    </a:lnTo>
                    <a:lnTo>
                      <a:pt x="307" y="117"/>
                    </a:lnTo>
                    <a:lnTo>
                      <a:pt x="305" y="112"/>
                    </a:lnTo>
                    <a:lnTo>
                      <a:pt x="303" y="110"/>
                    </a:lnTo>
                    <a:lnTo>
                      <a:pt x="300" y="108"/>
                    </a:lnTo>
                    <a:lnTo>
                      <a:pt x="297" y="110"/>
                    </a:lnTo>
                    <a:lnTo>
                      <a:pt x="292" y="112"/>
                    </a:lnTo>
                    <a:lnTo>
                      <a:pt x="288" y="113"/>
                    </a:lnTo>
                    <a:lnTo>
                      <a:pt x="286" y="115"/>
                    </a:lnTo>
                    <a:lnTo>
                      <a:pt x="285" y="115"/>
                    </a:lnTo>
                    <a:lnTo>
                      <a:pt x="266" y="115"/>
                    </a:lnTo>
                    <a:lnTo>
                      <a:pt x="263" y="108"/>
                    </a:lnTo>
                    <a:lnTo>
                      <a:pt x="263" y="107"/>
                    </a:lnTo>
                    <a:lnTo>
                      <a:pt x="261" y="105"/>
                    </a:lnTo>
                    <a:lnTo>
                      <a:pt x="258" y="102"/>
                    </a:lnTo>
                    <a:lnTo>
                      <a:pt x="254" y="100"/>
                    </a:lnTo>
                    <a:lnTo>
                      <a:pt x="253" y="96"/>
                    </a:lnTo>
                    <a:lnTo>
                      <a:pt x="249" y="93"/>
                    </a:lnTo>
                    <a:lnTo>
                      <a:pt x="246" y="90"/>
                    </a:lnTo>
                    <a:lnTo>
                      <a:pt x="244" y="88"/>
                    </a:lnTo>
                    <a:lnTo>
                      <a:pt x="236" y="78"/>
                    </a:lnTo>
                    <a:lnTo>
                      <a:pt x="226" y="71"/>
                    </a:lnTo>
                    <a:lnTo>
                      <a:pt x="217" y="69"/>
                    </a:lnTo>
                    <a:lnTo>
                      <a:pt x="209" y="69"/>
                    </a:lnTo>
                    <a:lnTo>
                      <a:pt x="200" y="73"/>
                    </a:lnTo>
                    <a:lnTo>
                      <a:pt x="195" y="76"/>
                    </a:lnTo>
                    <a:lnTo>
                      <a:pt x="192" y="78"/>
                    </a:lnTo>
                    <a:lnTo>
                      <a:pt x="190" y="80"/>
                    </a:lnTo>
                    <a:lnTo>
                      <a:pt x="190" y="78"/>
                    </a:lnTo>
                    <a:lnTo>
                      <a:pt x="192" y="74"/>
                    </a:lnTo>
                    <a:lnTo>
                      <a:pt x="192" y="73"/>
                    </a:lnTo>
                    <a:lnTo>
                      <a:pt x="193" y="71"/>
                    </a:lnTo>
                    <a:lnTo>
                      <a:pt x="193" y="68"/>
                    </a:lnTo>
                    <a:lnTo>
                      <a:pt x="193" y="66"/>
                    </a:lnTo>
                    <a:lnTo>
                      <a:pt x="188" y="68"/>
                    </a:lnTo>
                    <a:lnTo>
                      <a:pt x="183" y="69"/>
                    </a:lnTo>
                    <a:lnTo>
                      <a:pt x="180" y="74"/>
                    </a:lnTo>
                    <a:lnTo>
                      <a:pt x="176" y="80"/>
                    </a:lnTo>
                    <a:lnTo>
                      <a:pt x="173" y="85"/>
                    </a:lnTo>
                    <a:lnTo>
                      <a:pt x="171" y="88"/>
                    </a:lnTo>
                    <a:lnTo>
                      <a:pt x="170" y="91"/>
                    </a:lnTo>
                    <a:lnTo>
                      <a:pt x="168" y="64"/>
                    </a:lnTo>
                    <a:lnTo>
                      <a:pt x="168" y="66"/>
                    </a:lnTo>
                    <a:lnTo>
                      <a:pt x="166" y="66"/>
                    </a:lnTo>
                    <a:lnTo>
                      <a:pt x="165" y="66"/>
                    </a:lnTo>
                    <a:lnTo>
                      <a:pt x="163" y="64"/>
                    </a:lnTo>
                    <a:lnTo>
                      <a:pt x="163" y="63"/>
                    </a:lnTo>
                    <a:lnTo>
                      <a:pt x="161" y="61"/>
                    </a:lnTo>
                    <a:lnTo>
                      <a:pt x="163" y="56"/>
                    </a:lnTo>
                    <a:lnTo>
                      <a:pt x="163" y="52"/>
                    </a:lnTo>
                    <a:lnTo>
                      <a:pt x="165" y="49"/>
                    </a:lnTo>
                    <a:lnTo>
                      <a:pt x="166" y="49"/>
                    </a:lnTo>
                    <a:lnTo>
                      <a:pt x="166" y="51"/>
                    </a:lnTo>
                    <a:lnTo>
                      <a:pt x="168" y="52"/>
                    </a:lnTo>
                    <a:lnTo>
                      <a:pt x="168" y="54"/>
                    </a:lnTo>
                    <a:lnTo>
                      <a:pt x="168" y="52"/>
                    </a:lnTo>
                    <a:lnTo>
                      <a:pt x="168" y="51"/>
                    </a:lnTo>
                    <a:lnTo>
                      <a:pt x="168" y="49"/>
                    </a:lnTo>
                    <a:lnTo>
                      <a:pt x="166" y="47"/>
                    </a:lnTo>
                    <a:lnTo>
                      <a:pt x="168" y="49"/>
                    </a:lnTo>
                    <a:lnTo>
                      <a:pt x="168" y="54"/>
                    </a:lnTo>
                    <a:lnTo>
                      <a:pt x="170" y="59"/>
                    </a:lnTo>
                    <a:lnTo>
                      <a:pt x="171" y="61"/>
                    </a:lnTo>
                    <a:lnTo>
                      <a:pt x="173" y="61"/>
                    </a:lnTo>
                    <a:lnTo>
                      <a:pt x="175" y="61"/>
                    </a:lnTo>
                    <a:lnTo>
                      <a:pt x="175" y="58"/>
                    </a:lnTo>
                    <a:lnTo>
                      <a:pt x="176" y="56"/>
                    </a:lnTo>
                    <a:lnTo>
                      <a:pt x="176" y="54"/>
                    </a:lnTo>
                    <a:lnTo>
                      <a:pt x="185" y="46"/>
                    </a:lnTo>
                    <a:lnTo>
                      <a:pt x="187" y="37"/>
                    </a:lnTo>
                    <a:lnTo>
                      <a:pt x="207" y="19"/>
                    </a:lnTo>
                    <a:lnTo>
                      <a:pt x="214" y="8"/>
                    </a:lnTo>
                    <a:lnTo>
                      <a:pt x="212" y="8"/>
                    </a:lnTo>
                    <a:lnTo>
                      <a:pt x="212" y="10"/>
                    </a:lnTo>
                    <a:lnTo>
                      <a:pt x="214" y="10"/>
                    </a:lnTo>
                    <a:lnTo>
                      <a:pt x="222" y="7"/>
                    </a:lnTo>
                    <a:lnTo>
                      <a:pt x="226" y="5"/>
                    </a:lnTo>
                    <a:lnTo>
                      <a:pt x="227" y="3"/>
                    </a:lnTo>
                    <a:lnTo>
                      <a:pt x="224" y="2"/>
                    </a:lnTo>
                    <a:lnTo>
                      <a:pt x="219" y="2"/>
                    </a:lnTo>
                    <a:lnTo>
                      <a:pt x="215" y="0"/>
                    </a:lnTo>
                    <a:lnTo>
                      <a:pt x="210" y="0"/>
                    </a:lnTo>
                    <a:lnTo>
                      <a:pt x="209" y="0"/>
                    </a:lnTo>
                    <a:lnTo>
                      <a:pt x="197" y="2"/>
                    </a:lnTo>
                    <a:lnTo>
                      <a:pt x="185" y="5"/>
                    </a:lnTo>
                    <a:lnTo>
                      <a:pt x="176" y="12"/>
                    </a:lnTo>
                    <a:lnTo>
                      <a:pt x="168" y="19"/>
                    </a:lnTo>
                    <a:lnTo>
                      <a:pt x="163" y="25"/>
                    </a:lnTo>
                    <a:lnTo>
                      <a:pt x="158" y="30"/>
                    </a:lnTo>
                    <a:lnTo>
                      <a:pt x="154" y="34"/>
                    </a:lnTo>
                    <a:lnTo>
                      <a:pt x="154" y="36"/>
                    </a:lnTo>
                    <a:lnTo>
                      <a:pt x="146" y="37"/>
                    </a:lnTo>
                    <a:lnTo>
                      <a:pt x="141" y="41"/>
                    </a:lnTo>
                    <a:lnTo>
                      <a:pt x="136" y="46"/>
                    </a:lnTo>
                    <a:lnTo>
                      <a:pt x="132" y="51"/>
                    </a:lnTo>
                    <a:lnTo>
                      <a:pt x="131" y="56"/>
                    </a:lnTo>
                    <a:lnTo>
                      <a:pt x="127" y="61"/>
                    </a:lnTo>
                    <a:lnTo>
                      <a:pt x="126" y="64"/>
                    </a:lnTo>
                    <a:lnTo>
                      <a:pt x="122" y="66"/>
                    </a:lnTo>
                    <a:lnTo>
                      <a:pt x="119" y="68"/>
                    </a:lnTo>
                    <a:lnTo>
                      <a:pt x="114" y="69"/>
                    </a:lnTo>
                    <a:lnTo>
                      <a:pt x="109" y="73"/>
                    </a:lnTo>
                    <a:lnTo>
                      <a:pt x="104" y="78"/>
                    </a:lnTo>
                    <a:lnTo>
                      <a:pt x="99" y="81"/>
                    </a:lnTo>
                    <a:lnTo>
                      <a:pt x="95" y="85"/>
                    </a:lnTo>
                    <a:lnTo>
                      <a:pt x="92" y="88"/>
                    </a:lnTo>
                    <a:lnTo>
                      <a:pt x="92" y="90"/>
                    </a:lnTo>
                    <a:lnTo>
                      <a:pt x="83" y="90"/>
                    </a:lnTo>
                    <a:lnTo>
                      <a:pt x="73" y="90"/>
                    </a:lnTo>
                    <a:lnTo>
                      <a:pt x="73" y="91"/>
                    </a:lnTo>
                    <a:lnTo>
                      <a:pt x="70" y="91"/>
                    </a:lnTo>
                    <a:lnTo>
                      <a:pt x="66" y="91"/>
                    </a:lnTo>
                    <a:lnTo>
                      <a:pt x="65" y="93"/>
                    </a:lnTo>
                    <a:lnTo>
                      <a:pt x="60" y="93"/>
                    </a:lnTo>
                    <a:lnTo>
                      <a:pt x="56" y="95"/>
                    </a:lnTo>
                    <a:lnTo>
                      <a:pt x="55" y="96"/>
                    </a:lnTo>
                    <a:lnTo>
                      <a:pt x="53" y="96"/>
                    </a:lnTo>
                    <a:lnTo>
                      <a:pt x="46" y="105"/>
                    </a:lnTo>
                    <a:lnTo>
                      <a:pt x="38" y="112"/>
                    </a:lnTo>
                    <a:lnTo>
                      <a:pt x="29" y="117"/>
                    </a:lnTo>
                    <a:lnTo>
                      <a:pt x="21" y="120"/>
                    </a:lnTo>
                    <a:lnTo>
                      <a:pt x="12" y="124"/>
                    </a:lnTo>
                    <a:lnTo>
                      <a:pt x="7" y="127"/>
                    </a:lnTo>
                    <a:lnTo>
                      <a:pt x="2" y="127"/>
                    </a:lnTo>
                    <a:lnTo>
                      <a:pt x="0" y="129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71" name="Freeform 128"/>
              <p:cNvSpPr>
                <a:spLocks/>
              </p:cNvSpPr>
              <p:nvPr/>
            </p:nvSpPr>
            <p:spPr bwMode="auto">
              <a:xfrm>
                <a:off x="3490" y="1273"/>
                <a:ext cx="366" cy="503"/>
              </a:xfrm>
              <a:custGeom>
                <a:avLst/>
                <a:gdLst>
                  <a:gd name="T0" fmla="*/ 211 w 377"/>
                  <a:gd name="T1" fmla="*/ 296 h 519"/>
                  <a:gd name="T2" fmla="*/ 216 w 377"/>
                  <a:gd name="T3" fmla="*/ 272 h 519"/>
                  <a:gd name="T4" fmla="*/ 230 w 377"/>
                  <a:gd name="T5" fmla="*/ 256 h 519"/>
                  <a:gd name="T6" fmla="*/ 236 w 377"/>
                  <a:gd name="T7" fmla="*/ 241 h 519"/>
                  <a:gd name="T8" fmla="*/ 237 w 377"/>
                  <a:gd name="T9" fmla="*/ 233 h 519"/>
                  <a:gd name="T10" fmla="*/ 244 w 377"/>
                  <a:gd name="T11" fmla="*/ 236 h 519"/>
                  <a:gd name="T12" fmla="*/ 248 w 377"/>
                  <a:gd name="T13" fmla="*/ 233 h 519"/>
                  <a:gd name="T14" fmla="*/ 250 w 377"/>
                  <a:gd name="T15" fmla="*/ 204 h 519"/>
                  <a:gd name="T16" fmla="*/ 229 w 377"/>
                  <a:gd name="T17" fmla="*/ 139 h 519"/>
                  <a:gd name="T18" fmla="*/ 214 w 377"/>
                  <a:gd name="T19" fmla="*/ 122 h 519"/>
                  <a:gd name="T20" fmla="*/ 204 w 377"/>
                  <a:gd name="T21" fmla="*/ 128 h 519"/>
                  <a:gd name="T22" fmla="*/ 192 w 377"/>
                  <a:gd name="T23" fmla="*/ 133 h 519"/>
                  <a:gd name="T24" fmla="*/ 186 w 377"/>
                  <a:gd name="T25" fmla="*/ 148 h 519"/>
                  <a:gd name="T26" fmla="*/ 176 w 377"/>
                  <a:gd name="T27" fmla="*/ 162 h 519"/>
                  <a:gd name="T28" fmla="*/ 172 w 377"/>
                  <a:gd name="T29" fmla="*/ 168 h 519"/>
                  <a:gd name="T30" fmla="*/ 166 w 377"/>
                  <a:gd name="T31" fmla="*/ 166 h 519"/>
                  <a:gd name="T32" fmla="*/ 153 w 377"/>
                  <a:gd name="T33" fmla="*/ 155 h 519"/>
                  <a:gd name="T34" fmla="*/ 156 w 377"/>
                  <a:gd name="T35" fmla="*/ 139 h 519"/>
                  <a:gd name="T36" fmla="*/ 164 w 377"/>
                  <a:gd name="T37" fmla="*/ 135 h 519"/>
                  <a:gd name="T38" fmla="*/ 182 w 377"/>
                  <a:gd name="T39" fmla="*/ 98 h 519"/>
                  <a:gd name="T40" fmla="*/ 182 w 377"/>
                  <a:gd name="T41" fmla="*/ 76 h 519"/>
                  <a:gd name="T42" fmla="*/ 173 w 377"/>
                  <a:gd name="T43" fmla="*/ 59 h 519"/>
                  <a:gd name="T44" fmla="*/ 169 w 377"/>
                  <a:gd name="T45" fmla="*/ 47 h 519"/>
                  <a:gd name="T46" fmla="*/ 178 w 377"/>
                  <a:gd name="T47" fmla="*/ 48 h 519"/>
                  <a:gd name="T48" fmla="*/ 164 w 377"/>
                  <a:gd name="T49" fmla="*/ 26 h 519"/>
                  <a:gd name="T50" fmla="*/ 140 w 377"/>
                  <a:gd name="T51" fmla="*/ 16 h 519"/>
                  <a:gd name="T52" fmla="*/ 91 w 377"/>
                  <a:gd name="T53" fmla="*/ 0 h 519"/>
                  <a:gd name="T54" fmla="*/ 77 w 377"/>
                  <a:gd name="T55" fmla="*/ 10 h 519"/>
                  <a:gd name="T56" fmla="*/ 71 w 377"/>
                  <a:gd name="T57" fmla="*/ 23 h 519"/>
                  <a:gd name="T58" fmla="*/ 79 w 377"/>
                  <a:gd name="T59" fmla="*/ 33 h 519"/>
                  <a:gd name="T60" fmla="*/ 72 w 377"/>
                  <a:gd name="T61" fmla="*/ 37 h 519"/>
                  <a:gd name="T62" fmla="*/ 57 w 377"/>
                  <a:gd name="T63" fmla="*/ 46 h 519"/>
                  <a:gd name="T64" fmla="*/ 59 w 377"/>
                  <a:gd name="T65" fmla="*/ 66 h 519"/>
                  <a:gd name="T66" fmla="*/ 55 w 377"/>
                  <a:gd name="T67" fmla="*/ 81 h 519"/>
                  <a:gd name="T68" fmla="*/ 47 w 377"/>
                  <a:gd name="T69" fmla="*/ 85 h 519"/>
                  <a:gd name="T70" fmla="*/ 47 w 377"/>
                  <a:gd name="T71" fmla="*/ 69 h 519"/>
                  <a:gd name="T72" fmla="*/ 44 w 377"/>
                  <a:gd name="T73" fmla="*/ 53 h 519"/>
                  <a:gd name="T74" fmla="*/ 42 w 377"/>
                  <a:gd name="T75" fmla="*/ 59 h 519"/>
                  <a:gd name="T76" fmla="*/ 36 w 377"/>
                  <a:gd name="T77" fmla="*/ 74 h 519"/>
                  <a:gd name="T78" fmla="*/ 25 w 377"/>
                  <a:gd name="T79" fmla="*/ 75 h 519"/>
                  <a:gd name="T80" fmla="*/ 18 w 377"/>
                  <a:gd name="T81" fmla="*/ 78 h 519"/>
                  <a:gd name="T82" fmla="*/ 17 w 377"/>
                  <a:gd name="T83" fmla="*/ 91 h 519"/>
                  <a:gd name="T84" fmla="*/ 17 w 377"/>
                  <a:gd name="T85" fmla="*/ 103 h 519"/>
                  <a:gd name="T86" fmla="*/ 17 w 377"/>
                  <a:gd name="T87" fmla="*/ 117 h 519"/>
                  <a:gd name="T88" fmla="*/ 10 w 377"/>
                  <a:gd name="T89" fmla="*/ 139 h 519"/>
                  <a:gd name="T90" fmla="*/ 3 w 377"/>
                  <a:gd name="T91" fmla="*/ 150 h 519"/>
                  <a:gd name="T92" fmla="*/ 10 w 377"/>
                  <a:gd name="T93" fmla="*/ 170 h 519"/>
                  <a:gd name="T94" fmla="*/ 3 w 377"/>
                  <a:gd name="T95" fmla="*/ 178 h 519"/>
                  <a:gd name="T96" fmla="*/ 17 w 377"/>
                  <a:gd name="T97" fmla="*/ 201 h 519"/>
                  <a:gd name="T98" fmla="*/ 17 w 377"/>
                  <a:gd name="T99" fmla="*/ 215 h 519"/>
                  <a:gd name="T100" fmla="*/ 30 w 377"/>
                  <a:gd name="T101" fmla="*/ 246 h 519"/>
                  <a:gd name="T102" fmla="*/ 28 w 377"/>
                  <a:gd name="T103" fmla="*/ 282 h 519"/>
                  <a:gd name="T104" fmla="*/ 17 w 377"/>
                  <a:gd name="T105" fmla="*/ 306 h 519"/>
                  <a:gd name="T106" fmla="*/ 17 w 377"/>
                  <a:gd name="T107" fmla="*/ 320 h 519"/>
                  <a:gd name="T108" fmla="*/ 3 w 377"/>
                  <a:gd name="T109" fmla="*/ 334 h 519"/>
                  <a:gd name="T110" fmla="*/ 201 w 377"/>
                  <a:gd name="T111" fmla="*/ 320 h 519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377"/>
                  <a:gd name="T169" fmla="*/ 0 h 519"/>
                  <a:gd name="T170" fmla="*/ 377 w 377"/>
                  <a:gd name="T171" fmla="*/ 519 h 519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377" h="519">
                    <a:moveTo>
                      <a:pt x="304" y="496"/>
                    </a:moveTo>
                    <a:lnTo>
                      <a:pt x="304" y="489"/>
                    </a:lnTo>
                    <a:lnTo>
                      <a:pt x="308" y="480"/>
                    </a:lnTo>
                    <a:lnTo>
                      <a:pt x="311" y="472"/>
                    </a:lnTo>
                    <a:lnTo>
                      <a:pt x="314" y="465"/>
                    </a:lnTo>
                    <a:lnTo>
                      <a:pt x="320" y="458"/>
                    </a:lnTo>
                    <a:lnTo>
                      <a:pt x="325" y="453"/>
                    </a:lnTo>
                    <a:lnTo>
                      <a:pt x="326" y="450"/>
                    </a:lnTo>
                    <a:lnTo>
                      <a:pt x="328" y="448"/>
                    </a:lnTo>
                    <a:lnTo>
                      <a:pt x="326" y="438"/>
                    </a:lnTo>
                    <a:lnTo>
                      <a:pt x="326" y="430"/>
                    </a:lnTo>
                    <a:lnTo>
                      <a:pt x="328" y="421"/>
                    </a:lnTo>
                    <a:lnTo>
                      <a:pt x="330" y="416"/>
                    </a:lnTo>
                    <a:lnTo>
                      <a:pt x="333" y="411"/>
                    </a:lnTo>
                    <a:lnTo>
                      <a:pt x="336" y="408"/>
                    </a:lnTo>
                    <a:lnTo>
                      <a:pt x="338" y="406"/>
                    </a:lnTo>
                    <a:lnTo>
                      <a:pt x="340" y="406"/>
                    </a:lnTo>
                    <a:lnTo>
                      <a:pt x="348" y="396"/>
                    </a:lnTo>
                    <a:lnTo>
                      <a:pt x="350" y="386"/>
                    </a:lnTo>
                    <a:lnTo>
                      <a:pt x="350" y="384"/>
                    </a:lnTo>
                    <a:lnTo>
                      <a:pt x="350" y="382"/>
                    </a:lnTo>
                    <a:lnTo>
                      <a:pt x="352" y="381"/>
                    </a:lnTo>
                    <a:lnTo>
                      <a:pt x="352" y="379"/>
                    </a:lnTo>
                    <a:lnTo>
                      <a:pt x="355" y="375"/>
                    </a:lnTo>
                    <a:lnTo>
                      <a:pt x="355" y="372"/>
                    </a:lnTo>
                    <a:lnTo>
                      <a:pt x="353" y="370"/>
                    </a:lnTo>
                    <a:lnTo>
                      <a:pt x="355" y="365"/>
                    </a:lnTo>
                    <a:lnTo>
                      <a:pt x="355" y="362"/>
                    </a:lnTo>
                    <a:lnTo>
                      <a:pt x="358" y="360"/>
                    </a:lnTo>
                    <a:lnTo>
                      <a:pt x="360" y="360"/>
                    </a:lnTo>
                    <a:lnTo>
                      <a:pt x="364" y="359"/>
                    </a:lnTo>
                    <a:lnTo>
                      <a:pt x="365" y="360"/>
                    </a:lnTo>
                    <a:lnTo>
                      <a:pt x="367" y="360"/>
                    </a:lnTo>
                    <a:lnTo>
                      <a:pt x="369" y="360"/>
                    </a:lnTo>
                    <a:lnTo>
                      <a:pt x="369" y="365"/>
                    </a:lnTo>
                    <a:lnTo>
                      <a:pt x="370" y="367"/>
                    </a:lnTo>
                    <a:lnTo>
                      <a:pt x="372" y="367"/>
                    </a:lnTo>
                    <a:lnTo>
                      <a:pt x="372" y="365"/>
                    </a:lnTo>
                    <a:lnTo>
                      <a:pt x="374" y="364"/>
                    </a:lnTo>
                    <a:lnTo>
                      <a:pt x="374" y="362"/>
                    </a:lnTo>
                    <a:lnTo>
                      <a:pt x="375" y="360"/>
                    </a:lnTo>
                    <a:lnTo>
                      <a:pt x="377" y="316"/>
                    </a:lnTo>
                    <a:lnTo>
                      <a:pt x="377" y="318"/>
                    </a:lnTo>
                    <a:lnTo>
                      <a:pt x="377" y="316"/>
                    </a:lnTo>
                    <a:lnTo>
                      <a:pt x="372" y="293"/>
                    </a:lnTo>
                    <a:lnTo>
                      <a:pt x="365" y="271"/>
                    </a:lnTo>
                    <a:lnTo>
                      <a:pt x="360" y="254"/>
                    </a:lnTo>
                    <a:lnTo>
                      <a:pt x="355" y="237"/>
                    </a:lnTo>
                    <a:lnTo>
                      <a:pt x="350" y="225"/>
                    </a:lnTo>
                    <a:lnTo>
                      <a:pt x="345" y="215"/>
                    </a:lnTo>
                    <a:lnTo>
                      <a:pt x="340" y="206"/>
                    </a:lnTo>
                    <a:lnTo>
                      <a:pt x="336" y="199"/>
                    </a:lnTo>
                    <a:lnTo>
                      <a:pt x="333" y="196"/>
                    </a:lnTo>
                    <a:lnTo>
                      <a:pt x="330" y="193"/>
                    </a:lnTo>
                    <a:lnTo>
                      <a:pt x="326" y="191"/>
                    </a:lnTo>
                    <a:lnTo>
                      <a:pt x="323" y="189"/>
                    </a:lnTo>
                    <a:lnTo>
                      <a:pt x="321" y="189"/>
                    </a:lnTo>
                    <a:lnTo>
                      <a:pt x="318" y="191"/>
                    </a:lnTo>
                    <a:lnTo>
                      <a:pt x="316" y="191"/>
                    </a:lnTo>
                    <a:lnTo>
                      <a:pt x="314" y="193"/>
                    </a:lnTo>
                    <a:lnTo>
                      <a:pt x="311" y="194"/>
                    </a:lnTo>
                    <a:lnTo>
                      <a:pt x="308" y="198"/>
                    </a:lnTo>
                    <a:lnTo>
                      <a:pt x="303" y="199"/>
                    </a:lnTo>
                    <a:lnTo>
                      <a:pt x="299" y="201"/>
                    </a:lnTo>
                    <a:lnTo>
                      <a:pt x="296" y="203"/>
                    </a:lnTo>
                    <a:lnTo>
                      <a:pt x="294" y="205"/>
                    </a:lnTo>
                    <a:lnTo>
                      <a:pt x="292" y="205"/>
                    </a:lnTo>
                    <a:lnTo>
                      <a:pt x="292" y="206"/>
                    </a:lnTo>
                    <a:lnTo>
                      <a:pt x="287" y="210"/>
                    </a:lnTo>
                    <a:lnTo>
                      <a:pt x="284" y="218"/>
                    </a:lnTo>
                    <a:lnTo>
                      <a:pt x="284" y="221"/>
                    </a:lnTo>
                    <a:lnTo>
                      <a:pt x="282" y="225"/>
                    </a:lnTo>
                    <a:lnTo>
                      <a:pt x="281" y="230"/>
                    </a:lnTo>
                    <a:lnTo>
                      <a:pt x="277" y="233"/>
                    </a:lnTo>
                    <a:lnTo>
                      <a:pt x="276" y="238"/>
                    </a:lnTo>
                    <a:lnTo>
                      <a:pt x="272" y="242"/>
                    </a:lnTo>
                    <a:lnTo>
                      <a:pt x="269" y="242"/>
                    </a:lnTo>
                    <a:lnTo>
                      <a:pt x="269" y="247"/>
                    </a:lnTo>
                    <a:lnTo>
                      <a:pt x="267" y="250"/>
                    </a:lnTo>
                    <a:lnTo>
                      <a:pt x="265" y="254"/>
                    </a:lnTo>
                    <a:lnTo>
                      <a:pt x="264" y="255"/>
                    </a:lnTo>
                    <a:lnTo>
                      <a:pt x="262" y="257"/>
                    </a:lnTo>
                    <a:lnTo>
                      <a:pt x="260" y="259"/>
                    </a:lnTo>
                    <a:lnTo>
                      <a:pt x="259" y="259"/>
                    </a:lnTo>
                    <a:lnTo>
                      <a:pt x="255" y="259"/>
                    </a:lnTo>
                    <a:lnTo>
                      <a:pt x="254" y="257"/>
                    </a:lnTo>
                    <a:lnTo>
                      <a:pt x="252" y="257"/>
                    </a:lnTo>
                    <a:lnTo>
                      <a:pt x="250" y="257"/>
                    </a:lnTo>
                    <a:lnTo>
                      <a:pt x="247" y="255"/>
                    </a:lnTo>
                    <a:lnTo>
                      <a:pt x="238" y="255"/>
                    </a:lnTo>
                    <a:lnTo>
                      <a:pt x="235" y="250"/>
                    </a:lnTo>
                    <a:lnTo>
                      <a:pt x="232" y="245"/>
                    </a:lnTo>
                    <a:lnTo>
                      <a:pt x="232" y="240"/>
                    </a:lnTo>
                    <a:lnTo>
                      <a:pt x="232" y="233"/>
                    </a:lnTo>
                    <a:lnTo>
                      <a:pt x="233" y="228"/>
                    </a:lnTo>
                    <a:lnTo>
                      <a:pt x="233" y="225"/>
                    </a:lnTo>
                    <a:lnTo>
                      <a:pt x="235" y="223"/>
                    </a:lnTo>
                    <a:lnTo>
                      <a:pt x="235" y="218"/>
                    </a:lnTo>
                    <a:lnTo>
                      <a:pt x="237" y="215"/>
                    </a:lnTo>
                    <a:lnTo>
                      <a:pt x="238" y="213"/>
                    </a:lnTo>
                    <a:lnTo>
                      <a:pt x="242" y="211"/>
                    </a:lnTo>
                    <a:lnTo>
                      <a:pt x="243" y="210"/>
                    </a:lnTo>
                    <a:lnTo>
                      <a:pt x="247" y="210"/>
                    </a:lnTo>
                    <a:lnTo>
                      <a:pt x="248" y="208"/>
                    </a:lnTo>
                    <a:lnTo>
                      <a:pt x="259" y="198"/>
                    </a:lnTo>
                    <a:lnTo>
                      <a:pt x="262" y="176"/>
                    </a:lnTo>
                    <a:lnTo>
                      <a:pt x="276" y="164"/>
                    </a:lnTo>
                    <a:lnTo>
                      <a:pt x="276" y="162"/>
                    </a:lnTo>
                    <a:lnTo>
                      <a:pt x="276" y="159"/>
                    </a:lnTo>
                    <a:lnTo>
                      <a:pt x="276" y="152"/>
                    </a:lnTo>
                    <a:lnTo>
                      <a:pt x="276" y="147"/>
                    </a:lnTo>
                    <a:lnTo>
                      <a:pt x="276" y="140"/>
                    </a:lnTo>
                    <a:lnTo>
                      <a:pt x="276" y="133"/>
                    </a:lnTo>
                    <a:lnTo>
                      <a:pt x="276" y="128"/>
                    </a:lnTo>
                    <a:lnTo>
                      <a:pt x="276" y="127"/>
                    </a:lnTo>
                    <a:lnTo>
                      <a:pt x="276" y="118"/>
                    </a:lnTo>
                    <a:lnTo>
                      <a:pt x="274" y="110"/>
                    </a:lnTo>
                    <a:lnTo>
                      <a:pt x="272" y="105"/>
                    </a:lnTo>
                    <a:lnTo>
                      <a:pt x="269" y="100"/>
                    </a:lnTo>
                    <a:lnTo>
                      <a:pt x="267" y="96"/>
                    </a:lnTo>
                    <a:lnTo>
                      <a:pt x="264" y="93"/>
                    </a:lnTo>
                    <a:lnTo>
                      <a:pt x="262" y="91"/>
                    </a:lnTo>
                    <a:lnTo>
                      <a:pt x="260" y="89"/>
                    </a:lnTo>
                    <a:lnTo>
                      <a:pt x="255" y="86"/>
                    </a:lnTo>
                    <a:lnTo>
                      <a:pt x="254" y="83"/>
                    </a:lnTo>
                    <a:lnTo>
                      <a:pt x="254" y="79"/>
                    </a:lnTo>
                    <a:lnTo>
                      <a:pt x="254" y="76"/>
                    </a:lnTo>
                    <a:lnTo>
                      <a:pt x="255" y="74"/>
                    </a:lnTo>
                    <a:lnTo>
                      <a:pt x="257" y="73"/>
                    </a:lnTo>
                    <a:lnTo>
                      <a:pt x="259" y="71"/>
                    </a:lnTo>
                    <a:lnTo>
                      <a:pt x="260" y="71"/>
                    </a:lnTo>
                    <a:lnTo>
                      <a:pt x="265" y="76"/>
                    </a:lnTo>
                    <a:lnTo>
                      <a:pt x="269" y="76"/>
                    </a:lnTo>
                    <a:lnTo>
                      <a:pt x="270" y="76"/>
                    </a:lnTo>
                    <a:lnTo>
                      <a:pt x="270" y="74"/>
                    </a:lnTo>
                    <a:lnTo>
                      <a:pt x="270" y="73"/>
                    </a:lnTo>
                    <a:lnTo>
                      <a:pt x="269" y="71"/>
                    </a:lnTo>
                    <a:lnTo>
                      <a:pt x="269" y="69"/>
                    </a:lnTo>
                    <a:lnTo>
                      <a:pt x="267" y="67"/>
                    </a:lnTo>
                    <a:lnTo>
                      <a:pt x="248" y="40"/>
                    </a:lnTo>
                    <a:lnTo>
                      <a:pt x="240" y="39"/>
                    </a:lnTo>
                    <a:lnTo>
                      <a:pt x="232" y="37"/>
                    </a:lnTo>
                    <a:lnTo>
                      <a:pt x="225" y="35"/>
                    </a:lnTo>
                    <a:lnTo>
                      <a:pt x="220" y="34"/>
                    </a:lnTo>
                    <a:lnTo>
                      <a:pt x="215" y="32"/>
                    </a:lnTo>
                    <a:lnTo>
                      <a:pt x="211" y="29"/>
                    </a:lnTo>
                    <a:lnTo>
                      <a:pt x="210" y="27"/>
                    </a:lnTo>
                    <a:lnTo>
                      <a:pt x="208" y="27"/>
                    </a:lnTo>
                    <a:lnTo>
                      <a:pt x="193" y="27"/>
                    </a:lnTo>
                    <a:lnTo>
                      <a:pt x="179" y="12"/>
                    </a:lnTo>
                    <a:lnTo>
                      <a:pt x="152" y="10"/>
                    </a:lnTo>
                    <a:lnTo>
                      <a:pt x="138" y="0"/>
                    </a:lnTo>
                    <a:lnTo>
                      <a:pt x="130" y="0"/>
                    </a:lnTo>
                    <a:lnTo>
                      <a:pt x="125" y="3"/>
                    </a:lnTo>
                    <a:lnTo>
                      <a:pt x="115" y="1"/>
                    </a:lnTo>
                    <a:lnTo>
                      <a:pt x="115" y="3"/>
                    </a:lnTo>
                    <a:lnTo>
                      <a:pt x="115" y="7"/>
                    </a:lnTo>
                    <a:lnTo>
                      <a:pt x="115" y="10"/>
                    </a:lnTo>
                    <a:lnTo>
                      <a:pt x="115" y="12"/>
                    </a:lnTo>
                    <a:lnTo>
                      <a:pt x="108" y="17"/>
                    </a:lnTo>
                    <a:lnTo>
                      <a:pt x="105" y="22"/>
                    </a:lnTo>
                    <a:lnTo>
                      <a:pt x="103" y="27"/>
                    </a:lnTo>
                    <a:lnTo>
                      <a:pt x="105" y="32"/>
                    </a:lnTo>
                    <a:lnTo>
                      <a:pt x="106" y="37"/>
                    </a:lnTo>
                    <a:lnTo>
                      <a:pt x="110" y="40"/>
                    </a:lnTo>
                    <a:lnTo>
                      <a:pt x="111" y="42"/>
                    </a:lnTo>
                    <a:lnTo>
                      <a:pt x="113" y="44"/>
                    </a:lnTo>
                    <a:lnTo>
                      <a:pt x="116" y="44"/>
                    </a:lnTo>
                    <a:lnTo>
                      <a:pt x="120" y="45"/>
                    </a:lnTo>
                    <a:lnTo>
                      <a:pt x="120" y="47"/>
                    </a:lnTo>
                    <a:lnTo>
                      <a:pt x="120" y="49"/>
                    </a:lnTo>
                    <a:lnTo>
                      <a:pt x="120" y="51"/>
                    </a:lnTo>
                    <a:lnTo>
                      <a:pt x="118" y="52"/>
                    </a:lnTo>
                    <a:lnTo>
                      <a:pt x="116" y="52"/>
                    </a:lnTo>
                    <a:lnTo>
                      <a:pt x="116" y="54"/>
                    </a:lnTo>
                    <a:lnTo>
                      <a:pt x="108" y="54"/>
                    </a:lnTo>
                    <a:lnTo>
                      <a:pt x="101" y="56"/>
                    </a:lnTo>
                    <a:lnTo>
                      <a:pt x="96" y="59"/>
                    </a:lnTo>
                    <a:lnTo>
                      <a:pt x="91" y="62"/>
                    </a:lnTo>
                    <a:lnTo>
                      <a:pt x="89" y="67"/>
                    </a:lnTo>
                    <a:lnTo>
                      <a:pt x="86" y="71"/>
                    </a:lnTo>
                    <a:lnTo>
                      <a:pt x="86" y="73"/>
                    </a:lnTo>
                    <a:lnTo>
                      <a:pt x="86" y="74"/>
                    </a:lnTo>
                    <a:lnTo>
                      <a:pt x="88" y="79"/>
                    </a:lnTo>
                    <a:lnTo>
                      <a:pt x="88" y="86"/>
                    </a:lnTo>
                    <a:lnTo>
                      <a:pt x="89" y="91"/>
                    </a:lnTo>
                    <a:lnTo>
                      <a:pt x="89" y="96"/>
                    </a:lnTo>
                    <a:lnTo>
                      <a:pt x="89" y="101"/>
                    </a:lnTo>
                    <a:lnTo>
                      <a:pt x="89" y="106"/>
                    </a:lnTo>
                    <a:lnTo>
                      <a:pt x="88" y="110"/>
                    </a:lnTo>
                    <a:lnTo>
                      <a:pt x="86" y="115"/>
                    </a:lnTo>
                    <a:lnTo>
                      <a:pt x="86" y="118"/>
                    </a:lnTo>
                    <a:lnTo>
                      <a:pt x="84" y="123"/>
                    </a:lnTo>
                    <a:lnTo>
                      <a:pt x="83" y="127"/>
                    </a:lnTo>
                    <a:lnTo>
                      <a:pt x="83" y="128"/>
                    </a:lnTo>
                    <a:lnTo>
                      <a:pt x="81" y="132"/>
                    </a:lnTo>
                    <a:lnTo>
                      <a:pt x="79" y="133"/>
                    </a:lnTo>
                    <a:lnTo>
                      <a:pt x="72" y="132"/>
                    </a:lnTo>
                    <a:lnTo>
                      <a:pt x="66" y="130"/>
                    </a:lnTo>
                    <a:lnTo>
                      <a:pt x="66" y="128"/>
                    </a:lnTo>
                    <a:lnTo>
                      <a:pt x="67" y="125"/>
                    </a:lnTo>
                    <a:lnTo>
                      <a:pt x="67" y="118"/>
                    </a:lnTo>
                    <a:lnTo>
                      <a:pt x="69" y="113"/>
                    </a:lnTo>
                    <a:lnTo>
                      <a:pt x="71" y="106"/>
                    </a:lnTo>
                    <a:lnTo>
                      <a:pt x="71" y="100"/>
                    </a:lnTo>
                    <a:lnTo>
                      <a:pt x="71" y="95"/>
                    </a:lnTo>
                    <a:lnTo>
                      <a:pt x="71" y="93"/>
                    </a:lnTo>
                    <a:lnTo>
                      <a:pt x="69" y="86"/>
                    </a:lnTo>
                    <a:lnTo>
                      <a:pt x="67" y="83"/>
                    </a:lnTo>
                    <a:lnTo>
                      <a:pt x="66" y="81"/>
                    </a:lnTo>
                    <a:lnTo>
                      <a:pt x="64" y="83"/>
                    </a:lnTo>
                    <a:lnTo>
                      <a:pt x="64" y="84"/>
                    </a:lnTo>
                    <a:lnTo>
                      <a:pt x="62" y="88"/>
                    </a:lnTo>
                    <a:lnTo>
                      <a:pt x="62" y="89"/>
                    </a:lnTo>
                    <a:lnTo>
                      <a:pt x="61" y="91"/>
                    </a:lnTo>
                    <a:lnTo>
                      <a:pt x="61" y="93"/>
                    </a:lnTo>
                    <a:lnTo>
                      <a:pt x="59" y="98"/>
                    </a:lnTo>
                    <a:lnTo>
                      <a:pt x="56" y="101"/>
                    </a:lnTo>
                    <a:lnTo>
                      <a:pt x="54" y="106"/>
                    </a:lnTo>
                    <a:lnTo>
                      <a:pt x="52" y="110"/>
                    </a:lnTo>
                    <a:lnTo>
                      <a:pt x="50" y="113"/>
                    </a:lnTo>
                    <a:lnTo>
                      <a:pt x="49" y="113"/>
                    </a:lnTo>
                    <a:lnTo>
                      <a:pt x="44" y="111"/>
                    </a:lnTo>
                    <a:lnTo>
                      <a:pt x="40" y="111"/>
                    </a:lnTo>
                    <a:lnTo>
                      <a:pt x="39" y="113"/>
                    </a:lnTo>
                    <a:lnTo>
                      <a:pt x="39" y="115"/>
                    </a:lnTo>
                    <a:lnTo>
                      <a:pt x="39" y="117"/>
                    </a:lnTo>
                    <a:lnTo>
                      <a:pt x="32" y="120"/>
                    </a:lnTo>
                    <a:lnTo>
                      <a:pt x="32" y="122"/>
                    </a:lnTo>
                    <a:lnTo>
                      <a:pt x="32" y="125"/>
                    </a:lnTo>
                    <a:lnTo>
                      <a:pt x="30" y="128"/>
                    </a:lnTo>
                    <a:lnTo>
                      <a:pt x="30" y="133"/>
                    </a:lnTo>
                    <a:lnTo>
                      <a:pt x="30" y="137"/>
                    </a:lnTo>
                    <a:lnTo>
                      <a:pt x="30" y="139"/>
                    </a:lnTo>
                    <a:lnTo>
                      <a:pt x="30" y="140"/>
                    </a:lnTo>
                    <a:lnTo>
                      <a:pt x="23" y="144"/>
                    </a:lnTo>
                    <a:lnTo>
                      <a:pt x="20" y="147"/>
                    </a:lnTo>
                    <a:lnTo>
                      <a:pt x="18" y="150"/>
                    </a:lnTo>
                    <a:lnTo>
                      <a:pt x="17" y="152"/>
                    </a:lnTo>
                    <a:lnTo>
                      <a:pt x="15" y="155"/>
                    </a:lnTo>
                    <a:lnTo>
                      <a:pt x="17" y="159"/>
                    </a:lnTo>
                    <a:lnTo>
                      <a:pt x="17" y="161"/>
                    </a:lnTo>
                    <a:lnTo>
                      <a:pt x="18" y="162"/>
                    </a:lnTo>
                    <a:lnTo>
                      <a:pt x="20" y="166"/>
                    </a:lnTo>
                    <a:lnTo>
                      <a:pt x="20" y="171"/>
                    </a:lnTo>
                    <a:lnTo>
                      <a:pt x="20" y="176"/>
                    </a:lnTo>
                    <a:lnTo>
                      <a:pt x="20" y="181"/>
                    </a:lnTo>
                    <a:lnTo>
                      <a:pt x="18" y="186"/>
                    </a:lnTo>
                    <a:lnTo>
                      <a:pt x="17" y="193"/>
                    </a:lnTo>
                    <a:lnTo>
                      <a:pt x="15" y="198"/>
                    </a:lnTo>
                    <a:lnTo>
                      <a:pt x="13" y="203"/>
                    </a:lnTo>
                    <a:lnTo>
                      <a:pt x="12" y="210"/>
                    </a:lnTo>
                    <a:lnTo>
                      <a:pt x="10" y="215"/>
                    </a:lnTo>
                    <a:lnTo>
                      <a:pt x="8" y="220"/>
                    </a:lnTo>
                    <a:lnTo>
                      <a:pt x="6" y="225"/>
                    </a:lnTo>
                    <a:lnTo>
                      <a:pt x="5" y="228"/>
                    </a:lnTo>
                    <a:lnTo>
                      <a:pt x="3" y="232"/>
                    </a:lnTo>
                    <a:lnTo>
                      <a:pt x="3" y="233"/>
                    </a:lnTo>
                    <a:lnTo>
                      <a:pt x="5" y="238"/>
                    </a:lnTo>
                    <a:lnTo>
                      <a:pt x="6" y="245"/>
                    </a:lnTo>
                    <a:lnTo>
                      <a:pt x="8" y="250"/>
                    </a:lnTo>
                    <a:lnTo>
                      <a:pt x="8" y="255"/>
                    </a:lnTo>
                    <a:lnTo>
                      <a:pt x="10" y="260"/>
                    </a:lnTo>
                    <a:lnTo>
                      <a:pt x="10" y="264"/>
                    </a:lnTo>
                    <a:lnTo>
                      <a:pt x="10" y="267"/>
                    </a:lnTo>
                    <a:lnTo>
                      <a:pt x="6" y="269"/>
                    </a:lnTo>
                    <a:lnTo>
                      <a:pt x="5" y="271"/>
                    </a:lnTo>
                    <a:lnTo>
                      <a:pt x="3" y="274"/>
                    </a:lnTo>
                    <a:lnTo>
                      <a:pt x="3" y="277"/>
                    </a:lnTo>
                    <a:lnTo>
                      <a:pt x="5" y="282"/>
                    </a:lnTo>
                    <a:lnTo>
                      <a:pt x="6" y="287"/>
                    </a:lnTo>
                    <a:lnTo>
                      <a:pt x="8" y="294"/>
                    </a:lnTo>
                    <a:lnTo>
                      <a:pt x="12" y="299"/>
                    </a:lnTo>
                    <a:lnTo>
                      <a:pt x="15" y="306"/>
                    </a:lnTo>
                    <a:lnTo>
                      <a:pt x="17" y="311"/>
                    </a:lnTo>
                    <a:lnTo>
                      <a:pt x="20" y="318"/>
                    </a:lnTo>
                    <a:lnTo>
                      <a:pt x="23" y="323"/>
                    </a:lnTo>
                    <a:lnTo>
                      <a:pt x="25" y="326"/>
                    </a:lnTo>
                    <a:lnTo>
                      <a:pt x="27" y="330"/>
                    </a:lnTo>
                    <a:lnTo>
                      <a:pt x="28" y="333"/>
                    </a:lnTo>
                    <a:lnTo>
                      <a:pt x="30" y="333"/>
                    </a:lnTo>
                    <a:lnTo>
                      <a:pt x="34" y="338"/>
                    </a:lnTo>
                    <a:lnTo>
                      <a:pt x="37" y="345"/>
                    </a:lnTo>
                    <a:lnTo>
                      <a:pt x="39" y="353"/>
                    </a:lnTo>
                    <a:lnTo>
                      <a:pt x="42" y="362"/>
                    </a:lnTo>
                    <a:lnTo>
                      <a:pt x="42" y="370"/>
                    </a:lnTo>
                    <a:lnTo>
                      <a:pt x="44" y="381"/>
                    </a:lnTo>
                    <a:lnTo>
                      <a:pt x="44" y="391"/>
                    </a:lnTo>
                    <a:lnTo>
                      <a:pt x="44" y="401"/>
                    </a:lnTo>
                    <a:lnTo>
                      <a:pt x="44" y="411"/>
                    </a:lnTo>
                    <a:lnTo>
                      <a:pt x="44" y="419"/>
                    </a:lnTo>
                    <a:lnTo>
                      <a:pt x="44" y="428"/>
                    </a:lnTo>
                    <a:lnTo>
                      <a:pt x="42" y="436"/>
                    </a:lnTo>
                    <a:lnTo>
                      <a:pt x="42" y="441"/>
                    </a:lnTo>
                    <a:lnTo>
                      <a:pt x="40" y="447"/>
                    </a:lnTo>
                    <a:lnTo>
                      <a:pt x="40" y="450"/>
                    </a:lnTo>
                    <a:lnTo>
                      <a:pt x="40" y="452"/>
                    </a:lnTo>
                    <a:lnTo>
                      <a:pt x="32" y="463"/>
                    </a:lnTo>
                    <a:lnTo>
                      <a:pt x="27" y="474"/>
                    </a:lnTo>
                    <a:lnTo>
                      <a:pt x="23" y="480"/>
                    </a:lnTo>
                    <a:lnTo>
                      <a:pt x="23" y="487"/>
                    </a:lnTo>
                    <a:lnTo>
                      <a:pt x="23" y="491"/>
                    </a:lnTo>
                    <a:lnTo>
                      <a:pt x="23" y="494"/>
                    </a:lnTo>
                    <a:lnTo>
                      <a:pt x="23" y="496"/>
                    </a:lnTo>
                    <a:lnTo>
                      <a:pt x="18" y="502"/>
                    </a:lnTo>
                    <a:lnTo>
                      <a:pt x="15" y="506"/>
                    </a:lnTo>
                    <a:lnTo>
                      <a:pt x="12" y="511"/>
                    </a:lnTo>
                    <a:lnTo>
                      <a:pt x="8" y="513"/>
                    </a:lnTo>
                    <a:lnTo>
                      <a:pt x="6" y="516"/>
                    </a:lnTo>
                    <a:lnTo>
                      <a:pt x="3" y="518"/>
                    </a:lnTo>
                    <a:lnTo>
                      <a:pt x="3" y="519"/>
                    </a:lnTo>
                    <a:lnTo>
                      <a:pt x="1" y="519"/>
                    </a:lnTo>
                    <a:lnTo>
                      <a:pt x="0" y="519"/>
                    </a:lnTo>
                    <a:lnTo>
                      <a:pt x="184" y="497"/>
                    </a:lnTo>
                    <a:lnTo>
                      <a:pt x="188" y="514"/>
                    </a:lnTo>
                    <a:lnTo>
                      <a:pt x="304" y="496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408" name="Freeform 129"/>
            <p:cNvSpPr>
              <a:spLocks/>
            </p:cNvSpPr>
            <p:nvPr/>
          </p:nvSpPr>
          <p:spPr bwMode="auto">
            <a:xfrm>
              <a:off x="3986" y="2043"/>
              <a:ext cx="434" cy="427"/>
            </a:xfrm>
            <a:custGeom>
              <a:avLst/>
              <a:gdLst>
                <a:gd name="T0" fmla="*/ 44 w 446"/>
                <a:gd name="T1" fmla="*/ 263 h 440"/>
                <a:gd name="T2" fmla="*/ 35 w 446"/>
                <a:gd name="T3" fmla="*/ 261 h 440"/>
                <a:gd name="T4" fmla="*/ 18 w 446"/>
                <a:gd name="T5" fmla="*/ 234 h 440"/>
                <a:gd name="T6" fmla="*/ 5 w 446"/>
                <a:gd name="T7" fmla="*/ 218 h 440"/>
                <a:gd name="T8" fmla="*/ 3 w 446"/>
                <a:gd name="T9" fmla="*/ 201 h 440"/>
                <a:gd name="T10" fmla="*/ 1 w 446"/>
                <a:gd name="T11" fmla="*/ 196 h 440"/>
                <a:gd name="T12" fmla="*/ 18 w 446"/>
                <a:gd name="T13" fmla="*/ 195 h 440"/>
                <a:gd name="T14" fmla="*/ 18 w 446"/>
                <a:gd name="T15" fmla="*/ 167 h 440"/>
                <a:gd name="T16" fmla="*/ 23 w 446"/>
                <a:gd name="T17" fmla="*/ 160 h 440"/>
                <a:gd name="T18" fmla="*/ 26 w 446"/>
                <a:gd name="T19" fmla="*/ 148 h 440"/>
                <a:gd name="T20" fmla="*/ 40 w 446"/>
                <a:gd name="T21" fmla="*/ 148 h 440"/>
                <a:gd name="T22" fmla="*/ 47 w 446"/>
                <a:gd name="T23" fmla="*/ 148 h 440"/>
                <a:gd name="T24" fmla="*/ 64 w 446"/>
                <a:gd name="T25" fmla="*/ 110 h 440"/>
                <a:gd name="T26" fmla="*/ 74 w 446"/>
                <a:gd name="T27" fmla="*/ 110 h 440"/>
                <a:gd name="T28" fmla="*/ 81 w 446"/>
                <a:gd name="T29" fmla="*/ 103 h 440"/>
                <a:gd name="T30" fmla="*/ 90 w 446"/>
                <a:gd name="T31" fmla="*/ 90 h 440"/>
                <a:gd name="T32" fmla="*/ 97 w 446"/>
                <a:gd name="T33" fmla="*/ 72 h 440"/>
                <a:gd name="T34" fmla="*/ 98 w 446"/>
                <a:gd name="T35" fmla="*/ 59 h 440"/>
                <a:gd name="T36" fmla="*/ 102 w 446"/>
                <a:gd name="T37" fmla="*/ 37 h 440"/>
                <a:gd name="T38" fmla="*/ 100 w 446"/>
                <a:gd name="T39" fmla="*/ 10 h 440"/>
                <a:gd name="T40" fmla="*/ 184 w 446"/>
                <a:gd name="T41" fmla="*/ 62 h 440"/>
                <a:gd name="T42" fmla="*/ 216 w 446"/>
                <a:gd name="T43" fmla="*/ 80 h 440"/>
                <a:gd name="T44" fmla="*/ 230 w 446"/>
                <a:gd name="T45" fmla="*/ 65 h 440"/>
                <a:gd name="T46" fmla="*/ 249 w 446"/>
                <a:gd name="T47" fmla="*/ 66 h 440"/>
                <a:gd name="T48" fmla="*/ 260 w 446"/>
                <a:gd name="T49" fmla="*/ 53 h 440"/>
                <a:gd name="T50" fmla="*/ 282 w 446"/>
                <a:gd name="T51" fmla="*/ 55 h 440"/>
                <a:gd name="T52" fmla="*/ 290 w 446"/>
                <a:gd name="T53" fmla="*/ 55 h 440"/>
                <a:gd name="T54" fmla="*/ 296 w 446"/>
                <a:gd name="T55" fmla="*/ 62 h 440"/>
                <a:gd name="T56" fmla="*/ 302 w 446"/>
                <a:gd name="T57" fmla="*/ 79 h 440"/>
                <a:gd name="T58" fmla="*/ 299 w 446"/>
                <a:gd name="T59" fmla="*/ 86 h 440"/>
                <a:gd name="T60" fmla="*/ 276 w 446"/>
                <a:gd name="T61" fmla="*/ 80 h 440"/>
                <a:gd name="T62" fmla="*/ 262 w 446"/>
                <a:gd name="T63" fmla="*/ 74 h 440"/>
                <a:gd name="T64" fmla="*/ 254 w 446"/>
                <a:gd name="T65" fmla="*/ 107 h 440"/>
                <a:gd name="T66" fmla="*/ 242 w 446"/>
                <a:gd name="T67" fmla="*/ 119 h 440"/>
                <a:gd name="T68" fmla="*/ 236 w 446"/>
                <a:gd name="T69" fmla="*/ 134 h 440"/>
                <a:gd name="T70" fmla="*/ 229 w 446"/>
                <a:gd name="T71" fmla="*/ 129 h 440"/>
                <a:gd name="T72" fmla="*/ 223 w 446"/>
                <a:gd name="T73" fmla="*/ 143 h 440"/>
                <a:gd name="T74" fmla="*/ 221 w 446"/>
                <a:gd name="T75" fmla="*/ 149 h 440"/>
                <a:gd name="T76" fmla="*/ 218 w 446"/>
                <a:gd name="T77" fmla="*/ 159 h 440"/>
                <a:gd name="T78" fmla="*/ 199 w 446"/>
                <a:gd name="T79" fmla="*/ 160 h 440"/>
                <a:gd name="T80" fmla="*/ 188 w 446"/>
                <a:gd name="T81" fmla="*/ 160 h 440"/>
                <a:gd name="T82" fmla="*/ 188 w 446"/>
                <a:gd name="T83" fmla="*/ 176 h 440"/>
                <a:gd name="T84" fmla="*/ 183 w 446"/>
                <a:gd name="T85" fmla="*/ 189 h 440"/>
                <a:gd name="T86" fmla="*/ 179 w 446"/>
                <a:gd name="T87" fmla="*/ 195 h 440"/>
                <a:gd name="T88" fmla="*/ 174 w 446"/>
                <a:gd name="T89" fmla="*/ 212 h 440"/>
                <a:gd name="T90" fmla="*/ 163 w 446"/>
                <a:gd name="T91" fmla="*/ 232 h 440"/>
                <a:gd name="T92" fmla="*/ 163 w 446"/>
                <a:gd name="T93" fmla="*/ 239 h 440"/>
                <a:gd name="T94" fmla="*/ 164 w 446"/>
                <a:gd name="T95" fmla="*/ 253 h 440"/>
                <a:gd name="T96" fmla="*/ 148 w 446"/>
                <a:gd name="T97" fmla="*/ 259 h 440"/>
                <a:gd name="T98" fmla="*/ 136 w 446"/>
                <a:gd name="T99" fmla="*/ 267 h 440"/>
                <a:gd name="T100" fmla="*/ 125 w 446"/>
                <a:gd name="T101" fmla="*/ 268 h 440"/>
                <a:gd name="T102" fmla="*/ 122 w 446"/>
                <a:gd name="T103" fmla="*/ 276 h 440"/>
                <a:gd name="T104" fmla="*/ 118 w 446"/>
                <a:gd name="T105" fmla="*/ 279 h 440"/>
                <a:gd name="T106" fmla="*/ 97 w 446"/>
                <a:gd name="T107" fmla="*/ 280 h 440"/>
                <a:gd name="T108" fmla="*/ 90 w 446"/>
                <a:gd name="T109" fmla="*/ 285 h 440"/>
                <a:gd name="T110" fmla="*/ 74 w 446"/>
                <a:gd name="T111" fmla="*/ 288 h 440"/>
                <a:gd name="T112" fmla="*/ 55 w 446"/>
                <a:gd name="T113" fmla="*/ 279 h 440"/>
                <a:gd name="T114" fmla="*/ 51 w 446"/>
                <a:gd name="T115" fmla="*/ 265 h 440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446"/>
                <a:gd name="T175" fmla="*/ 0 h 440"/>
                <a:gd name="T176" fmla="*/ 446 w 446"/>
                <a:gd name="T177" fmla="*/ 440 h 440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446" h="440">
                  <a:moveTo>
                    <a:pt x="76" y="404"/>
                  </a:moveTo>
                  <a:lnTo>
                    <a:pt x="64" y="404"/>
                  </a:lnTo>
                  <a:lnTo>
                    <a:pt x="64" y="402"/>
                  </a:lnTo>
                  <a:lnTo>
                    <a:pt x="62" y="401"/>
                  </a:lnTo>
                  <a:lnTo>
                    <a:pt x="62" y="399"/>
                  </a:lnTo>
                  <a:lnTo>
                    <a:pt x="61" y="397"/>
                  </a:lnTo>
                  <a:lnTo>
                    <a:pt x="57" y="397"/>
                  </a:lnTo>
                  <a:lnTo>
                    <a:pt x="54" y="396"/>
                  </a:lnTo>
                  <a:lnTo>
                    <a:pt x="49" y="396"/>
                  </a:lnTo>
                  <a:lnTo>
                    <a:pt x="49" y="394"/>
                  </a:lnTo>
                  <a:lnTo>
                    <a:pt x="45" y="389"/>
                  </a:lnTo>
                  <a:lnTo>
                    <a:pt x="40" y="384"/>
                  </a:lnTo>
                  <a:lnTo>
                    <a:pt x="35" y="375"/>
                  </a:lnTo>
                  <a:lnTo>
                    <a:pt x="28" y="367"/>
                  </a:lnTo>
                  <a:lnTo>
                    <a:pt x="22" y="357"/>
                  </a:lnTo>
                  <a:lnTo>
                    <a:pt x="13" y="348"/>
                  </a:lnTo>
                  <a:lnTo>
                    <a:pt x="5" y="338"/>
                  </a:lnTo>
                  <a:lnTo>
                    <a:pt x="5" y="335"/>
                  </a:lnTo>
                  <a:lnTo>
                    <a:pt x="5" y="331"/>
                  </a:lnTo>
                  <a:lnTo>
                    <a:pt x="6" y="326"/>
                  </a:lnTo>
                  <a:lnTo>
                    <a:pt x="6" y="323"/>
                  </a:lnTo>
                  <a:lnTo>
                    <a:pt x="6" y="318"/>
                  </a:lnTo>
                  <a:lnTo>
                    <a:pt x="5" y="311"/>
                  </a:lnTo>
                  <a:lnTo>
                    <a:pt x="3" y="306"/>
                  </a:lnTo>
                  <a:lnTo>
                    <a:pt x="0" y="303"/>
                  </a:lnTo>
                  <a:lnTo>
                    <a:pt x="0" y="299"/>
                  </a:lnTo>
                  <a:lnTo>
                    <a:pt x="0" y="297"/>
                  </a:lnTo>
                  <a:lnTo>
                    <a:pt x="1" y="297"/>
                  </a:lnTo>
                  <a:lnTo>
                    <a:pt x="1" y="299"/>
                  </a:lnTo>
                  <a:lnTo>
                    <a:pt x="3" y="299"/>
                  </a:lnTo>
                  <a:lnTo>
                    <a:pt x="6" y="303"/>
                  </a:lnTo>
                  <a:lnTo>
                    <a:pt x="13" y="301"/>
                  </a:lnTo>
                  <a:lnTo>
                    <a:pt x="18" y="297"/>
                  </a:lnTo>
                  <a:lnTo>
                    <a:pt x="23" y="292"/>
                  </a:lnTo>
                  <a:lnTo>
                    <a:pt x="28" y="287"/>
                  </a:lnTo>
                  <a:lnTo>
                    <a:pt x="32" y="281"/>
                  </a:lnTo>
                  <a:lnTo>
                    <a:pt x="34" y="277"/>
                  </a:lnTo>
                  <a:lnTo>
                    <a:pt x="35" y="275"/>
                  </a:lnTo>
                  <a:lnTo>
                    <a:pt x="32" y="253"/>
                  </a:lnTo>
                  <a:lnTo>
                    <a:pt x="34" y="252"/>
                  </a:lnTo>
                  <a:lnTo>
                    <a:pt x="34" y="250"/>
                  </a:lnTo>
                  <a:lnTo>
                    <a:pt x="35" y="247"/>
                  </a:lnTo>
                  <a:lnTo>
                    <a:pt x="37" y="243"/>
                  </a:lnTo>
                  <a:lnTo>
                    <a:pt x="39" y="242"/>
                  </a:lnTo>
                  <a:lnTo>
                    <a:pt x="39" y="238"/>
                  </a:lnTo>
                  <a:lnTo>
                    <a:pt x="40" y="230"/>
                  </a:lnTo>
                  <a:lnTo>
                    <a:pt x="40" y="225"/>
                  </a:lnTo>
                  <a:lnTo>
                    <a:pt x="44" y="221"/>
                  </a:lnTo>
                  <a:lnTo>
                    <a:pt x="45" y="221"/>
                  </a:lnTo>
                  <a:lnTo>
                    <a:pt x="49" y="221"/>
                  </a:lnTo>
                  <a:lnTo>
                    <a:pt x="50" y="221"/>
                  </a:lnTo>
                  <a:lnTo>
                    <a:pt x="52" y="223"/>
                  </a:lnTo>
                  <a:lnTo>
                    <a:pt x="54" y="225"/>
                  </a:lnTo>
                  <a:lnTo>
                    <a:pt x="57" y="233"/>
                  </a:lnTo>
                  <a:lnTo>
                    <a:pt x="61" y="235"/>
                  </a:lnTo>
                  <a:lnTo>
                    <a:pt x="62" y="233"/>
                  </a:lnTo>
                  <a:lnTo>
                    <a:pt x="66" y="230"/>
                  </a:lnTo>
                  <a:lnTo>
                    <a:pt x="67" y="225"/>
                  </a:lnTo>
                  <a:lnTo>
                    <a:pt x="67" y="221"/>
                  </a:lnTo>
                  <a:lnTo>
                    <a:pt x="67" y="216"/>
                  </a:lnTo>
                  <a:lnTo>
                    <a:pt x="69" y="216"/>
                  </a:lnTo>
                  <a:lnTo>
                    <a:pt x="71" y="189"/>
                  </a:lnTo>
                  <a:lnTo>
                    <a:pt x="93" y="167"/>
                  </a:lnTo>
                  <a:lnTo>
                    <a:pt x="93" y="169"/>
                  </a:lnTo>
                  <a:lnTo>
                    <a:pt x="94" y="171"/>
                  </a:lnTo>
                  <a:lnTo>
                    <a:pt x="98" y="171"/>
                  </a:lnTo>
                  <a:lnTo>
                    <a:pt x="101" y="169"/>
                  </a:lnTo>
                  <a:lnTo>
                    <a:pt x="105" y="169"/>
                  </a:lnTo>
                  <a:lnTo>
                    <a:pt x="108" y="167"/>
                  </a:lnTo>
                  <a:lnTo>
                    <a:pt x="110" y="165"/>
                  </a:lnTo>
                  <a:lnTo>
                    <a:pt x="110" y="164"/>
                  </a:lnTo>
                  <a:lnTo>
                    <a:pt x="111" y="164"/>
                  </a:lnTo>
                  <a:lnTo>
                    <a:pt x="113" y="160"/>
                  </a:lnTo>
                  <a:lnTo>
                    <a:pt x="118" y="155"/>
                  </a:lnTo>
                  <a:lnTo>
                    <a:pt x="122" y="150"/>
                  </a:lnTo>
                  <a:lnTo>
                    <a:pt x="125" y="147"/>
                  </a:lnTo>
                  <a:lnTo>
                    <a:pt x="130" y="142"/>
                  </a:lnTo>
                  <a:lnTo>
                    <a:pt x="132" y="138"/>
                  </a:lnTo>
                  <a:lnTo>
                    <a:pt x="133" y="137"/>
                  </a:lnTo>
                  <a:lnTo>
                    <a:pt x="138" y="130"/>
                  </a:lnTo>
                  <a:lnTo>
                    <a:pt x="142" y="125"/>
                  </a:lnTo>
                  <a:lnTo>
                    <a:pt x="144" y="120"/>
                  </a:lnTo>
                  <a:lnTo>
                    <a:pt x="144" y="115"/>
                  </a:lnTo>
                  <a:lnTo>
                    <a:pt x="144" y="111"/>
                  </a:lnTo>
                  <a:lnTo>
                    <a:pt x="142" y="108"/>
                  </a:lnTo>
                  <a:lnTo>
                    <a:pt x="142" y="106"/>
                  </a:lnTo>
                  <a:lnTo>
                    <a:pt x="142" y="105"/>
                  </a:lnTo>
                  <a:lnTo>
                    <a:pt x="142" y="103"/>
                  </a:lnTo>
                  <a:lnTo>
                    <a:pt x="142" y="96"/>
                  </a:lnTo>
                  <a:lnTo>
                    <a:pt x="144" y="89"/>
                  </a:lnTo>
                  <a:lnTo>
                    <a:pt x="144" y="79"/>
                  </a:lnTo>
                  <a:lnTo>
                    <a:pt x="145" y="69"/>
                  </a:lnTo>
                  <a:lnTo>
                    <a:pt x="147" y="61"/>
                  </a:lnTo>
                  <a:lnTo>
                    <a:pt x="147" y="55"/>
                  </a:lnTo>
                  <a:lnTo>
                    <a:pt x="149" y="52"/>
                  </a:lnTo>
                  <a:lnTo>
                    <a:pt x="152" y="47"/>
                  </a:lnTo>
                  <a:lnTo>
                    <a:pt x="152" y="40"/>
                  </a:lnTo>
                  <a:lnTo>
                    <a:pt x="152" y="32"/>
                  </a:lnTo>
                  <a:lnTo>
                    <a:pt x="150" y="23"/>
                  </a:lnTo>
                  <a:lnTo>
                    <a:pt x="149" y="15"/>
                  </a:lnTo>
                  <a:lnTo>
                    <a:pt x="147" y="10"/>
                  </a:lnTo>
                  <a:lnTo>
                    <a:pt x="145" y="5"/>
                  </a:lnTo>
                  <a:lnTo>
                    <a:pt x="144" y="3"/>
                  </a:lnTo>
                  <a:lnTo>
                    <a:pt x="155" y="0"/>
                  </a:lnTo>
                  <a:lnTo>
                    <a:pt x="174" y="111"/>
                  </a:lnTo>
                  <a:lnTo>
                    <a:pt x="269" y="93"/>
                  </a:lnTo>
                  <a:lnTo>
                    <a:pt x="279" y="154"/>
                  </a:lnTo>
                  <a:lnTo>
                    <a:pt x="314" y="121"/>
                  </a:lnTo>
                  <a:lnTo>
                    <a:pt x="314" y="123"/>
                  </a:lnTo>
                  <a:lnTo>
                    <a:pt x="316" y="123"/>
                  </a:lnTo>
                  <a:lnTo>
                    <a:pt x="318" y="123"/>
                  </a:lnTo>
                  <a:lnTo>
                    <a:pt x="321" y="121"/>
                  </a:lnTo>
                  <a:lnTo>
                    <a:pt x="326" y="116"/>
                  </a:lnTo>
                  <a:lnTo>
                    <a:pt x="331" y="110"/>
                  </a:lnTo>
                  <a:lnTo>
                    <a:pt x="338" y="98"/>
                  </a:lnTo>
                  <a:lnTo>
                    <a:pt x="340" y="98"/>
                  </a:lnTo>
                  <a:lnTo>
                    <a:pt x="343" y="99"/>
                  </a:lnTo>
                  <a:lnTo>
                    <a:pt x="348" y="101"/>
                  </a:lnTo>
                  <a:lnTo>
                    <a:pt x="353" y="101"/>
                  </a:lnTo>
                  <a:lnTo>
                    <a:pt x="358" y="101"/>
                  </a:lnTo>
                  <a:lnTo>
                    <a:pt x="365" y="99"/>
                  </a:lnTo>
                  <a:lnTo>
                    <a:pt x="370" y="94"/>
                  </a:lnTo>
                  <a:lnTo>
                    <a:pt x="375" y="88"/>
                  </a:lnTo>
                  <a:lnTo>
                    <a:pt x="377" y="86"/>
                  </a:lnTo>
                  <a:lnTo>
                    <a:pt x="377" y="84"/>
                  </a:lnTo>
                  <a:lnTo>
                    <a:pt x="380" y="81"/>
                  </a:lnTo>
                  <a:lnTo>
                    <a:pt x="384" y="79"/>
                  </a:lnTo>
                  <a:lnTo>
                    <a:pt x="389" y="77"/>
                  </a:lnTo>
                  <a:lnTo>
                    <a:pt x="394" y="77"/>
                  </a:lnTo>
                  <a:lnTo>
                    <a:pt x="402" y="79"/>
                  </a:lnTo>
                  <a:lnTo>
                    <a:pt x="413" y="83"/>
                  </a:lnTo>
                  <a:lnTo>
                    <a:pt x="414" y="83"/>
                  </a:lnTo>
                  <a:lnTo>
                    <a:pt x="416" y="83"/>
                  </a:lnTo>
                  <a:lnTo>
                    <a:pt x="418" y="83"/>
                  </a:lnTo>
                  <a:lnTo>
                    <a:pt x="419" y="83"/>
                  </a:lnTo>
                  <a:lnTo>
                    <a:pt x="423" y="83"/>
                  </a:lnTo>
                  <a:lnTo>
                    <a:pt x="424" y="83"/>
                  </a:lnTo>
                  <a:lnTo>
                    <a:pt x="426" y="83"/>
                  </a:lnTo>
                  <a:lnTo>
                    <a:pt x="428" y="89"/>
                  </a:lnTo>
                  <a:lnTo>
                    <a:pt x="430" y="91"/>
                  </a:lnTo>
                  <a:lnTo>
                    <a:pt x="433" y="93"/>
                  </a:lnTo>
                  <a:lnTo>
                    <a:pt x="436" y="96"/>
                  </a:lnTo>
                  <a:lnTo>
                    <a:pt x="441" y="99"/>
                  </a:lnTo>
                  <a:lnTo>
                    <a:pt x="445" y="105"/>
                  </a:lnTo>
                  <a:lnTo>
                    <a:pt x="446" y="110"/>
                  </a:lnTo>
                  <a:lnTo>
                    <a:pt x="446" y="115"/>
                  </a:lnTo>
                  <a:lnTo>
                    <a:pt x="443" y="120"/>
                  </a:lnTo>
                  <a:lnTo>
                    <a:pt x="443" y="121"/>
                  </a:lnTo>
                  <a:lnTo>
                    <a:pt x="443" y="125"/>
                  </a:lnTo>
                  <a:lnTo>
                    <a:pt x="443" y="128"/>
                  </a:lnTo>
                  <a:lnTo>
                    <a:pt x="441" y="130"/>
                  </a:lnTo>
                  <a:lnTo>
                    <a:pt x="438" y="132"/>
                  </a:lnTo>
                  <a:lnTo>
                    <a:pt x="433" y="133"/>
                  </a:lnTo>
                  <a:lnTo>
                    <a:pt x="424" y="130"/>
                  </a:lnTo>
                  <a:lnTo>
                    <a:pt x="411" y="125"/>
                  </a:lnTo>
                  <a:lnTo>
                    <a:pt x="409" y="123"/>
                  </a:lnTo>
                  <a:lnTo>
                    <a:pt x="406" y="121"/>
                  </a:lnTo>
                  <a:lnTo>
                    <a:pt x="401" y="120"/>
                  </a:lnTo>
                  <a:lnTo>
                    <a:pt x="396" y="118"/>
                  </a:lnTo>
                  <a:lnTo>
                    <a:pt x="392" y="115"/>
                  </a:lnTo>
                  <a:lnTo>
                    <a:pt x="387" y="113"/>
                  </a:lnTo>
                  <a:lnTo>
                    <a:pt x="384" y="111"/>
                  </a:lnTo>
                  <a:lnTo>
                    <a:pt x="380" y="145"/>
                  </a:lnTo>
                  <a:lnTo>
                    <a:pt x="375" y="150"/>
                  </a:lnTo>
                  <a:lnTo>
                    <a:pt x="375" y="152"/>
                  </a:lnTo>
                  <a:lnTo>
                    <a:pt x="374" y="157"/>
                  </a:lnTo>
                  <a:lnTo>
                    <a:pt x="372" y="162"/>
                  </a:lnTo>
                  <a:lnTo>
                    <a:pt x="369" y="169"/>
                  </a:lnTo>
                  <a:lnTo>
                    <a:pt x="365" y="176"/>
                  </a:lnTo>
                  <a:lnTo>
                    <a:pt x="362" y="179"/>
                  </a:lnTo>
                  <a:lnTo>
                    <a:pt x="358" y="182"/>
                  </a:lnTo>
                  <a:lnTo>
                    <a:pt x="355" y="181"/>
                  </a:lnTo>
                  <a:lnTo>
                    <a:pt x="355" y="182"/>
                  </a:lnTo>
                  <a:lnTo>
                    <a:pt x="355" y="186"/>
                  </a:lnTo>
                  <a:lnTo>
                    <a:pt x="353" y="189"/>
                  </a:lnTo>
                  <a:lnTo>
                    <a:pt x="352" y="194"/>
                  </a:lnTo>
                  <a:lnTo>
                    <a:pt x="350" y="199"/>
                  </a:lnTo>
                  <a:lnTo>
                    <a:pt x="347" y="203"/>
                  </a:lnTo>
                  <a:lnTo>
                    <a:pt x="345" y="203"/>
                  </a:lnTo>
                  <a:lnTo>
                    <a:pt x="342" y="199"/>
                  </a:lnTo>
                  <a:lnTo>
                    <a:pt x="340" y="199"/>
                  </a:lnTo>
                  <a:lnTo>
                    <a:pt x="338" y="198"/>
                  </a:lnTo>
                  <a:lnTo>
                    <a:pt x="336" y="196"/>
                  </a:lnTo>
                  <a:lnTo>
                    <a:pt x="333" y="196"/>
                  </a:lnTo>
                  <a:lnTo>
                    <a:pt x="331" y="198"/>
                  </a:lnTo>
                  <a:lnTo>
                    <a:pt x="328" y="199"/>
                  </a:lnTo>
                  <a:lnTo>
                    <a:pt x="326" y="206"/>
                  </a:lnTo>
                  <a:lnTo>
                    <a:pt x="326" y="216"/>
                  </a:lnTo>
                  <a:lnTo>
                    <a:pt x="326" y="218"/>
                  </a:lnTo>
                  <a:lnTo>
                    <a:pt x="326" y="220"/>
                  </a:lnTo>
                  <a:lnTo>
                    <a:pt x="325" y="223"/>
                  </a:lnTo>
                  <a:lnTo>
                    <a:pt x="325" y="225"/>
                  </a:lnTo>
                  <a:lnTo>
                    <a:pt x="323" y="226"/>
                  </a:lnTo>
                  <a:lnTo>
                    <a:pt x="323" y="228"/>
                  </a:lnTo>
                  <a:lnTo>
                    <a:pt x="323" y="230"/>
                  </a:lnTo>
                  <a:lnTo>
                    <a:pt x="323" y="231"/>
                  </a:lnTo>
                  <a:lnTo>
                    <a:pt x="321" y="235"/>
                  </a:lnTo>
                  <a:lnTo>
                    <a:pt x="320" y="242"/>
                  </a:lnTo>
                  <a:lnTo>
                    <a:pt x="318" y="247"/>
                  </a:lnTo>
                  <a:lnTo>
                    <a:pt x="313" y="250"/>
                  </a:lnTo>
                  <a:lnTo>
                    <a:pt x="308" y="252"/>
                  </a:lnTo>
                  <a:lnTo>
                    <a:pt x="301" y="250"/>
                  </a:lnTo>
                  <a:lnTo>
                    <a:pt x="291" y="243"/>
                  </a:lnTo>
                  <a:lnTo>
                    <a:pt x="289" y="242"/>
                  </a:lnTo>
                  <a:lnTo>
                    <a:pt x="286" y="240"/>
                  </a:lnTo>
                  <a:lnTo>
                    <a:pt x="282" y="238"/>
                  </a:lnTo>
                  <a:lnTo>
                    <a:pt x="279" y="238"/>
                  </a:lnTo>
                  <a:lnTo>
                    <a:pt x="276" y="240"/>
                  </a:lnTo>
                  <a:lnTo>
                    <a:pt x="274" y="243"/>
                  </a:lnTo>
                  <a:lnTo>
                    <a:pt x="274" y="250"/>
                  </a:lnTo>
                  <a:lnTo>
                    <a:pt x="276" y="260"/>
                  </a:lnTo>
                  <a:lnTo>
                    <a:pt x="276" y="262"/>
                  </a:lnTo>
                  <a:lnTo>
                    <a:pt x="276" y="265"/>
                  </a:lnTo>
                  <a:lnTo>
                    <a:pt x="274" y="267"/>
                  </a:lnTo>
                  <a:lnTo>
                    <a:pt x="272" y="269"/>
                  </a:lnTo>
                  <a:lnTo>
                    <a:pt x="272" y="272"/>
                  </a:lnTo>
                  <a:lnTo>
                    <a:pt x="270" y="274"/>
                  </a:lnTo>
                  <a:lnTo>
                    <a:pt x="270" y="275"/>
                  </a:lnTo>
                  <a:lnTo>
                    <a:pt x="269" y="275"/>
                  </a:lnTo>
                  <a:lnTo>
                    <a:pt x="267" y="287"/>
                  </a:lnTo>
                  <a:lnTo>
                    <a:pt x="265" y="289"/>
                  </a:lnTo>
                  <a:lnTo>
                    <a:pt x="264" y="291"/>
                  </a:lnTo>
                  <a:lnTo>
                    <a:pt x="264" y="292"/>
                  </a:lnTo>
                  <a:lnTo>
                    <a:pt x="262" y="296"/>
                  </a:lnTo>
                  <a:lnTo>
                    <a:pt x="260" y="301"/>
                  </a:lnTo>
                  <a:lnTo>
                    <a:pt x="259" y="308"/>
                  </a:lnTo>
                  <a:lnTo>
                    <a:pt x="259" y="314"/>
                  </a:lnTo>
                  <a:lnTo>
                    <a:pt x="259" y="318"/>
                  </a:lnTo>
                  <a:lnTo>
                    <a:pt x="255" y="321"/>
                  </a:lnTo>
                  <a:lnTo>
                    <a:pt x="252" y="326"/>
                  </a:lnTo>
                  <a:lnTo>
                    <a:pt x="248" y="331"/>
                  </a:lnTo>
                  <a:lnTo>
                    <a:pt x="245" y="336"/>
                  </a:lnTo>
                  <a:lnTo>
                    <a:pt x="242" y="341"/>
                  </a:lnTo>
                  <a:lnTo>
                    <a:pt x="240" y="347"/>
                  </a:lnTo>
                  <a:lnTo>
                    <a:pt x="238" y="352"/>
                  </a:lnTo>
                  <a:lnTo>
                    <a:pt x="238" y="353"/>
                  </a:lnTo>
                  <a:lnTo>
                    <a:pt x="238" y="355"/>
                  </a:lnTo>
                  <a:lnTo>
                    <a:pt x="238" y="357"/>
                  </a:lnTo>
                  <a:lnTo>
                    <a:pt x="238" y="360"/>
                  </a:lnTo>
                  <a:lnTo>
                    <a:pt x="238" y="362"/>
                  </a:lnTo>
                  <a:lnTo>
                    <a:pt x="238" y="363"/>
                  </a:lnTo>
                  <a:lnTo>
                    <a:pt x="238" y="365"/>
                  </a:lnTo>
                  <a:lnTo>
                    <a:pt x="243" y="369"/>
                  </a:lnTo>
                  <a:lnTo>
                    <a:pt x="237" y="377"/>
                  </a:lnTo>
                  <a:lnTo>
                    <a:pt x="242" y="384"/>
                  </a:lnTo>
                  <a:lnTo>
                    <a:pt x="225" y="396"/>
                  </a:lnTo>
                  <a:lnTo>
                    <a:pt x="223" y="396"/>
                  </a:lnTo>
                  <a:lnTo>
                    <a:pt x="220" y="394"/>
                  </a:lnTo>
                  <a:lnTo>
                    <a:pt x="216" y="394"/>
                  </a:lnTo>
                  <a:lnTo>
                    <a:pt x="211" y="394"/>
                  </a:lnTo>
                  <a:lnTo>
                    <a:pt x="208" y="396"/>
                  </a:lnTo>
                  <a:lnTo>
                    <a:pt x="203" y="401"/>
                  </a:lnTo>
                  <a:lnTo>
                    <a:pt x="201" y="407"/>
                  </a:lnTo>
                  <a:lnTo>
                    <a:pt x="199" y="406"/>
                  </a:lnTo>
                  <a:lnTo>
                    <a:pt x="198" y="404"/>
                  </a:lnTo>
                  <a:lnTo>
                    <a:pt x="194" y="404"/>
                  </a:lnTo>
                  <a:lnTo>
                    <a:pt x="189" y="402"/>
                  </a:lnTo>
                  <a:lnTo>
                    <a:pt x="186" y="402"/>
                  </a:lnTo>
                  <a:lnTo>
                    <a:pt x="184" y="404"/>
                  </a:lnTo>
                  <a:lnTo>
                    <a:pt x="184" y="407"/>
                  </a:lnTo>
                  <a:lnTo>
                    <a:pt x="186" y="414"/>
                  </a:lnTo>
                  <a:lnTo>
                    <a:pt x="186" y="416"/>
                  </a:lnTo>
                  <a:lnTo>
                    <a:pt x="184" y="418"/>
                  </a:lnTo>
                  <a:lnTo>
                    <a:pt x="182" y="418"/>
                  </a:lnTo>
                  <a:lnTo>
                    <a:pt x="179" y="419"/>
                  </a:lnTo>
                  <a:lnTo>
                    <a:pt x="176" y="421"/>
                  </a:lnTo>
                  <a:lnTo>
                    <a:pt x="174" y="423"/>
                  </a:lnTo>
                  <a:lnTo>
                    <a:pt x="172" y="423"/>
                  </a:lnTo>
                  <a:lnTo>
                    <a:pt x="171" y="424"/>
                  </a:lnTo>
                  <a:lnTo>
                    <a:pt x="167" y="426"/>
                  </a:lnTo>
                  <a:lnTo>
                    <a:pt x="162" y="428"/>
                  </a:lnTo>
                  <a:lnTo>
                    <a:pt x="155" y="429"/>
                  </a:lnTo>
                  <a:lnTo>
                    <a:pt x="150" y="429"/>
                  </a:lnTo>
                  <a:lnTo>
                    <a:pt x="145" y="429"/>
                  </a:lnTo>
                  <a:lnTo>
                    <a:pt x="142" y="428"/>
                  </a:lnTo>
                  <a:lnTo>
                    <a:pt x="140" y="423"/>
                  </a:lnTo>
                  <a:lnTo>
                    <a:pt x="138" y="426"/>
                  </a:lnTo>
                  <a:lnTo>
                    <a:pt x="135" y="429"/>
                  </a:lnTo>
                  <a:lnTo>
                    <a:pt x="132" y="433"/>
                  </a:lnTo>
                  <a:lnTo>
                    <a:pt x="127" y="438"/>
                  </a:lnTo>
                  <a:lnTo>
                    <a:pt x="122" y="440"/>
                  </a:lnTo>
                  <a:lnTo>
                    <a:pt x="116" y="440"/>
                  </a:lnTo>
                  <a:lnTo>
                    <a:pt x="110" y="438"/>
                  </a:lnTo>
                  <a:lnTo>
                    <a:pt x="108" y="438"/>
                  </a:lnTo>
                  <a:lnTo>
                    <a:pt x="105" y="438"/>
                  </a:lnTo>
                  <a:lnTo>
                    <a:pt x="101" y="436"/>
                  </a:lnTo>
                  <a:lnTo>
                    <a:pt x="98" y="435"/>
                  </a:lnTo>
                  <a:lnTo>
                    <a:pt x="93" y="433"/>
                  </a:lnTo>
                  <a:lnTo>
                    <a:pt x="88" y="428"/>
                  </a:lnTo>
                  <a:lnTo>
                    <a:pt x="83" y="423"/>
                  </a:lnTo>
                  <a:lnTo>
                    <a:pt x="79" y="416"/>
                  </a:lnTo>
                  <a:lnTo>
                    <a:pt x="78" y="413"/>
                  </a:lnTo>
                  <a:lnTo>
                    <a:pt x="78" y="409"/>
                  </a:lnTo>
                  <a:lnTo>
                    <a:pt x="78" y="406"/>
                  </a:lnTo>
                  <a:lnTo>
                    <a:pt x="76" y="404"/>
                  </a:lnTo>
                </a:path>
              </a:pathLst>
            </a:custGeom>
            <a:solidFill>
              <a:srgbClr val="DDDDDD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409" name="Freeform 130"/>
            <p:cNvSpPr>
              <a:spLocks/>
            </p:cNvSpPr>
            <p:nvPr/>
          </p:nvSpPr>
          <p:spPr bwMode="auto">
            <a:xfrm>
              <a:off x="4583" y="2049"/>
              <a:ext cx="102" cy="170"/>
            </a:xfrm>
            <a:custGeom>
              <a:avLst/>
              <a:gdLst>
                <a:gd name="T0" fmla="*/ 17 w 105"/>
                <a:gd name="T1" fmla="*/ 16 h 175"/>
                <a:gd name="T2" fmla="*/ 17 w 105"/>
                <a:gd name="T3" fmla="*/ 17 h 175"/>
                <a:gd name="T4" fmla="*/ 17 w 105"/>
                <a:gd name="T5" fmla="*/ 17 h 175"/>
                <a:gd name="T6" fmla="*/ 17 w 105"/>
                <a:gd name="T7" fmla="*/ 20 h 175"/>
                <a:gd name="T8" fmla="*/ 17 w 105"/>
                <a:gd name="T9" fmla="*/ 22 h 175"/>
                <a:gd name="T10" fmla="*/ 17 w 105"/>
                <a:gd name="T11" fmla="*/ 24 h 175"/>
                <a:gd name="T12" fmla="*/ 17 w 105"/>
                <a:gd name="T13" fmla="*/ 32 h 175"/>
                <a:gd name="T14" fmla="*/ 17 w 105"/>
                <a:gd name="T15" fmla="*/ 39 h 175"/>
                <a:gd name="T16" fmla="*/ 20 w 105"/>
                <a:gd name="T17" fmla="*/ 42 h 175"/>
                <a:gd name="T18" fmla="*/ 23 w 105"/>
                <a:gd name="T19" fmla="*/ 42 h 175"/>
                <a:gd name="T20" fmla="*/ 25 w 105"/>
                <a:gd name="T21" fmla="*/ 43 h 175"/>
                <a:gd name="T22" fmla="*/ 30 w 105"/>
                <a:gd name="T23" fmla="*/ 45 h 175"/>
                <a:gd name="T24" fmla="*/ 35 w 105"/>
                <a:gd name="T25" fmla="*/ 48 h 175"/>
                <a:gd name="T26" fmla="*/ 35 w 105"/>
                <a:gd name="T27" fmla="*/ 54 h 175"/>
                <a:gd name="T28" fmla="*/ 35 w 105"/>
                <a:gd name="T29" fmla="*/ 59 h 175"/>
                <a:gd name="T30" fmla="*/ 35 w 105"/>
                <a:gd name="T31" fmla="*/ 59 h 175"/>
                <a:gd name="T32" fmla="*/ 39 w 105"/>
                <a:gd name="T33" fmla="*/ 63 h 175"/>
                <a:gd name="T34" fmla="*/ 41 w 105"/>
                <a:gd name="T35" fmla="*/ 67 h 175"/>
                <a:gd name="T36" fmla="*/ 43 w 105"/>
                <a:gd name="T37" fmla="*/ 70 h 175"/>
                <a:gd name="T38" fmla="*/ 43 w 105"/>
                <a:gd name="T39" fmla="*/ 71 h 175"/>
                <a:gd name="T40" fmla="*/ 44 w 105"/>
                <a:gd name="T41" fmla="*/ 71 h 175"/>
                <a:gd name="T42" fmla="*/ 45 w 105"/>
                <a:gd name="T43" fmla="*/ 74 h 175"/>
                <a:gd name="T44" fmla="*/ 45 w 105"/>
                <a:gd name="T45" fmla="*/ 75 h 175"/>
                <a:gd name="T46" fmla="*/ 49 w 105"/>
                <a:gd name="T47" fmla="*/ 80 h 175"/>
                <a:gd name="T48" fmla="*/ 55 w 105"/>
                <a:gd name="T49" fmla="*/ 82 h 175"/>
                <a:gd name="T50" fmla="*/ 59 w 105"/>
                <a:gd name="T51" fmla="*/ 82 h 175"/>
                <a:gd name="T52" fmla="*/ 61 w 105"/>
                <a:gd name="T53" fmla="*/ 82 h 175"/>
                <a:gd name="T54" fmla="*/ 63 w 105"/>
                <a:gd name="T55" fmla="*/ 90 h 175"/>
                <a:gd name="T56" fmla="*/ 58 w 105"/>
                <a:gd name="T57" fmla="*/ 94 h 175"/>
                <a:gd name="T58" fmla="*/ 58 w 105"/>
                <a:gd name="T59" fmla="*/ 94 h 175"/>
                <a:gd name="T60" fmla="*/ 57 w 105"/>
                <a:gd name="T61" fmla="*/ 95 h 175"/>
                <a:gd name="T62" fmla="*/ 57 w 105"/>
                <a:gd name="T63" fmla="*/ 96 h 175"/>
                <a:gd name="T64" fmla="*/ 53 w 105"/>
                <a:gd name="T65" fmla="*/ 99 h 175"/>
                <a:gd name="T66" fmla="*/ 57 w 105"/>
                <a:gd name="T67" fmla="*/ 100 h 175"/>
                <a:gd name="T68" fmla="*/ 61 w 105"/>
                <a:gd name="T69" fmla="*/ 99 h 175"/>
                <a:gd name="T70" fmla="*/ 63 w 105"/>
                <a:gd name="T71" fmla="*/ 98 h 175"/>
                <a:gd name="T72" fmla="*/ 66 w 105"/>
                <a:gd name="T73" fmla="*/ 96 h 175"/>
                <a:gd name="T74" fmla="*/ 69 w 105"/>
                <a:gd name="T75" fmla="*/ 99 h 175"/>
                <a:gd name="T76" fmla="*/ 69 w 105"/>
                <a:gd name="T77" fmla="*/ 104 h 175"/>
                <a:gd name="T78" fmla="*/ 69 w 105"/>
                <a:gd name="T79" fmla="*/ 109 h 175"/>
                <a:gd name="T80" fmla="*/ 0 w 105"/>
                <a:gd name="T81" fmla="*/ 17 h 175"/>
                <a:gd name="T82" fmla="*/ 0 w 105"/>
                <a:gd name="T83" fmla="*/ 17 h 175"/>
                <a:gd name="T84" fmla="*/ 5 w 105"/>
                <a:gd name="T85" fmla="*/ 7 h 175"/>
                <a:gd name="T86" fmla="*/ 15 w 105"/>
                <a:gd name="T87" fmla="*/ 0 h 175"/>
                <a:gd name="T88" fmla="*/ 17 w 105"/>
                <a:gd name="T89" fmla="*/ 0 h 175"/>
                <a:gd name="T90" fmla="*/ 18 w 105"/>
                <a:gd name="T91" fmla="*/ 2 h 175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w 105"/>
                <a:gd name="T139" fmla="*/ 0 h 175"/>
                <a:gd name="T140" fmla="*/ 105 w 105"/>
                <a:gd name="T141" fmla="*/ 175 h 175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T138" t="T139" r="T140" b="T141"/>
              <a:pathLst>
                <a:path w="105" h="175">
                  <a:moveTo>
                    <a:pt x="27" y="7"/>
                  </a:moveTo>
                  <a:lnTo>
                    <a:pt x="24" y="16"/>
                  </a:lnTo>
                  <a:lnTo>
                    <a:pt x="20" y="22"/>
                  </a:lnTo>
                  <a:lnTo>
                    <a:pt x="20" y="26"/>
                  </a:lnTo>
                  <a:lnTo>
                    <a:pt x="20" y="29"/>
                  </a:lnTo>
                  <a:lnTo>
                    <a:pt x="20" y="31"/>
                  </a:lnTo>
                  <a:lnTo>
                    <a:pt x="22" y="34"/>
                  </a:lnTo>
                  <a:lnTo>
                    <a:pt x="22" y="36"/>
                  </a:lnTo>
                  <a:lnTo>
                    <a:pt x="24" y="36"/>
                  </a:lnTo>
                  <a:lnTo>
                    <a:pt x="24" y="38"/>
                  </a:lnTo>
                  <a:lnTo>
                    <a:pt x="25" y="46"/>
                  </a:lnTo>
                  <a:lnTo>
                    <a:pt x="27" y="49"/>
                  </a:lnTo>
                  <a:lnTo>
                    <a:pt x="29" y="55"/>
                  </a:lnTo>
                  <a:lnTo>
                    <a:pt x="30" y="56"/>
                  </a:lnTo>
                  <a:lnTo>
                    <a:pt x="34" y="60"/>
                  </a:lnTo>
                  <a:lnTo>
                    <a:pt x="36" y="61"/>
                  </a:lnTo>
                  <a:lnTo>
                    <a:pt x="37" y="61"/>
                  </a:lnTo>
                  <a:lnTo>
                    <a:pt x="39" y="63"/>
                  </a:lnTo>
                  <a:lnTo>
                    <a:pt x="44" y="66"/>
                  </a:lnTo>
                  <a:lnTo>
                    <a:pt x="47" y="70"/>
                  </a:lnTo>
                  <a:lnTo>
                    <a:pt x="49" y="73"/>
                  </a:lnTo>
                  <a:lnTo>
                    <a:pt x="49" y="78"/>
                  </a:lnTo>
                  <a:lnTo>
                    <a:pt x="49" y="82"/>
                  </a:lnTo>
                  <a:lnTo>
                    <a:pt x="49" y="85"/>
                  </a:lnTo>
                  <a:lnTo>
                    <a:pt x="49" y="88"/>
                  </a:lnTo>
                  <a:lnTo>
                    <a:pt x="51" y="92"/>
                  </a:lnTo>
                  <a:lnTo>
                    <a:pt x="54" y="93"/>
                  </a:lnTo>
                  <a:lnTo>
                    <a:pt x="56" y="97"/>
                  </a:lnTo>
                  <a:lnTo>
                    <a:pt x="59" y="99"/>
                  </a:lnTo>
                  <a:lnTo>
                    <a:pt x="61" y="102"/>
                  </a:lnTo>
                  <a:lnTo>
                    <a:pt x="63" y="104"/>
                  </a:lnTo>
                  <a:lnTo>
                    <a:pt x="63" y="105"/>
                  </a:lnTo>
                  <a:lnTo>
                    <a:pt x="64" y="105"/>
                  </a:lnTo>
                  <a:lnTo>
                    <a:pt x="64" y="109"/>
                  </a:lnTo>
                  <a:lnTo>
                    <a:pt x="66" y="110"/>
                  </a:lnTo>
                  <a:lnTo>
                    <a:pt x="66" y="112"/>
                  </a:lnTo>
                  <a:lnTo>
                    <a:pt x="71" y="115"/>
                  </a:lnTo>
                  <a:lnTo>
                    <a:pt x="74" y="119"/>
                  </a:lnTo>
                  <a:lnTo>
                    <a:pt x="80" y="121"/>
                  </a:lnTo>
                  <a:lnTo>
                    <a:pt x="83" y="122"/>
                  </a:lnTo>
                  <a:lnTo>
                    <a:pt x="86" y="122"/>
                  </a:lnTo>
                  <a:lnTo>
                    <a:pt x="88" y="122"/>
                  </a:lnTo>
                  <a:lnTo>
                    <a:pt x="90" y="122"/>
                  </a:lnTo>
                  <a:lnTo>
                    <a:pt x="93" y="126"/>
                  </a:lnTo>
                  <a:lnTo>
                    <a:pt x="93" y="136"/>
                  </a:lnTo>
                  <a:lnTo>
                    <a:pt x="86" y="136"/>
                  </a:lnTo>
                  <a:lnTo>
                    <a:pt x="86" y="141"/>
                  </a:lnTo>
                  <a:lnTo>
                    <a:pt x="86" y="143"/>
                  </a:lnTo>
                  <a:lnTo>
                    <a:pt x="85" y="143"/>
                  </a:lnTo>
                  <a:lnTo>
                    <a:pt x="85" y="144"/>
                  </a:lnTo>
                  <a:lnTo>
                    <a:pt x="83" y="146"/>
                  </a:lnTo>
                  <a:lnTo>
                    <a:pt x="81" y="148"/>
                  </a:lnTo>
                  <a:lnTo>
                    <a:pt x="83" y="149"/>
                  </a:lnTo>
                  <a:lnTo>
                    <a:pt x="85" y="149"/>
                  </a:lnTo>
                  <a:lnTo>
                    <a:pt x="88" y="149"/>
                  </a:lnTo>
                  <a:lnTo>
                    <a:pt x="90" y="148"/>
                  </a:lnTo>
                  <a:lnTo>
                    <a:pt x="91" y="148"/>
                  </a:lnTo>
                  <a:lnTo>
                    <a:pt x="93" y="146"/>
                  </a:lnTo>
                  <a:lnTo>
                    <a:pt x="98" y="144"/>
                  </a:lnTo>
                  <a:lnTo>
                    <a:pt x="100" y="144"/>
                  </a:lnTo>
                  <a:lnTo>
                    <a:pt x="102" y="148"/>
                  </a:lnTo>
                  <a:lnTo>
                    <a:pt x="102" y="149"/>
                  </a:lnTo>
                  <a:lnTo>
                    <a:pt x="102" y="154"/>
                  </a:lnTo>
                  <a:lnTo>
                    <a:pt x="105" y="158"/>
                  </a:lnTo>
                  <a:lnTo>
                    <a:pt x="103" y="163"/>
                  </a:lnTo>
                  <a:lnTo>
                    <a:pt x="41" y="175"/>
                  </a:lnTo>
                  <a:lnTo>
                    <a:pt x="0" y="21"/>
                  </a:lnTo>
                  <a:lnTo>
                    <a:pt x="0" y="22"/>
                  </a:lnTo>
                  <a:lnTo>
                    <a:pt x="2" y="12"/>
                  </a:lnTo>
                  <a:lnTo>
                    <a:pt x="5" y="7"/>
                  </a:lnTo>
                  <a:lnTo>
                    <a:pt x="10" y="4"/>
                  </a:lnTo>
                  <a:lnTo>
                    <a:pt x="15" y="0"/>
                  </a:lnTo>
                  <a:lnTo>
                    <a:pt x="22" y="0"/>
                  </a:lnTo>
                  <a:lnTo>
                    <a:pt x="27" y="0"/>
                  </a:lnTo>
                  <a:lnTo>
                    <a:pt x="30" y="0"/>
                  </a:lnTo>
                  <a:lnTo>
                    <a:pt x="32" y="2"/>
                  </a:lnTo>
                  <a:lnTo>
                    <a:pt x="27" y="7"/>
                  </a:lnTo>
                </a:path>
              </a:pathLst>
            </a:custGeom>
            <a:solidFill>
              <a:srgbClr val="8B3102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410" name="Group 131"/>
            <p:cNvGrpSpPr>
              <a:grpSpLocks/>
            </p:cNvGrpSpPr>
            <p:nvPr/>
          </p:nvGrpSpPr>
          <p:grpSpPr bwMode="auto">
            <a:xfrm>
              <a:off x="3980" y="2710"/>
              <a:ext cx="478" cy="363"/>
              <a:chOff x="3916" y="2758"/>
              <a:chExt cx="478" cy="363"/>
            </a:xfrm>
          </p:grpSpPr>
          <p:sp>
            <p:nvSpPr>
              <p:cNvPr id="463" name="Freeform 132"/>
              <p:cNvSpPr>
                <a:spLocks/>
              </p:cNvSpPr>
              <p:nvPr/>
            </p:nvSpPr>
            <p:spPr bwMode="auto">
              <a:xfrm>
                <a:off x="4222" y="3072"/>
                <a:ext cx="15" cy="16"/>
              </a:xfrm>
              <a:custGeom>
                <a:avLst/>
                <a:gdLst>
                  <a:gd name="T0" fmla="*/ 1 w 15"/>
                  <a:gd name="T1" fmla="*/ 5 h 17"/>
                  <a:gd name="T2" fmla="*/ 5 w 15"/>
                  <a:gd name="T3" fmla="*/ 2 h 17"/>
                  <a:gd name="T4" fmla="*/ 6 w 15"/>
                  <a:gd name="T5" fmla="*/ 0 h 17"/>
                  <a:gd name="T6" fmla="*/ 10 w 15"/>
                  <a:gd name="T7" fmla="*/ 0 h 17"/>
                  <a:gd name="T8" fmla="*/ 12 w 15"/>
                  <a:gd name="T9" fmla="*/ 0 h 17"/>
                  <a:gd name="T10" fmla="*/ 13 w 15"/>
                  <a:gd name="T11" fmla="*/ 2 h 17"/>
                  <a:gd name="T12" fmla="*/ 13 w 15"/>
                  <a:gd name="T13" fmla="*/ 2 h 17"/>
                  <a:gd name="T14" fmla="*/ 15 w 15"/>
                  <a:gd name="T15" fmla="*/ 3 h 17"/>
                  <a:gd name="T16" fmla="*/ 15 w 15"/>
                  <a:gd name="T17" fmla="*/ 5 h 17"/>
                  <a:gd name="T18" fmla="*/ 15 w 15"/>
                  <a:gd name="T19" fmla="*/ 7 h 17"/>
                  <a:gd name="T20" fmla="*/ 13 w 15"/>
                  <a:gd name="T21" fmla="*/ 8 h 17"/>
                  <a:gd name="T22" fmla="*/ 13 w 15"/>
                  <a:gd name="T23" fmla="*/ 8 h 17"/>
                  <a:gd name="T24" fmla="*/ 12 w 15"/>
                  <a:gd name="T25" fmla="*/ 8 h 17"/>
                  <a:gd name="T26" fmla="*/ 10 w 15"/>
                  <a:gd name="T27" fmla="*/ 8 h 17"/>
                  <a:gd name="T28" fmla="*/ 6 w 15"/>
                  <a:gd name="T29" fmla="*/ 8 h 17"/>
                  <a:gd name="T30" fmla="*/ 3 w 15"/>
                  <a:gd name="T31" fmla="*/ 8 h 17"/>
                  <a:gd name="T32" fmla="*/ 1 w 15"/>
                  <a:gd name="T33" fmla="*/ 8 h 17"/>
                  <a:gd name="T34" fmla="*/ 1 w 15"/>
                  <a:gd name="T35" fmla="*/ 8 h 17"/>
                  <a:gd name="T36" fmla="*/ 0 w 15"/>
                  <a:gd name="T37" fmla="*/ 8 h 17"/>
                  <a:gd name="T38" fmla="*/ 0 w 15"/>
                  <a:gd name="T39" fmla="*/ 8 h 17"/>
                  <a:gd name="T40" fmla="*/ 0 w 15"/>
                  <a:gd name="T41" fmla="*/ 8 h 17"/>
                  <a:gd name="T42" fmla="*/ 0 w 15"/>
                  <a:gd name="T43" fmla="*/ 8 h 17"/>
                  <a:gd name="T44" fmla="*/ 0 w 15"/>
                  <a:gd name="T45" fmla="*/ 8 h 17"/>
                  <a:gd name="T46" fmla="*/ 1 w 15"/>
                  <a:gd name="T47" fmla="*/ 7 h 17"/>
                  <a:gd name="T48" fmla="*/ 1 w 15"/>
                  <a:gd name="T49" fmla="*/ 5 h 1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15"/>
                  <a:gd name="T76" fmla="*/ 0 h 17"/>
                  <a:gd name="T77" fmla="*/ 15 w 15"/>
                  <a:gd name="T78" fmla="*/ 17 h 17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15" h="17">
                    <a:moveTo>
                      <a:pt x="1" y="5"/>
                    </a:moveTo>
                    <a:lnTo>
                      <a:pt x="5" y="2"/>
                    </a:lnTo>
                    <a:lnTo>
                      <a:pt x="6" y="0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5" y="3"/>
                    </a:lnTo>
                    <a:lnTo>
                      <a:pt x="15" y="5"/>
                    </a:lnTo>
                    <a:lnTo>
                      <a:pt x="15" y="7"/>
                    </a:lnTo>
                    <a:lnTo>
                      <a:pt x="13" y="8"/>
                    </a:lnTo>
                    <a:lnTo>
                      <a:pt x="13" y="10"/>
                    </a:lnTo>
                    <a:lnTo>
                      <a:pt x="12" y="12"/>
                    </a:lnTo>
                    <a:lnTo>
                      <a:pt x="10" y="15"/>
                    </a:lnTo>
                    <a:lnTo>
                      <a:pt x="6" y="17"/>
                    </a:lnTo>
                    <a:lnTo>
                      <a:pt x="3" y="17"/>
                    </a:lnTo>
                    <a:lnTo>
                      <a:pt x="1" y="17"/>
                    </a:lnTo>
                    <a:lnTo>
                      <a:pt x="0" y="15"/>
                    </a:lnTo>
                    <a:lnTo>
                      <a:pt x="0" y="13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1" y="7"/>
                    </a:lnTo>
                    <a:lnTo>
                      <a:pt x="1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64" name="Freeform 133"/>
              <p:cNvSpPr>
                <a:spLocks/>
              </p:cNvSpPr>
              <p:nvPr/>
            </p:nvSpPr>
            <p:spPr bwMode="auto">
              <a:xfrm>
                <a:off x="4206" y="3072"/>
                <a:ext cx="11" cy="12"/>
              </a:xfrm>
              <a:custGeom>
                <a:avLst/>
                <a:gdLst>
                  <a:gd name="T0" fmla="*/ 0 w 11"/>
                  <a:gd name="T1" fmla="*/ 6 h 13"/>
                  <a:gd name="T2" fmla="*/ 0 w 11"/>
                  <a:gd name="T3" fmla="*/ 3 h 13"/>
                  <a:gd name="T4" fmla="*/ 2 w 11"/>
                  <a:gd name="T5" fmla="*/ 2 h 13"/>
                  <a:gd name="T6" fmla="*/ 4 w 11"/>
                  <a:gd name="T7" fmla="*/ 0 h 13"/>
                  <a:gd name="T8" fmla="*/ 6 w 11"/>
                  <a:gd name="T9" fmla="*/ 0 h 13"/>
                  <a:gd name="T10" fmla="*/ 7 w 11"/>
                  <a:gd name="T11" fmla="*/ 0 h 13"/>
                  <a:gd name="T12" fmla="*/ 9 w 11"/>
                  <a:gd name="T13" fmla="*/ 2 h 13"/>
                  <a:gd name="T14" fmla="*/ 11 w 11"/>
                  <a:gd name="T15" fmla="*/ 3 h 13"/>
                  <a:gd name="T16" fmla="*/ 11 w 11"/>
                  <a:gd name="T17" fmla="*/ 6 h 13"/>
                  <a:gd name="T18" fmla="*/ 11 w 11"/>
                  <a:gd name="T19" fmla="*/ 6 h 13"/>
                  <a:gd name="T20" fmla="*/ 9 w 11"/>
                  <a:gd name="T21" fmla="*/ 6 h 13"/>
                  <a:gd name="T22" fmla="*/ 7 w 11"/>
                  <a:gd name="T23" fmla="*/ 6 h 13"/>
                  <a:gd name="T24" fmla="*/ 6 w 11"/>
                  <a:gd name="T25" fmla="*/ 6 h 13"/>
                  <a:gd name="T26" fmla="*/ 4 w 11"/>
                  <a:gd name="T27" fmla="*/ 6 h 13"/>
                  <a:gd name="T28" fmla="*/ 2 w 11"/>
                  <a:gd name="T29" fmla="*/ 6 h 13"/>
                  <a:gd name="T30" fmla="*/ 0 w 11"/>
                  <a:gd name="T31" fmla="*/ 6 h 13"/>
                  <a:gd name="T32" fmla="*/ 0 w 11"/>
                  <a:gd name="T33" fmla="*/ 6 h 13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1"/>
                  <a:gd name="T52" fmla="*/ 0 h 13"/>
                  <a:gd name="T53" fmla="*/ 11 w 11"/>
                  <a:gd name="T54" fmla="*/ 13 h 13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1" h="13">
                    <a:moveTo>
                      <a:pt x="0" y="7"/>
                    </a:moveTo>
                    <a:lnTo>
                      <a:pt x="0" y="3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0"/>
                    </a:lnTo>
                    <a:lnTo>
                      <a:pt x="9" y="2"/>
                    </a:lnTo>
                    <a:lnTo>
                      <a:pt x="11" y="3"/>
                    </a:lnTo>
                    <a:lnTo>
                      <a:pt x="11" y="7"/>
                    </a:lnTo>
                    <a:lnTo>
                      <a:pt x="11" y="10"/>
                    </a:lnTo>
                    <a:lnTo>
                      <a:pt x="9" y="12"/>
                    </a:lnTo>
                    <a:lnTo>
                      <a:pt x="7" y="13"/>
                    </a:lnTo>
                    <a:lnTo>
                      <a:pt x="6" y="13"/>
                    </a:lnTo>
                    <a:lnTo>
                      <a:pt x="4" y="13"/>
                    </a:lnTo>
                    <a:lnTo>
                      <a:pt x="2" y="12"/>
                    </a:lnTo>
                    <a:lnTo>
                      <a:pt x="0" y="10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65" name="Freeform 134"/>
              <p:cNvSpPr>
                <a:spLocks/>
              </p:cNvSpPr>
              <p:nvPr/>
            </p:nvSpPr>
            <p:spPr bwMode="auto">
              <a:xfrm>
                <a:off x="4212" y="3098"/>
                <a:ext cx="13" cy="16"/>
              </a:xfrm>
              <a:custGeom>
                <a:avLst/>
                <a:gdLst>
                  <a:gd name="T0" fmla="*/ 1 w 13"/>
                  <a:gd name="T1" fmla="*/ 5 h 17"/>
                  <a:gd name="T2" fmla="*/ 3 w 13"/>
                  <a:gd name="T3" fmla="*/ 2 h 17"/>
                  <a:gd name="T4" fmla="*/ 6 w 13"/>
                  <a:gd name="T5" fmla="*/ 0 h 17"/>
                  <a:gd name="T6" fmla="*/ 8 w 13"/>
                  <a:gd name="T7" fmla="*/ 0 h 17"/>
                  <a:gd name="T8" fmla="*/ 11 w 13"/>
                  <a:gd name="T9" fmla="*/ 0 h 17"/>
                  <a:gd name="T10" fmla="*/ 13 w 13"/>
                  <a:gd name="T11" fmla="*/ 0 h 17"/>
                  <a:gd name="T12" fmla="*/ 13 w 13"/>
                  <a:gd name="T13" fmla="*/ 2 h 17"/>
                  <a:gd name="T14" fmla="*/ 13 w 13"/>
                  <a:gd name="T15" fmla="*/ 3 h 17"/>
                  <a:gd name="T16" fmla="*/ 13 w 13"/>
                  <a:gd name="T17" fmla="*/ 5 h 17"/>
                  <a:gd name="T18" fmla="*/ 13 w 13"/>
                  <a:gd name="T19" fmla="*/ 5 h 17"/>
                  <a:gd name="T20" fmla="*/ 13 w 13"/>
                  <a:gd name="T21" fmla="*/ 8 h 17"/>
                  <a:gd name="T22" fmla="*/ 13 w 13"/>
                  <a:gd name="T23" fmla="*/ 8 h 17"/>
                  <a:gd name="T24" fmla="*/ 11 w 13"/>
                  <a:gd name="T25" fmla="*/ 8 h 17"/>
                  <a:gd name="T26" fmla="*/ 10 w 13"/>
                  <a:gd name="T27" fmla="*/ 8 h 17"/>
                  <a:gd name="T28" fmla="*/ 6 w 13"/>
                  <a:gd name="T29" fmla="*/ 8 h 17"/>
                  <a:gd name="T30" fmla="*/ 5 w 13"/>
                  <a:gd name="T31" fmla="*/ 8 h 17"/>
                  <a:gd name="T32" fmla="*/ 1 w 13"/>
                  <a:gd name="T33" fmla="*/ 8 h 17"/>
                  <a:gd name="T34" fmla="*/ 1 w 13"/>
                  <a:gd name="T35" fmla="*/ 8 h 17"/>
                  <a:gd name="T36" fmla="*/ 0 w 13"/>
                  <a:gd name="T37" fmla="*/ 8 h 17"/>
                  <a:gd name="T38" fmla="*/ 0 w 13"/>
                  <a:gd name="T39" fmla="*/ 8 h 17"/>
                  <a:gd name="T40" fmla="*/ 0 w 13"/>
                  <a:gd name="T41" fmla="*/ 8 h 17"/>
                  <a:gd name="T42" fmla="*/ 0 w 13"/>
                  <a:gd name="T43" fmla="*/ 8 h 17"/>
                  <a:gd name="T44" fmla="*/ 0 w 13"/>
                  <a:gd name="T45" fmla="*/ 8 h 17"/>
                  <a:gd name="T46" fmla="*/ 0 w 13"/>
                  <a:gd name="T47" fmla="*/ 7 h 17"/>
                  <a:gd name="T48" fmla="*/ 1 w 13"/>
                  <a:gd name="T49" fmla="*/ 5 h 1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13"/>
                  <a:gd name="T76" fmla="*/ 0 h 17"/>
                  <a:gd name="T77" fmla="*/ 13 w 13"/>
                  <a:gd name="T78" fmla="*/ 17 h 17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13" h="17">
                    <a:moveTo>
                      <a:pt x="1" y="5"/>
                    </a:moveTo>
                    <a:lnTo>
                      <a:pt x="3" y="2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1" y="0"/>
                    </a:lnTo>
                    <a:lnTo>
                      <a:pt x="13" y="0"/>
                    </a:lnTo>
                    <a:lnTo>
                      <a:pt x="13" y="2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3" y="8"/>
                    </a:lnTo>
                    <a:lnTo>
                      <a:pt x="11" y="10"/>
                    </a:lnTo>
                    <a:lnTo>
                      <a:pt x="10" y="14"/>
                    </a:lnTo>
                    <a:lnTo>
                      <a:pt x="6" y="15"/>
                    </a:lnTo>
                    <a:lnTo>
                      <a:pt x="5" y="17"/>
                    </a:lnTo>
                    <a:lnTo>
                      <a:pt x="1" y="17"/>
                    </a:lnTo>
                    <a:lnTo>
                      <a:pt x="1" y="15"/>
                    </a:lnTo>
                    <a:lnTo>
                      <a:pt x="0" y="14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1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66" name="Freeform 135"/>
              <p:cNvSpPr>
                <a:spLocks/>
              </p:cNvSpPr>
              <p:nvPr/>
            </p:nvSpPr>
            <p:spPr bwMode="auto">
              <a:xfrm>
                <a:off x="3916" y="2758"/>
                <a:ext cx="478" cy="363"/>
              </a:xfrm>
              <a:custGeom>
                <a:avLst/>
                <a:gdLst>
                  <a:gd name="T0" fmla="*/ 178 w 492"/>
                  <a:gd name="T1" fmla="*/ 243 h 374"/>
                  <a:gd name="T2" fmla="*/ 178 w 492"/>
                  <a:gd name="T3" fmla="*/ 240 h 374"/>
                  <a:gd name="T4" fmla="*/ 178 w 492"/>
                  <a:gd name="T5" fmla="*/ 229 h 374"/>
                  <a:gd name="T6" fmla="*/ 162 w 492"/>
                  <a:gd name="T7" fmla="*/ 208 h 374"/>
                  <a:gd name="T8" fmla="*/ 154 w 492"/>
                  <a:gd name="T9" fmla="*/ 202 h 374"/>
                  <a:gd name="T10" fmla="*/ 142 w 492"/>
                  <a:gd name="T11" fmla="*/ 177 h 374"/>
                  <a:gd name="T12" fmla="*/ 130 w 492"/>
                  <a:gd name="T13" fmla="*/ 173 h 374"/>
                  <a:gd name="T14" fmla="*/ 122 w 492"/>
                  <a:gd name="T15" fmla="*/ 168 h 374"/>
                  <a:gd name="T16" fmla="*/ 112 w 492"/>
                  <a:gd name="T17" fmla="*/ 156 h 374"/>
                  <a:gd name="T18" fmla="*/ 106 w 492"/>
                  <a:gd name="T19" fmla="*/ 144 h 374"/>
                  <a:gd name="T20" fmla="*/ 95 w 492"/>
                  <a:gd name="T21" fmla="*/ 139 h 374"/>
                  <a:gd name="T22" fmla="*/ 91 w 492"/>
                  <a:gd name="T23" fmla="*/ 137 h 374"/>
                  <a:gd name="T24" fmla="*/ 86 w 492"/>
                  <a:gd name="T25" fmla="*/ 132 h 374"/>
                  <a:gd name="T26" fmla="*/ 79 w 492"/>
                  <a:gd name="T27" fmla="*/ 120 h 374"/>
                  <a:gd name="T28" fmla="*/ 73 w 492"/>
                  <a:gd name="T29" fmla="*/ 120 h 374"/>
                  <a:gd name="T30" fmla="*/ 63 w 492"/>
                  <a:gd name="T31" fmla="*/ 114 h 374"/>
                  <a:gd name="T32" fmla="*/ 55 w 492"/>
                  <a:gd name="T33" fmla="*/ 104 h 374"/>
                  <a:gd name="T34" fmla="*/ 47 w 492"/>
                  <a:gd name="T35" fmla="*/ 96 h 374"/>
                  <a:gd name="T36" fmla="*/ 40 w 492"/>
                  <a:gd name="T37" fmla="*/ 79 h 374"/>
                  <a:gd name="T38" fmla="*/ 38 w 492"/>
                  <a:gd name="T39" fmla="*/ 74 h 374"/>
                  <a:gd name="T40" fmla="*/ 32 w 492"/>
                  <a:gd name="T41" fmla="*/ 73 h 374"/>
                  <a:gd name="T42" fmla="*/ 17 w 492"/>
                  <a:gd name="T43" fmla="*/ 70 h 374"/>
                  <a:gd name="T44" fmla="*/ 17 w 492"/>
                  <a:gd name="T45" fmla="*/ 67 h 374"/>
                  <a:gd name="T46" fmla="*/ 0 w 492"/>
                  <a:gd name="T47" fmla="*/ 56 h 374"/>
                  <a:gd name="T48" fmla="*/ 17 w 492"/>
                  <a:gd name="T49" fmla="*/ 37 h 374"/>
                  <a:gd name="T50" fmla="*/ 17 w 492"/>
                  <a:gd name="T51" fmla="*/ 37 h 374"/>
                  <a:gd name="T52" fmla="*/ 17 w 492"/>
                  <a:gd name="T53" fmla="*/ 28 h 374"/>
                  <a:gd name="T54" fmla="*/ 38 w 492"/>
                  <a:gd name="T55" fmla="*/ 17 h 374"/>
                  <a:gd name="T56" fmla="*/ 57 w 492"/>
                  <a:gd name="T57" fmla="*/ 15 h 374"/>
                  <a:gd name="T58" fmla="*/ 138 w 492"/>
                  <a:gd name="T59" fmla="*/ 1 h 374"/>
                  <a:gd name="T60" fmla="*/ 144 w 492"/>
                  <a:gd name="T61" fmla="*/ 0 h 374"/>
                  <a:gd name="T62" fmla="*/ 162 w 492"/>
                  <a:gd name="T63" fmla="*/ 12 h 374"/>
                  <a:gd name="T64" fmla="*/ 329 w 492"/>
                  <a:gd name="T65" fmla="*/ 77 h 374"/>
                  <a:gd name="T66" fmla="*/ 326 w 492"/>
                  <a:gd name="T67" fmla="*/ 79 h 374"/>
                  <a:gd name="T68" fmla="*/ 317 w 492"/>
                  <a:gd name="T69" fmla="*/ 85 h 374"/>
                  <a:gd name="T70" fmla="*/ 306 w 492"/>
                  <a:gd name="T71" fmla="*/ 100 h 374"/>
                  <a:gd name="T72" fmla="*/ 295 w 492"/>
                  <a:gd name="T73" fmla="*/ 120 h 374"/>
                  <a:gd name="T74" fmla="*/ 292 w 492"/>
                  <a:gd name="T75" fmla="*/ 125 h 374"/>
                  <a:gd name="T76" fmla="*/ 289 w 492"/>
                  <a:gd name="T77" fmla="*/ 123 h 374"/>
                  <a:gd name="T78" fmla="*/ 288 w 492"/>
                  <a:gd name="T79" fmla="*/ 131 h 374"/>
                  <a:gd name="T80" fmla="*/ 293 w 492"/>
                  <a:gd name="T81" fmla="*/ 134 h 374"/>
                  <a:gd name="T82" fmla="*/ 295 w 492"/>
                  <a:gd name="T83" fmla="*/ 139 h 374"/>
                  <a:gd name="T84" fmla="*/ 288 w 492"/>
                  <a:gd name="T85" fmla="*/ 148 h 374"/>
                  <a:gd name="T86" fmla="*/ 282 w 492"/>
                  <a:gd name="T87" fmla="*/ 149 h 374"/>
                  <a:gd name="T88" fmla="*/ 269 w 492"/>
                  <a:gd name="T89" fmla="*/ 164 h 374"/>
                  <a:gd name="T90" fmla="*/ 265 w 492"/>
                  <a:gd name="T91" fmla="*/ 172 h 374"/>
                  <a:gd name="T92" fmla="*/ 259 w 492"/>
                  <a:gd name="T93" fmla="*/ 177 h 374"/>
                  <a:gd name="T94" fmla="*/ 251 w 492"/>
                  <a:gd name="T95" fmla="*/ 182 h 374"/>
                  <a:gd name="T96" fmla="*/ 233 w 492"/>
                  <a:gd name="T97" fmla="*/ 196 h 374"/>
                  <a:gd name="T98" fmla="*/ 214 w 492"/>
                  <a:gd name="T99" fmla="*/ 207 h 374"/>
                  <a:gd name="T100" fmla="*/ 203 w 492"/>
                  <a:gd name="T101" fmla="*/ 229 h 374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w 492"/>
                  <a:gd name="T154" fmla="*/ 0 h 374"/>
                  <a:gd name="T155" fmla="*/ 492 w 492"/>
                  <a:gd name="T156" fmla="*/ 374 h 374"/>
                </a:gdLst>
                <a:ahLst/>
                <a:cxnLst>
                  <a:cxn ang="T102">
                    <a:pos x="T0" y="T1"/>
                  </a:cxn>
                  <a:cxn ang="T103">
                    <a:pos x="T2" y="T3"/>
                  </a:cxn>
                  <a:cxn ang="T104">
                    <a:pos x="T4" y="T5"/>
                  </a:cxn>
                  <a:cxn ang="T105">
                    <a:pos x="T6" y="T7"/>
                  </a:cxn>
                  <a:cxn ang="T106">
                    <a:pos x="T8" y="T9"/>
                  </a:cxn>
                  <a:cxn ang="T107">
                    <a:pos x="T10" y="T11"/>
                  </a:cxn>
                  <a:cxn ang="T108">
                    <a:pos x="T12" y="T13"/>
                  </a:cxn>
                  <a:cxn ang="T109">
                    <a:pos x="T14" y="T15"/>
                  </a:cxn>
                  <a:cxn ang="T110">
                    <a:pos x="T16" y="T17"/>
                  </a:cxn>
                  <a:cxn ang="T111">
                    <a:pos x="T18" y="T19"/>
                  </a:cxn>
                  <a:cxn ang="T112">
                    <a:pos x="T20" y="T21"/>
                  </a:cxn>
                  <a:cxn ang="T113">
                    <a:pos x="T22" y="T23"/>
                  </a:cxn>
                  <a:cxn ang="T114">
                    <a:pos x="T24" y="T25"/>
                  </a:cxn>
                  <a:cxn ang="T115">
                    <a:pos x="T26" y="T27"/>
                  </a:cxn>
                  <a:cxn ang="T116">
                    <a:pos x="T28" y="T29"/>
                  </a:cxn>
                  <a:cxn ang="T117">
                    <a:pos x="T30" y="T31"/>
                  </a:cxn>
                  <a:cxn ang="T118">
                    <a:pos x="T32" y="T33"/>
                  </a:cxn>
                  <a:cxn ang="T119">
                    <a:pos x="T34" y="T35"/>
                  </a:cxn>
                  <a:cxn ang="T120">
                    <a:pos x="T36" y="T37"/>
                  </a:cxn>
                  <a:cxn ang="T121">
                    <a:pos x="T38" y="T39"/>
                  </a:cxn>
                  <a:cxn ang="T122">
                    <a:pos x="T40" y="T41"/>
                  </a:cxn>
                  <a:cxn ang="T123">
                    <a:pos x="T42" y="T43"/>
                  </a:cxn>
                  <a:cxn ang="T124">
                    <a:pos x="T44" y="T45"/>
                  </a:cxn>
                  <a:cxn ang="T125">
                    <a:pos x="T46" y="T47"/>
                  </a:cxn>
                  <a:cxn ang="T126">
                    <a:pos x="T48" y="T49"/>
                  </a:cxn>
                  <a:cxn ang="T127">
                    <a:pos x="T50" y="T51"/>
                  </a:cxn>
                  <a:cxn ang="T128">
                    <a:pos x="T52" y="T53"/>
                  </a:cxn>
                  <a:cxn ang="T129">
                    <a:pos x="T54" y="T55"/>
                  </a:cxn>
                  <a:cxn ang="T130">
                    <a:pos x="T56" y="T57"/>
                  </a:cxn>
                  <a:cxn ang="T131">
                    <a:pos x="T58" y="T59"/>
                  </a:cxn>
                  <a:cxn ang="T132">
                    <a:pos x="T60" y="T61"/>
                  </a:cxn>
                  <a:cxn ang="T133">
                    <a:pos x="T62" y="T63"/>
                  </a:cxn>
                  <a:cxn ang="T134">
                    <a:pos x="T64" y="T65"/>
                  </a:cxn>
                  <a:cxn ang="T135">
                    <a:pos x="T66" y="T67"/>
                  </a:cxn>
                  <a:cxn ang="T136">
                    <a:pos x="T68" y="T69"/>
                  </a:cxn>
                  <a:cxn ang="T137">
                    <a:pos x="T70" y="T71"/>
                  </a:cxn>
                  <a:cxn ang="T138">
                    <a:pos x="T72" y="T73"/>
                  </a:cxn>
                  <a:cxn ang="T139">
                    <a:pos x="T74" y="T75"/>
                  </a:cxn>
                  <a:cxn ang="T140">
                    <a:pos x="T76" y="T77"/>
                  </a:cxn>
                  <a:cxn ang="T141">
                    <a:pos x="T78" y="T79"/>
                  </a:cxn>
                  <a:cxn ang="T142">
                    <a:pos x="T80" y="T81"/>
                  </a:cxn>
                  <a:cxn ang="T143">
                    <a:pos x="T82" y="T83"/>
                  </a:cxn>
                  <a:cxn ang="T144">
                    <a:pos x="T84" y="T85"/>
                  </a:cxn>
                  <a:cxn ang="T145">
                    <a:pos x="T86" y="T87"/>
                  </a:cxn>
                  <a:cxn ang="T146">
                    <a:pos x="T88" y="T89"/>
                  </a:cxn>
                  <a:cxn ang="T147">
                    <a:pos x="T90" y="T91"/>
                  </a:cxn>
                  <a:cxn ang="T148">
                    <a:pos x="T92" y="T93"/>
                  </a:cxn>
                  <a:cxn ang="T149">
                    <a:pos x="T94" y="T95"/>
                  </a:cxn>
                  <a:cxn ang="T150">
                    <a:pos x="T96" y="T97"/>
                  </a:cxn>
                  <a:cxn ang="T151">
                    <a:pos x="T98" y="T99"/>
                  </a:cxn>
                  <a:cxn ang="T152">
                    <a:pos x="T100" y="T101"/>
                  </a:cxn>
                </a:cxnLst>
                <a:rect l="T153" t="T154" r="T155" b="T156"/>
                <a:pathLst>
                  <a:path w="492" h="374">
                    <a:moveTo>
                      <a:pt x="269" y="374"/>
                    </a:moveTo>
                    <a:lnTo>
                      <a:pt x="269" y="374"/>
                    </a:lnTo>
                    <a:lnTo>
                      <a:pt x="269" y="372"/>
                    </a:lnTo>
                    <a:lnTo>
                      <a:pt x="267" y="370"/>
                    </a:lnTo>
                    <a:lnTo>
                      <a:pt x="267" y="369"/>
                    </a:lnTo>
                    <a:lnTo>
                      <a:pt x="267" y="367"/>
                    </a:lnTo>
                    <a:lnTo>
                      <a:pt x="267" y="365"/>
                    </a:lnTo>
                    <a:lnTo>
                      <a:pt x="267" y="364"/>
                    </a:lnTo>
                    <a:lnTo>
                      <a:pt x="267" y="362"/>
                    </a:lnTo>
                    <a:lnTo>
                      <a:pt x="266" y="348"/>
                    </a:lnTo>
                    <a:lnTo>
                      <a:pt x="261" y="338"/>
                    </a:lnTo>
                    <a:lnTo>
                      <a:pt x="255" y="330"/>
                    </a:lnTo>
                    <a:lnTo>
                      <a:pt x="249" y="321"/>
                    </a:lnTo>
                    <a:lnTo>
                      <a:pt x="242" y="316"/>
                    </a:lnTo>
                    <a:lnTo>
                      <a:pt x="235" y="313"/>
                    </a:lnTo>
                    <a:lnTo>
                      <a:pt x="232" y="309"/>
                    </a:lnTo>
                    <a:lnTo>
                      <a:pt x="230" y="308"/>
                    </a:lnTo>
                    <a:lnTo>
                      <a:pt x="228" y="292"/>
                    </a:lnTo>
                    <a:lnTo>
                      <a:pt x="225" y="282"/>
                    </a:lnTo>
                    <a:lnTo>
                      <a:pt x="218" y="274"/>
                    </a:lnTo>
                    <a:lnTo>
                      <a:pt x="211" y="269"/>
                    </a:lnTo>
                    <a:lnTo>
                      <a:pt x="205" y="265"/>
                    </a:lnTo>
                    <a:lnTo>
                      <a:pt x="200" y="264"/>
                    </a:lnTo>
                    <a:lnTo>
                      <a:pt x="195" y="262"/>
                    </a:lnTo>
                    <a:lnTo>
                      <a:pt x="193" y="262"/>
                    </a:lnTo>
                    <a:lnTo>
                      <a:pt x="193" y="260"/>
                    </a:lnTo>
                    <a:lnTo>
                      <a:pt x="189" y="259"/>
                    </a:lnTo>
                    <a:lnTo>
                      <a:pt x="184" y="254"/>
                    </a:lnTo>
                    <a:lnTo>
                      <a:pt x="179" y="250"/>
                    </a:lnTo>
                    <a:lnTo>
                      <a:pt x="174" y="245"/>
                    </a:lnTo>
                    <a:lnTo>
                      <a:pt x="171" y="240"/>
                    </a:lnTo>
                    <a:lnTo>
                      <a:pt x="167" y="237"/>
                    </a:lnTo>
                    <a:lnTo>
                      <a:pt x="166" y="233"/>
                    </a:lnTo>
                    <a:lnTo>
                      <a:pt x="162" y="225"/>
                    </a:lnTo>
                    <a:lnTo>
                      <a:pt x="157" y="218"/>
                    </a:lnTo>
                    <a:lnTo>
                      <a:pt x="154" y="213"/>
                    </a:lnTo>
                    <a:lnTo>
                      <a:pt x="149" y="211"/>
                    </a:lnTo>
                    <a:lnTo>
                      <a:pt x="145" y="210"/>
                    </a:lnTo>
                    <a:lnTo>
                      <a:pt x="142" y="210"/>
                    </a:lnTo>
                    <a:lnTo>
                      <a:pt x="139" y="210"/>
                    </a:lnTo>
                    <a:lnTo>
                      <a:pt x="137" y="208"/>
                    </a:lnTo>
                    <a:lnTo>
                      <a:pt x="135" y="204"/>
                    </a:lnTo>
                    <a:lnTo>
                      <a:pt x="132" y="203"/>
                    </a:lnTo>
                    <a:lnTo>
                      <a:pt x="130" y="199"/>
                    </a:lnTo>
                    <a:lnTo>
                      <a:pt x="127" y="193"/>
                    </a:lnTo>
                    <a:lnTo>
                      <a:pt x="123" y="188"/>
                    </a:lnTo>
                    <a:lnTo>
                      <a:pt x="120" y="184"/>
                    </a:lnTo>
                    <a:lnTo>
                      <a:pt x="117" y="182"/>
                    </a:lnTo>
                    <a:lnTo>
                      <a:pt x="113" y="181"/>
                    </a:lnTo>
                    <a:lnTo>
                      <a:pt x="112" y="182"/>
                    </a:lnTo>
                    <a:lnTo>
                      <a:pt x="108" y="182"/>
                    </a:lnTo>
                    <a:lnTo>
                      <a:pt x="101" y="181"/>
                    </a:lnTo>
                    <a:lnTo>
                      <a:pt x="96" y="179"/>
                    </a:lnTo>
                    <a:lnTo>
                      <a:pt x="93" y="174"/>
                    </a:lnTo>
                    <a:lnTo>
                      <a:pt x="90" y="169"/>
                    </a:lnTo>
                    <a:lnTo>
                      <a:pt x="86" y="164"/>
                    </a:lnTo>
                    <a:lnTo>
                      <a:pt x="85" y="160"/>
                    </a:lnTo>
                    <a:lnTo>
                      <a:pt x="83" y="157"/>
                    </a:lnTo>
                    <a:lnTo>
                      <a:pt x="83" y="155"/>
                    </a:lnTo>
                    <a:lnTo>
                      <a:pt x="78" y="152"/>
                    </a:lnTo>
                    <a:lnTo>
                      <a:pt x="71" y="145"/>
                    </a:lnTo>
                    <a:lnTo>
                      <a:pt x="66" y="138"/>
                    </a:lnTo>
                    <a:lnTo>
                      <a:pt x="61" y="132"/>
                    </a:lnTo>
                    <a:lnTo>
                      <a:pt x="57" y="125"/>
                    </a:lnTo>
                    <a:lnTo>
                      <a:pt x="56" y="118"/>
                    </a:lnTo>
                    <a:lnTo>
                      <a:pt x="52" y="115"/>
                    </a:lnTo>
                    <a:lnTo>
                      <a:pt x="52" y="113"/>
                    </a:lnTo>
                    <a:lnTo>
                      <a:pt x="52" y="111"/>
                    </a:lnTo>
                    <a:lnTo>
                      <a:pt x="49" y="111"/>
                    </a:lnTo>
                    <a:lnTo>
                      <a:pt x="47" y="111"/>
                    </a:lnTo>
                    <a:lnTo>
                      <a:pt x="46" y="110"/>
                    </a:lnTo>
                    <a:lnTo>
                      <a:pt x="39" y="110"/>
                    </a:lnTo>
                    <a:lnTo>
                      <a:pt x="32" y="108"/>
                    </a:lnTo>
                    <a:lnTo>
                      <a:pt x="27" y="106"/>
                    </a:lnTo>
                    <a:lnTo>
                      <a:pt x="24" y="105"/>
                    </a:lnTo>
                    <a:lnTo>
                      <a:pt x="20" y="103"/>
                    </a:lnTo>
                    <a:lnTo>
                      <a:pt x="19" y="101"/>
                    </a:lnTo>
                    <a:lnTo>
                      <a:pt x="17" y="100"/>
                    </a:lnTo>
                    <a:lnTo>
                      <a:pt x="5" y="98"/>
                    </a:lnTo>
                    <a:lnTo>
                      <a:pt x="0" y="93"/>
                    </a:lnTo>
                    <a:lnTo>
                      <a:pt x="0" y="84"/>
                    </a:lnTo>
                    <a:lnTo>
                      <a:pt x="2" y="74"/>
                    </a:lnTo>
                    <a:lnTo>
                      <a:pt x="7" y="66"/>
                    </a:lnTo>
                    <a:lnTo>
                      <a:pt x="13" y="57"/>
                    </a:lnTo>
                    <a:lnTo>
                      <a:pt x="17" y="52"/>
                    </a:lnTo>
                    <a:lnTo>
                      <a:pt x="19" y="50"/>
                    </a:lnTo>
                    <a:lnTo>
                      <a:pt x="20" y="52"/>
                    </a:lnTo>
                    <a:lnTo>
                      <a:pt x="22" y="50"/>
                    </a:lnTo>
                    <a:lnTo>
                      <a:pt x="24" y="49"/>
                    </a:lnTo>
                    <a:lnTo>
                      <a:pt x="27" y="45"/>
                    </a:lnTo>
                    <a:lnTo>
                      <a:pt x="30" y="42"/>
                    </a:lnTo>
                    <a:lnTo>
                      <a:pt x="35" y="39"/>
                    </a:lnTo>
                    <a:lnTo>
                      <a:pt x="41" y="35"/>
                    </a:lnTo>
                    <a:lnTo>
                      <a:pt x="47" y="32"/>
                    </a:lnTo>
                    <a:lnTo>
                      <a:pt x="52" y="28"/>
                    </a:lnTo>
                    <a:lnTo>
                      <a:pt x="61" y="23"/>
                    </a:lnTo>
                    <a:lnTo>
                      <a:pt x="68" y="20"/>
                    </a:lnTo>
                    <a:lnTo>
                      <a:pt x="76" y="17"/>
                    </a:lnTo>
                    <a:lnTo>
                      <a:pt x="85" y="15"/>
                    </a:lnTo>
                    <a:lnTo>
                      <a:pt x="95" y="13"/>
                    </a:lnTo>
                    <a:lnTo>
                      <a:pt x="105" y="10"/>
                    </a:lnTo>
                    <a:lnTo>
                      <a:pt x="113" y="10"/>
                    </a:lnTo>
                    <a:lnTo>
                      <a:pt x="206" y="1"/>
                    </a:lnTo>
                    <a:lnTo>
                      <a:pt x="208" y="1"/>
                    </a:lnTo>
                    <a:lnTo>
                      <a:pt x="210" y="0"/>
                    </a:lnTo>
                    <a:lnTo>
                      <a:pt x="215" y="0"/>
                    </a:lnTo>
                    <a:lnTo>
                      <a:pt x="222" y="0"/>
                    </a:lnTo>
                    <a:lnTo>
                      <a:pt x="228" y="1"/>
                    </a:lnTo>
                    <a:lnTo>
                      <a:pt x="235" y="5"/>
                    </a:lnTo>
                    <a:lnTo>
                      <a:pt x="242" y="12"/>
                    </a:lnTo>
                    <a:lnTo>
                      <a:pt x="250" y="23"/>
                    </a:lnTo>
                    <a:lnTo>
                      <a:pt x="254" y="37"/>
                    </a:lnTo>
                    <a:lnTo>
                      <a:pt x="362" y="20"/>
                    </a:lnTo>
                    <a:lnTo>
                      <a:pt x="492" y="115"/>
                    </a:lnTo>
                    <a:lnTo>
                      <a:pt x="491" y="115"/>
                    </a:lnTo>
                    <a:lnTo>
                      <a:pt x="489" y="118"/>
                    </a:lnTo>
                    <a:lnTo>
                      <a:pt x="486" y="120"/>
                    </a:lnTo>
                    <a:lnTo>
                      <a:pt x="484" y="122"/>
                    </a:lnTo>
                    <a:lnTo>
                      <a:pt x="481" y="125"/>
                    </a:lnTo>
                    <a:lnTo>
                      <a:pt x="475" y="130"/>
                    </a:lnTo>
                    <a:lnTo>
                      <a:pt x="472" y="133"/>
                    </a:lnTo>
                    <a:lnTo>
                      <a:pt x="467" y="140"/>
                    </a:lnTo>
                    <a:lnTo>
                      <a:pt x="464" y="145"/>
                    </a:lnTo>
                    <a:lnTo>
                      <a:pt x="459" y="150"/>
                    </a:lnTo>
                    <a:lnTo>
                      <a:pt x="455" y="159"/>
                    </a:lnTo>
                    <a:lnTo>
                      <a:pt x="450" y="166"/>
                    </a:lnTo>
                    <a:lnTo>
                      <a:pt x="447" y="174"/>
                    </a:lnTo>
                    <a:lnTo>
                      <a:pt x="443" y="182"/>
                    </a:lnTo>
                    <a:lnTo>
                      <a:pt x="440" y="191"/>
                    </a:lnTo>
                    <a:lnTo>
                      <a:pt x="437" y="189"/>
                    </a:lnTo>
                    <a:lnTo>
                      <a:pt x="435" y="188"/>
                    </a:lnTo>
                    <a:lnTo>
                      <a:pt x="435" y="186"/>
                    </a:lnTo>
                    <a:lnTo>
                      <a:pt x="433" y="186"/>
                    </a:lnTo>
                    <a:lnTo>
                      <a:pt x="433" y="188"/>
                    </a:lnTo>
                    <a:lnTo>
                      <a:pt x="431" y="191"/>
                    </a:lnTo>
                    <a:lnTo>
                      <a:pt x="431" y="194"/>
                    </a:lnTo>
                    <a:lnTo>
                      <a:pt x="431" y="198"/>
                    </a:lnTo>
                    <a:lnTo>
                      <a:pt x="433" y="199"/>
                    </a:lnTo>
                    <a:lnTo>
                      <a:pt x="435" y="201"/>
                    </a:lnTo>
                    <a:lnTo>
                      <a:pt x="440" y="203"/>
                    </a:lnTo>
                    <a:lnTo>
                      <a:pt x="442" y="203"/>
                    </a:lnTo>
                    <a:lnTo>
                      <a:pt x="442" y="204"/>
                    </a:lnTo>
                    <a:lnTo>
                      <a:pt x="443" y="206"/>
                    </a:lnTo>
                    <a:lnTo>
                      <a:pt x="443" y="210"/>
                    </a:lnTo>
                    <a:lnTo>
                      <a:pt x="443" y="213"/>
                    </a:lnTo>
                    <a:lnTo>
                      <a:pt x="440" y="216"/>
                    </a:lnTo>
                    <a:lnTo>
                      <a:pt x="437" y="221"/>
                    </a:lnTo>
                    <a:lnTo>
                      <a:pt x="431" y="225"/>
                    </a:lnTo>
                    <a:lnTo>
                      <a:pt x="430" y="225"/>
                    </a:lnTo>
                    <a:lnTo>
                      <a:pt x="428" y="225"/>
                    </a:lnTo>
                    <a:lnTo>
                      <a:pt x="423" y="228"/>
                    </a:lnTo>
                    <a:lnTo>
                      <a:pt x="418" y="230"/>
                    </a:lnTo>
                    <a:lnTo>
                      <a:pt x="413" y="235"/>
                    </a:lnTo>
                    <a:lnTo>
                      <a:pt x="408" y="240"/>
                    </a:lnTo>
                    <a:lnTo>
                      <a:pt x="403" y="248"/>
                    </a:lnTo>
                    <a:lnTo>
                      <a:pt x="398" y="259"/>
                    </a:lnTo>
                    <a:lnTo>
                      <a:pt x="396" y="260"/>
                    </a:lnTo>
                    <a:lnTo>
                      <a:pt x="394" y="262"/>
                    </a:lnTo>
                    <a:lnTo>
                      <a:pt x="393" y="265"/>
                    </a:lnTo>
                    <a:lnTo>
                      <a:pt x="391" y="267"/>
                    </a:lnTo>
                    <a:lnTo>
                      <a:pt x="389" y="269"/>
                    </a:lnTo>
                    <a:lnTo>
                      <a:pt x="387" y="270"/>
                    </a:lnTo>
                    <a:lnTo>
                      <a:pt x="376" y="272"/>
                    </a:lnTo>
                    <a:lnTo>
                      <a:pt x="376" y="277"/>
                    </a:lnTo>
                    <a:lnTo>
                      <a:pt x="384" y="279"/>
                    </a:lnTo>
                    <a:lnTo>
                      <a:pt x="359" y="299"/>
                    </a:lnTo>
                    <a:lnTo>
                      <a:pt x="354" y="291"/>
                    </a:lnTo>
                    <a:lnTo>
                      <a:pt x="349" y="299"/>
                    </a:lnTo>
                    <a:lnTo>
                      <a:pt x="354" y="304"/>
                    </a:lnTo>
                    <a:lnTo>
                      <a:pt x="343" y="316"/>
                    </a:lnTo>
                    <a:lnTo>
                      <a:pt x="335" y="314"/>
                    </a:lnTo>
                    <a:lnTo>
                      <a:pt x="320" y="314"/>
                    </a:lnTo>
                    <a:lnTo>
                      <a:pt x="305" y="316"/>
                    </a:lnTo>
                    <a:lnTo>
                      <a:pt x="296" y="320"/>
                    </a:lnTo>
                    <a:lnTo>
                      <a:pt x="291" y="336"/>
                    </a:lnTo>
                    <a:lnTo>
                      <a:pt x="303" y="348"/>
                    </a:lnTo>
                    <a:lnTo>
                      <a:pt x="289" y="374"/>
                    </a:lnTo>
                    <a:lnTo>
                      <a:pt x="281" y="372"/>
                    </a:lnTo>
                    <a:lnTo>
                      <a:pt x="269" y="374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67" name="Freeform 136"/>
              <p:cNvSpPr>
                <a:spLocks/>
              </p:cNvSpPr>
              <p:nvPr/>
            </p:nvSpPr>
            <p:spPr bwMode="auto">
              <a:xfrm>
                <a:off x="4222" y="3072"/>
                <a:ext cx="15" cy="16"/>
              </a:xfrm>
              <a:custGeom>
                <a:avLst/>
                <a:gdLst>
                  <a:gd name="T0" fmla="*/ 1 w 15"/>
                  <a:gd name="T1" fmla="*/ 5 h 17"/>
                  <a:gd name="T2" fmla="*/ 1 w 15"/>
                  <a:gd name="T3" fmla="*/ 5 h 17"/>
                  <a:gd name="T4" fmla="*/ 5 w 15"/>
                  <a:gd name="T5" fmla="*/ 2 h 17"/>
                  <a:gd name="T6" fmla="*/ 6 w 15"/>
                  <a:gd name="T7" fmla="*/ 0 h 17"/>
                  <a:gd name="T8" fmla="*/ 10 w 15"/>
                  <a:gd name="T9" fmla="*/ 0 h 17"/>
                  <a:gd name="T10" fmla="*/ 12 w 15"/>
                  <a:gd name="T11" fmla="*/ 0 h 17"/>
                  <a:gd name="T12" fmla="*/ 12 w 15"/>
                  <a:gd name="T13" fmla="*/ 0 h 17"/>
                  <a:gd name="T14" fmla="*/ 13 w 15"/>
                  <a:gd name="T15" fmla="*/ 2 h 17"/>
                  <a:gd name="T16" fmla="*/ 13 w 15"/>
                  <a:gd name="T17" fmla="*/ 2 h 17"/>
                  <a:gd name="T18" fmla="*/ 15 w 15"/>
                  <a:gd name="T19" fmla="*/ 3 h 17"/>
                  <a:gd name="T20" fmla="*/ 15 w 15"/>
                  <a:gd name="T21" fmla="*/ 5 h 17"/>
                  <a:gd name="T22" fmla="*/ 15 w 15"/>
                  <a:gd name="T23" fmla="*/ 7 h 17"/>
                  <a:gd name="T24" fmla="*/ 13 w 15"/>
                  <a:gd name="T25" fmla="*/ 8 h 17"/>
                  <a:gd name="T26" fmla="*/ 13 w 15"/>
                  <a:gd name="T27" fmla="*/ 8 h 17"/>
                  <a:gd name="T28" fmla="*/ 12 w 15"/>
                  <a:gd name="T29" fmla="*/ 8 h 17"/>
                  <a:gd name="T30" fmla="*/ 12 w 15"/>
                  <a:gd name="T31" fmla="*/ 8 h 17"/>
                  <a:gd name="T32" fmla="*/ 10 w 15"/>
                  <a:gd name="T33" fmla="*/ 8 h 17"/>
                  <a:gd name="T34" fmla="*/ 6 w 15"/>
                  <a:gd name="T35" fmla="*/ 8 h 17"/>
                  <a:gd name="T36" fmla="*/ 3 w 15"/>
                  <a:gd name="T37" fmla="*/ 8 h 17"/>
                  <a:gd name="T38" fmla="*/ 1 w 15"/>
                  <a:gd name="T39" fmla="*/ 8 h 17"/>
                  <a:gd name="T40" fmla="*/ 1 w 15"/>
                  <a:gd name="T41" fmla="*/ 8 h 17"/>
                  <a:gd name="T42" fmla="*/ 1 w 15"/>
                  <a:gd name="T43" fmla="*/ 8 h 17"/>
                  <a:gd name="T44" fmla="*/ 0 w 15"/>
                  <a:gd name="T45" fmla="*/ 8 h 17"/>
                  <a:gd name="T46" fmla="*/ 0 w 15"/>
                  <a:gd name="T47" fmla="*/ 8 h 17"/>
                  <a:gd name="T48" fmla="*/ 0 w 15"/>
                  <a:gd name="T49" fmla="*/ 8 h 17"/>
                  <a:gd name="T50" fmla="*/ 0 w 15"/>
                  <a:gd name="T51" fmla="*/ 8 h 17"/>
                  <a:gd name="T52" fmla="*/ 0 w 15"/>
                  <a:gd name="T53" fmla="*/ 8 h 17"/>
                  <a:gd name="T54" fmla="*/ 1 w 15"/>
                  <a:gd name="T55" fmla="*/ 7 h 17"/>
                  <a:gd name="T56" fmla="*/ 1 w 15"/>
                  <a:gd name="T57" fmla="*/ 5 h 17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w 15"/>
                  <a:gd name="T88" fmla="*/ 0 h 17"/>
                  <a:gd name="T89" fmla="*/ 15 w 15"/>
                  <a:gd name="T90" fmla="*/ 17 h 17"/>
                </a:gdLst>
                <a:ahLst/>
                <a:cxnLst>
                  <a:cxn ang="T58">
                    <a:pos x="T0" y="T1"/>
                  </a:cxn>
                  <a:cxn ang="T59">
                    <a:pos x="T2" y="T3"/>
                  </a:cxn>
                  <a:cxn ang="T60">
                    <a:pos x="T4" y="T5"/>
                  </a:cxn>
                  <a:cxn ang="T61">
                    <a:pos x="T6" y="T7"/>
                  </a:cxn>
                  <a:cxn ang="T62">
                    <a:pos x="T8" y="T9"/>
                  </a:cxn>
                  <a:cxn ang="T63">
                    <a:pos x="T10" y="T11"/>
                  </a:cxn>
                  <a:cxn ang="T64">
                    <a:pos x="T12" y="T13"/>
                  </a:cxn>
                  <a:cxn ang="T65">
                    <a:pos x="T14" y="T15"/>
                  </a:cxn>
                  <a:cxn ang="T66">
                    <a:pos x="T16" y="T17"/>
                  </a:cxn>
                  <a:cxn ang="T67">
                    <a:pos x="T18" y="T19"/>
                  </a:cxn>
                  <a:cxn ang="T68">
                    <a:pos x="T20" y="T21"/>
                  </a:cxn>
                  <a:cxn ang="T69">
                    <a:pos x="T22" y="T23"/>
                  </a:cxn>
                  <a:cxn ang="T70">
                    <a:pos x="T24" y="T25"/>
                  </a:cxn>
                  <a:cxn ang="T71">
                    <a:pos x="T26" y="T27"/>
                  </a:cxn>
                  <a:cxn ang="T72">
                    <a:pos x="T28" y="T29"/>
                  </a:cxn>
                  <a:cxn ang="T73">
                    <a:pos x="T30" y="T31"/>
                  </a:cxn>
                  <a:cxn ang="T74">
                    <a:pos x="T32" y="T33"/>
                  </a:cxn>
                  <a:cxn ang="T75">
                    <a:pos x="T34" y="T35"/>
                  </a:cxn>
                  <a:cxn ang="T76">
                    <a:pos x="T36" y="T37"/>
                  </a:cxn>
                  <a:cxn ang="T77">
                    <a:pos x="T38" y="T39"/>
                  </a:cxn>
                  <a:cxn ang="T78">
                    <a:pos x="T40" y="T41"/>
                  </a:cxn>
                  <a:cxn ang="T79">
                    <a:pos x="T42" y="T43"/>
                  </a:cxn>
                  <a:cxn ang="T80">
                    <a:pos x="T44" y="T45"/>
                  </a:cxn>
                  <a:cxn ang="T81">
                    <a:pos x="T46" y="T47"/>
                  </a:cxn>
                  <a:cxn ang="T82">
                    <a:pos x="T48" y="T49"/>
                  </a:cxn>
                  <a:cxn ang="T83">
                    <a:pos x="T50" y="T51"/>
                  </a:cxn>
                  <a:cxn ang="T84">
                    <a:pos x="T52" y="T53"/>
                  </a:cxn>
                  <a:cxn ang="T85">
                    <a:pos x="T54" y="T55"/>
                  </a:cxn>
                  <a:cxn ang="T86">
                    <a:pos x="T56" y="T57"/>
                  </a:cxn>
                </a:cxnLst>
                <a:rect l="T87" t="T88" r="T89" b="T90"/>
                <a:pathLst>
                  <a:path w="15" h="17">
                    <a:moveTo>
                      <a:pt x="1" y="5"/>
                    </a:moveTo>
                    <a:lnTo>
                      <a:pt x="1" y="5"/>
                    </a:lnTo>
                    <a:lnTo>
                      <a:pt x="5" y="2"/>
                    </a:lnTo>
                    <a:lnTo>
                      <a:pt x="6" y="0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5" y="3"/>
                    </a:lnTo>
                    <a:lnTo>
                      <a:pt x="15" y="5"/>
                    </a:lnTo>
                    <a:lnTo>
                      <a:pt x="15" y="7"/>
                    </a:lnTo>
                    <a:lnTo>
                      <a:pt x="13" y="8"/>
                    </a:lnTo>
                    <a:lnTo>
                      <a:pt x="13" y="10"/>
                    </a:lnTo>
                    <a:lnTo>
                      <a:pt x="12" y="12"/>
                    </a:lnTo>
                    <a:lnTo>
                      <a:pt x="10" y="15"/>
                    </a:lnTo>
                    <a:lnTo>
                      <a:pt x="6" y="17"/>
                    </a:lnTo>
                    <a:lnTo>
                      <a:pt x="3" y="17"/>
                    </a:lnTo>
                    <a:lnTo>
                      <a:pt x="1" y="17"/>
                    </a:lnTo>
                    <a:lnTo>
                      <a:pt x="0" y="15"/>
                    </a:lnTo>
                    <a:lnTo>
                      <a:pt x="0" y="13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1" y="7"/>
                    </a:lnTo>
                    <a:lnTo>
                      <a:pt x="1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68" name="Freeform 137"/>
              <p:cNvSpPr>
                <a:spLocks/>
              </p:cNvSpPr>
              <p:nvPr/>
            </p:nvSpPr>
            <p:spPr bwMode="auto">
              <a:xfrm>
                <a:off x="4206" y="3072"/>
                <a:ext cx="11" cy="12"/>
              </a:xfrm>
              <a:custGeom>
                <a:avLst/>
                <a:gdLst>
                  <a:gd name="T0" fmla="*/ 0 w 11"/>
                  <a:gd name="T1" fmla="*/ 6 h 13"/>
                  <a:gd name="T2" fmla="*/ 0 w 11"/>
                  <a:gd name="T3" fmla="*/ 6 h 13"/>
                  <a:gd name="T4" fmla="*/ 0 w 11"/>
                  <a:gd name="T5" fmla="*/ 3 h 13"/>
                  <a:gd name="T6" fmla="*/ 2 w 11"/>
                  <a:gd name="T7" fmla="*/ 2 h 13"/>
                  <a:gd name="T8" fmla="*/ 4 w 11"/>
                  <a:gd name="T9" fmla="*/ 0 h 13"/>
                  <a:gd name="T10" fmla="*/ 6 w 11"/>
                  <a:gd name="T11" fmla="*/ 0 h 13"/>
                  <a:gd name="T12" fmla="*/ 6 w 11"/>
                  <a:gd name="T13" fmla="*/ 0 h 13"/>
                  <a:gd name="T14" fmla="*/ 7 w 11"/>
                  <a:gd name="T15" fmla="*/ 0 h 13"/>
                  <a:gd name="T16" fmla="*/ 9 w 11"/>
                  <a:gd name="T17" fmla="*/ 2 h 13"/>
                  <a:gd name="T18" fmla="*/ 11 w 11"/>
                  <a:gd name="T19" fmla="*/ 3 h 13"/>
                  <a:gd name="T20" fmla="*/ 11 w 11"/>
                  <a:gd name="T21" fmla="*/ 6 h 13"/>
                  <a:gd name="T22" fmla="*/ 11 w 11"/>
                  <a:gd name="T23" fmla="*/ 6 h 13"/>
                  <a:gd name="T24" fmla="*/ 11 w 11"/>
                  <a:gd name="T25" fmla="*/ 6 h 13"/>
                  <a:gd name="T26" fmla="*/ 9 w 11"/>
                  <a:gd name="T27" fmla="*/ 6 h 13"/>
                  <a:gd name="T28" fmla="*/ 7 w 11"/>
                  <a:gd name="T29" fmla="*/ 6 h 13"/>
                  <a:gd name="T30" fmla="*/ 6 w 11"/>
                  <a:gd name="T31" fmla="*/ 6 h 13"/>
                  <a:gd name="T32" fmla="*/ 6 w 11"/>
                  <a:gd name="T33" fmla="*/ 6 h 13"/>
                  <a:gd name="T34" fmla="*/ 4 w 11"/>
                  <a:gd name="T35" fmla="*/ 6 h 13"/>
                  <a:gd name="T36" fmla="*/ 2 w 11"/>
                  <a:gd name="T37" fmla="*/ 6 h 13"/>
                  <a:gd name="T38" fmla="*/ 0 w 11"/>
                  <a:gd name="T39" fmla="*/ 6 h 13"/>
                  <a:gd name="T40" fmla="*/ 0 w 11"/>
                  <a:gd name="T41" fmla="*/ 6 h 13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1"/>
                  <a:gd name="T64" fmla="*/ 0 h 13"/>
                  <a:gd name="T65" fmla="*/ 11 w 11"/>
                  <a:gd name="T66" fmla="*/ 13 h 13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1" h="13">
                    <a:moveTo>
                      <a:pt x="0" y="7"/>
                    </a:moveTo>
                    <a:lnTo>
                      <a:pt x="0" y="7"/>
                    </a:lnTo>
                    <a:lnTo>
                      <a:pt x="0" y="3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0"/>
                    </a:lnTo>
                    <a:lnTo>
                      <a:pt x="9" y="2"/>
                    </a:lnTo>
                    <a:lnTo>
                      <a:pt x="11" y="3"/>
                    </a:lnTo>
                    <a:lnTo>
                      <a:pt x="11" y="7"/>
                    </a:lnTo>
                    <a:lnTo>
                      <a:pt x="11" y="10"/>
                    </a:lnTo>
                    <a:lnTo>
                      <a:pt x="9" y="12"/>
                    </a:lnTo>
                    <a:lnTo>
                      <a:pt x="7" y="13"/>
                    </a:lnTo>
                    <a:lnTo>
                      <a:pt x="6" y="13"/>
                    </a:lnTo>
                    <a:lnTo>
                      <a:pt x="4" y="13"/>
                    </a:lnTo>
                    <a:lnTo>
                      <a:pt x="2" y="12"/>
                    </a:lnTo>
                    <a:lnTo>
                      <a:pt x="0" y="10"/>
                    </a:lnTo>
                    <a:lnTo>
                      <a:pt x="0" y="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69" name="Freeform 138"/>
              <p:cNvSpPr>
                <a:spLocks/>
              </p:cNvSpPr>
              <p:nvPr/>
            </p:nvSpPr>
            <p:spPr bwMode="auto">
              <a:xfrm>
                <a:off x="4212" y="3098"/>
                <a:ext cx="13" cy="16"/>
              </a:xfrm>
              <a:custGeom>
                <a:avLst/>
                <a:gdLst>
                  <a:gd name="T0" fmla="*/ 1 w 13"/>
                  <a:gd name="T1" fmla="*/ 5 h 17"/>
                  <a:gd name="T2" fmla="*/ 1 w 13"/>
                  <a:gd name="T3" fmla="*/ 5 h 17"/>
                  <a:gd name="T4" fmla="*/ 3 w 13"/>
                  <a:gd name="T5" fmla="*/ 2 h 17"/>
                  <a:gd name="T6" fmla="*/ 6 w 13"/>
                  <a:gd name="T7" fmla="*/ 0 h 17"/>
                  <a:gd name="T8" fmla="*/ 8 w 13"/>
                  <a:gd name="T9" fmla="*/ 0 h 17"/>
                  <a:gd name="T10" fmla="*/ 11 w 13"/>
                  <a:gd name="T11" fmla="*/ 0 h 17"/>
                  <a:gd name="T12" fmla="*/ 11 w 13"/>
                  <a:gd name="T13" fmla="*/ 0 h 17"/>
                  <a:gd name="T14" fmla="*/ 13 w 13"/>
                  <a:gd name="T15" fmla="*/ 0 h 17"/>
                  <a:gd name="T16" fmla="*/ 13 w 13"/>
                  <a:gd name="T17" fmla="*/ 2 h 17"/>
                  <a:gd name="T18" fmla="*/ 13 w 13"/>
                  <a:gd name="T19" fmla="*/ 3 h 17"/>
                  <a:gd name="T20" fmla="*/ 13 w 13"/>
                  <a:gd name="T21" fmla="*/ 5 h 17"/>
                  <a:gd name="T22" fmla="*/ 13 w 13"/>
                  <a:gd name="T23" fmla="*/ 5 h 17"/>
                  <a:gd name="T24" fmla="*/ 13 w 13"/>
                  <a:gd name="T25" fmla="*/ 8 h 17"/>
                  <a:gd name="T26" fmla="*/ 13 w 13"/>
                  <a:gd name="T27" fmla="*/ 8 h 17"/>
                  <a:gd name="T28" fmla="*/ 11 w 13"/>
                  <a:gd name="T29" fmla="*/ 8 h 17"/>
                  <a:gd name="T30" fmla="*/ 11 w 13"/>
                  <a:gd name="T31" fmla="*/ 8 h 17"/>
                  <a:gd name="T32" fmla="*/ 10 w 13"/>
                  <a:gd name="T33" fmla="*/ 8 h 17"/>
                  <a:gd name="T34" fmla="*/ 6 w 13"/>
                  <a:gd name="T35" fmla="*/ 8 h 17"/>
                  <a:gd name="T36" fmla="*/ 5 w 13"/>
                  <a:gd name="T37" fmla="*/ 8 h 17"/>
                  <a:gd name="T38" fmla="*/ 1 w 13"/>
                  <a:gd name="T39" fmla="*/ 8 h 17"/>
                  <a:gd name="T40" fmla="*/ 1 w 13"/>
                  <a:gd name="T41" fmla="*/ 8 h 17"/>
                  <a:gd name="T42" fmla="*/ 1 w 13"/>
                  <a:gd name="T43" fmla="*/ 8 h 17"/>
                  <a:gd name="T44" fmla="*/ 0 w 13"/>
                  <a:gd name="T45" fmla="*/ 8 h 17"/>
                  <a:gd name="T46" fmla="*/ 0 w 13"/>
                  <a:gd name="T47" fmla="*/ 8 h 17"/>
                  <a:gd name="T48" fmla="*/ 0 w 13"/>
                  <a:gd name="T49" fmla="*/ 8 h 17"/>
                  <a:gd name="T50" fmla="*/ 0 w 13"/>
                  <a:gd name="T51" fmla="*/ 8 h 17"/>
                  <a:gd name="T52" fmla="*/ 0 w 13"/>
                  <a:gd name="T53" fmla="*/ 8 h 17"/>
                  <a:gd name="T54" fmla="*/ 0 w 13"/>
                  <a:gd name="T55" fmla="*/ 7 h 17"/>
                  <a:gd name="T56" fmla="*/ 1 w 13"/>
                  <a:gd name="T57" fmla="*/ 5 h 17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w 13"/>
                  <a:gd name="T88" fmla="*/ 0 h 17"/>
                  <a:gd name="T89" fmla="*/ 13 w 13"/>
                  <a:gd name="T90" fmla="*/ 17 h 17"/>
                </a:gdLst>
                <a:ahLst/>
                <a:cxnLst>
                  <a:cxn ang="T58">
                    <a:pos x="T0" y="T1"/>
                  </a:cxn>
                  <a:cxn ang="T59">
                    <a:pos x="T2" y="T3"/>
                  </a:cxn>
                  <a:cxn ang="T60">
                    <a:pos x="T4" y="T5"/>
                  </a:cxn>
                  <a:cxn ang="T61">
                    <a:pos x="T6" y="T7"/>
                  </a:cxn>
                  <a:cxn ang="T62">
                    <a:pos x="T8" y="T9"/>
                  </a:cxn>
                  <a:cxn ang="T63">
                    <a:pos x="T10" y="T11"/>
                  </a:cxn>
                  <a:cxn ang="T64">
                    <a:pos x="T12" y="T13"/>
                  </a:cxn>
                  <a:cxn ang="T65">
                    <a:pos x="T14" y="T15"/>
                  </a:cxn>
                  <a:cxn ang="T66">
                    <a:pos x="T16" y="T17"/>
                  </a:cxn>
                  <a:cxn ang="T67">
                    <a:pos x="T18" y="T19"/>
                  </a:cxn>
                  <a:cxn ang="T68">
                    <a:pos x="T20" y="T21"/>
                  </a:cxn>
                  <a:cxn ang="T69">
                    <a:pos x="T22" y="T23"/>
                  </a:cxn>
                  <a:cxn ang="T70">
                    <a:pos x="T24" y="T25"/>
                  </a:cxn>
                  <a:cxn ang="T71">
                    <a:pos x="T26" y="T27"/>
                  </a:cxn>
                  <a:cxn ang="T72">
                    <a:pos x="T28" y="T29"/>
                  </a:cxn>
                  <a:cxn ang="T73">
                    <a:pos x="T30" y="T31"/>
                  </a:cxn>
                  <a:cxn ang="T74">
                    <a:pos x="T32" y="T33"/>
                  </a:cxn>
                  <a:cxn ang="T75">
                    <a:pos x="T34" y="T35"/>
                  </a:cxn>
                  <a:cxn ang="T76">
                    <a:pos x="T36" y="T37"/>
                  </a:cxn>
                  <a:cxn ang="T77">
                    <a:pos x="T38" y="T39"/>
                  </a:cxn>
                  <a:cxn ang="T78">
                    <a:pos x="T40" y="T41"/>
                  </a:cxn>
                  <a:cxn ang="T79">
                    <a:pos x="T42" y="T43"/>
                  </a:cxn>
                  <a:cxn ang="T80">
                    <a:pos x="T44" y="T45"/>
                  </a:cxn>
                  <a:cxn ang="T81">
                    <a:pos x="T46" y="T47"/>
                  </a:cxn>
                  <a:cxn ang="T82">
                    <a:pos x="T48" y="T49"/>
                  </a:cxn>
                  <a:cxn ang="T83">
                    <a:pos x="T50" y="T51"/>
                  </a:cxn>
                  <a:cxn ang="T84">
                    <a:pos x="T52" y="T53"/>
                  </a:cxn>
                  <a:cxn ang="T85">
                    <a:pos x="T54" y="T55"/>
                  </a:cxn>
                  <a:cxn ang="T86">
                    <a:pos x="T56" y="T57"/>
                  </a:cxn>
                </a:cxnLst>
                <a:rect l="T87" t="T88" r="T89" b="T90"/>
                <a:pathLst>
                  <a:path w="13" h="17">
                    <a:moveTo>
                      <a:pt x="1" y="5"/>
                    </a:moveTo>
                    <a:lnTo>
                      <a:pt x="1" y="5"/>
                    </a:lnTo>
                    <a:lnTo>
                      <a:pt x="3" y="2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1" y="0"/>
                    </a:lnTo>
                    <a:lnTo>
                      <a:pt x="13" y="0"/>
                    </a:lnTo>
                    <a:lnTo>
                      <a:pt x="13" y="2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3" y="8"/>
                    </a:lnTo>
                    <a:lnTo>
                      <a:pt x="11" y="10"/>
                    </a:lnTo>
                    <a:lnTo>
                      <a:pt x="10" y="14"/>
                    </a:lnTo>
                    <a:lnTo>
                      <a:pt x="6" y="15"/>
                    </a:lnTo>
                    <a:lnTo>
                      <a:pt x="5" y="17"/>
                    </a:lnTo>
                    <a:lnTo>
                      <a:pt x="1" y="17"/>
                    </a:lnTo>
                    <a:lnTo>
                      <a:pt x="1" y="15"/>
                    </a:lnTo>
                    <a:lnTo>
                      <a:pt x="0" y="14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1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411" name="Group 139"/>
            <p:cNvGrpSpPr>
              <a:grpSpLocks/>
            </p:cNvGrpSpPr>
            <p:nvPr/>
          </p:nvGrpSpPr>
          <p:grpSpPr bwMode="auto">
            <a:xfrm>
              <a:off x="1186" y="3709"/>
              <a:ext cx="274" cy="176"/>
              <a:chOff x="1338" y="3375"/>
              <a:chExt cx="282" cy="181"/>
            </a:xfrm>
          </p:grpSpPr>
          <p:sp>
            <p:nvSpPr>
              <p:cNvPr id="447" name="Freeform 140"/>
              <p:cNvSpPr>
                <a:spLocks/>
              </p:cNvSpPr>
              <p:nvPr/>
            </p:nvSpPr>
            <p:spPr bwMode="auto">
              <a:xfrm>
                <a:off x="1361" y="3375"/>
                <a:ext cx="26" cy="18"/>
              </a:xfrm>
              <a:custGeom>
                <a:avLst/>
                <a:gdLst>
                  <a:gd name="T0" fmla="*/ 0 w 26"/>
                  <a:gd name="T1" fmla="*/ 8 h 18"/>
                  <a:gd name="T2" fmla="*/ 0 w 26"/>
                  <a:gd name="T3" fmla="*/ 8 h 18"/>
                  <a:gd name="T4" fmla="*/ 2 w 26"/>
                  <a:gd name="T5" fmla="*/ 6 h 18"/>
                  <a:gd name="T6" fmla="*/ 2 w 26"/>
                  <a:gd name="T7" fmla="*/ 6 h 18"/>
                  <a:gd name="T8" fmla="*/ 5 w 26"/>
                  <a:gd name="T9" fmla="*/ 3 h 18"/>
                  <a:gd name="T10" fmla="*/ 9 w 26"/>
                  <a:gd name="T11" fmla="*/ 3 h 18"/>
                  <a:gd name="T12" fmla="*/ 12 w 26"/>
                  <a:gd name="T13" fmla="*/ 1 h 18"/>
                  <a:gd name="T14" fmla="*/ 17 w 26"/>
                  <a:gd name="T15" fmla="*/ 0 h 18"/>
                  <a:gd name="T16" fmla="*/ 22 w 26"/>
                  <a:gd name="T17" fmla="*/ 0 h 18"/>
                  <a:gd name="T18" fmla="*/ 24 w 26"/>
                  <a:gd name="T19" fmla="*/ 0 h 18"/>
                  <a:gd name="T20" fmla="*/ 24 w 26"/>
                  <a:gd name="T21" fmla="*/ 3 h 18"/>
                  <a:gd name="T22" fmla="*/ 24 w 26"/>
                  <a:gd name="T23" fmla="*/ 6 h 18"/>
                  <a:gd name="T24" fmla="*/ 26 w 26"/>
                  <a:gd name="T25" fmla="*/ 6 h 18"/>
                  <a:gd name="T26" fmla="*/ 21 w 26"/>
                  <a:gd name="T27" fmla="*/ 18 h 18"/>
                  <a:gd name="T28" fmla="*/ 4 w 26"/>
                  <a:gd name="T29" fmla="*/ 13 h 18"/>
                  <a:gd name="T30" fmla="*/ 0 w 26"/>
                  <a:gd name="T31" fmla="*/ 8 h 18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w 26"/>
                  <a:gd name="T49" fmla="*/ 0 h 18"/>
                  <a:gd name="T50" fmla="*/ 26 w 26"/>
                  <a:gd name="T51" fmla="*/ 18 h 18"/>
                </a:gdLst>
                <a:ahLst/>
                <a:cxnLst>
                  <a:cxn ang="T32">
                    <a:pos x="T0" y="T1"/>
                  </a:cxn>
                  <a:cxn ang="T33">
                    <a:pos x="T2" y="T3"/>
                  </a:cxn>
                  <a:cxn ang="T34">
                    <a:pos x="T4" y="T5"/>
                  </a:cxn>
                  <a:cxn ang="T35">
                    <a:pos x="T6" y="T7"/>
                  </a:cxn>
                  <a:cxn ang="T36">
                    <a:pos x="T8" y="T9"/>
                  </a:cxn>
                  <a:cxn ang="T37">
                    <a:pos x="T10" y="T11"/>
                  </a:cxn>
                  <a:cxn ang="T38">
                    <a:pos x="T12" y="T13"/>
                  </a:cxn>
                  <a:cxn ang="T39">
                    <a:pos x="T14" y="T15"/>
                  </a:cxn>
                  <a:cxn ang="T40">
                    <a:pos x="T16" y="T17"/>
                  </a:cxn>
                  <a:cxn ang="T41">
                    <a:pos x="T18" y="T19"/>
                  </a:cxn>
                  <a:cxn ang="T42">
                    <a:pos x="T20" y="T21"/>
                  </a:cxn>
                  <a:cxn ang="T43">
                    <a:pos x="T22" y="T23"/>
                  </a:cxn>
                  <a:cxn ang="T44">
                    <a:pos x="T24" y="T25"/>
                  </a:cxn>
                  <a:cxn ang="T45">
                    <a:pos x="T26" y="T27"/>
                  </a:cxn>
                  <a:cxn ang="T46">
                    <a:pos x="T28" y="T29"/>
                  </a:cxn>
                  <a:cxn ang="T47">
                    <a:pos x="T30" y="T31"/>
                  </a:cxn>
                </a:cxnLst>
                <a:rect l="T48" t="T49" r="T50" b="T51"/>
                <a:pathLst>
                  <a:path w="26" h="18">
                    <a:moveTo>
                      <a:pt x="0" y="8"/>
                    </a:moveTo>
                    <a:lnTo>
                      <a:pt x="0" y="8"/>
                    </a:lnTo>
                    <a:lnTo>
                      <a:pt x="2" y="6"/>
                    </a:lnTo>
                    <a:lnTo>
                      <a:pt x="5" y="3"/>
                    </a:lnTo>
                    <a:lnTo>
                      <a:pt x="9" y="3"/>
                    </a:lnTo>
                    <a:lnTo>
                      <a:pt x="12" y="1"/>
                    </a:lnTo>
                    <a:lnTo>
                      <a:pt x="17" y="0"/>
                    </a:lnTo>
                    <a:lnTo>
                      <a:pt x="22" y="0"/>
                    </a:lnTo>
                    <a:lnTo>
                      <a:pt x="24" y="0"/>
                    </a:lnTo>
                    <a:lnTo>
                      <a:pt x="24" y="3"/>
                    </a:lnTo>
                    <a:lnTo>
                      <a:pt x="24" y="6"/>
                    </a:lnTo>
                    <a:lnTo>
                      <a:pt x="26" y="6"/>
                    </a:lnTo>
                    <a:lnTo>
                      <a:pt x="21" y="18"/>
                    </a:lnTo>
                    <a:lnTo>
                      <a:pt x="4" y="13"/>
                    </a:lnTo>
                    <a:lnTo>
                      <a:pt x="0" y="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48" name="Freeform 141"/>
              <p:cNvSpPr>
                <a:spLocks/>
              </p:cNvSpPr>
              <p:nvPr/>
            </p:nvSpPr>
            <p:spPr bwMode="auto">
              <a:xfrm>
                <a:off x="1361" y="3375"/>
                <a:ext cx="26" cy="18"/>
              </a:xfrm>
              <a:custGeom>
                <a:avLst/>
                <a:gdLst>
                  <a:gd name="T0" fmla="*/ 0 w 26"/>
                  <a:gd name="T1" fmla="*/ 8 h 18"/>
                  <a:gd name="T2" fmla="*/ 0 w 26"/>
                  <a:gd name="T3" fmla="*/ 8 h 18"/>
                  <a:gd name="T4" fmla="*/ 0 w 26"/>
                  <a:gd name="T5" fmla="*/ 8 h 18"/>
                  <a:gd name="T6" fmla="*/ 2 w 26"/>
                  <a:gd name="T7" fmla="*/ 6 h 18"/>
                  <a:gd name="T8" fmla="*/ 2 w 26"/>
                  <a:gd name="T9" fmla="*/ 6 h 18"/>
                  <a:gd name="T10" fmla="*/ 5 w 26"/>
                  <a:gd name="T11" fmla="*/ 3 h 18"/>
                  <a:gd name="T12" fmla="*/ 9 w 26"/>
                  <a:gd name="T13" fmla="*/ 3 h 18"/>
                  <a:gd name="T14" fmla="*/ 12 w 26"/>
                  <a:gd name="T15" fmla="*/ 1 h 18"/>
                  <a:gd name="T16" fmla="*/ 17 w 26"/>
                  <a:gd name="T17" fmla="*/ 0 h 18"/>
                  <a:gd name="T18" fmla="*/ 22 w 26"/>
                  <a:gd name="T19" fmla="*/ 0 h 18"/>
                  <a:gd name="T20" fmla="*/ 22 w 26"/>
                  <a:gd name="T21" fmla="*/ 0 h 18"/>
                  <a:gd name="T22" fmla="*/ 24 w 26"/>
                  <a:gd name="T23" fmla="*/ 0 h 18"/>
                  <a:gd name="T24" fmla="*/ 24 w 26"/>
                  <a:gd name="T25" fmla="*/ 3 h 18"/>
                  <a:gd name="T26" fmla="*/ 24 w 26"/>
                  <a:gd name="T27" fmla="*/ 6 h 18"/>
                  <a:gd name="T28" fmla="*/ 26 w 26"/>
                  <a:gd name="T29" fmla="*/ 6 h 18"/>
                  <a:gd name="T30" fmla="*/ 21 w 26"/>
                  <a:gd name="T31" fmla="*/ 18 h 18"/>
                  <a:gd name="T32" fmla="*/ 4 w 26"/>
                  <a:gd name="T33" fmla="*/ 13 h 18"/>
                  <a:gd name="T34" fmla="*/ 0 w 26"/>
                  <a:gd name="T35" fmla="*/ 8 h 18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w 26"/>
                  <a:gd name="T55" fmla="*/ 0 h 18"/>
                  <a:gd name="T56" fmla="*/ 26 w 26"/>
                  <a:gd name="T57" fmla="*/ 18 h 18"/>
                </a:gdLst>
                <a:ahLst/>
                <a:cxnLst>
                  <a:cxn ang="T36">
                    <a:pos x="T0" y="T1"/>
                  </a:cxn>
                  <a:cxn ang="T37">
                    <a:pos x="T2" y="T3"/>
                  </a:cxn>
                  <a:cxn ang="T38">
                    <a:pos x="T4" y="T5"/>
                  </a:cxn>
                  <a:cxn ang="T39">
                    <a:pos x="T6" y="T7"/>
                  </a:cxn>
                  <a:cxn ang="T40">
                    <a:pos x="T8" y="T9"/>
                  </a:cxn>
                  <a:cxn ang="T41">
                    <a:pos x="T10" y="T11"/>
                  </a:cxn>
                  <a:cxn ang="T42">
                    <a:pos x="T12" y="T13"/>
                  </a:cxn>
                  <a:cxn ang="T43">
                    <a:pos x="T14" y="T15"/>
                  </a:cxn>
                  <a:cxn ang="T44">
                    <a:pos x="T16" y="T17"/>
                  </a:cxn>
                  <a:cxn ang="T45">
                    <a:pos x="T18" y="T19"/>
                  </a:cxn>
                  <a:cxn ang="T46">
                    <a:pos x="T20" y="T21"/>
                  </a:cxn>
                  <a:cxn ang="T47">
                    <a:pos x="T22" y="T23"/>
                  </a:cxn>
                  <a:cxn ang="T48">
                    <a:pos x="T24" y="T25"/>
                  </a:cxn>
                  <a:cxn ang="T49">
                    <a:pos x="T26" y="T27"/>
                  </a:cxn>
                  <a:cxn ang="T50">
                    <a:pos x="T28" y="T29"/>
                  </a:cxn>
                  <a:cxn ang="T51">
                    <a:pos x="T30" y="T31"/>
                  </a:cxn>
                  <a:cxn ang="T52">
                    <a:pos x="T32" y="T33"/>
                  </a:cxn>
                  <a:cxn ang="T53">
                    <a:pos x="T34" y="T35"/>
                  </a:cxn>
                </a:cxnLst>
                <a:rect l="T54" t="T55" r="T56" b="T57"/>
                <a:pathLst>
                  <a:path w="26" h="18">
                    <a:moveTo>
                      <a:pt x="0" y="8"/>
                    </a:moveTo>
                    <a:lnTo>
                      <a:pt x="0" y="8"/>
                    </a:lnTo>
                    <a:lnTo>
                      <a:pt x="2" y="6"/>
                    </a:lnTo>
                    <a:lnTo>
                      <a:pt x="5" y="3"/>
                    </a:lnTo>
                    <a:lnTo>
                      <a:pt x="9" y="3"/>
                    </a:lnTo>
                    <a:lnTo>
                      <a:pt x="12" y="1"/>
                    </a:lnTo>
                    <a:lnTo>
                      <a:pt x="17" y="0"/>
                    </a:lnTo>
                    <a:lnTo>
                      <a:pt x="22" y="0"/>
                    </a:lnTo>
                    <a:lnTo>
                      <a:pt x="24" y="0"/>
                    </a:lnTo>
                    <a:lnTo>
                      <a:pt x="24" y="3"/>
                    </a:lnTo>
                    <a:lnTo>
                      <a:pt x="24" y="6"/>
                    </a:lnTo>
                    <a:lnTo>
                      <a:pt x="26" y="6"/>
                    </a:lnTo>
                    <a:lnTo>
                      <a:pt x="21" y="18"/>
                    </a:lnTo>
                    <a:lnTo>
                      <a:pt x="4" y="13"/>
                    </a:lnTo>
                    <a:lnTo>
                      <a:pt x="0" y="8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49" name="Freeform 142"/>
              <p:cNvSpPr>
                <a:spLocks/>
              </p:cNvSpPr>
              <p:nvPr/>
            </p:nvSpPr>
            <p:spPr bwMode="auto">
              <a:xfrm>
                <a:off x="1441" y="3403"/>
                <a:ext cx="30" cy="24"/>
              </a:xfrm>
              <a:custGeom>
                <a:avLst/>
                <a:gdLst>
                  <a:gd name="T0" fmla="*/ 0 w 30"/>
                  <a:gd name="T1" fmla="*/ 5 h 24"/>
                  <a:gd name="T2" fmla="*/ 8 w 30"/>
                  <a:gd name="T3" fmla="*/ 5 h 24"/>
                  <a:gd name="T4" fmla="*/ 8 w 30"/>
                  <a:gd name="T5" fmla="*/ 5 h 24"/>
                  <a:gd name="T6" fmla="*/ 8 w 30"/>
                  <a:gd name="T7" fmla="*/ 4 h 24"/>
                  <a:gd name="T8" fmla="*/ 8 w 30"/>
                  <a:gd name="T9" fmla="*/ 2 h 24"/>
                  <a:gd name="T10" fmla="*/ 10 w 30"/>
                  <a:gd name="T11" fmla="*/ 0 h 24"/>
                  <a:gd name="T12" fmla="*/ 10 w 30"/>
                  <a:gd name="T13" fmla="*/ 0 h 24"/>
                  <a:gd name="T14" fmla="*/ 12 w 30"/>
                  <a:gd name="T15" fmla="*/ 0 h 24"/>
                  <a:gd name="T16" fmla="*/ 13 w 30"/>
                  <a:gd name="T17" fmla="*/ 2 h 24"/>
                  <a:gd name="T18" fmla="*/ 17 w 30"/>
                  <a:gd name="T19" fmla="*/ 5 h 24"/>
                  <a:gd name="T20" fmla="*/ 17 w 30"/>
                  <a:gd name="T21" fmla="*/ 7 h 24"/>
                  <a:gd name="T22" fmla="*/ 18 w 30"/>
                  <a:gd name="T23" fmla="*/ 9 h 24"/>
                  <a:gd name="T24" fmla="*/ 22 w 30"/>
                  <a:gd name="T25" fmla="*/ 12 h 24"/>
                  <a:gd name="T26" fmla="*/ 27 w 30"/>
                  <a:gd name="T27" fmla="*/ 16 h 24"/>
                  <a:gd name="T28" fmla="*/ 27 w 30"/>
                  <a:gd name="T29" fmla="*/ 17 h 24"/>
                  <a:gd name="T30" fmla="*/ 29 w 30"/>
                  <a:gd name="T31" fmla="*/ 19 h 24"/>
                  <a:gd name="T32" fmla="*/ 30 w 30"/>
                  <a:gd name="T33" fmla="*/ 21 h 24"/>
                  <a:gd name="T34" fmla="*/ 30 w 30"/>
                  <a:gd name="T35" fmla="*/ 22 h 24"/>
                  <a:gd name="T36" fmla="*/ 30 w 30"/>
                  <a:gd name="T37" fmla="*/ 24 h 24"/>
                  <a:gd name="T38" fmla="*/ 27 w 30"/>
                  <a:gd name="T39" fmla="*/ 24 h 24"/>
                  <a:gd name="T40" fmla="*/ 22 w 30"/>
                  <a:gd name="T41" fmla="*/ 24 h 24"/>
                  <a:gd name="T42" fmla="*/ 15 w 30"/>
                  <a:gd name="T43" fmla="*/ 21 h 24"/>
                  <a:gd name="T44" fmla="*/ 13 w 30"/>
                  <a:gd name="T45" fmla="*/ 21 h 24"/>
                  <a:gd name="T46" fmla="*/ 10 w 30"/>
                  <a:gd name="T47" fmla="*/ 21 h 24"/>
                  <a:gd name="T48" fmla="*/ 8 w 30"/>
                  <a:gd name="T49" fmla="*/ 22 h 24"/>
                  <a:gd name="T50" fmla="*/ 8 w 30"/>
                  <a:gd name="T51" fmla="*/ 22 h 24"/>
                  <a:gd name="T52" fmla="*/ 1 w 30"/>
                  <a:gd name="T53" fmla="*/ 14 h 24"/>
                  <a:gd name="T54" fmla="*/ 0 w 30"/>
                  <a:gd name="T55" fmla="*/ 5 h 24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w 30"/>
                  <a:gd name="T85" fmla="*/ 0 h 24"/>
                  <a:gd name="T86" fmla="*/ 30 w 30"/>
                  <a:gd name="T87" fmla="*/ 24 h 24"/>
                </a:gdLst>
                <a:ahLst/>
                <a:cxnLst>
                  <a:cxn ang="T56">
                    <a:pos x="T0" y="T1"/>
                  </a:cxn>
                  <a:cxn ang="T57">
                    <a:pos x="T2" y="T3"/>
                  </a:cxn>
                  <a:cxn ang="T58">
                    <a:pos x="T4" y="T5"/>
                  </a:cxn>
                  <a:cxn ang="T59">
                    <a:pos x="T6" y="T7"/>
                  </a:cxn>
                  <a:cxn ang="T60">
                    <a:pos x="T8" y="T9"/>
                  </a:cxn>
                  <a:cxn ang="T61">
                    <a:pos x="T10" y="T11"/>
                  </a:cxn>
                  <a:cxn ang="T62">
                    <a:pos x="T12" y="T13"/>
                  </a:cxn>
                  <a:cxn ang="T63">
                    <a:pos x="T14" y="T15"/>
                  </a:cxn>
                  <a:cxn ang="T64">
                    <a:pos x="T16" y="T17"/>
                  </a:cxn>
                  <a:cxn ang="T65">
                    <a:pos x="T18" y="T19"/>
                  </a:cxn>
                  <a:cxn ang="T66">
                    <a:pos x="T20" y="T21"/>
                  </a:cxn>
                  <a:cxn ang="T67">
                    <a:pos x="T22" y="T23"/>
                  </a:cxn>
                  <a:cxn ang="T68">
                    <a:pos x="T24" y="T25"/>
                  </a:cxn>
                  <a:cxn ang="T69">
                    <a:pos x="T26" y="T27"/>
                  </a:cxn>
                  <a:cxn ang="T70">
                    <a:pos x="T28" y="T29"/>
                  </a:cxn>
                  <a:cxn ang="T71">
                    <a:pos x="T30" y="T31"/>
                  </a:cxn>
                  <a:cxn ang="T72">
                    <a:pos x="T32" y="T33"/>
                  </a:cxn>
                  <a:cxn ang="T73">
                    <a:pos x="T34" y="T35"/>
                  </a:cxn>
                  <a:cxn ang="T74">
                    <a:pos x="T36" y="T37"/>
                  </a:cxn>
                  <a:cxn ang="T75">
                    <a:pos x="T38" y="T39"/>
                  </a:cxn>
                  <a:cxn ang="T76">
                    <a:pos x="T40" y="T41"/>
                  </a:cxn>
                  <a:cxn ang="T77">
                    <a:pos x="T42" y="T43"/>
                  </a:cxn>
                  <a:cxn ang="T78">
                    <a:pos x="T44" y="T45"/>
                  </a:cxn>
                  <a:cxn ang="T79">
                    <a:pos x="T46" y="T47"/>
                  </a:cxn>
                  <a:cxn ang="T80">
                    <a:pos x="T48" y="T49"/>
                  </a:cxn>
                  <a:cxn ang="T81">
                    <a:pos x="T50" y="T51"/>
                  </a:cxn>
                  <a:cxn ang="T82">
                    <a:pos x="T52" y="T53"/>
                  </a:cxn>
                  <a:cxn ang="T83">
                    <a:pos x="T54" y="T55"/>
                  </a:cxn>
                </a:cxnLst>
                <a:rect l="T84" t="T85" r="T86" b="T87"/>
                <a:pathLst>
                  <a:path w="30" h="24">
                    <a:moveTo>
                      <a:pt x="0" y="5"/>
                    </a:moveTo>
                    <a:lnTo>
                      <a:pt x="8" y="5"/>
                    </a:lnTo>
                    <a:lnTo>
                      <a:pt x="8" y="4"/>
                    </a:lnTo>
                    <a:lnTo>
                      <a:pt x="8" y="2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7" y="5"/>
                    </a:lnTo>
                    <a:lnTo>
                      <a:pt x="17" y="7"/>
                    </a:lnTo>
                    <a:lnTo>
                      <a:pt x="18" y="9"/>
                    </a:lnTo>
                    <a:lnTo>
                      <a:pt x="22" y="12"/>
                    </a:lnTo>
                    <a:lnTo>
                      <a:pt x="27" y="16"/>
                    </a:lnTo>
                    <a:lnTo>
                      <a:pt x="27" y="17"/>
                    </a:lnTo>
                    <a:lnTo>
                      <a:pt x="29" y="19"/>
                    </a:lnTo>
                    <a:lnTo>
                      <a:pt x="30" y="21"/>
                    </a:lnTo>
                    <a:lnTo>
                      <a:pt x="30" y="22"/>
                    </a:lnTo>
                    <a:lnTo>
                      <a:pt x="30" y="24"/>
                    </a:lnTo>
                    <a:lnTo>
                      <a:pt x="27" y="24"/>
                    </a:lnTo>
                    <a:lnTo>
                      <a:pt x="22" y="24"/>
                    </a:lnTo>
                    <a:lnTo>
                      <a:pt x="15" y="21"/>
                    </a:lnTo>
                    <a:lnTo>
                      <a:pt x="13" y="21"/>
                    </a:lnTo>
                    <a:lnTo>
                      <a:pt x="10" y="21"/>
                    </a:lnTo>
                    <a:lnTo>
                      <a:pt x="8" y="22"/>
                    </a:lnTo>
                    <a:lnTo>
                      <a:pt x="1" y="14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50" name="Freeform 143"/>
              <p:cNvSpPr>
                <a:spLocks/>
              </p:cNvSpPr>
              <p:nvPr/>
            </p:nvSpPr>
            <p:spPr bwMode="auto">
              <a:xfrm>
                <a:off x="1441" y="3403"/>
                <a:ext cx="30" cy="24"/>
              </a:xfrm>
              <a:custGeom>
                <a:avLst/>
                <a:gdLst>
                  <a:gd name="T0" fmla="*/ 0 w 30"/>
                  <a:gd name="T1" fmla="*/ 5 h 24"/>
                  <a:gd name="T2" fmla="*/ 8 w 30"/>
                  <a:gd name="T3" fmla="*/ 5 h 24"/>
                  <a:gd name="T4" fmla="*/ 8 w 30"/>
                  <a:gd name="T5" fmla="*/ 5 h 24"/>
                  <a:gd name="T6" fmla="*/ 8 w 30"/>
                  <a:gd name="T7" fmla="*/ 5 h 24"/>
                  <a:gd name="T8" fmla="*/ 8 w 30"/>
                  <a:gd name="T9" fmla="*/ 4 h 24"/>
                  <a:gd name="T10" fmla="*/ 8 w 30"/>
                  <a:gd name="T11" fmla="*/ 2 h 24"/>
                  <a:gd name="T12" fmla="*/ 10 w 30"/>
                  <a:gd name="T13" fmla="*/ 0 h 24"/>
                  <a:gd name="T14" fmla="*/ 10 w 30"/>
                  <a:gd name="T15" fmla="*/ 0 h 24"/>
                  <a:gd name="T16" fmla="*/ 12 w 30"/>
                  <a:gd name="T17" fmla="*/ 0 h 24"/>
                  <a:gd name="T18" fmla="*/ 13 w 30"/>
                  <a:gd name="T19" fmla="*/ 2 h 24"/>
                  <a:gd name="T20" fmla="*/ 17 w 30"/>
                  <a:gd name="T21" fmla="*/ 5 h 24"/>
                  <a:gd name="T22" fmla="*/ 17 w 30"/>
                  <a:gd name="T23" fmla="*/ 5 h 24"/>
                  <a:gd name="T24" fmla="*/ 17 w 30"/>
                  <a:gd name="T25" fmla="*/ 7 h 24"/>
                  <a:gd name="T26" fmla="*/ 18 w 30"/>
                  <a:gd name="T27" fmla="*/ 9 h 24"/>
                  <a:gd name="T28" fmla="*/ 22 w 30"/>
                  <a:gd name="T29" fmla="*/ 12 h 24"/>
                  <a:gd name="T30" fmla="*/ 27 w 30"/>
                  <a:gd name="T31" fmla="*/ 16 h 24"/>
                  <a:gd name="T32" fmla="*/ 27 w 30"/>
                  <a:gd name="T33" fmla="*/ 16 h 24"/>
                  <a:gd name="T34" fmla="*/ 27 w 30"/>
                  <a:gd name="T35" fmla="*/ 17 h 24"/>
                  <a:gd name="T36" fmla="*/ 29 w 30"/>
                  <a:gd name="T37" fmla="*/ 19 h 24"/>
                  <a:gd name="T38" fmla="*/ 30 w 30"/>
                  <a:gd name="T39" fmla="*/ 21 h 24"/>
                  <a:gd name="T40" fmla="*/ 30 w 30"/>
                  <a:gd name="T41" fmla="*/ 22 h 24"/>
                  <a:gd name="T42" fmla="*/ 30 w 30"/>
                  <a:gd name="T43" fmla="*/ 24 h 24"/>
                  <a:gd name="T44" fmla="*/ 27 w 30"/>
                  <a:gd name="T45" fmla="*/ 24 h 24"/>
                  <a:gd name="T46" fmla="*/ 22 w 30"/>
                  <a:gd name="T47" fmla="*/ 24 h 24"/>
                  <a:gd name="T48" fmla="*/ 15 w 30"/>
                  <a:gd name="T49" fmla="*/ 21 h 24"/>
                  <a:gd name="T50" fmla="*/ 15 w 30"/>
                  <a:gd name="T51" fmla="*/ 21 h 24"/>
                  <a:gd name="T52" fmla="*/ 13 w 30"/>
                  <a:gd name="T53" fmla="*/ 21 h 24"/>
                  <a:gd name="T54" fmla="*/ 10 w 30"/>
                  <a:gd name="T55" fmla="*/ 21 h 24"/>
                  <a:gd name="T56" fmla="*/ 8 w 30"/>
                  <a:gd name="T57" fmla="*/ 22 h 24"/>
                  <a:gd name="T58" fmla="*/ 8 w 30"/>
                  <a:gd name="T59" fmla="*/ 22 h 24"/>
                  <a:gd name="T60" fmla="*/ 1 w 30"/>
                  <a:gd name="T61" fmla="*/ 14 h 24"/>
                  <a:gd name="T62" fmla="*/ 0 w 30"/>
                  <a:gd name="T63" fmla="*/ 5 h 24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w 30"/>
                  <a:gd name="T97" fmla="*/ 0 h 24"/>
                  <a:gd name="T98" fmla="*/ 30 w 30"/>
                  <a:gd name="T99" fmla="*/ 24 h 24"/>
                </a:gdLst>
                <a:ahLst/>
                <a:cxnLst>
                  <a:cxn ang="T64">
                    <a:pos x="T0" y="T1"/>
                  </a:cxn>
                  <a:cxn ang="T65">
                    <a:pos x="T2" y="T3"/>
                  </a:cxn>
                  <a:cxn ang="T66">
                    <a:pos x="T4" y="T5"/>
                  </a:cxn>
                  <a:cxn ang="T67">
                    <a:pos x="T6" y="T7"/>
                  </a:cxn>
                  <a:cxn ang="T68">
                    <a:pos x="T8" y="T9"/>
                  </a:cxn>
                  <a:cxn ang="T69">
                    <a:pos x="T10" y="T11"/>
                  </a:cxn>
                  <a:cxn ang="T70">
                    <a:pos x="T12" y="T13"/>
                  </a:cxn>
                  <a:cxn ang="T71">
                    <a:pos x="T14" y="T15"/>
                  </a:cxn>
                  <a:cxn ang="T72">
                    <a:pos x="T16" y="T17"/>
                  </a:cxn>
                  <a:cxn ang="T73">
                    <a:pos x="T18" y="T19"/>
                  </a:cxn>
                  <a:cxn ang="T74">
                    <a:pos x="T20" y="T21"/>
                  </a:cxn>
                  <a:cxn ang="T75">
                    <a:pos x="T22" y="T23"/>
                  </a:cxn>
                  <a:cxn ang="T76">
                    <a:pos x="T24" y="T25"/>
                  </a:cxn>
                  <a:cxn ang="T77">
                    <a:pos x="T26" y="T27"/>
                  </a:cxn>
                  <a:cxn ang="T78">
                    <a:pos x="T28" y="T29"/>
                  </a:cxn>
                  <a:cxn ang="T79">
                    <a:pos x="T30" y="T31"/>
                  </a:cxn>
                  <a:cxn ang="T80">
                    <a:pos x="T32" y="T33"/>
                  </a:cxn>
                  <a:cxn ang="T81">
                    <a:pos x="T34" y="T35"/>
                  </a:cxn>
                  <a:cxn ang="T82">
                    <a:pos x="T36" y="T37"/>
                  </a:cxn>
                  <a:cxn ang="T83">
                    <a:pos x="T38" y="T39"/>
                  </a:cxn>
                  <a:cxn ang="T84">
                    <a:pos x="T40" y="T41"/>
                  </a:cxn>
                  <a:cxn ang="T85">
                    <a:pos x="T42" y="T43"/>
                  </a:cxn>
                  <a:cxn ang="T86">
                    <a:pos x="T44" y="T45"/>
                  </a:cxn>
                  <a:cxn ang="T87">
                    <a:pos x="T46" y="T47"/>
                  </a:cxn>
                  <a:cxn ang="T88">
                    <a:pos x="T48" y="T49"/>
                  </a:cxn>
                  <a:cxn ang="T89">
                    <a:pos x="T50" y="T51"/>
                  </a:cxn>
                  <a:cxn ang="T90">
                    <a:pos x="T52" y="T53"/>
                  </a:cxn>
                  <a:cxn ang="T91">
                    <a:pos x="T54" y="T55"/>
                  </a:cxn>
                  <a:cxn ang="T92">
                    <a:pos x="T56" y="T57"/>
                  </a:cxn>
                  <a:cxn ang="T93">
                    <a:pos x="T58" y="T59"/>
                  </a:cxn>
                  <a:cxn ang="T94">
                    <a:pos x="T60" y="T61"/>
                  </a:cxn>
                  <a:cxn ang="T95">
                    <a:pos x="T62" y="T63"/>
                  </a:cxn>
                </a:cxnLst>
                <a:rect l="T96" t="T97" r="T98" b="T99"/>
                <a:pathLst>
                  <a:path w="30" h="24">
                    <a:moveTo>
                      <a:pt x="0" y="5"/>
                    </a:moveTo>
                    <a:lnTo>
                      <a:pt x="8" y="5"/>
                    </a:lnTo>
                    <a:lnTo>
                      <a:pt x="8" y="4"/>
                    </a:lnTo>
                    <a:lnTo>
                      <a:pt x="8" y="2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7" y="5"/>
                    </a:lnTo>
                    <a:lnTo>
                      <a:pt x="17" y="7"/>
                    </a:lnTo>
                    <a:lnTo>
                      <a:pt x="18" y="9"/>
                    </a:lnTo>
                    <a:lnTo>
                      <a:pt x="22" y="12"/>
                    </a:lnTo>
                    <a:lnTo>
                      <a:pt x="27" y="16"/>
                    </a:lnTo>
                    <a:lnTo>
                      <a:pt x="27" y="17"/>
                    </a:lnTo>
                    <a:lnTo>
                      <a:pt x="29" y="19"/>
                    </a:lnTo>
                    <a:lnTo>
                      <a:pt x="30" y="21"/>
                    </a:lnTo>
                    <a:lnTo>
                      <a:pt x="30" y="22"/>
                    </a:lnTo>
                    <a:lnTo>
                      <a:pt x="30" y="24"/>
                    </a:lnTo>
                    <a:lnTo>
                      <a:pt x="27" y="24"/>
                    </a:lnTo>
                    <a:lnTo>
                      <a:pt x="22" y="24"/>
                    </a:lnTo>
                    <a:lnTo>
                      <a:pt x="15" y="21"/>
                    </a:lnTo>
                    <a:lnTo>
                      <a:pt x="13" y="21"/>
                    </a:lnTo>
                    <a:lnTo>
                      <a:pt x="10" y="21"/>
                    </a:lnTo>
                    <a:lnTo>
                      <a:pt x="8" y="22"/>
                    </a:lnTo>
                    <a:lnTo>
                      <a:pt x="1" y="14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51" name="Freeform 144"/>
              <p:cNvSpPr>
                <a:spLocks/>
              </p:cNvSpPr>
              <p:nvPr/>
            </p:nvSpPr>
            <p:spPr bwMode="auto">
              <a:xfrm>
                <a:off x="1492" y="3427"/>
                <a:ext cx="27" cy="12"/>
              </a:xfrm>
              <a:custGeom>
                <a:avLst/>
                <a:gdLst>
                  <a:gd name="T0" fmla="*/ 1 w 27"/>
                  <a:gd name="T1" fmla="*/ 0 h 12"/>
                  <a:gd name="T2" fmla="*/ 0 w 27"/>
                  <a:gd name="T3" fmla="*/ 9 h 12"/>
                  <a:gd name="T4" fmla="*/ 18 w 27"/>
                  <a:gd name="T5" fmla="*/ 12 h 12"/>
                  <a:gd name="T6" fmla="*/ 18 w 27"/>
                  <a:gd name="T7" fmla="*/ 12 h 12"/>
                  <a:gd name="T8" fmla="*/ 20 w 27"/>
                  <a:gd name="T9" fmla="*/ 10 h 12"/>
                  <a:gd name="T10" fmla="*/ 23 w 27"/>
                  <a:gd name="T11" fmla="*/ 9 h 12"/>
                  <a:gd name="T12" fmla="*/ 27 w 27"/>
                  <a:gd name="T13" fmla="*/ 7 h 12"/>
                  <a:gd name="T14" fmla="*/ 27 w 27"/>
                  <a:gd name="T15" fmla="*/ 5 h 12"/>
                  <a:gd name="T16" fmla="*/ 27 w 27"/>
                  <a:gd name="T17" fmla="*/ 3 h 12"/>
                  <a:gd name="T18" fmla="*/ 23 w 27"/>
                  <a:gd name="T19" fmla="*/ 3 h 12"/>
                  <a:gd name="T20" fmla="*/ 18 w 27"/>
                  <a:gd name="T21" fmla="*/ 3 h 12"/>
                  <a:gd name="T22" fmla="*/ 16 w 27"/>
                  <a:gd name="T23" fmla="*/ 3 h 12"/>
                  <a:gd name="T24" fmla="*/ 13 w 27"/>
                  <a:gd name="T25" fmla="*/ 2 h 12"/>
                  <a:gd name="T26" fmla="*/ 11 w 27"/>
                  <a:gd name="T27" fmla="*/ 2 h 12"/>
                  <a:gd name="T28" fmla="*/ 8 w 27"/>
                  <a:gd name="T29" fmla="*/ 2 h 12"/>
                  <a:gd name="T30" fmla="*/ 6 w 27"/>
                  <a:gd name="T31" fmla="*/ 2 h 12"/>
                  <a:gd name="T32" fmla="*/ 3 w 27"/>
                  <a:gd name="T33" fmla="*/ 0 h 12"/>
                  <a:gd name="T34" fmla="*/ 3 w 27"/>
                  <a:gd name="T35" fmla="*/ 0 h 12"/>
                  <a:gd name="T36" fmla="*/ 1 w 27"/>
                  <a:gd name="T37" fmla="*/ 0 h 12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w 27"/>
                  <a:gd name="T58" fmla="*/ 0 h 12"/>
                  <a:gd name="T59" fmla="*/ 27 w 27"/>
                  <a:gd name="T60" fmla="*/ 12 h 12"/>
                </a:gdLst>
                <a:ahLst/>
                <a:cxnLst>
                  <a:cxn ang="T38">
                    <a:pos x="T0" y="T1"/>
                  </a:cxn>
                  <a:cxn ang="T39">
                    <a:pos x="T2" y="T3"/>
                  </a:cxn>
                  <a:cxn ang="T40">
                    <a:pos x="T4" y="T5"/>
                  </a:cxn>
                  <a:cxn ang="T41">
                    <a:pos x="T6" y="T7"/>
                  </a:cxn>
                  <a:cxn ang="T42">
                    <a:pos x="T8" y="T9"/>
                  </a:cxn>
                  <a:cxn ang="T43">
                    <a:pos x="T10" y="T11"/>
                  </a:cxn>
                  <a:cxn ang="T44">
                    <a:pos x="T12" y="T13"/>
                  </a:cxn>
                  <a:cxn ang="T45">
                    <a:pos x="T14" y="T15"/>
                  </a:cxn>
                  <a:cxn ang="T46">
                    <a:pos x="T16" y="T17"/>
                  </a:cxn>
                  <a:cxn ang="T47">
                    <a:pos x="T18" y="T19"/>
                  </a:cxn>
                  <a:cxn ang="T48">
                    <a:pos x="T20" y="T21"/>
                  </a:cxn>
                  <a:cxn ang="T49">
                    <a:pos x="T22" y="T23"/>
                  </a:cxn>
                  <a:cxn ang="T50">
                    <a:pos x="T24" y="T25"/>
                  </a:cxn>
                  <a:cxn ang="T51">
                    <a:pos x="T26" y="T27"/>
                  </a:cxn>
                  <a:cxn ang="T52">
                    <a:pos x="T28" y="T29"/>
                  </a:cxn>
                  <a:cxn ang="T53">
                    <a:pos x="T30" y="T31"/>
                  </a:cxn>
                  <a:cxn ang="T54">
                    <a:pos x="T32" y="T33"/>
                  </a:cxn>
                  <a:cxn ang="T55">
                    <a:pos x="T34" y="T35"/>
                  </a:cxn>
                  <a:cxn ang="T56">
                    <a:pos x="T36" y="T37"/>
                  </a:cxn>
                </a:cxnLst>
                <a:rect l="T57" t="T58" r="T59" b="T60"/>
                <a:pathLst>
                  <a:path w="27" h="12">
                    <a:moveTo>
                      <a:pt x="1" y="0"/>
                    </a:moveTo>
                    <a:lnTo>
                      <a:pt x="0" y="9"/>
                    </a:lnTo>
                    <a:lnTo>
                      <a:pt x="18" y="12"/>
                    </a:lnTo>
                    <a:lnTo>
                      <a:pt x="20" y="10"/>
                    </a:lnTo>
                    <a:lnTo>
                      <a:pt x="23" y="9"/>
                    </a:lnTo>
                    <a:lnTo>
                      <a:pt x="27" y="7"/>
                    </a:lnTo>
                    <a:lnTo>
                      <a:pt x="27" y="5"/>
                    </a:lnTo>
                    <a:lnTo>
                      <a:pt x="27" y="3"/>
                    </a:lnTo>
                    <a:lnTo>
                      <a:pt x="23" y="3"/>
                    </a:lnTo>
                    <a:lnTo>
                      <a:pt x="18" y="3"/>
                    </a:lnTo>
                    <a:lnTo>
                      <a:pt x="16" y="3"/>
                    </a:lnTo>
                    <a:lnTo>
                      <a:pt x="13" y="2"/>
                    </a:lnTo>
                    <a:lnTo>
                      <a:pt x="11" y="2"/>
                    </a:lnTo>
                    <a:lnTo>
                      <a:pt x="8" y="2"/>
                    </a:lnTo>
                    <a:lnTo>
                      <a:pt x="6" y="2"/>
                    </a:lnTo>
                    <a:lnTo>
                      <a:pt x="3" y="0"/>
                    </a:lnTo>
                    <a:lnTo>
                      <a:pt x="1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52" name="Freeform 145"/>
              <p:cNvSpPr>
                <a:spLocks/>
              </p:cNvSpPr>
              <p:nvPr/>
            </p:nvSpPr>
            <p:spPr bwMode="auto">
              <a:xfrm>
                <a:off x="1492" y="3427"/>
                <a:ext cx="27" cy="12"/>
              </a:xfrm>
              <a:custGeom>
                <a:avLst/>
                <a:gdLst>
                  <a:gd name="T0" fmla="*/ 1 w 27"/>
                  <a:gd name="T1" fmla="*/ 0 h 12"/>
                  <a:gd name="T2" fmla="*/ 0 w 27"/>
                  <a:gd name="T3" fmla="*/ 9 h 12"/>
                  <a:gd name="T4" fmla="*/ 18 w 27"/>
                  <a:gd name="T5" fmla="*/ 12 h 12"/>
                  <a:gd name="T6" fmla="*/ 18 w 27"/>
                  <a:gd name="T7" fmla="*/ 12 h 12"/>
                  <a:gd name="T8" fmla="*/ 18 w 27"/>
                  <a:gd name="T9" fmla="*/ 12 h 12"/>
                  <a:gd name="T10" fmla="*/ 20 w 27"/>
                  <a:gd name="T11" fmla="*/ 10 h 12"/>
                  <a:gd name="T12" fmla="*/ 23 w 27"/>
                  <a:gd name="T13" fmla="*/ 9 h 12"/>
                  <a:gd name="T14" fmla="*/ 27 w 27"/>
                  <a:gd name="T15" fmla="*/ 7 h 12"/>
                  <a:gd name="T16" fmla="*/ 27 w 27"/>
                  <a:gd name="T17" fmla="*/ 5 h 12"/>
                  <a:gd name="T18" fmla="*/ 27 w 27"/>
                  <a:gd name="T19" fmla="*/ 3 h 12"/>
                  <a:gd name="T20" fmla="*/ 23 w 27"/>
                  <a:gd name="T21" fmla="*/ 3 h 12"/>
                  <a:gd name="T22" fmla="*/ 18 w 27"/>
                  <a:gd name="T23" fmla="*/ 3 h 12"/>
                  <a:gd name="T24" fmla="*/ 18 w 27"/>
                  <a:gd name="T25" fmla="*/ 3 h 12"/>
                  <a:gd name="T26" fmla="*/ 16 w 27"/>
                  <a:gd name="T27" fmla="*/ 3 h 12"/>
                  <a:gd name="T28" fmla="*/ 13 w 27"/>
                  <a:gd name="T29" fmla="*/ 2 h 12"/>
                  <a:gd name="T30" fmla="*/ 11 w 27"/>
                  <a:gd name="T31" fmla="*/ 2 h 12"/>
                  <a:gd name="T32" fmla="*/ 8 w 27"/>
                  <a:gd name="T33" fmla="*/ 2 h 12"/>
                  <a:gd name="T34" fmla="*/ 6 w 27"/>
                  <a:gd name="T35" fmla="*/ 2 h 12"/>
                  <a:gd name="T36" fmla="*/ 3 w 27"/>
                  <a:gd name="T37" fmla="*/ 0 h 12"/>
                  <a:gd name="T38" fmla="*/ 3 w 27"/>
                  <a:gd name="T39" fmla="*/ 0 h 12"/>
                  <a:gd name="T40" fmla="*/ 1 w 27"/>
                  <a:gd name="T41" fmla="*/ 0 h 12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27"/>
                  <a:gd name="T64" fmla="*/ 0 h 12"/>
                  <a:gd name="T65" fmla="*/ 27 w 27"/>
                  <a:gd name="T66" fmla="*/ 12 h 12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27" h="12">
                    <a:moveTo>
                      <a:pt x="1" y="0"/>
                    </a:moveTo>
                    <a:lnTo>
                      <a:pt x="0" y="9"/>
                    </a:lnTo>
                    <a:lnTo>
                      <a:pt x="18" y="12"/>
                    </a:lnTo>
                    <a:lnTo>
                      <a:pt x="20" y="10"/>
                    </a:lnTo>
                    <a:lnTo>
                      <a:pt x="23" y="9"/>
                    </a:lnTo>
                    <a:lnTo>
                      <a:pt x="27" y="7"/>
                    </a:lnTo>
                    <a:lnTo>
                      <a:pt x="27" y="5"/>
                    </a:lnTo>
                    <a:lnTo>
                      <a:pt x="27" y="3"/>
                    </a:lnTo>
                    <a:lnTo>
                      <a:pt x="23" y="3"/>
                    </a:lnTo>
                    <a:lnTo>
                      <a:pt x="18" y="3"/>
                    </a:lnTo>
                    <a:lnTo>
                      <a:pt x="16" y="3"/>
                    </a:lnTo>
                    <a:lnTo>
                      <a:pt x="13" y="2"/>
                    </a:lnTo>
                    <a:lnTo>
                      <a:pt x="11" y="2"/>
                    </a:lnTo>
                    <a:lnTo>
                      <a:pt x="8" y="2"/>
                    </a:lnTo>
                    <a:lnTo>
                      <a:pt x="6" y="2"/>
                    </a:lnTo>
                    <a:lnTo>
                      <a:pt x="3" y="0"/>
                    </a:lnTo>
                    <a:lnTo>
                      <a:pt x="1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53" name="Freeform 146"/>
              <p:cNvSpPr>
                <a:spLocks/>
              </p:cNvSpPr>
              <p:nvPr/>
            </p:nvSpPr>
            <p:spPr bwMode="auto">
              <a:xfrm>
                <a:off x="1524" y="3441"/>
                <a:ext cx="35" cy="25"/>
              </a:xfrm>
              <a:custGeom>
                <a:avLst/>
                <a:gdLst>
                  <a:gd name="T0" fmla="*/ 1 w 35"/>
                  <a:gd name="T1" fmla="*/ 8 h 25"/>
                  <a:gd name="T2" fmla="*/ 1 w 35"/>
                  <a:gd name="T3" fmla="*/ 8 h 25"/>
                  <a:gd name="T4" fmla="*/ 0 w 35"/>
                  <a:gd name="T5" fmla="*/ 6 h 25"/>
                  <a:gd name="T6" fmla="*/ 0 w 35"/>
                  <a:gd name="T7" fmla="*/ 5 h 25"/>
                  <a:gd name="T8" fmla="*/ 0 w 35"/>
                  <a:gd name="T9" fmla="*/ 3 h 25"/>
                  <a:gd name="T10" fmla="*/ 0 w 35"/>
                  <a:gd name="T11" fmla="*/ 1 h 25"/>
                  <a:gd name="T12" fmla="*/ 1 w 35"/>
                  <a:gd name="T13" fmla="*/ 0 h 25"/>
                  <a:gd name="T14" fmla="*/ 5 w 35"/>
                  <a:gd name="T15" fmla="*/ 1 h 25"/>
                  <a:gd name="T16" fmla="*/ 8 w 35"/>
                  <a:gd name="T17" fmla="*/ 3 h 25"/>
                  <a:gd name="T18" fmla="*/ 10 w 35"/>
                  <a:gd name="T19" fmla="*/ 3 h 25"/>
                  <a:gd name="T20" fmla="*/ 13 w 35"/>
                  <a:gd name="T21" fmla="*/ 3 h 25"/>
                  <a:gd name="T22" fmla="*/ 13 w 35"/>
                  <a:gd name="T23" fmla="*/ 5 h 25"/>
                  <a:gd name="T24" fmla="*/ 15 w 35"/>
                  <a:gd name="T25" fmla="*/ 5 h 25"/>
                  <a:gd name="T26" fmla="*/ 22 w 35"/>
                  <a:gd name="T27" fmla="*/ 5 h 25"/>
                  <a:gd name="T28" fmla="*/ 30 w 35"/>
                  <a:gd name="T29" fmla="*/ 10 h 25"/>
                  <a:gd name="T30" fmla="*/ 30 w 35"/>
                  <a:gd name="T31" fmla="*/ 10 h 25"/>
                  <a:gd name="T32" fmla="*/ 32 w 35"/>
                  <a:gd name="T33" fmla="*/ 11 h 25"/>
                  <a:gd name="T34" fmla="*/ 34 w 35"/>
                  <a:gd name="T35" fmla="*/ 13 h 25"/>
                  <a:gd name="T36" fmla="*/ 35 w 35"/>
                  <a:gd name="T37" fmla="*/ 15 h 25"/>
                  <a:gd name="T38" fmla="*/ 35 w 35"/>
                  <a:gd name="T39" fmla="*/ 17 h 25"/>
                  <a:gd name="T40" fmla="*/ 34 w 35"/>
                  <a:gd name="T41" fmla="*/ 20 h 25"/>
                  <a:gd name="T42" fmla="*/ 30 w 35"/>
                  <a:gd name="T43" fmla="*/ 20 h 25"/>
                  <a:gd name="T44" fmla="*/ 25 w 35"/>
                  <a:gd name="T45" fmla="*/ 22 h 25"/>
                  <a:gd name="T46" fmla="*/ 23 w 35"/>
                  <a:gd name="T47" fmla="*/ 22 h 25"/>
                  <a:gd name="T48" fmla="*/ 23 w 35"/>
                  <a:gd name="T49" fmla="*/ 23 h 25"/>
                  <a:gd name="T50" fmla="*/ 22 w 35"/>
                  <a:gd name="T51" fmla="*/ 23 h 25"/>
                  <a:gd name="T52" fmla="*/ 20 w 35"/>
                  <a:gd name="T53" fmla="*/ 25 h 25"/>
                  <a:gd name="T54" fmla="*/ 18 w 35"/>
                  <a:gd name="T55" fmla="*/ 25 h 25"/>
                  <a:gd name="T56" fmla="*/ 15 w 35"/>
                  <a:gd name="T57" fmla="*/ 23 h 25"/>
                  <a:gd name="T58" fmla="*/ 13 w 35"/>
                  <a:gd name="T59" fmla="*/ 20 h 25"/>
                  <a:gd name="T60" fmla="*/ 12 w 35"/>
                  <a:gd name="T61" fmla="*/ 17 h 25"/>
                  <a:gd name="T62" fmla="*/ 10 w 35"/>
                  <a:gd name="T63" fmla="*/ 15 h 25"/>
                  <a:gd name="T64" fmla="*/ 6 w 35"/>
                  <a:gd name="T65" fmla="*/ 11 h 25"/>
                  <a:gd name="T66" fmla="*/ 3 w 35"/>
                  <a:gd name="T67" fmla="*/ 10 h 25"/>
                  <a:gd name="T68" fmla="*/ 1 w 35"/>
                  <a:gd name="T69" fmla="*/ 8 h 25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w 35"/>
                  <a:gd name="T106" fmla="*/ 0 h 25"/>
                  <a:gd name="T107" fmla="*/ 35 w 35"/>
                  <a:gd name="T108" fmla="*/ 25 h 25"/>
                </a:gdLst>
                <a:ahLst/>
                <a:cxnLst>
                  <a:cxn ang="T70">
                    <a:pos x="T0" y="T1"/>
                  </a:cxn>
                  <a:cxn ang="T71">
                    <a:pos x="T2" y="T3"/>
                  </a:cxn>
                  <a:cxn ang="T72">
                    <a:pos x="T4" y="T5"/>
                  </a:cxn>
                  <a:cxn ang="T73">
                    <a:pos x="T6" y="T7"/>
                  </a:cxn>
                  <a:cxn ang="T74">
                    <a:pos x="T8" y="T9"/>
                  </a:cxn>
                  <a:cxn ang="T75">
                    <a:pos x="T10" y="T11"/>
                  </a:cxn>
                  <a:cxn ang="T76">
                    <a:pos x="T12" y="T13"/>
                  </a:cxn>
                  <a:cxn ang="T77">
                    <a:pos x="T14" y="T15"/>
                  </a:cxn>
                  <a:cxn ang="T78">
                    <a:pos x="T16" y="T17"/>
                  </a:cxn>
                  <a:cxn ang="T79">
                    <a:pos x="T18" y="T19"/>
                  </a:cxn>
                  <a:cxn ang="T80">
                    <a:pos x="T20" y="T21"/>
                  </a:cxn>
                  <a:cxn ang="T81">
                    <a:pos x="T22" y="T23"/>
                  </a:cxn>
                  <a:cxn ang="T82">
                    <a:pos x="T24" y="T25"/>
                  </a:cxn>
                  <a:cxn ang="T83">
                    <a:pos x="T26" y="T27"/>
                  </a:cxn>
                  <a:cxn ang="T84">
                    <a:pos x="T28" y="T29"/>
                  </a:cxn>
                  <a:cxn ang="T85">
                    <a:pos x="T30" y="T31"/>
                  </a:cxn>
                  <a:cxn ang="T86">
                    <a:pos x="T32" y="T33"/>
                  </a:cxn>
                  <a:cxn ang="T87">
                    <a:pos x="T34" y="T35"/>
                  </a:cxn>
                  <a:cxn ang="T88">
                    <a:pos x="T36" y="T37"/>
                  </a:cxn>
                  <a:cxn ang="T89">
                    <a:pos x="T38" y="T39"/>
                  </a:cxn>
                  <a:cxn ang="T90">
                    <a:pos x="T40" y="T41"/>
                  </a:cxn>
                  <a:cxn ang="T91">
                    <a:pos x="T42" y="T43"/>
                  </a:cxn>
                  <a:cxn ang="T92">
                    <a:pos x="T44" y="T45"/>
                  </a:cxn>
                  <a:cxn ang="T93">
                    <a:pos x="T46" y="T47"/>
                  </a:cxn>
                  <a:cxn ang="T94">
                    <a:pos x="T48" y="T49"/>
                  </a:cxn>
                  <a:cxn ang="T95">
                    <a:pos x="T50" y="T51"/>
                  </a:cxn>
                  <a:cxn ang="T96">
                    <a:pos x="T52" y="T53"/>
                  </a:cxn>
                  <a:cxn ang="T97">
                    <a:pos x="T54" y="T55"/>
                  </a:cxn>
                  <a:cxn ang="T98">
                    <a:pos x="T56" y="T57"/>
                  </a:cxn>
                  <a:cxn ang="T99">
                    <a:pos x="T58" y="T59"/>
                  </a:cxn>
                  <a:cxn ang="T100">
                    <a:pos x="T60" y="T61"/>
                  </a:cxn>
                  <a:cxn ang="T101">
                    <a:pos x="T62" y="T63"/>
                  </a:cxn>
                  <a:cxn ang="T102">
                    <a:pos x="T64" y="T65"/>
                  </a:cxn>
                  <a:cxn ang="T103">
                    <a:pos x="T66" y="T67"/>
                  </a:cxn>
                  <a:cxn ang="T104">
                    <a:pos x="T68" y="T69"/>
                  </a:cxn>
                </a:cxnLst>
                <a:rect l="T105" t="T106" r="T107" b="T108"/>
                <a:pathLst>
                  <a:path w="35" h="25">
                    <a:moveTo>
                      <a:pt x="1" y="8"/>
                    </a:moveTo>
                    <a:lnTo>
                      <a:pt x="1" y="8"/>
                    </a:lnTo>
                    <a:lnTo>
                      <a:pt x="0" y="6"/>
                    </a:lnTo>
                    <a:lnTo>
                      <a:pt x="0" y="5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5" y="1"/>
                    </a:lnTo>
                    <a:lnTo>
                      <a:pt x="8" y="3"/>
                    </a:lnTo>
                    <a:lnTo>
                      <a:pt x="10" y="3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5" y="5"/>
                    </a:lnTo>
                    <a:lnTo>
                      <a:pt x="22" y="5"/>
                    </a:lnTo>
                    <a:lnTo>
                      <a:pt x="30" y="10"/>
                    </a:lnTo>
                    <a:lnTo>
                      <a:pt x="32" y="11"/>
                    </a:lnTo>
                    <a:lnTo>
                      <a:pt x="34" y="13"/>
                    </a:lnTo>
                    <a:lnTo>
                      <a:pt x="35" y="15"/>
                    </a:lnTo>
                    <a:lnTo>
                      <a:pt x="35" y="17"/>
                    </a:lnTo>
                    <a:lnTo>
                      <a:pt x="34" y="20"/>
                    </a:lnTo>
                    <a:lnTo>
                      <a:pt x="30" y="20"/>
                    </a:lnTo>
                    <a:lnTo>
                      <a:pt x="25" y="22"/>
                    </a:lnTo>
                    <a:lnTo>
                      <a:pt x="23" y="22"/>
                    </a:lnTo>
                    <a:lnTo>
                      <a:pt x="23" y="23"/>
                    </a:lnTo>
                    <a:lnTo>
                      <a:pt x="22" y="23"/>
                    </a:lnTo>
                    <a:lnTo>
                      <a:pt x="20" y="25"/>
                    </a:lnTo>
                    <a:lnTo>
                      <a:pt x="18" y="25"/>
                    </a:lnTo>
                    <a:lnTo>
                      <a:pt x="15" y="23"/>
                    </a:lnTo>
                    <a:lnTo>
                      <a:pt x="13" y="20"/>
                    </a:lnTo>
                    <a:lnTo>
                      <a:pt x="12" y="17"/>
                    </a:lnTo>
                    <a:lnTo>
                      <a:pt x="10" y="15"/>
                    </a:lnTo>
                    <a:lnTo>
                      <a:pt x="6" y="11"/>
                    </a:lnTo>
                    <a:lnTo>
                      <a:pt x="3" y="10"/>
                    </a:lnTo>
                    <a:lnTo>
                      <a:pt x="1" y="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54" name="Freeform 147"/>
              <p:cNvSpPr>
                <a:spLocks/>
              </p:cNvSpPr>
              <p:nvPr/>
            </p:nvSpPr>
            <p:spPr bwMode="auto">
              <a:xfrm>
                <a:off x="1524" y="3441"/>
                <a:ext cx="35" cy="25"/>
              </a:xfrm>
              <a:custGeom>
                <a:avLst/>
                <a:gdLst>
                  <a:gd name="T0" fmla="*/ 1 w 35"/>
                  <a:gd name="T1" fmla="*/ 8 h 25"/>
                  <a:gd name="T2" fmla="*/ 1 w 35"/>
                  <a:gd name="T3" fmla="*/ 8 h 25"/>
                  <a:gd name="T4" fmla="*/ 1 w 35"/>
                  <a:gd name="T5" fmla="*/ 8 h 25"/>
                  <a:gd name="T6" fmla="*/ 0 w 35"/>
                  <a:gd name="T7" fmla="*/ 6 h 25"/>
                  <a:gd name="T8" fmla="*/ 0 w 35"/>
                  <a:gd name="T9" fmla="*/ 5 h 25"/>
                  <a:gd name="T10" fmla="*/ 0 w 35"/>
                  <a:gd name="T11" fmla="*/ 3 h 25"/>
                  <a:gd name="T12" fmla="*/ 0 w 35"/>
                  <a:gd name="T13" fmla="*/ 1 h 25"/>
                  <a:gd name="T14" fmla="*/ 1 w 35"/>
                  <a:gd name="T15" fmla="*/ 0 h 25"/>
                  <a:gd name="T16" fmla="*/ 5 w 35"/>
                  <a:gd name="T17" fmla="*/ 1 h 25"/>
                  <a:gd name="T18" fmla="*/ 8 w 35"/>
                  <a:gd name="T19" fmla="*/ 3 h 25"/>
                  <a:gd name="T20" fmla="*/ 8 w 35"/>
                  <a:gd name="T21" fmla="*/ 3 h 25"/>
                  <a:gd name="T22" fmla="*/ 10 w 35"/>
                  <a:gd name="T23" fmla="*/ 3 h 25"/>
                  <a:gd name="T24" fmla="*/ 13 w 35"/>
                  <a:gd name="T25" fmla="*/ 3 h 25"/>
                  <a:gd name="T26" fmla="*/ 13 w 35"/>
                  <a:gd name="T27" fmla="*/ 5 h 25"/>
                  <a:gd name="T28" fmla="*/ 15 w 35"/>
                  <a:gd name="T29" fmla="*/ 5 h 25"/>
                  <a:gd name="T30" fmla="*/ 22 w 35"/>
                  <a:gd name="T31" fmla="*/ 5 h 25"/>
                  <a:gd name="T32" fmla="*/ 30 w 35"/>
                  <a:gd name="T33" fmla="*/ 10 h 25"/>
                  <a:gd name="T34" fmla="*/ 30 w 35"/>
                  <a:gd name="T35" fmla="*/ 10 h 25"/>
                  <a:gd name="T36" fmla="*/ 30 w 35"/>
                  <a:gd name="T37" fmla="*/ 10 h 25"/>
                  <a:gd name="T38" fmla="*/ 32 w 35"/>
                  <a:gd name="T39" fmla="*/ 11 h 25"/>
                  <a:gd name="T40" fmla="*/ 34 w 35"/>
                  <a:gd name="T41" fmla="*/ 13 h 25"/>
                  <a:gd name="T42" fmla="*/ 35 w 35"/>
                  <a:gd name="T43" fmla="*/ 15 h 25"/>
                  <a:gd name="T44" fmla="*/ 35 w 35"/>
                  <a:gd name="T45" fmla="*/ 17 h 25"/>
                  <a:gd name="T46" fmla="*/ 34 w 35"/>
                  <a:gd name="T47" fmla="*/ 20 h 25"/>
                  <a:gd name="T48" fmla="*/ 30 w 35"/>
                  <a:gd name="T49" fmla="*/ 20 h 25"/>
                  <a:gd name="T50" fmla="*/ 25 w 35"/>
                  <a:gd name="T51" fmla="*/ 22 h 25"/>
                  <a:gd name="T52" fmla="*/ 25 w 35"/>
                  <a:gd name="T53" fmla="*/ 22 h 25"/>
                  <a:gd name="T54" fmla="*/ 23 w 35"/>
                  <a:gd name="T55" fmla="*/ 22 h 25"/>
                  <a:gd name="T56" fmla="*/ 23 w 35"/>
                  <a:gd name="T57" fmla="*/ 23 h 25"/>
                  <a:gd name="T58" fmla="*/ 22 w 35"/>
                  <a:gd name="T59" fmla="*/ 23 h 25"/>
                  <a:gd name="T60" fmla="*/ 20 w 35"/>
                  <a:gd name="T61" fmla="*/ 25 h 25"/>
                  <a:gd name="T62" fmla="*/ 18 w 35"/>
                  <a:gd name="T63" fmla="*/ 25 h 25"/>
                  <a:gd name="T64" fmla="*/ 15 w 35"/>
                  <a:gd name="T65" fmla="*/ 23 h 25"/>
                  <a:gd name="T66" fmla="*/ 13 w 35"/>
                  <a:gd name="T67" fmla="*/ 20 h 25"/>
                  <a:gd name="T68" fmla="*/ 12 w 35"/>
                  <a:gd name="T69" fmla="*/ 17 h 25"/>
                  <a:gd name="T70" fmla="*/ 12 w 35"/>
                  <a:gd name="T71" fmla="*/ 17 h 25"/>
                  <a:gd name="T72" fmla="*/ 10 w 35"/>
                  <a:gd name="T73" fmla="*/ 15 h 25"/>
                  <a:gd name="T74" fmla="*/ 6 w 35"/>
                  <a:gd name="T75" fmla="*/ 11 h 25"/>
                  <a:gd name="T76" fmla="*/ 3 w 35"/>
                  <a:gd name="T77" fmla="*/ 10 h 25"/>
                  <a:gd name="T78" fmla="*/ 1 w 35"/>
                  <a:gd name="T79" fmla="*/ 8 h 25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w 35"/>
                  <a:gd name="T121" fmla="*/ 0 h 25"/>
                  <a:gd name="T122" fmla="*/ 35 w 35"/>
                  <a:gd name="T123" fmla="*/ 25 h 25"/>
                </a:gdLst>
                <a:ahLst/>
                <a:cxnLst>
                  <a:cxn ang="T80">
                    <a:pos x="T0" y="T1"/>
                  </a:cxn>
                  <a:cxn ang="T81">
                    <a:pos x="T2" y="T3"/>
                  </a:cxn>
                  <a:cxn ang="T82">
                    <a:pos x="T4" y="T5"/>
                  </a:cxn>
                  <a:cxn ang="T83">
                    <a:pos x="T6" y="T7"/>
                  </a:cxn>
                  <a:cxn ang="T84">
                    <a:pos x="T8" y="T9"/>
                  </a:cxn>
                  <a:cxn ang="T85">
                    <a:pos x="T10" y="T11"/>
                  </a:cxn>
                  <a:cxn ang="T86">
                    <a:pos x="T12" y="T13"/>
                  </a:cxn>
                  <a:cxn ang="T87">
                    <a:pos x="T14" y="T15"/>
                  </a:cxn>
                  <a:cxn ang="T88">
                    <a:pos x="T16" y="T17"/>
                  </a:cxn>
                  <a:cxn ang="T89">
                    <a:pos x="T18" y="T19"/>
                  </a:cxn>
                  <a:cxn ang="T90">
                    <a:pos x="T20" y="T21"/>
                  </a:cxn>
                  <a:cxn ang="T91">
                    <a:pos x="T22" y="T23"/>
                  </a:cxn>
                  <a:cxn ang="T92">
                    <a:pos x="T24" y="T25"/>
                  </a:cxn>
                  <a:cxn ang="T93">
                    <a:pos x="T26" y="T27"/>
                  </a:cxn>
                  <a:cxn ang="T94">
                    <a:pos x="T28" y="T29"/>
                  </a:cxn>
                  <a:cxn ang="T95">
                    <a:pos x="T30" y="T31"/>
                  </a:cxn>
                  <a:cxn ang="T96">
                    <a:pos x="T32" y="T33"/>
                  </a:cxn>
                  <a:cxn ang="T97">
                    <a:pos x="T34" y="T35"/>
                  </a:cxn>
                  <a:cxn ang="T98">
                    <a:pos x="T36" y="T37"/>
                  </a:cxn>
                  <a:cxn ang="T99">
                    <a:pos x="T38" y="T39"/>
                  </a:cxn>
                  <a:cxn ang="T100">
                    <a:pos x="T40" y="T41"/>
                  </a:cxn>
                  <a:cxn ang="T101">
                    <a:pos x="T42" y="T43"/>
                  </a:cxn>
                  <a:cxn ang="T102">
                    <a:pos x="T44" y="T45"/>
                  </a:cxn>
                  <a:cxn ang="T103">
                    <a:pos x="T46" y="T47"/>
                  </a:cxn>
                  <a:cxn ang="T104">
                    <a:pos x="T48" y="T49"/>
                  </a:cxn>
                  <a:cxn ang="T105">
                    <a:pos x="T50" y="T51"/>
                  </a:cxn>
                  <a:cxn ang="T106">
                    <a:pos x="T52" y="T53"/>
                  </a:cxn>
                  <a:cxn ang="T107">
                    <a:pos x="T54" y="T55"/>
                  </a:cxn>
                  <a:cxn ang="T108">
                    <a:pos x="T56" y="T57"/>
                  </a:cxn>
                  <a:cxn ang="T109">
                    <a:pos x="T58" y="T59"/>
                  </a:cxn>
                  <a:cxn ang="T110">
                    <a:pos x="T60" y="T61"/>
                  </a:cxn>
                  <a:cxn ang="T111">
                    <a:pos x="T62" y="T63"/>
                  </a:cxn>
                  <a:cxn ang="T112">
                    <a:pos x="T64" y="T65"/>
                  </a:cxn>
                  <a:cxn ang="T113">
                    <a:pos x="T66" y="T67"/>
                  </a:cxn>
                  <a:cxn ang="T114">
                    <a:pos x="T68" y="T69"/>
                  </a:cxn>
                  <a:cxn ang="T115">
                    <a:pos x="T70" y="T71"/>
                  </a:cxn>
                  <a:cxn ang="T116">
                    <a:pos x="T72" y="T73"/>
                  </a:cxn>
                  <a:cxn ang="T117">
                    <a:pos x="T74" y="T75"/>
                  </a:cxn>
                  <a:cxn ang="T118">
                    <a:pos x="T76" y="T77"/>
                  </a:cxn>
                  <a:cxn ang="T119">
                    <a:pos x="T78" y="T79"/>
                  </a:cxn>
                </a:cxnLst>
                <a:rect l="T120" t="T121" r="T122" b="T123"/>
                <a:pathLst>
                  <a:path w="35" h="25">
                    <a:moveTo>
                      <a:pt x="1" y="8"/>
                    </a:moveTo>
                    <a:lnTo>
                      <a:pt x="1" y="8"/>
                    </a:lnTo>
                    <a:lnTo>
                      <a:pt x="0" y="6"/>
                    </a:lnTo>
                    <a:lnTo>
                      <a:pt x="0" y="5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5" y="1"/>
                    </a:lnTo>
                    <a:lnTo>
                      <a:pt x="8" y="3"/>
                    </a:lnTo>
                    <a:lnTo>
                      <a:pt x="10" y="3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5" y="5"/>
                    </a:lnTo>
                    <a:lnTo>
                      <a:pt x="22" y="5"/>
                    </a:lnTo>
                    <a:lnTo>
                      <a:pt x="30" y="10"/>
                    </a:lnTo>
                    <a:lnTo>
                      <a:pt x="32" y="11"/>
                    </a:lnTo>
                    <a:lnTo>
                      <a:pt x="34" y="13"/>
                    </a:lnTo>
                    <a:lnTo>
                      <a:pt x="35" y="15"/>
                    </a:lnTo>
                    <a:lnTo>
                      <a:pt x="35" y="17"/>
                    </a:lnTo>
                    <a:lnTo>
                      <a:pt x="34" y="20"/>
                    </a:lnTo>
                    <a:lnTo>
                      <a:pt x="30" y="20"/>
                    </a:lnTo>
                    <a:lnTo>
                      <a:pt x="25" y="22"/>
                    </a:lnTo>
                    <a:lnTo>
                      <a:pt x="23" y="22"/>
                    </a:lnTo>
                    <a:lnTo>
                      <a:pt x="23" y="23"/>
                    </a:lnTo>
                    <a:lnTo>
                      <a:pt x="22" y="23"/>
                    </a:lnTo>
                    <a:lnTo>
                      <a:pt x="20" y="25"/>
                    </a:lnTo>
                    <a:lnTo>
                      <a:pt x="18" y="25"/>
                    </a:lnTo>
                    <a:lnTo>
                      <a:pt x="15" y="23"/>
                    </a:lnTo>
                    <a:lnTo>
                      <a:pt x="13" y="20"/>
                    </a:lnTo>
                    <a:lnTo>
                      <a:pt x="12" y="17"/>
                    </a:lnTo>
                    <a:lnTo>
                      <a:pt x="10" y="15"/>
                    </a:lnTo>
                    <a:lnTo>
                      <a:pt x="6" y="11"/>
                    </a:lnTo>
                    <a:lnTo>
                      <a:pt x="3" y="10"/>
                    </a:lnTo>
                    <a:lnTo>
                      <a:pt x="1" y="8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55" name="Freeform 148"/>
              <p:cNvSpPr>
                <a:spLocks/>
              </p:cNvSpPr>
              <p:nvPr/>
            </p:nvSpPr>
            <p:spPr bwMode="auto">
              <a:xfrm>
                <a:off x="1554" y="3480"/>
                <a:ext cx="66" cy="76"/>
              </a:xfrm>
              <a:custGeom>
                <a:avLst/>
                <a:gdLst>
                  <a:gd name="T0" fmla="*/ 10 w 66"/>
                  <a:gd name="T1" fmla="*/ 5 h 76"/>
                  <a:gd name="T2" fmla="*/ 14 w 66"/>
                  <a:gd name="T3" fmla="*/ 0 h 76"/>
                  <a:gd name="T4" fmla="*/ 22 w 66"/>
                  <a:gd name="T5" fmla="*/ 6 h 76"/>
                  <a:gd name="T6" fmla="*/ 46 w 66"/>
                  <a:gd name="T7" fmla="*/ 18 h 76"/>
                  <a:gd name="T8" fmla="*/ 54 w 66"/>
                  <a:gd name="T9" fmla="*/ 22 h 76"/>
                  <a:gd name="T10" fmla="*/ 54 w 66"/>
                  <a:gd name="T11" fmla="*/ 28 h 76"/>
                  <a:gd name="T12" fmla="*/ 61 w 66"/>
                  <a:gd name="T13" fmla="*/ 38 h 76"/>
                  <a:gd name="T14" fmla="*/ 61 w 66"/>
                  <a:gd name="T15" fmla="*/ 38 h 76"/>
                  <a:gd name="T16" fmla="*/ 63 w 66"/>
                  <a:gd name="T17" fmla="*/ 38 h 76"/>
                  <a:gd name="T18" fmla="*/ 64 w 66"/>
                  <a:gd name="T19" fmla="*/ 40 h 76"/>
                  <a:gd name="T20" fmla="*/ 66 w 66"/>
                  <a:gd name="T21" fmla="*/ 42 h 76"/>
                  <a:gd name="T22" fmla="*/ 66 w 66"/>
                  <a:gd name="T23" fmla="*/ 44 h 76"/>
                  <a:gd name="T24" fmla="*/ 66 w 66"/>
                  <a:gd name="T25" fmla="*/ 45 h 76"/>
                  <a:gd name="T26" fmla="*/ 63 w 66"/>
                  <a:gd name="T27" fmla="*/ 49 h 76"/>
                  <a:gd name="T28" fmla="*/ 58 w 66"/>
                  <a:gd name="T29" fmla="*/ 52 h 76"/>
                  <a:gd name="T30" fmla="*/ 56 w 66"/>
                  <a:gd name="T31" fmla="*/ 52 h 76"/>
                  <a:gd name="T32" fmla="*/ 54 w 66"/>
                  <a:gd name="T33" fmla="*/ 52 h 76"/>
                  <a:gd name="T34" fmla="*/ 49 w 66"/>
                  <a:gd name="T35" fmla="*/ 54 h 76"/>
                  <a:gd name="T36" fmla="*/ 44 w 66"/>
                  <a:gd name="T37" fmla="*/ 55 h 76"/>
                  <a:gd name="T38" fmla="*/ 37 w 66"/>
                  <a:gd name="T39" fmla="*/ 59 h 76"/>
                  <a:gd name="T40" fmla="*/ 32 w 66"/>
                  <a:gd name="T41" fmla="*/ 62 h 76"/>
                  <a:gd name="T42" fmla="*/ 27 w 66"/>
                  <a:gd name="T43" fmla="*/ 67 h 76"/>
                  <a:gd name="T44" fmla="*/ 24 w 66"/>
                  <a:gd name="T45" fmla="*/ 76 h 76"/>
                  <a:gd name="T46" fmla="*/ 22 w 66"/>
                  <a:gd name="T47" fmla="*/ 76 h 76"/>
                  <a:gd name="T48" fmla="*/ 22 w 66"/>
                  <a:gd name="T49" fmla="*/ 74 h 76"/>
                  <a:gd name="T50" fmla="*/ 19 w 66"/>
                  <a:gd name="T51" fmla="*/ 74 h 76"/>
                  <a:gd name="T52" fmla="*/ 15 w 66"/>
                  <a:gd name="T53" fmla="*/ 71 h 76"/>
                  <a:gd name="T54" fmla="*/ 14 w 66"/>
                  <a:gd name="T55" fmla="*/ 69 h 76"/>
                  <a:gd name="T56" fmla="*/ 10 w 66"/>
                  <a:gd name="T57" fmla="*/ 66 h 76"/>
                  <a:gd name="T58" fmla="*/ 10 w 66"/>
                  <a:gd name="T59" fmla="*/ 60 h 76"/>
                  <a:gd name="T60" fmla="*/ 9 w 66"/>
                  <a:gd name="T61" fmla="*/ 54 h 76"/>
                  <a:gd name="T62" fmla="*/ 9 w 66"/>
                  <a:gd name="T63" fmla="*/ 54 h 76"/>
                  <a:gd name="T64" fmla="*/ 9 w 66"/>
                  <a:gd name="T65" fmla="*/ 52 h 76"/>
                  <a:gd name="T66" fmla="*/ 10 w 66"/>
                  <a:gd name="T67" fmla="*/ 50 h 76"/>
                  <a:gd name="T68" fmla="*/ 10 w 66"/>
                  <a:gd name="T69" fmla="*/ 49 h 76"/>
                  <a:gd name="T70" fmla="*/ 9 w 66"/>
                  <a:gd name="T71" fmla="*/ 47 h 76"/>
                  <a:gd name="T72" fmla="*/ 9 w 66"/>
                  <a:gd name="T73" fmla="*/ 44 h 76"/>
                  <a:gd name="T74" fmla="*/ 7 w 66"/>
                  <a:gd name="T75" fmla="*/ 40 h 76"/>
                  <a:gd name="T76" fmla="*/ 4 w 66"/>
                  <a:gd name="T77" fmla="*/ 37 h 76"/>
                  <a:gd name="T78" fmla="*/ 4 w 66"/>
                  <a:gd name="T79" fmla="*/ 35 h 76"/>
                  <a:gd name="T80" fmla="*/ 2 w 66"/>
                  <a:gd name="T81" fmla="*/ 33 h 76"/>
                  <a:gd name="T82" fmla="*/ 2 w 66"/>
                  <a:gd name="T83" fmla="*/ 32 h 76"/>
                  <a:gd name="T84" fmla="*/ 0 w 66"/>
                  <a:gd name="T85" fmla="*/ 30 h 76"/>
                  <a:gd name="T86" fmla="*/ 0 w 66"/>
                  <a:gd name="T87" fmla="*/ 28 h 76"/>
                  <a:gd name="T88" fmla="*/ 2 w 66"/>
                  <a:gd name="T89" fmla="*/ 25 h 76"/>
                  <a:gd name="T90" fmla="*/ 4 w 66"/>
                  <a:gd name="T91" fmla="*/ 25 h 76"/>
                  <a:gd name="T92" fmla="*/ 7 w 66"/>
                  <a:gd name="T93" fmla="*/ 23 h 76"/>
                  <a:gd name="T94" fmla="*/ 9 w 66"/>
                  <a:gd name="T95" fmla="*/ 25 h 76"/>
                  <a:gd name="T96" fmla="*/ 9 w 66"/>
                  <a:gd name="T97" fmla="*/ 25 h 76"/>
                  <a:gd name="T98" fmla="*/ 10 w 66"/>
                  <a:gd name="T99" fmla="*/ 25 h 76"/>
                  <a:gd name="T100" fmla="*/ 10 w 66"/>
                  <a:gd name="T101" fmla="*/ 25 h 76"/>
                  <a:gd name="T102" fmla="*/ 10 w 66"/>
                  <a:gd name="T103" fmla="*/ 23 h 76"/>
                  <a:gd name="T104" fmla="*/ 12 w 66"/>
                  <a:gd name="T105" fmla="*/ 22 h 76"/>
                  <a:gd name="T106" fmla="*/ 12 w 66"/>
                  <a:gd name="T107" fmla="*/ 16 h 76"/>
                  <a:gd name="T108" fmla="*/ 12 w 66"/>
                  <a:gd name="T109" fmla="*/ 10 h 76"/>
                  <a:gd name="T110" fmla="*/ 12 w 66"/>
                  <a:gd name="T111" fmla="*/ 8 h 76"/>
                  <a:gd name="T112" fmla="*/ 10 w 66"/>
                  <a:gd name="T113" fmla="*/ 6 h 76"/>
                  <a:gd name="T114" fmla="*/ 10 w 66"/>
                  <a:gd name="T115" fmla="*/ 6 h 76"/>
                  <a:gd name="T116" fmla="*/ 10 w 66"/>
                  <a:gd name="T117" fmla="*/ 5 h 7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66"/>
                  <a:gd name="T178" fmla="*/ 0 h 76"/>
                  <a:gd name="T179" fmla="*/ 66 w 66"/>
                  <a:gd name="T180" fmla="*/ 76 h 76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66" h="76">
                    <a:moveTo>
                      <a:pt x="10" y="5"/>
                    </a:moveTo>
                    <a:lnTo>
                      <a:pt x="14" y="0"/>
                    </a:lnTo>
                    <a:lnTo>
                      <a:pt x="22" y="6"/>
                    </a:lnTo>
                    <a:lnTo>
                      <a:pt x="46" y="18"/>
                    </a:lnTo>
                    <a:lnTo>
                      <a:pt x="54" y="22"/>
                    </a:lnTo>
                    <a:lnTo>
                      <a:pt x="54" y="28"/>
                    </a:lnTo>
                    <a:lnTo>
                      <a:pt x="61" y="38"/>
                    </a:lnTo>
                    <a:lnTo>
                      <a:pt x="63" y="38"/>
                    </a:lnTo>
                    <a:lnTo>
                      <a:pt x="64" y="40"/>
                    </a:lnTo>
                    <a:lnTo>
                      <a:pt x="66" y="42"/>
                    </a:lnTo>
                    <a:lnTo>
                      <a:pt x="66" y="44"/>
                    </a:lnTo>
                    <a:lnTo>
                      <a:pt x="66" y="45"/>
                    </a:lnTo>
                    <a:lnTo>
                      <a:pt x="63" y="49"/>
                    </a:lnTo>
                    <a:lnTo>
                      <a:pt x="58" y="52"/>
                    </a:lnTo>
                    <a:lnTo>
                      <a:pt x="56" y="52"/>
                    </a:lnTo>
                    <a:lnTo>
                      <a:pt x="54" y="52"/>
                    </a:lnTo>
                    <a:lnTo>
                      <a:pt x="49" y="54"/>
                    </a:lnTo>
                    <a:lnTo>
                      <a:pt x="44" y="55"/>
                    </a:lnTo>
                    <a:lnTo>
                      <a:pt x="37" y="59"/>
                    </a:lnTo>
                    <a:lnTo>
                      <a:pt x="32" y="62"/>
                    </a:lnTo>
                    <a:lnTo>
                      <a:pt x="27" y="67"/>
                    </a:lnTo>
                    <a:lnTo>
                      <a:pt x="24" y="76"/>
                    </a:lnTo>
                    <a:lnTo>
                      <a:pt x="22" y="76"/>
                    </a:lnTo>
                    <a:lnTo>
                      <a:pt x="22" y="74"/>
                    </a:lnTo>
                    <a:lnTo>
                      <a:pt x="19" y="74"/>
                    </a:lnTo>
                    <a:lnTo>
                      <a:pt x="15" y="71"/>
                    </a:lnTo>
                    <a:lnTo>
                      <a:pt x="14" y="69"/>
                    </a:lnTo>
                    <a:lnTo>
                      <a:pt x="10" y="66"/>
                    </a:lnTo>
                    <a:lnTo>
                      <a:pt x="10" y="60"/>
                    </a:lnTo>
                    <a:lnTo>
                      <a:pt x="9" y="54"/>
                    </a:lnTo>
                    <a:lnTo>
                      <a:pt x="9" y="52"/>
                    </a:lnTo>
                    <a:lnTo>
                      <a:pt x="10" y="50"/>
                    </a:lnTo>
                    <a:lnTo>
                      <a:pt x="10" y="49"/>
                    </a:lnTo>
                    <a:lnTo>
                      <a:pt x="9" y="47"/>
                    </a:lnTo>
                    <a:lnTo>
                      <a:pt x="9" y="44"/>
                    </a:lnTo>
                    <a:lnTo>
                      <a:pt x="7" y="40"/>
                    </a:lnTo>
                    <a:lnTo>
                      <a:pt x="4" y="37"/>
                    </a:lnTo>
                    <a:lnTo>
                      <a:pt x="4" y="35"/>
                    </a:lnTo>
                    <a:lnTo>
                      <a:pt x="2" y="33"/>
                    </a:lnTo>
                    <a:lnTo>
                      <a:pt x="2" y="32"/>
                    </a:lnTo>
                    <a:lnTo>
                      <a:pt x="0" y="30"/>
                    </a:lnTo>
                    <a:lnTo>
                      <a:pt x="0" y="28"/>
                    </a:lnTo>
                    <a:lnTo>
                      <a:pt x="2" y="25"/>
                    </a:lnTo>
                    <a:lnTo>
                      <a:pt x="4" y="25"/>
                    </a:lnTo>
                    <a:lnTo>
                      <a:pt x="7" y="23"/>
                    </a:lnTo>
                    <a:lnTo>
                      <a:pt x="9" y="25"/>
                    </a:lnTo>
                    <a:lnTo>
                      <a:pt x="10" y="25"/>
                    </a:lnTo>
                    <a:lnTo>
                      <a:pt x="10" y="23"/>
                    </a:lnTo>
                    <a:lnTo>
                      <a:pt x="12" y="22"/>
                    </a:lnTo>
                    <a:lnTo>
                      <a:pt x="12" y="16"/>
                    </a:lnTo>
                    <a:lnTo>
                      <a:pt x="12" y="10"/>
                    </a:lnTo>
                    <a:lnTo>
                      <a:pt x="12" y="8"/>
                    </a:lnTo>
                    <a:lnTo>
                      <a:pt x="10" y="6"/>
                    </a:lnTo>
                    <a:lnTo>
                      <a:pt x="10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56" name="Freeform 149"/>
              <p:cNvSpPr>
                <a:spLocks/>
              </p:cNvSpPr>
              <p:nvPr/>
            </p:nvSpPr>
            <p:spPr bwMode="auto">
              <a:xfrm>
                <a:off x="1554" y="3480"/>
                <a:ext cx="66" cy="76"/>
              </a:xfrm>
              <a:custGeom>
                <a:avLst/>
                <a:gdLst>
                  <a:gd name="T0" fmla="*/ 14 w 66"/>
                  <a:gd name="T1" fmla="*/ 0 h 76"/>
                  <a:gd name="T2" fmla="*/ 46 w 66"/>
                  <a:gd name="T3" fmla="*/ 18 h 76"/>
                  <a:gd name="T4" fmla="*/ 54 w 66"/>
                  <a:gd name="T5" fmla="*/ 28 h 76"/>
                  <a:gd name="T6" fmla="*/ 61 w 66"/>
                  <a:gd name="T7" fmla="*/ 38 h 76"/>
                  <a:gd name="T8" fmla="*/ 63 w 66"/>
                  <a:gd name="T9" fmla="*/ 38 h 76"/>
                  <a:gd name="T10" fmla="*/ 66 w 66"/>
                  <a:gd name="T11" fmla="*/ 42 h 76"/>
                  <a:gd name="T12" fmla="*/ 66 w 66"/>
                  <a:gd name="T13" fmla="*/ 45 h 76"/>
                  <a:gd name="T14" fmla="*/ 58 w 66"/>
                  <a:gd name="T15" fmla="*/ 52 h 76"/>
                  <a:gd name="T16" fmla="*/ 56 w 66"/>
                  <a:gd name="T17" fmla="*/ 52 h 76"/>
                  <a:gd name="T18" fmla="*/ 49 w 66"/>
                  <a:gd name="T19" fmla="*/ 54 h 76"/>
                  <a:gd name="T20" fmla="*/ 37 w 66"/>
                  <a:gd name="T21" fmla="*/ 59 h 76"/>
                  <a:gd name="T22" fmla="*/ 27 w 66"/>
                  <a:gd name="T23" fmla="*/ 67 h 76"/>
                  <a:gd name="T24" fmla="*/ 24 w 66"/>
                  <a:gd name="T25" fmla="*/ 76 h 76"/>
                  <a:gd name="T26" fmla="*/ 22 w 66"/>
                  <a:gd name="T27" fmla="*/ 74 h 76"/>
                  <a:gd name="T28" fmla="*/ 15 w 66"/>
                  <a:gd name="T29" fmla="*/ 71 h 76"/>
                  <a:gd name="T30" fmla="*/ 10 w 66"/>
                  <a:gd name="T31" fmla="*/ 66 h 76"/>
                  <a:gd name="T32" fmla="*/ 9 w 66"/>
                  <a:gd name="T33" fmla="*/ 54 h 76"/>
                  <a:gd name="T34" fmla="*/ 9 w 66"/>
                  <a:gd name="T35" fmla="*/ 54 h 76"/>
                  <a:gd name="T36" fmla="*/ 10 w 66"/>
                  <a:gd name="T37" fmla="*/ 50 h 76"/>
                  <a:gd name="T38" fmla="*/ 9 w 66"/>
                  <a:gd name="T39" fmla="*/ 47 h 76"/>
                  <a:gd name="T40" fmla="*/ 7 w 66"/>
                  <a:gd name="T41" fmla="*/ 40 h 76"/>
                  <a:gd name="T42" fmla="*/ 4 w 66"/>
                  <a:gd name="T43" fmla="*/ 37 h 76"/>
                  <a:gd name="T44" fmla="*/ 2 w 66"/>
                  <a:gd name="T45" fmla="*/ 33 h 76"/>
                  <a:gd name="T46" fmla="*/ 0 w 66"/>
                  <a:gd name="T47" fmla="*/ 30 h 76"/>
                  <a:gd name="T48" fmla="*/ 2 w 66"/>
                  <a:gd name="T49" fmla="*/ 25 h 76"/>
                  <a:gd name="T50" fmla="*/ 7 w 66"/>
                  <a:gd name="T51" fmla="*/ 23 h 76"/>
                  <a:gd name="T52" fmla="*/ 9 w 66"/>
                  <a:gd name="T53" fmla="*/ 25 h 76"/>
                  <a:gd name="T54" fmla="*/ 10 w 66"/>
                  <a:gd name="T55" fmla="*/ 25 h 76"/>
                  <a:gd name="T56" fmla="*/ 10 w 66"/>
                  <a:gd name="T57" fmla="*/ 23 h 76"/>
                  <a:gd name="T58" fmla="*/ 12 w 66"/>
                  <a:gd name="T59" fmla="*/ 16 h 76"/>
                  <a:gd name="T60" fmla="*/ 12 w 66"/>
                  <a:gd name="T61" fmla="*/ 10 h 76"/>
                  <a:gd name="T62" fmla="*/ 10 w 66"/>
                  <a:gd name="T63" fmla="*/ 6 h 76"/>
                  <a:gd name="T64" fmla="*/ 10 w 66"/>
                  <a:gd name="T65" fmla="*/ 5 h 7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w 66"/>
                  <a:gd name="T100" fmla="*/ 0 h 76"/>
                  <a:gd name="T101" fmla="*/ 66 w 66"/>
                  <a:gd name="T102" fmla="*/ 76 h 76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T99" t="T100" r="T101" b="T102"/>
                <a:pathLst>
                  <a:path w="66" h="76">
                    <a:moveTo>
                      <a:pt x="10" y="5"/>
                    </a:moveTo>
                    <a:lnTo>
                      <a:pt x="14" y="0"/>
                    </a:lnTo>
                    <a:lnTo>
                      <a:pt x="22" y="6"/>
                    </a:lnTo>
                    <a:lnTo>
                      <a:pt x="46" y="18"/>
                    </a:lnTo>
                    <a:lnTo>
                      <a:pt x="54" y="22"/>
                    </a:lnTo>
                    <a:lnTo>
                      <a:pt x="54" y="28"/>
                    </a:lnTo>
                    <a:lnTo>
                      <a:pt x="61" y="38"/>
                    </a:lnTo>
                    <a:lnTo>
                      <a:pt x="63" y="38"/>
                    </a:lnTo>
                    <a:lnTo>
                      <a:pt x="64" y="40"/>
                    </a:lnTo>
                    <a:lnTo>
                      <a:pt x="66" y="42"/>
                    </a:lnTo>
                    <a:lnTo>
                      <a:pt x="66" y="44"/>
                    </a:lnTo>
                    <a:lnTo>
                      <a:pt x="66" y="45"/>
                    </a:lnTo>
                    <a:lnTo>
                      <a:pt x="63" y="49"/>
                    </a:lnTo>
                    <a:lnTo>
                      <a:pt x="58" y="52"/>
                    </a:lnTo>
                    <a:lnTo>
                      <a:pt x="56" y="52"/>
                    </a:lnTo>
                    <a:lnTo>
                      <a:pt x="54" y="52"/>
                    </a:lnTo>
                    <a:lnTo>
                      <a:pt x="49" y="54"/>
                    </a:lnTo>
                    <a:lnTo>
                      <a:pt x="44" y="55"/>
                    </a:lnTo>
                    <a:lnTo>
                      <a:pt x="37" y="59"/>
                    </a:lnTo>
                    <a:lnTo>
                      <a:pt x="32" y="62"/>
                    </a:lnTo>
                    <a:lnTo>
                      <a:pt x="27" y="67"/>
                    </a:lnTo>
                    <a:lnTo>
                      <a:pt x="24" y="76"/>
                    </a:lnTo>
                    <a:lnTo>
                      <a:pt x="22" y="76"/>
                    </a:lnTo>
                    <a:lnTo>
                      <a:pt x="22" y="74"/>
                    </a:lnTo>
                    <a:lnTo>
                      <a:pt x="19" y="74"/>
                    </a:lnTo>
                    <a:lnTo>
                      <a:pt x="15" y="71"/>
                    </a:lnTo>
                    <a:lnTo>
                      <a:pt x="14" y="69"/>
                    </a:lnTo>
                    <a:lnTo>
                      <a:pt x="10" y="66"/>
                    </a:lnTo>
                    <a:lnTo>
                      <a:pt x="10" y="60"/>
                    </a:lnTo>
                    <a:lnTo>
                      <a:pt x="9" y="54"/>
                    </a:lnTo>
                    <a:lnTo>
                      <a:pt x="9" y="52"/>
                    </a:lnTo>
                    <a:lnTo>
                      <a:pt x="10" y="50"/>
                    </a:lnTo>
                    <a:lnTo>
                      <a:pt x="10" y="49"/>
                    </a:lnTo>
                    <a:lnTo>
                      <a:pt x="9" y="47"/>
                    </a:lnTo>
                    <a:lnTo>
                      <a:pt x="9" y="44"/>
                    </a:lnTo>
                    <a:lnTo>
                      <a:pt x="7" y="40"/>
                    </a:lnTo>
                    <a:lnTo>
                      <a:pt x="4" y="37"/>
                    </a:lnTo>
                    <a:lnTo>
                      <a:pt x="4" y="35"/>
                    </a:lnTo>
                    <a:lnTo>
                      <a:pt x="2" y="33"/>
                    </a:lnTo>
                    <a:lnTo>
                      <a:pt x="2" y="32"/>
                    </a:lnTo>
                    <a:lnTo>
                      <a:pt x="0" y="30"/>
                    </a:lnTo>
                    <a:lnTo>
                      <a:pt x="0" y="28"/>
                    </a:lnTo>
                    <a:lnTo>
                      <a:pt x="2" y="25"/>
                    </a:lnTo>
                    <a:lnTo>
                      <a:pt x="4" y="25"/>
                    </a:lnTo>
                    <a:lnTo>
                      <a:pt x="7" y="23"/>
                    </a:lnTo>
                    <a:lnTo>
                      <a:pt x="9" y="25"/>
                    </a:lnTo>
                    <a:lnTo>
                      <a:pt x="10" y="25"/>
                    </a:lnTo>
                    <a:lnTo>
                      <a:pt x="10" y="23"/>
                    </a:lnTo>
                    <a:lnTo>
                      <a:pt x="12" y="22"/>
                    </a:lnTo>
                    <a:lnTo>
                      <a:pt x="12" y="16"/>
                    </a:lnTo>
                    <a:lnTo>
                      <a:pt x="12" y="10"/>
                    </a:lnTo>
                    <a:lnTo>
                      <a:pt x="12" y="8"/>
                    </a:lnTo>
                    <a:lnTo>
                      <a:pt x="10" y="6"/>
                    </a:lnTo>
                    <a:lnTo>
                      <a:pt x="10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57" name="Freeform 150"/>
              <p:cNvSpPr>
                <a:spLocks/>
              </p:cNvSpPr>
              <p:nvPr/>
            </p:nvSpPr>
            <p:spPr bwMode="auto">
              <a:xfrm>
                <a:off x="1505" y="3446"/>
                <a:ext cx="10" cy="10"/>
              </a:xfrm>
              <a:custGeom>
                <a:avLst/>
                <a:gdLst>
                  <a:gd name="T0" fmla="*/ 0 w 10"/>
                  <a:gd name="T1" fmla="*/ 0 h 10"/>
                  <a:gd name="T2" fmla="*/ 7 w 10"/>
                  <a:gd name="T3" fmla="*/ 0 h 10"/>
                  <a:gd name="T4" fmla="*/ 10 w 10"/>
                  <a:gd name="T5" fmla="*/ 6 h 10"/>
                  <a:gd name="T6" fmla="*/ 5 w 10"/>
                  <a:gd name="T7" fmla="*/ 10 h 10"/>
                  <a:gd name="T8" fmla="*/ 2 w 10"/>
                  <a:gd name="T9" fmla="*/ 8 h 10"/>
                  <a:gd name="T10" fmla="*/ 0 w 10"/>
                  <a:gd name="T11" fmla="*/ 0 h 10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10"/>
                  <a:gd name="T19" fmla="*/ 0 h 10"/>
                  <a:gd name="T20" fmla="*/ 10 w 10"/>
                  <a:gd name="T21" fmla="*/ 10 h 10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10" h="10">
                    <a:moveTo>
                      <a:pt x="0" y="0"/>
                    </a:moveTo>
                    <a:lnTo>
                      <a:pt x="7" y="0"/>
                    </a:lnTo>
                    <a:lnTo>
                      <a:pt x="10" y="6"/>
                    </a:lnTo>
                    <a:lnTo>
                      <a:pt x="5" y="10"/>
                    </a:lnTo>
                    <a:lnTo>
                      <a:pt x="2" y="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58" name="Freeform 151"/>
              <p:cNvSpPr>
                <a:spLocks/>
              </p:cNvSpPr>
              <p:nvPr/>
            </p:nvSpPr>
            <p:spPr bwMode="auto">
              <a:xfrm>
                <a:off x="1505" y="3446"/>
                <a:ext cx="10" cy="10"/>
              </a:xfrm>
              <a:custGeom>
                <a:avLst/>
                <a:gdLst>
                  <a:gd name="T0" fmla="*/ 0 w 10"/>
                  <a:gd name="T1" fmla="*/ 0 h 10"/>
                  <a:gd name="T2" fmla="*/ 7 w 10"/>
                  <a:gd name="T3" fmla="*/ 0 h 10"/>
                  <a:gd name="T4" fmla="*/ 10 w 10"/>
                  <a:gd name="T5" fmla="*/ 6 h 10"/>
                  <a:gd name="T6" fmla="*/ 5 w 10"/>
                  <a:gd name="T7" fmla="*/ 10 h 10"/>
                  <a:gd name="T8" fmla="*/ 2 w 10"/>
                  <a:gd name="T9" fmla="*/ 8 h 10"/>
                  <a:gd name="T10" fmla="*/ 0 w 10"/>
                  <a:gd name="T11" fmla="*/ 0 h 10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10"/>
                  <a:gd name="T19" fmla="*/ 0 h 10"/>
                  <a:gd name="T20" fmla="*/ 10 w 10"/>
                  <a:gd name="T21" fmla="*/ 10 h 10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10" h="10">
                    <a:moveTo>
                      <a:pt x="0" y="0"/>
                    </a:moveTo>
                    <a:lnTo>
                      <a:pt x="7" y="0"/>
                    </a:lnTo>
                    <a:lnTo>
                      <a:pt x="10" y="6"/>
                    </a:lnTo>
                    <a:lnTo>
                      <a:pt x="5" y="10"/>
                    </a:lnTo>
                    <a:lnTo>
                      <a:pt x="2" y="8"/>
                    </a:lnTo>
                    <a:lnTo>
                      <a:pt x="0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59" name="Freeform 152"/>
              <p:cNvSpPr>
                <a:spLocks/>
              </p:cNvSpPr>
              <p:nvPr/>
            </p:nvSpPr>
            <p:spPr bwMode="auto">
              <a:xfrm>
                <a:off x="1524" y="3463"/>
                <a:ext cx="6" cy="8"/>
              </a:xfrm>
              <a:custGeom>
                <a:avLst/>
                <a:gdLst>
                  <a:gd name="T0" fmla="*/ 0 w 6"/>
                  <a:gd name="T1" fmla="*/ 5 h 8"/>
                  <a:gd name="T2" fmla="*/ 0 w 6"/>
                  <a:gd name="T3" fmla="*/ 3 h 8"/>
                  <a:gd name="T4" fmla="*/ 0 w 6"/>
                  <a:gd name="T5" fmla="*/ 1 h 8"/>
                  <a:gd name="T6" fmla="*/ 1 w 6"/>
                  <a:gd name="T7" fmla="*/ 1 h 8"/>
                  <a:gd name="T8" fmla="*/ 3 w 6"/>
                  <a:gd name="T9" fmla="*/ 0 h 8"/>
                  <a:gd name="T10" fmla="*/ 5 w 6"/>
                  <a:gd name="T11" fmla="*/ 1 h 8"/>
                  <a:gd name="T12" fmla="*/ 6 w 6"/>
                  <a:gd name="T13" fmla="*/ 1 h 8"/>
                  <a:gd name="T14" fmla="*/ 6 w 6"/>
                  <a:gd name="T15" fmla="*/ 3 h 8"/>
                  <a:gd name="T16" fmla="*/ 6 w 6"/>
                  <a:gd name="T17" fmla="*/ 5 h 8"/>
                  <a:gd name="T18" fmla="*/ 6 w 6"/>
                  <a:gd name="T19" fmla="*/ 6 h 8"/>
                  <a:gd name="T20" fmla="*/ 6 w 6"/>
                  <a:gd name="T21" fmla="*/ 8 h 8"/>
                  <a:gd name="T22" fmla="*/ 5 w 6"/>
                  <a:gd name="T23" fmla="*/ 8 h 8"/>
                  <a:gd name="T24" fmla="*/ 3 w 6"/>
                  <a:gd name="T25" fmla="*/ 8 h 8"/>
                  <a:gd name="T26" fmla="*/ 1 w 6"/>
                  <a:gd name="T27" fmla="*/ 8 h 8"/>
                  <a:gd name="T28" fmla="*/ 0 w 6"/>
                  <a:gd name="T29" fmla="*/ 8 h 8"/>
                  <a:gd name="T30" fmla="*/ 0 w 6"/>
                  <a:gd name="T31" fmla="*/ 6 h 8"/>
                  <a:gd name="T32" fmla="*/ 0 w 6"/>
                  <a:gd name="T33" fmla="*/ 5 h 8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6"/>
                  <a:gd name="T52" fmla="*/ 0 h 8"/>
                  <a:gd name="T53" fmla="*/ 6 w 6"/>
                  <a:gd name="T54" fmla="*/ 8 h 8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6" h="8">
                    <a:moveTo>
                      <a:pt x="0" y="5"/>
                    </a:moveTo>
                    <a:lnTo>
                      <a:pt x="0" y="3"/>
                    </a:lnTo>
                    <a:lnTo>
                      <a:pt x="0" y="1"/>
                    </a:lnTo>
                    <a:lnTo>
                      <a:pt x="1" y="1"/>
                    </a:lnTo>
                    <a:lnTo>
                      <a:pt x="3" y="0"/>
                    </a:lnTo>
                    <a:lnTo>
                      <a:pt x="5" y="1"/>
                    </a:lnTo>
                    <a:lnTo>
                      <a:pt x="6" y="1"/>
                    </a:lnTo>
                    <a:lnTo>
                      <a:pt x="6" y="3"/>
                    </a:lnTo>
                    <a:lnTo>
                      <a:pt x="6" y="5"/>
                    </a:lnTo>
                    <a:lnTo>
                      <a:pt x="6" y="6"/>
                    </a:lnTo>
                    <a:lnTo>
                      <a:pt x="6" y="8"/>
                    </a:lnTo>
                    <a:lnTo>
                      <a:pt x="5" y="8"/>
                    </a:lnTo>
                    <a:lnTo>
                      <a:pt x="3" y="8"/>
                    </a:lnTo>
                    <a:lnTo>
                      <a:pt x="1" y="8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60" name="Freeform 153"/>
              <p:cNvSpPr>
                <a:spLocks/>
              </p:cNvSpPr>
              <p:nvPr/>
            </p:nvSpPr>
            <p:spPr bwMode="auto">
              <a:xfrm>
                <a:off x="1524" y="3463"/>
                <a:ext cx="6" cy="8"/>
              </a:xfrm>
              <a:custGeom>
                <a:avLst/>
                <a:gdLst>
                  <a:gd name="T0" fmla="*/ 0 w 6"/>
                  <a:gd name="T1" fmla="*/ 5 h 8"/>
                  <a:gd name="T2" fmla="*/ 0 w 6"/>
                  <a:gd name="T3" fmla="*/ 5 h 8"/>
                  <a:gd name="T4" fmla="*/ 0 w 6"/>
                  <a:gd name="T5" fmla="*/ 3 h 8"/>
                  <a:gd name="T6" fmla="*/ 0 w 6"/>
                  <a:gd name="T7" fmla="*/ 1 h 8"/>
                  <a:gd name="T8" fmla="*/ 1 w 6"/>
                  <a:gd name="T9" fmla="*/ 1 h 8"/>
                  <a:gd name="T10" fmla="*/ 3 w 6"/>
                  <a:gd name="T11" fmla="*/ 0 h 8"/>
                  <a:gd name="T12" fmla="*/ 3 w 6"/>
                  <a:gd name="T13" fmla="*/ 0 h 8"/>
                  <a:gd name="T14" fmla="*/ 5 w 6"/>
                  <a:gd name="T15" fmla="*/ 1 h 8"/>
                  <a:gd name="T16" fmla="*/ 6 w 6"/>
                  <a:gd name="T17" fmla="*/ 1 h 8"/>
                  <a:gd name="T18" fmla="*/ 6 w 6"/>
                  <a:gd name="T19" fmla="*/ 3 h 8"/>
                  <a:gd name="T20" fmla="*/ 6 w 6"/>
                  <a:gd name="T21" fmla="*/ 5 h 8"/>
                  <a:gd name="T22" fmla="*/ 6 w 6"/>
                  <a:gd name="T23" fmla="*/ 5 h 8"/>
                  <a:gd name="T24" fmla="*/ 6 w 6"/>
                  <a:gd name="T25" fmla="*/ 6 h 8"/>
                  <a:gd name="T26" fmla="*/ 6 w 6"/>
                  <a:gd name="T27" fmla="*/ 8 h 8"/>
                  <a:gd name="T28" fmla="*/ 5 w 6"/>
                  <a:gd name="T29" fmla="*/ 8 h 8"/>
                  <a:gd name="T30" fmla="*/ 3 w 6"/>
                  <a:gd name="T31" fmla="*/ 8 h 8"/>
                  <a:gd name="T32" fmla="*/ 3 w 6"/>
                  <a:gd name="T33" fmla="*/ 8 h 8"/>
                  <a:gd name="T34" fmla="*/ 1 w 6"/>
                  <a:gd name="T35" fmla="*/ 8 h 8"/>
                  <a:gd name="T36" fmla="*/ 0 w 6"/>
                  <a:gd name="T37" fmla="*/ 8 h 8"/>
                  <a:gd name="T38" fmla="*/ 0 w 6"/>
                  <a:gd name="T39" fmla="*/ 6 h 8"/>
                  <a:gd name="T40" fmla="*/ 0 w 6"/>
                  <a:gd name="T41" fmla="*/ 5 h 8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6"/>
                  <a:gd name="T64" fmla="*/ 0 h 8"/>
                  <a:gd name="T65" fmla="*/ 6 w 6"/>
                  <a:gd name="T66" fmla="*/ 8 h 8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6" h="8">
                    <a:moveTo>
                      <a:pt x="0" y="5"/>
                    </a:moveTo>
                    <a:lnTo>
                      <a:pt x="0" y="5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1" y="1"/>
                    </a:lnTo>
                    <a:lnTo>
                      <a:pt x="3" y="0"/>
                    </a:lnTo>
                    <a:lnTo>
                      <a:pt x="5" y="1"/>
                    </a:lnTo>
                    <a:lnTo>
                      <a:pt x="6" y="1"/>
                    </a:lnTo>
                    <a:lnTo>
                      <a:pt x="6" y="3"/>
                    </a:lnTo>
                    <a:lnTo>
                      <a:pt x="6" y="5"/>
                    </a:lnTo>
                    <a:lnTo>
                      <a:pt x="6" y="6"/>
                    </a:lnTo>
                    <a:lnTo>
                      <a:pt x="6" y="8"/>
                    </a:lnTo>
                    <a:lnTo>
                      <a:pt x="5" y="8"/>
                    </a:lnTo>
                    <a:lnTo>
                      <a:pt x="3" y="8"/>
                    </a:lnTo>
                    <a:lnTo>
                      <a:pt x="1" y="8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61" name="Freeform 154"/>
              <p:cNvSpPr>
                <a:spLocks/>
              </p:cNvSpPr>
              <p:nvPr/>
            </p:nvSpPr>
            <p:spPr bwMode="auto">
              <a:xfrm>
                <a:off x="1338" y="3388"/>
                <a:ext cx="11" cy="9"/>
              </a:xfrm>
              <a:custGeom>
                <a:avLst/>
                <a:gdLst>
                  <a:gd name="T0" fmla="*/ 0 w 11"/>
                  <a:gd name="T1" fmla="*/ 4 h 9"/>
                  <a:gd name="T2" fmla="*/ 0 w 11"/>
                  <a:gd name="T3" fmla="*/ 2 h 9"/>
                  <a:gd name="T4" fmla="*/ 1 w 11"/>
                  <a:gd name="T5" fmla="*/ 2 h 9"/>
                  <a:gd name="T6" fmla="*/ 3 w 11"/>
                  <a:gd name="T7" fmla="*/ 0 h 9"/>
                  <a:gd name="T8" fmla="*/ 6 w 11"/>
                  <a:gd name="T9" fmla="*/ 0 h 9"/>
                  <a:gd name="T10" fmla="*/ 8 w 11"/>
                  <a:gd name="T11" fmla="*/ 0 h 9"/>
                  <a:gd name="T12" fmla="*/ 10 w 11"/>
                  <a:gd name="T13" fmla="*/ 2 h 9"/>
                  <a:gd name="T14" fmla="*/ 11 w 11"/>
                  <a:gd name="T15" fmla="*/ 2 h 9"/>
                  <a:gd name="T16" fmla="*/ 11 w 11"/>
                  <a:gd name="T17" fmla="*/ 4 h 9"/>
                  <a:gd name="T18" fmla="*/ 11 w 11"/>
                  <a:gd name="T19" fmla="*/ 5 h 9"/>
                  <a:gd name="T20" fmla="*/ 10 w 11"/>
                  <a:gd name="T21" fmla="*/ 7 h 9"/>
                  <a:gd name="T22" fmla="*/ 8 w 11"/>
                  <a:gd name="T23" fmla="*/ 9 h 9"/>
                  <a:gd name="T24" fmla="*/ 6 w 11"/>
                  <a:gd name="T25" fmla="*/ 9 h 9"/>
                  <a:gd name="T26" fmla="*/ 3 w 11"/>
                  <a:gd name="T27" fmla="*/ 9 h 9"/>
                  <a:gd name="T28" fmla="*/ 1 w 11"/>
                  <a:gd name="T29" fmla="*/ 7 h 9"/>
                  <a:gd name="T30" fmla="*/ 0 w 11"/>
                  <a:gd name="T31" fmla="*/ 5 h 9"/>
                  <a:gd name="T32" fmla="*/ 0 w 11"/>
                  <a:gd name="T33" fmla="*/ 4 h 9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1"/>
                  <a:gd name="T52" fmla="*/ 0 h 9"/>
                  <a:gd name="T53" fmla="*/ 11 w 11"/>
                  <a:gd name="T54" fmla="*/ 9 h 9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1" h="9">
                    <a:moveTo>
                      <a:pt x="0" y="4"/>
                    </a:moveTo>
                    <a:lnTo>
                      <a:pt x="0" y="2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0" y="2"/>
                    </a:lnTo>
                    <a:lnTo>
                      <a:pt x="11" y="2"/>
                    </a:lnTo>
                    <a:lnTo>
                      <a:pt x="11" y="4"/>
                    </a:lnTo>
                    <a:lnTo>
                      <a:pt x="11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3" y="9"/>
                    </a:lnTo>
                    <a:lnTo>
                      <a:pt x="1" y="7"/>
                    </a:lnTo>
                    <a:lnTo>
                      <a:pt x="0" y="5"/>
                    </a:lnTo>
                    <a:lnTo>
                      <a:pt x="0" y="4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62" name="Freeform 155"/>
              <p:cNvSpPr>
                <a:spLocks/>
              </p:cNvSpPr>
              <p:nvPr/>
            </p:nvSpPr>
            <p:spPr bwMode="auto">
              <a:xfrm>
                <a:off x="1338" y="3388"/>
                <a:ext cx="11" cy="9"/>
              </a:xfrm>
              <a:custGeom>
                <a:avLst/>
                <a:gdLst>
                  <a:gd name="T0" fmla="*/ 0 w 11"/>
                  <a:gd name="T1" fmla="*/ 4 h 9"/>
                  <a:gd name="T2" fmla="*/ 0 w 11"/>
                  <a:gd name="T3" fmla="*/ 4 h 9"/>
                  <a:gd name="T4" fmla="*/ 0 w 11"/>
                  <a:gd name="T5" fmla="*/ 2 h 9"/>
                  <a:gd name="T6" fmla="*/ 1 w 11"/>
                  <a:gd name="T7" fmla="*/ 2 h 9"/>
                  <a:gd name="T8" fmla="*/ 3 w 11"/>
                  <a:gd name="T9" fmla="*/ 0 h 9"/>
                  <a:gd name="T10" fmla="*/ 6 w 11"/>
                  <a:gd name="T11" fmla="*/ 0 h 9"/>
                  <a:gd name="T12" fmla="*/ 6 w 11"/>
                  <a:gd name="T13" fmla="*/ 0 h 9"/>
                  <a:gd name="T14" fmla="*/ 8 w 11"/>
                  <a:gd name="T15" fmla="*/ 0 h 9"/>
                  <a:gd name="T16" fmla="*/ 10 w 11"/>
                  <a:gd name="T17" fmla="*/ 2 h 9"/>
                  <a:gd name="T18" fmla="*/ 11 w 11"/>
                  <a:gd name="T19" fmla="*/ 2 h 9"/>
                  <a:gd name="T20" fmla="*/ 11 w 11"/>
                  <a:gd name="T21" fmla="*/ 4 h 9"/>
                  <a:gd name="T22" fmla="*/ 11 w 11"/>
                  <a:gd name="T23" fmla="*/ 4 h 9"/>
                  <a:gd name="T24" fmla="*/ 11 w 11"/>
                  <a:gd name="T25" fmla="*/ 5 h 9"/>
                  <a:gd name="T26" fmla="*/ 10 w 11"/>
                  <a:gd name="T27" fmla="*/ 7 h 9"/>
                  <a:gd name="T28" fmla="*/ 8 w 11"/>
                  <a:gd name="T29" fmla="*/ 9 h 9"/>
                  <a:gd name="T30" fmla="*/ 6 w 11"/>
                  <a:gd name="T31" fmla="*/ 9 h 9"/>
                  <a:gd name="T32" fmla="*/ 6 w 11"/>
                  <a:gd name="T33" fmla="*/ 9 h 9"/>
                  <a:gd name="T34" fmla="*/ 3 w 11"/>
                  <a:gd name="T35" fmla="*/ 9 h 9"/>
                  <a:gd name="T36" fmla="*/ 1 w 11"/>
                  <a:gd name="T37" fmla="*/ 7 h 9"/>
                  <a:gd name="T38" fmla="*/ 0 w 11"/>
                  <a:gd name="T39" fmla="*/ 5 h 9"/>
                  <a:gd name="T40" fmla="*/ 0 w 11"/>
                  <a:gd name="T41" fmla="*/ 4 h 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1"/>
                  <a:gd name="T64" fmla="*/ 0 h 9"/>
                  <a:gd name="T65" fmla="*/ 11 w 11"/>
                  <a:gd name="T66" fmla="*/ 9 h 9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1" h="9">
                    <a:moveTo>
                      <a:pt x="0" y="4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0" y="2"/>
                    </a:lnTo>
                    <a:lnTo>
                      <a:pt x="11" y="2"/>
                    </a:lnTo>
                    <a:lnTo>
                      <a:pt x="11" y="4"/>
                    </a:lnTo>
                    <a:lnTo>
                      <a:pt x="11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3" y="9"/>
                    </a:lnTo>
                    <a:lnTo>
                      <a:pt x="1" y="7"/>
                    </a:lnTo>
                    <a:lnTo>
                      <a:pt x="0" y="5"/>
                    </a:lnTo>
                    <a:lnTo>
                      <a:pt x="0" y="4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412" name="Freeform 156"/>
            <p:cNvSpPr>
              <a:spLocks/>
            </p:cNvSpPr>
            <p:nvPr/>
          </p:nvSpPr>
          <p:spPr bwMode="auto">
            <a:xfrm>
              <a:off x="1022" y="1847"/>
              <a:ext cx="537" cy="677"/>
            </a:xfrm>
            <a:custGeom>
              <a:avLst/>
              <a:gdLst>
                <a:gd name="T0" fmla="*/ 331 w 552"/>
                <a:gd name="T1" fmla="*/ 464 h 697"/>
                <a:gd name="T2" fmla="*/ 376 w 552"/>
                <a:gd name="T3" fmla="*/ 130 h 697"/>
                <a:gd name="T4" fmla="*/ 253 w 552"/>
                <a:gd name="T5" fmla="*/ 111 h 697"/>
                <a:gd name="T6" fmla="*/ 265 w 552"/>
                <a:gd name="T7" fmla="*/ 35 h 697"/>
                <a:gd name="T8" fmla="*/ 81 w 552"/>
                <a:gd name="T9" fmla="*/ 0 h 697"/>
                <a:gd name="T10" fmla="*/ 81 w 552"/>
                <a:gd name="T11" fmla="*/ 0 h 697"/>
                <a:gd name="T12" fmla="*/ 0 w 552"/>
                <a:gd name="T13" fmla="*/ 410 h 697"/>
                <a:gd name="T14" fmla="*/ 331 w 552"/>
                <a:gd name="T15" fmla="*/ 464 h 697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w 552"/>
                <a:gd name="T25" fmla="*/ 0 h 697"/>
                <a:gd name="T26" fmla="*/ 552 w 552"/>
                <a:gd name="T27" fmla="*/ 697 h 697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T24" t="T25" r="T26" b="T27"/>
              <a:pathLst>
                <a:path w="552" h="697">
                  <a:moveTo>
                    <a:pt x="486" y="697"/>
                  </a:moveTo>
                  <a:lnTo>
                    <a:pt x="552" y="195"/>
                  </a:lnTo>
                  <a:lnTo>
                    <a:pt x="372" y="166"/>
                  </a:lnTo>
                  <a:lnTo>
                    <a:pt x="389" y="49"/>
                  </a:lnTo>
                  <a:lnTo>
                    <a:pt x="118" y="0"/>
                  </a:lnTo>
                  <a:lnTo>
                    <a:pt x="0" y="616"/>
                  </a:lnTo>
                  <a:lnTo>
                    <a:pt x="486" y="697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413" name="Freeform 157"/>
            <p:cNvSpPr>
              <a:spLocks/>
            </p:cNvSpPr>
            <p:nvPr/>
          </p:nvSpPr>
          <p:spPr bwMode="auto">
            <a:xfrm>
              <a:off x="2159" y="2220"/>
              <a:ext cx="708" cy="381"/>
            </a:xfrm>
            <a:custGeom>
              <a:avLst/>
              <a:gdLst>
                <a:gd name="T0" fmla="*/ 18 w 728"/>
                <a:gd name="T1" fmla="*/ 0 h 393"/>
                <a:gd name="T2" fmla="*/ 35 w 728"/>
                <a:gd name="T3" fmla="*/ 4 h 393"/>
                <a:gd name="T4" fmla="*/ 53 w 728"/>
                <a:gd name="T5" fmla="*/ 5 h 393"/>
                <a:gd name="T6" fmla="*/ 81 w 728"/>
                <a:gd name="T7" fmla="*/ 9 h 393"/>
                <a:gd name="T8" fmla="*/ 112 w 728"/>
                <a:gd name="T9" fmla="*/ 11 h 393"/>
                <a:gd name="T10" fmla="*/ 144 w 728"/>
                <a:gd name="T11" fmla="*/ 12 h 393"/>
                <a:gd name="T12" fmla="*/ 180 w 728"/>
                <a:gd name="T13" fmla="*/ 12 h 393"/>
                <a:gd name="T14" fmla="*/ 216 w 728"/>
                <a:gd name="T15" fmla="*/ 14 h 393"/>
                <a:gd name="T16" fmla="*/ 253 w 728"/>
                <a:gd name="T17" fmla="*/ 14 h 393"/>
                <a:gd name="T18" fmla="*/ 290 w 728"/>
                <a:gd name="T19" fmla="*/ 16 h 393"/>
                <a:gd name="T20" fmla="*/ 324 w 728"/>
                <a:gd name="T21" fmla="*/ 16 h 393"/>
                <a:gd name="T22" fmla="*/ 355 w 728"/>
                <a:gd name="T23" fmla="*/ 16 h 393"/>
                <a:gd name="T24" fmla="*/ 383 w 728"/>
                <a:gd name="T25" fmla="*/ 16 h 393"/>
                <a:gd name="T26" fmla="*/ 407 w 728"/>
                <a:gd name="T27" fmla="*/ 16 h 393"/>
                <a:gd name="T28" fmla="*/ 426 w 728"/>
                <a:gd name="T29" fmla="*/ 16 h 393"/>
                <a:gd name="T30" fmla="*/ 437 w 728"/>
                <a:gd name="T31" fmla="*/ 16 h 393"/>
                <a:gd name="T32" fmla="*/ 442 w 728"/>
                <a:gd name="T33" fmla="*/ 16 h 393"/>
                <a:gd name="T34" fmla="*/ 448 w 728"/>
                <a:gd name="T35" fmla="*/ 16 h 393"/>
                <a:gd name="T36" fmla="*/ 464 w 728"/>
                <a:gd name="T37" fmla="*/ 17 h 393"/>
                <a:gd name="T38" fmla="*/ 465 w 728"/>
                <a:gd name="T39" fmla="*/ 19 h 393"/>
                <a:gd name="T40" fmla="*/ 469 w 728"/>
                <a:gd name="T41" fmla="*/ 22 h 393"/>
                <a:gd name="T42" fmla="*/ 472 w 728"/>
                <a:gd name="T43" fmla="*/ 27 h 393"/>
                <a:gd name="T44" fmla="*/ 469 w 728"/>
                <a:gd name="T45" fmla="*/ 36 h 393"/>
                <a:gd name="T46" fmla="*/ 459 w 728"/>
                <a:gd name="T47" fmla="*/ 50 h 393"/>
                <a:gd name="T48" fmla="*/ 471 w 728"/>
                <a:gd name="T49" fmla="*/ 62 h 393"/>
                <a:gd name="T50" fmla="*/ 480 w 728"/>
                <a:gd name="T51" fmla="*/ 78 h 393"/>
                <a:gd name="T52" fmla="*/ 494 w 728"/>
                <a:gd name="T53" fmla="*/ 254 h 393"/>
                <a:gd name="T54" fmla="*/ 488 w 728"/>
                <a:gd name="T55" fmla="*/ 254 h 393"/>
                <a:gd name="T56" fmla="*/ 477 w 728"/>
                <a:gd name="T57" fmla="*/ 254 h 393"/>
                <a:gd name="T58" fmla="*/ 455 w 728"/>
                <a:gd name="T59" fmla="*/ 254 h 393"/>
                <a:gd name="T60" fmla="*/ 430 w 728"/>
                <a:gd name="T61" fmla="*/ 254 h 393"/>
                <a:gd name="T62" fmla="*/ 398 w 728"/>
                <a:gd name="T63" fmla="*/ 254 h 393"/>
                <a:gd name="T64" fmla="*/ 362 w 728"/>
                <a:gd name="T65" fmla="*/ 254 h 393"/>
                <a:gd name="T66" fmla="*/ 324 w 728"/>
                <a:gd name="T67" fmla="*/ 253 h 393"/>
                <a:gd name="T68" fmla="*/ 284 w 728"/>
                <a:gd name="T69" fmla="*/ 253 h 393"/>
                <a:gd name="T70" fmla="*/ 241 w 728"/>
                <a:gd name="T71" fmla="*/ 252 h 393"/>
                <a:gd name="T72" fmla="*/ 200 w 728"/>
                <a:gd name="T73" fmla="*/ 252 h 393"/>
                <a:gd name="T74" fmla="*/ 159 w 728"/>
                <a:gd name="T75" fmla="*/ 252 h 393"/>
                <a:gd name="T76" fmla="*/ 118 w 728"/>
                <a:gd name="T77" fmla="*/ 251 h 393"/>
                <a:gd name="T78" fmla="*/ 82 w 728"/>
                <a:gd name="T79" fmla="*/ 250 h 393"/>
                <a:gd name="T80" fmla="*/ 49 w 728"/>
                <a:gd name="T81" fmla="*/ 248 h 393"/>
                <a:gd name="T82" fmla="*/ 18 w 728"/>
                <a:gd name="T83" fmla="*/ 246 h 393"/>
                <a:gd name="T84" fmla="*/ 0 w 728"/>
                <a:gd name="T85" fmla="*/ 245 h 393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728"/>
                <a:gd name="T130" fmla="*/ 0 h 393"/>
                <a:gd name="T131" fmla="*/ 728 w 728"/>
                <a:gd name="T132" fmla="*/ 393 h 393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728" h="393">
                  <a:moveTo>
                    <a:pt x="0" y="379"/>
                  </a:moveTo>
                  <a:lnTo>
                    <a:pt x="27" y="0"/>
                  </a:lnTo>
                  <a:lnTo>
                    <a:pt x="38" y="2"/>
                  </a:lnTo>
                  <a:lnTo>
                    <a:pt x="49" y="4"/>
                  </a:lnTo>
                  <a:lnTo>
                    <a:pt x="65" y="5"/>
                  </a:lnTo>
                  <a:lnTo>
                    <a:pt x="80" y="5"/>
                  </a:lnTo>
                  <a:lnTo>
                    <a:pt x="98" y="7"/>
                  </a:lnTo>
                  <a:lnTo>
                    <a:pt x="119" y="9"/>
                  </a:lnTo>
                  <a:lnTo>
                    <a:pt x="139" y="9"/>
                  </a:lnTo>
                  <a:lnTo>
                    <a:pt x="163" y="11"/>
                  </a:lnTo>
                  <a:lnTo>
                    <a:pt x="186" y="11"/>
                  </a:lnTo>
                  <a:lnTo>
                    <a:pt x="212" y="12"/>
                  </a:lnTo>
                  <a:lnTo>
                    <a:pt x="237" y="12"/>
                  </a:lnTo>
                  <a:lnTo>
                    <a:pt x="264" y="12"/>
                  </a:lnTo>
                  <a:lnTo>
                    <a:pt x="291" y="14"/>
                  </a:lnTo>
                  <a:lnTo>
                    <a:pt x="318" y="14"/>
                  </a:lnTo>
                  <a:lnTo>
                    <a:pt x="346" y="14"/>
                  </a:lnTo>
                  <a:lnTo>
                    <a:pt x="373" y="14"/>
                  </a:lnTo>
                  <a:lnTo>
                    <a:pt x="400" y="16"/>
                  </a:lnTo>
                  <a:lnTo>
                    <a:pt x="427" y="16"/>
                  </a:lnTo>
                  <a:lnTo>
                    <a:pt x="452" y="16"/>
                  </a:lnTo>
                  <a:lnTo>
                    <a:pt x="478" y="16"/>
                  </a:lnTo>
                  <a:lnTo>
                    <a:pt x="501" y="16"/>
                  </a:lnTo>
                  <a:lnTo>
                    <a:pt x="525" y="16"/>
                  </a:lnTo>
                  <a:lnTo>
                    <a:pt x="545" y="17"/>
                  </a:lnTo>
                  <a:lnTo>
                    <a:pt x="566" y="17"/>
                  </a:lnTo>
                  <a:lnTo>
                    <a:pt x="584" y="17"/>
                  </a:lnTo>
                  <a:lnTo>
                    <a:pt x="601" y="17"/>
                  </a:lnTo>
                  <a:lnTo>
                    <a:pt x="616" y="17"/>
                  </a:lnTo>
                  <a:lnTo>
                    <a:pt x="628" y="17"/>
                  </a:lnTo>
                  <a:lnTo>
                    <a:pt x="638" y="17"/>
                  </a:lnTo>
                  <a:lnTo>
                    <a:pt x="645" y="17"/>
                  </a:lnTo>
                  <a:lnTo>
                    <a:pt x="650" y="17"/>
                  </a:lnTo>
                  <a:lnTo>
                    <a:pt x="652" y="17"/>
                  </a:lnTo>
                  <a:lnTo>
                    <a:pt x="650" y="16"/>
                  </a:lnTo>
                  <a:lnTo>
                    <a:pt x="662" y="22"/>
                  </a:lnTo>
                  <a:lnTo>
                    <a:pt x="674" y="33"/>
                  </a:lnTo>
                  <a:lnTo>
                    <a:pt x="684" y="31"/>
                  </a:lnTo>
                  <a:lnTo>
                    <a:pt x="686" y="33"/>
                  </a:lnTo>
                  <a:lnTo>
                    <a:pt x="687" y="33"/>
                  </a:lnTo>
                  <a:lnTo>
                    <a:pt x="691" y="34"/>
                  </a:lnTo>
                  <a:lnTo>
                    <a:pt x="694" y="36"/>
                  </a:lnTo>
                  <a:lnTo>
                    <a:pt x="696" y="38"/>
                  </a:lnTo>
                  <a:lnTo>
                    <a:pt x="698" y="41"/>
                  </a:lnTo>
                  <a:lnTo>
                    <a:pt x="696" y="46"/>
                  </a:lnTo>
                  <a:lnTo>
                    <a:pt x="692" y="51"/>
                  </a:lnTo>
                  <a:lnTo>
                    <a:pt x="679" y="70"/>
                  </a:lnTo>
                  <a:lnTo>
                    <a:pt x="679" y="78"/>
                  </a:lnTo>
                  <a:lnTo>
                    <a:pt x="692" y="88"/>
                  </a:lnTo>
                  <a:lnTo>
                    <a:pt x="696" y="95"/>
                  </a:lnTo>
                  <a:lnTo>
                    <a:pt x="698" y="107"/>
                  </a:lnTo>
                  <a:lnTo>
                    <a:pt x="709" y="121"/>
                  </a:lnTo>
                  <a:lnTo>
                    <a:pt x="726" y="121"/>
                  </a:lnTo>
                  <a:lnTo>
                    <a:pt x="728" y="393"/>
                  </a:lnTo>
                  <a:lnTo>
                    <a:pt x="726" y="393"/>
                  </a:lnTo>
                  <a:lnTo>
                    <a:pt x="721" y="393"/>
                  </a:lnTo>
                  <a:lnTo>
                    <a:pt x="713" y="393"/>
                  </a:lnTo>
                  <a:lnTo>
                    <a:pt x="703" y="393"/>
                  </a:lnTo>
                  <a:lnTo>
                    <a:pt x="689" y="393"/>
                  </a:lnTo>
                  <a:lnTo>
                    <a:pt x="672" y="393"/>
                  </a:lnTo>
                  <a:lnTo>
                    <a:pt x="654" y="393"/>
                  </a:lnTo>
                  <a:lnTo>
                    <a:pt x="635" y="393"/>
                  </a:lnTo>
                  <a:lnTo>
                    <a:pt x="611" y="393"/>
                  </a:lnTo>
                  <a:lnTo>
                    <a:pt x="588" y="393"/>
                  </a:lnTo>
                  <a:lnTo>
                    <a:pt x="562" y="393"/>
                  </a:lnTo>
                  <a:lnTo>
                    <a:pt x="535" y="393"/>
                  </a:lnTo>
                  <a:lnTo>
                    <a:pt x="508" y="393"/>
                  </a:lnTo>
                  <a:lnTo>
                    <a:pt x="478" y="391"/>
                  </a:lnTo>
                  <a:lnTo>
                    <a:pt x="449" y="391"/>
                  </a:lnTo>
                  <a:lnTo>
                    <a:pt x="418" y="391"/>
                  </a:lnTo>
                  <a:lnTo>
                    <a:pt x="388" y="391"/>
                  </a:lnTo>
                  <a:lnTo>
                    <a:pt x="356" y="390"/>
                  </a:lnTo>
                  <a:lnTo>
                    <a:pt x="325" y="390"/>
                  </a:lnTo>
                  <a:lnTo>
                    <a:pt x="295" y="390"/>
                  </a:lnTo>
                  <a:lnTo>
                    <a:pt x="263" y="388"/>
                  </a:lnTo>
                  <a:lnTo>
                    <a:pt x="234" y="388"/>
                  </a:lnTo>
                  <a:lnTo>
                    <a:pt x="203" y="388"/>
                  </a:lnTo>
                  <a:lnTo>
                    <a:pt x="175" y="386"/>
                  </a:lnTo>
                  <a:lnTo>
                    <a:pt x="148" y="386"/>
                  </a:lnTo>
                  <a:lnTo>
                    <a:pt x="120" y="385"/>
                  </a:lnTo>
                  <a:lnTo>
                    <a:pt x="97" y="385"/>
                  </a:lnTo>
                  <a:lnTo>
                    <a:pt x="73" y="383"/>
                  </a:lnTo>
                  <a:lnTo>
                    <a:pt x="51" y="383"/>
                  </a:lnTo>
                  <a:lnTo>
                    <a:pt x="32" y="381"/>
                  </a:lnTo>
                  <a:lnTo>
                    <a:pt x="16" y="379"/>
                  </a:lnTo>
                  <a:lnTo>
                    <a:pt x="0" y="37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414" name="Freeform 158"/>
            <p:cNvSpPr>
              <a:spLocks/>
            </p:cNvSpPr>
            <p:nvPr/>
          </p:nvSpPr>
          <p:spPr bwMode="auto">
            <a:xfrm>
              <a:off x="2637" y="1100"/>
              <a:ext cx="623" cy="709"/>
            </a:xfrm>
            <a:custGeom>
              <a:avLst/>
              <a:gdLst>
                <a:gd name="T0" fmla="*/ 349 w 641"/>
                <a:gd name="T1" fmla="*/ 443 h 731"/>
                <a:gd name="T2" fmla="*/ 322 w 641"/>
                <a:gd name="T3" fmla="*/ 421 h 731"/>
                <a:gd name="T4" fmla="*/ 286 w 641"/>
                <a:gd name="T5" fmla="*/ 391 h 731"/>
                <a:gd name="T6" fmla="*/ 283 w 641"/>
                <a:gd name="T7" fmla="*/ 385 h 731"/>
                <a:gd name="T8" fmla="*/ 267 w 641"/>
                <a:gd name="T9" fmla="*/ 382 h 731"/>
                <a:gd name="T10" fmla="*/ 259 w 641"/>
                <a:gd name="T11" fmla="*/ 362 h 731"/>
                <a:gd name="T12" fmla="*/ 257 w 641"/>
                <a:gd name="T13" fmla="*/ 346 h 731"/>
                <a:gd name="T14" fmla="*/ 258 w 641"/>
                <a:gd name="T15" fmla="*/ 321 h 731"/>
                <a:gd name="T16" fmla="*/ 247 w 641"/>
                <a:gd name="T17" fmla="*/ 291 h 731"/>
                <a:gd name="T18" fmla="*/ 251 w 641"/>
                <a:gd name="T19" fmla="*/ 288 h 731"/>
                <a:gd name="T20" fmla="*/ 267 w 641"/>
                <a:gd name="T21" fmla="*/ 271 h 731"/>
                <a:gd name="T22" fmla="*/ 279 w 641"/>
                <a:gd name="T23" fmla="*/ 216 h 731"/>
                <a:gd name="T24" fmla="*/ 284 w 641"/>
                <a:gd name="T25" fmla="*/ 209 h 731"/>
                <a:gd name="T26" fmla="*/ 307 w 641"/>
                <a:gd name="T27" fmla="*/ 191 h 731"/>
                <a:gd name="T28" fmla="*/ 333 w 641"/>
                <a:gd name="T29" fmla="*/ 167 h 731"/>
                <a:gd name="T30" fmla="*/ 347 w 641"/>
                <a:gd name="T31" fmla="*/ 149 h 731"/>
                <a:gd name="T32" fmla="*/ 361 w 641"/>
                <a:gd name="T33" fmla="*/ 135 h 731"/>
                <a:gd name="T34" fmla="*/ 379 w 641"/>
                <a:gd name="T35" fmla="*/ 124 h 731"/>
                <a:gd name="T36" fmla="*/ 398 w 641"/>
                <a:gd name="T37" fmla="*/ 118 h 731"/>
                <a:gd name="T38" fmla="*/ 418 w 641"/>
                <a:gd name="T39" fmla="*/ 107 h 731"/>
                <a:gd name="T40" fmla="*/ 430 w 641"/>
                <a:gd name="T41" fmla="*/ 99 h 731"/>
                <a:gd name="T42" fmla="*/ 429 w 641"/>
                <a:gd name="T43" fmla="*/ 98 h 731"/>
                <a:gd name="T44" fmla="*/ 406 w 641"/>
                <a:gd name="T45" fmla="*/ 101 h 731"/>
                <a:gd name="T46" fmla="*/ 355 w 641"/>
                <a:gd name="T47" fmla="*/ 95 h 731"/>
                <a:gd name="T48" fmla="*/ 352 w 641"/>
                <a:gd name="T49" fmla="*/ 85 h 731"/>
                <a:gd name="T50" fmla="*/ 332 w 641"/>
                <a:gd name="T51" fmla="*/ 98 h 731"/>
                <a:gd name="T52" fmla="*/ 310 w 641"/>
                <a:gd name="T53" fmla="*/ 98 h 731"/>
                <a:gd name="T54" fmla="*/ 302 w 641"/>
                <a:gd name="T55" fmla="*/ 89 h 731"/>
                <a:gd name="T56" fmla="*/ 294 w 641"/>
                <a:gd name="T57" fmla="*/ 87 h 731"/>
                <a:gd name="T58" fmla="*/ 287 w 641"/>
                <a:gd name="T59" fmla="*/ 79 h 731"/>
                <a:gd name="T60" fmla="*/ 272 w 641"/>
                <a:gd name="T61" fmla="*/ 86 h 731"/>
                <a:gd name="T62" fmla="*/ 263 w 641"/>
                <a:gd name="T63" fmla="*/ 76 h 731"/>
                <a:gd name="T64" fmla="*/ 253 w 641"/>
                <a:gd name="T65" fmla="*/ 66 h 731"/>
                <a:gd name="T66" fmla="*/ 255 w 641"/>
                <a:gd name="T67" fmla="*/ 65 h 731"/>
                <a:gd name="T68" fmla="*/ 233 w 641"/>
                <a:gd name="T69" fmla="*/ 61 h 731"/>
                <a:gd name="T70" fmla="*/ 212 w 641"/>
                <a:gd name="T71" fmla="*/ 59 h 731"/>
                <a:gd name="T72" fmla="*/ 191 w 641"/>
                <a:gd name="T73" fmla="*/ 69 h 731"/>
                <a:gd name="T74" fmla="*/ 160 w 641"/>
                <a:gd name="T75" fmla="*/ 55 h 731"/>
                <a:gd name="T76" fmla="*/ 140 w 641"/>
                <a:gd name="T77" fmla="*/ 47 h 731"/>
                <a:gd name="T78" fmla="*/ 114 w 641"/>
                <a:gd name="T79" fmla="*/ 23 h 731"/>
                <a:gd name="T80" fmla="*/ 7 w 641"/>
                <a:gd name="T81" fmla="*/ 58 h 731"/>
                <a:gd name="T82" fmla="*/ 5 w 641"/>
                <a:gd name="T83" fmla="*/ 86 h 731"/>
                <a:gd name="T84" fmla="*/ 14 w 641"/>
                <a:gd name="T85" fmla="*/ 121 h 731"/>
                <a:gd name="T86" fmla="*/ 17 w 641"/>
                <a:gd name="T87" fmla="*/ 141 h 731"/>
                <a:gd name="T88" fmla="*/ 17 w 641"/>
                <a:gd name="T89" fmla="*/ 172 h 731"/>
                <a:gd name="T90" fmla="*/ 17 w 641"/>
                <a:gd name="T91" fmla="*/ 193 h 731"/>
                <a:gd name="T92" fmla="*/ 39 w 641"/>
                <a:gd name="T93" fmla="*/ 279 h 731"/>
                <a:gd name="T94" fmla="*/ 17 w 641"/>
                <a:gd name="T95" fmla="*/ 304 h 731"/>
                <a:gd name="T96" fmla="*/ 25 w 641"/>
                <a:gd name="T97" fmla="*/ 316 h 731"/>
                <a:gd name="T98" fmla="*/ 44 w 641"/>
                <a:gd name="T99" fmla="*/ 328 h 731"/>
                <a:gd name="T100" fmla="*/ 44 w 641"/>
                <a:gd name="T101" fmla="*/ 376 h 731"/>
                <a:gd name="T102" fmla="*/ 43 w 641"/>
                <a:gd name="T103" fmla="*/ 454 h 731"/>
                <a:gd name="T104" fmla="*/ 45 w 641"/>
                <a:gd name="T105" fmla="*/ 476 h 731"/>
                <a:gd name="T106" fmla="*/ 85 w 641"/>
                <a:gd name="T107" fmla="*/ 476 h 731"/>
                <a:gd name="T108" fmla="*/ 157 w 641"/>
                <a:gd name="T109" fmla="*/ 474 h 731"/>
                <a:gd name="T110" fmla="*/ 240 w 641"/>
                <a:gd name="T111" fmla="*/ 472 h 731"/>
                <a:gd name="T112" fmla="*/ 312 w 641"/>
                <a:gd name="T113" fmla="*/ 471 h 731"/>
                <a:gd name="T114" fmla="*/ 353 w 641"/>
                <a:gd name="T115" fmla="*/ 468 h 731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641"/>
                <a:gd name="T175" fmla="*/ 0 h 731"/>
                <a:gd name="T176" fmla="*/ 641 w 641"/>
                <a:gd name="T177" fmla="*/ 731 h 731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641" h="731">
                  <a:moveTo>
                    <a:pt x="526" y="718"/>
                  </a:moveTo>
                  <a:lnTo>
                    <a:pt x="528" y="716"/>
                  </a:lnTo>
                  <a:lnTo>
                    <a:pt x="528" y="709"/>
                  </a:lnTo>
                  <a:lnTo>
                    <a:pt x="525" y="701"/>
                  </a:lnTo>
                  <a:lnTo>
                    <a:pt x="523" y="691"/>
                  </a:lnTo>
                  <a:lnTo>
                    <a:pt x="520" y="682"/>
                  </a:lnTo>
                  <a:lnTo>
                    <a:pt x="518" y="674"/>
                  </a:lnTo>
                  <a:lnTo>
                    <a:pt x="515" y="667"/>
                  </a:lnTo>
                  <a:lnTo>
                    <a:pt x="513" y="665"/>
                  </a:lnTo>
                  <a:lnTo>
                    <a:pt x="499" y="660"/>
                  </a:lnTo>
                  <a:lnTo>
                    <a:pt x="487" y="653"/>
                  </a:lnTo>
                  <a:lnTo>
                    <a:pt x="479" y="645"/>
                  </a:lnTo>
                  <a:lnTo>
                    <a:pt x="471" y="637"/>
                  </a:lnTo>
                  <a:lnTo>
                    <a:pt x="465" y="628"/>
                  </a:lnTo>
                  <a:lnTo>
                    <a:pt x="460" y="620"/>
                  </a:lnTo>
                  <a:lnTo>
                    <a:pt x="457" y="616"/>
                  </a:lnTo>
                  <a:lnTo>
                    <a:pt x="457" y="613"/>
                  </a:lnTo>
                  <a:lnTo>
                    <a:pt x="427" y="601"/>
                  </a:lnTo>
                  <a:lnTo>
                    <a:pt x="425" y="593"/>
                  </a:lnTo>
                  <a:lnTo>
                    <a:pt x="423" y="593"/>
                  </a:lnTo>
                  <a:lnTo>
                    <a:pt x="423" y="591"/>
                  </a:lnTo>
                  <a:lnTo>
                    <a:pt x="421" y="591"/>
                  </a:lnTo>
                  <a:lnTo>
                    <a:pt x="418" y="591"/>
                  </a:lnTo>
                  <a:lnTo>
                    <a:pt x="416" y="591"/>
                  </a:lnTo>
                  <a:lnTo>
                    <a:pt x="413" y="593"/>
                  </a:lnTo>
                  <a:lnTo>
                    <a:pt x="410" y="591"/>
                  </a:lnTo>
                  <a:lnTo>
                    <a:pt x="405" y="589"/>
                  </a:lnTo>
                  <a:lnTo>
                    <a:pt x="398" y="587"/>
                  </a:lnTo>
                  <a:lnTo>
                    <a:pt x="393" y="582"/>
                  </a:lnTo>
                  <a:lnTo>
                    <a:pt x="388" y="577"/>
                  </a:lnTo>
                  <a:lnTo>
                    <a:pt x="384" y="574"/>
                  </a:lnTo>
                  <a:lnTo>
                    <a:pt x="383" y="569"/>
                  </a:lnTo>
                  <a:lnTo>
                    <a:pt x="383" y="564"/>
                  </a:lnTo>
                  <a:lnTo>
                    <a:pt x="386" y="555"/>
                  </a:lnTo>
                  <a:lnTo>
                    <a:pt x="388" y="550"/>
                  </a:lnTo>
                  <a:lnTo>
                    <a:pt x="388" y="545"/>
                  </a:lnTo>
                  <a:lnTo>
                    <a:pt x="388" y="542"/>
                  </a:lnTo>
                  <a:lnTo>
                    <a:pt x="386" y="538"/>
                  </a:lnTo>
                  <a:lnTo>
                    <a:pt x="384" y="535"/>
                  </a:lnTo>
                  <a:lnTo>
                    <a:pt x="383" y="532"/>
                  </a:lnTo>
                  <a:lnTo>
                    <a:pt x="379" y="528"/>
                  </a:lnTo>
                  <a:lnTo>
                    <a:pt x="379" y="523"/>
                  </a:lnTo>
                  <a:lnTo>
                    <a:pt x="379" y="515"/>
                  </a:lnTo>
                  <a:lnTo>
                    <a:pt x="379" y="508"/>
                  </a:lnTo>
                  <a:lnTo>
                    <a:pt x="383" y="499"/>
                  </a:lnTo>
                  <a:lnTo>
                    <a:pt x="384" y="493"/>
                  </a:lnTo>
                  <a:lnTo>
                    <a:pt x="388" y="486"/>
                  </a:lnTo>
                  <a:lnTo>
                    <a:pt x="388" y="481"/>
                  </a:lnTo>
                  <a:lnTo>
                    <a:pt x="389" y="481"/>
                  </a:lnTo>
                  <a:lnTo>
                    <a:pt x="381" y="467"/>
                  </a:lnTo>
                  <a:lnTo>
                    <a:pt x="367" y="467"/>
                  </a:lnTo>
                  <a:lnTo>
                    <a:pt x="367" y="447"/>
                  </a:lnTo>
                  <a:lnTo>
                    <a:pt x="369" y="447"/>
                  </a:lnTo>
                  <a:lnTo>
                    <a:pt x="371" y="445"/>
                  </a:lnTo>
                  <a:lnTo>
                    <a:pt x="372" y="445"/>
                  </a:lnTo>
                  <a:lnTo>
                    <a:pt x="374" y="442"/>
                  </a:lnTo>
                  <a:lnTo>
                    <a:pt x="374" y="440"/>
                  </a:lnTo>
                  <a:lnTo>
                    <a:pt x="376" y="437"/>
                  </a:lnTo>
                  <a:lnTo>
                    <a:pt x="377" y="432"/>
                  </a:lnTo>
                  <a:lnTo>
                    <a:pt x="384" y="427"/>
                  </a:lnTo>
                  <a:lnTo>
                    <a:pt x="389" y="422"/>
                  </a:lnTo>
                  <a:lnTo>
                    <a:pt x="398" y="415"/>
                  </a:lnTo>
                  <a:lnTo>
                    <a:pt x="405" y="410"/>
                  </a:lnTo>
                  <a:lnTo>
                    <a:pt x="411" y="406"/>
                  </a:lnTo>
                  <a:lnTo>
                    <a:pt x="415" y="403"/>
                  </a:lnTo>
                  <a:lnTo>
                    <a:pt x="418" y="403"/>
                  </a:lnTo>
                  <a:lnTo>
                    <a:pt x="416" y="332"/>
                  </a:lnTo>
                  <a:lnTo>
                    <a:pt x="415" y="332"/>
                  </a:lnTo>
                  <a:lnTo>
                    <a:pt x="415" y="330"/>
                  </a:lnTo>
                  <a:lnTo>
                    <a:pt x="416" y="329"/>
                  </a:lnTo>
                  <a:lnTo>
                    <a:pt x="418" y="325"/>
                  </a:lnTo>
                  <a:lnTo>
                    <a:pt x="423" y="322"/>
                  </a:lnTo>
                  <a:lnTo>
                    <a:pt x="430" y="317"/>
                  </a:lnTo>
                  <a:lnTo>
                    <a:pt x="435" y="313"/>
                  </a:lnTo>
                  <a:lnTo>
                    <a:pt x="440" y="308"/>
                  </a:lnTo>
                  <a:lnTo>
                    <a:pt x="445" y="303"/>
                  </a:lnTo>
                  <a:lnTo>
                    <a:pt x="450" y="298"/>
                  </a:lnTo>
                  <a:lnTo>
                    <a:pt x="457" y="293"/>
                  </a:lnTo>
                  <a:lnTo>
                    <a:pt x="464" y="286"/>
                  </a:lnTo>
                  <a:lnTo>
                    <a:pt x="471" y="279"/>
                  </a:lnTo>
                  <a:lnTo>
                    <a:pt x="477" y="274"/>
                  </a:lnTo>
                  <a:lnTo>
                    <a:pt x="484" y="268"/>
                  </a:lnTo>
                  <a:lnTo>
                    <a:pt x="491" y="261"/>
                  </a:lnTo>
                  <a:lnTo>
                    <a:pt x="496" y="256"/>
                  </a:lnTo>
                  <a:lnTo>
                    <a:pt x="503" y="249"/>
                  </a:lnTo>
                  <a:lnTo>
                    <a:pt x="506" y="244"/>
                  </a:lnTo>
                  <a:lnTo>
                    <a:pt x="511" y="239"/>
                  </a:lnTo>
                  <a:lnTo>
                    <a:pt x="515" y="235"/>
                  </a:lnTo>
                  <a:lnTo>
                    <a:pt x="516" y="232"/>
                  </a:lnTo>
                  <a:lnTo>
                    <a:pt x="518" y="229"/>
                  </a:lnTo>
                  <a:lnTo>
                    <a:pt x="520" y="224"/>
                  </a:lnTo>
                  <a:lnTo>
                    <a:pt x="523" y="220"/>
                  </a:lnTo>
                  <a:lnTo>
                    <a:pt x="525" y="217"/>
                  </a:lnTo>
                  <a:lnTo>
                    <a:pt x="528" y="213"/>
                  </a:lnTo>
                  <a:lnTo>
                    <a:pt x="533" y="210"/>
                  </a:lnTo>
                  <a:lnTo>
                    <a:pt x="537" y="207"/>
                  </a:lnTo>
                  <a:lnTo>
                    <a:pt x="542" y="203"/>
                  </a:lnTo>
                  <a:lnTo>
                    <a:pt x="547" y="200"/>
                  </a:lnTo>
                  <a:lnTo>
                    <a:pt x="550" y="198"/>
                  </a:lnTo>
                  <a:lnTo>
                    <a:pt x="555" y="195"/>
                  </a:lnTo>
                  <a:lnTo>
                    <a:pt x="560" y="193"/>
                  </a:lnTo>
                  <a:lnTo>
                    <a:pt x="565" y="190"/>
                  </a:lnTo>
                  <a:lnTo>
                    <a:pt x="570" y="188"/>
                  </a:lnTo>
                  <a:lnTo>
                    <a:pt x="574" y="188"/>
                  </a:lnTo>
                  <a:lnTo>
                    <a:pt x="579" y="186"/>
                  </a:lnTo>
                  <a:lnTo>
                    <a:pt x="582" y="185"/>
                  </a:lnTo>
                  <a:lnTo>
                    <a:pt x="587" y="183"/>
                  </a:lnTo>
                  <a:lnTo>
                    <a:pt x="592" y="181"/>
                  </a:lnTo>
                  <a:lnTo>
                    <a:pt x="597" y="180"/>
                  </a:lnTo>
                  <a:lnTo>
                    <a:pt x="603" y="176"/>
                  </a:lnTo>
                  <a:lnTo>
                    <a:pt x="608" y="173"/>
                  </a:lnTo>
                  <a:lnTo>
                    <a:pt x="613" y="169"/>
                  </a:lnTo>
                  <a:lnTo>
                    <a:pt x="618" y="166"/>
                  </a:lnTo>
                  <a:lnTo>
                    <a:pt x="623" y="164"/>
                  </a:lnTo>
                  <a:lnTo>
                    <a:pt x="628" y="161"/>
                  </a:lnTo>
                  <a:lnTo>
                    <a:pt x="631" y="158"/>
                  </a:lnTo>
                  <a:lnTo>
                    <a:pt x="635" y="156"/>
                  </a:lnTo>
                  <a:lnTo>
                    <a:pt x="638" y="154"/>
                  </a:lnTo>
                  <a:lnTo>
                    <a:pt x="640" y="153"/>
                  </a:lnTo>
                  <a:lnTo>
                    <a:pt x="641" y="151"/>
                  </a:lnTo>
                  <a:lnTo>
                    <a:pt x="641" y="149"/>
                  </a:lnTo>
                  <a:lnTo>
                    <a:pt x="640" y="149"/>
                  </a:lnTo>
                  <a:lnTo>
                    <a:pt x="638" y="149"/>
                  </a:lnTo>
                  <a:lnTo>
                    <a:pt x="633" y="149"/>
                  </a:lnTo>
                  <a:lnTo>
                    <a:pt x="625" y="153"/>
                  </a:lnTo>
                  <a:lnTo>
                    <a:pt x="618" y="153"/>
                  </a:lnTo>
                  <a:lnTo>
                    <a:pt x="611" y="153"/>
                  </a:lnTo>
                  <a:lnTo>
                    <a:pt x="606" y="153"/>
                  </a:lnTo>
                  <a:lnTo>
                    <a:pt x="603" y="149"/>
                  </a:lnTo>
                  <a:lnTo>
                    <a:pt x="599" y="147"/>
                  </a:lnTo>
                  <a:lnTo>
                    <a:pt x="597" y="146"/>
                  </a:lnTo>
                  <a:lnTo>
                    <a:pt x="596" y="144"/>
                  </a:lnTo>
                  <a:lnTo>
                    <a:pt x="530" y="144"/>
                  </a:lnTo>
                  <a:lnTo>
                    <a:pt x="530" y="131"/>
                  </a:lnTo>
                  <a:lnTo>
                    <a:pt x="528" y="131"/>
                  </a:lnTo>
                  <a:lnTo>
                    <a:pt x="526" y="131"/>
                  </a:lnTo>
                  <a:lnTo>
                    <a:pt x="525" y="131"/>
                  </a:lnTo>
                  <a:lnTo>
                    <a:pt x="523" y="131"/>
                  </a:lnTo>
                  <a:lnTo>
                    <a:pt x="521" y="131"/>
                  </a:lnTo>
                  <a:lnTo>
                    <a:pt x="520" y="131"/>
                  </a:lnTo>
                  <a:lnTo>
                    <a:pt x="518" y="131"/>
                  </a:lnTo>
                  <a:lnTo>
                    <a:pt x="509" y="139"/>
                  </a:lnTo>
                  <a:lnTo>
                    <a:pt x="501" y="146"/>
                  </a:lnTo>
                  <a:lnTo>
                    <a:pt x="494" y="149"/>
                  </a:lnTo>
                  <a:lnTo>
                    <a:pt x="487" y="153"/>
                  </a:lnTo>
                  <a:lnTo>
                    <a:pt x="481" y="154"/>
                  </a:lnTo>
                  <a:lnTo>
                    <a:pt x="476" y="154"/>
                  </a:lnTo>
                  <a:lnTo>
                    <a:pt x="471" y="153"/>
                  </a:lnTo>
                  <a:lnTo>
                    <a:pt x="465" y="153"/>
                  </a:lnTo>
                  <a:lnTo>
                    <a:pt x="462" y="149"/>
                  </a:lnTo>
                  <a:lnTo>
                    <a:pt x="459" y="147"/>
                  </a:lnTo>
                  <a:lnTo>
                    <a:pt x="455" y="144"/>
                  </a:lnTo>
                  <a:lnTo>
                    <a:pt x="454" y="142"/>
                  </a:lnTo>
                  <a:lnTo>
                    <a:pt x="452" y="141"/>
                  </a:lnTo>
                  <a:lnTo>
                    <a:pt x="450" y="139"/>
                  </a:lnTo>
                  <a:lnTo>
                    <a:pt x="450" y="137"/>
                  </a:lnTo>
                  <a:lnTo>
                    <a:pt x="450" y="136"/>
                  </a:lnTo>
                  <a:lnTo>
                    <a:pt x="449" y="136"/>
                  </a:lnTo>
                  <a:lnTo>
                    <a:pt x="447" y="136"/>
                  </a:lnTo>
                  <a:lnTo>
                    <a:pt x="443" y="136"/>
                  </a:lnTo>
                  <a:lnTo>
                    <a:pt x="440" y="136"/>
                  </a:lnTo>
                  <a:lnTo>
                    <a:pt x="437" y="134"/>
                  </a:lnTo>
                  <a:lnTo>
                    <a:pt x="435" y="132"/>
                  </a:lnTo>
                  <a:lnTo>
                    <a:pt x="433" y="131"/>
                  </a:lnTo>
                  <a:lnTo>
                    <a:pt x="432" y="127"/>
                  </a:lnTo>
                  <a:lnTo>
                    <a:pt x="432" y="125"/>
                  </a:lnTo>
                  <a:lnTo>
                    <a:pt x="430" y="124"/>
                  </a:lnTo>
                  <a:lnTo>
                    <a:pt x="428" y="120"/>
                  </a:lnTo>
                  <a:lnTo>
                    <a:pt x="427" y="117"/>
                  </a:lnTo>
                  <a:lnTo>
                    <a:pt x="423" y="117"/>
                  </a:lnTo>
                  <a:lnTo>
                    <a:pt x="420" y="117"/>
                  </a:lnTo>
                  <a:lnTo>
                    <a:pt x="415" y="119"/>
                  </a:lnTo>
                  <a:lnTo>
                    <a:pt x="411" y="122"/>
                  </a:lnTo>
                  <a:lnTo>
                    <a:pt x="405" y="132"/>
                  </a:lnTo>
                  <a:lnTo>
                    <a:pt x="399" y="136"/>
                  </a:lnTo>
                  <a:lnTo>
                    <a:pt x="396" y="134"/>
                  </a:lnTo>
                  <a:lnTo>
                    <a:pt x="396" y="131"/>
                  </a:lnTo>
                  <a:lnTo>
                    <a:pt x="394" y="125"/>
                  </a:lnTo>
                  <a:lnTo>
                    <a:pt x="393" y="120"/>
                  </a:lnTo>
                  <a:lnTo>
                    <a:pt x="393" y="115"/>
                  </a:lnTo>
                  <a:lnTo>
                    <a:pt x="389" y="112"/>
                  </a:lnTo>
                  <a:lnTo>
                    <a:pt x="381" y="109"/>
                  </a:lnTo>
                  <a:lnTo>
                    <a:pt x="377" y="105"/>
                  </a:lnTo>
                  <a:lnTo>
                    <a:pt x="376" y="103"/>
                  </a:lnTo>
                  <a:lnTo>
                    <a:pt x="376" y="102"/>
                  </a:lnTo>
                  <a:lnTo>
                    <a:pt x="376" y="100"/>
                  </a:lnTo>
                  <a:lnTo>
                    <a:pt x="377" y="100"/>
                  </a:lnTo>
                  <a:lnTo>
                    <a:pt x="379" y="98"/>
                  </a:lnTo>
                  <a:lnTo>
                    <a:pt x="377" y="98"/>
                  </a:lnTo>
                  <a:lnTo>
                    <a:pt x="374" y="97"/>
                  </a:lnTo>
                  <a:lnTo>
                    <a:pt x="371" y="97"/>
                  </a:lnTo>
                  <a:lnTo>
                    <a:pt x="364" y="97"/>
                  </a:lnTo>
                  <a:lnTo>
                    <a:pt x="355" y="95"/>
                  </a:lnTo>
                  <a:lnTo>
                    <a:pt x="347" y="93"/>
                  </a:lnTo>
                  <a:lnTo>
                    <a:pt x="339" y="92"/>
                  </a:lnTo>
                  <a:lnTo>
                    <a:pt x="332" y="90"/>
                  </a:lnTo>
                  <a:lnTo>
                    <a:pt x="327" y="88"/>
                  </a:lnTo>
                  <a:lnTo>
                    <a:pt x="322" y="88"/>
                  </a:lnTo>
                  <a:lnTo>
                    <a:pt x="318" y="88"/>
                  </a:lnTo>
                  <a:lnTo>
                    <a:pt x="315" y="90"/>
                  </a:lnTo>
                  <a:lnTo>
                    <a:pt x="311" y="92"/>
                  </a:lnTo>
                  <a:lnTo>
                    <a:pt x="306" y="98"/>
                  </a:lnTo>
                  <a:lnTo>
                    <a:pt x="301" y="102"/>
                  </a:lnTo>
                  <a:lnTo>
                    <a:pt x="296" y="105"/>
                  </a:lnTo>
                  <a:lnTo>
                    <a:pt x="289" y="105"/>
                  </a:lnTo>
                  <a:lnTo>
                    <a:pt x="286" y="105"/>
                  </a:lnTo>
                  <a:lnTo>
                    <a:pt x="283" y="105"/>
                  </a:lnTo>
                  <a:lnTo>
                    <a:pt x="279" y="105"/>
                  </a:lnTo>
                  <a:lnTo>
                    <a:pt x="278" y="105"/>
                  </a:lnTo>
                  <a:lnTo>
                    <a:pt x="276" y="92"/>
                  </a:lnTo>
                  <a:lnTo>
                    <a:pt x="242" y="92"/>
                  </a:lnTo>
                  <a:lnTo>
                    <a:pt x="240" y="83"/>
                  </a:lnTo>
                  <a:lnTo>
                    <a:pt x="229" y="85"/>
                  </a:lnTo>
                  <a:lnTo>
                    <a:pt x="222" y="85"/>
                  </a:lnTo>
                  <a:lnTo>
                    <a:pt x="215" y="83"/>
                  </a:lnTo>
                  <a:lnTo>
                    <a:pt x="212" y="80"/>
                  </a:lnTo>
                  <a:lnTo>
                    <a:pt x="208" y="76"/>
                  </a:lnTo>
                  <a:lnTo>
                    <a:pt x="207" y="73"/>
                  </a:lnTo>
                  <a:lnTo>
                    <a:pt x="205" y="71"/>
                  </a:lnTo>
                  <a:lnTo>
                    <a:pt x="205" y="70"/>
                  </a:lnTo>
                  <a:lnTo>
                    <a:pt x="205" y="26"/>
                  </a:lnTo>
                  <a:lnTo>
                    <a:pt x="181" y="2"/>
                  </a:lnTo>
                  <a:lnTo>
                    <a:pt x="168" y="0"/>
                  </a:lnTo>
                  <a:lnTo>
                    <a:pt x="169" y="37"/>
                  </a:lnTo>
                  <a:lnTo>
                    <a:pt x="159" y="46"/>
                  </a:lnTo>
                  <a:lnTo>
                    <a:pt x="0" y="48"/>
                  </a:lnTo>
                  <a:lnTo>
                    <a:pt x="7" y="85"/>
                  </a:lnTo>
                  <a:lnTo>
                    <a:pt x="7" y="87"/>
                  </a:lnTo>
                  <a:lnTo>
                    <a:pt x="7" y="88"/>
                  </a:lnTo>
                  <a:lnTo>
                    <a:pt x="7" y="93"/>
                  </a:lnTo>
                  <a:lnTo>
                    <a:pt x="5" y="100"/>
                  </a:lnTo>
                  <a:lnTo>
                    <a:pt x="5" y="107"/>
                  </a:lnTo>
                  <a:lnTo>
                    <a:pt x="5" y="114"/>
                  </a:lnTo>
                  <a:lnTo>
                    <a:pt x="5" y="124"/>
                  </a:lnTo>
                  <a:lnTo>
                    <a:pt x="5" y="132"/>
                  </a:lnTo>
                  <a:lnTo>
                    <a:pt x="5" y="142"/>
                  </a:lnTo>
                  <a:lnTo>
                    <a:pt x="7" y="153"/>
                  </a:lnTo>
                  <a:lnTo>
                    <a:pt x="7" y="161"/>
                  </a:lnTo>
                  <a:lnTo>
                    <a:pt x="9" y="169"/>
                  </a:lnTo>
                  <a:lnTo>
                    <a:pt x="10" y="178"/>
                  </a:lnTo>
                  <a:lnTo>
                    <a:pt x="14" y="186"/>
                  </a:lnTo>
                  <a:lnTo>
                    <a:pt x="17" y="193"/>
                  </a:lnTo>
                  <a:lnTo>
                    <a:pt x="22" y="198"/>
                  </a:lnTo>
                  <a:lnTo>
                    <a:pt x="22" y="200"/>
                  </a:lnTo>
                  <a:lnTo>
                    <a:pt x="22" y="203"/>
                  </a:lnTo>
                  <a:lnTo>
                    <a:pt x="24" y="208"/>
                  </a:lnTo>
                  <a:lnTo>
                    <a:pt x="25" y="217"/>
                  </a:lnTo>
                  <a:lnTo>
                    <a:pt x="27" y="225"/>
                  </a:lnTo>
                  <a:lnTo>
                    <a:pt x="29" y="235"/>
                  </a:lnTo>
                  <a:lnTo>
                    <a:pt x="29" y="246"/>
                  </a:lnTo>
                  <a:lnTo>
                    <a:pt x="31" y="256"/>
                  </a:lnTo>
                  <a:lnTo>
                    <a:pt x="31" y="259"/>
                  </a:lnTo>
                  <a:lnTo>
                    <a:pt x="31" y="264"/>
                  </a:lnTo>
                  <a:lnTo>
                    <a:pt x="31" y="271"/>
                  </a:lnTo>
                  <a:lnTo>
                    <a:pt x="31" y="278"/>
                  </a:lnTo>
                  <a:lnTo>
                    <a:pt x="31" y="285"/>
                  </a:lnTo>
                  <a:lnTo>
                    <a:pt x="31" y="290"/>
                  </a:lnTo>
                  <a:lnTo>
                    <a:pt x="31" y="295"/>
                  </a:lnTo>
                  <a:lnTo>
                    <a:pt x="31" y="296"/>
                  </a:lnTo>
                  <a:lnTo>
                    <a:pt x="39" y="310"/>
                  </a:lnTo>
                  <a:lnTo>
                    <a:pt x="36" y="332"/>
                  </a:lnTo>
                  <a:lnTo>
                    <a:pt x="39" y="362"/>
                  </a:lnTo>
                  <a:lnTo>
                    <a:pt x="49" y="376"/>
                  </a:lnTo>
                  <a:lnTo>
                    <a:pt x="54" y="389"/>
                  </a:lnTo>
                  <a:lnTo>
                    <a:pt x="53" y="427"/>
                  </a:lnTo>
                  <a:lnTo>
                    <a:pt x="53" y="437"/>
                  </a:lnTo>
                  <a:lnTo>
                    <a:pt x="37" y="455"/>
                  </a:lnTo>
                  <a:lnTo>
                    <a:pt x="36" y="457"/>
                  </a:lnTo>
                  <a:lnTo>
                    <a:pt x="34" y="459"/>
                  </a:lnTo>
                  <a:lnTo>
                    <a:pt x="32" y="462"/>
                  </a:lnTo>
                  <a:lnTo>
                    <a:pt x="31" y="466"/>
                  </a:lnTo>
                  <a:lnTo>
                    <a:pt x="29" y="469"/>
                  </a:lnTo>
                  <a:lnTo>
                    <a:pt x="29" y="474"/>
                  </a:lnTo>
                  <a:lnTo>
                    <a:pt x="31" y="477"/>
                  </a:lnTo>
                  <a:lnTo>
                    <a:pt x="34" y="481"/>
                  </a:lnTo>
                  <a:lnTo>
                    <a:pt x="36" y="481"/>
                  </a:lnTo>
                  <a:lnTo>
                    <a:pt x="39" y="484"/>
                  </a:lnTo>
                  <a:lnTo>
                    <a:pt x="44" y="488"/>
                  </a:lnTo>
                  <a:lnTo>
                    <a:pt x="49" y="491"/>
                  </a:lnTo>
                  <a:lnTo>
                    <a:pt x="54" y="496"/>
                  </a:lnTo>
                  <a:lnTo>
                    <a:pt x="59" y="499"/>
                  </a:lnTo>
                  <a:lnTo>
                    <a:pt x="61" y="501"/>
                  </a:lnTo>
                  <a:lnTo>
                    <a:pt x="63" y="503"/>
                  </a:lnTo>
                  <a:lnTo>
                    <a:pt x="63" y="505"/>
                  </a:lnTo>
                  <a:lnTo>
                    <a:pt x="63" y="511"/>
                  </a:lnTo>
                  <a:lnTo>
                    <a:pt x="63" y="523"/>
                  </a:lnTo>
                  <a:lnTo>
                    <a:pt x="63" y="538"/>
                  </a:lnTo>
                  <a:lnTo>
                    <a:pt x="63" y="555"/>
                  </a:lnTo>
                  <a:lnTo>
                    <a:pt x="63" y="576"/>
                  </a:lnTo>
                  <a:lnTo>
                    <a:pt x="63" y="596"/>
                  </a:lnTo>
                  <a:lnTo>
                    <a:pt x="63" y="618"/>
                  </a:lnTo>
                  <a:lnTo>
                    <a:pt x="63" y="638"/>
                  </a:lnTo>
                  <a:lnTo>
                    <a:pt x="61" y="660"/>
                  </a:lnTo>
                  <a:lnTo>
                    <a:pt x="61" y="679"/>
                  </a:lnTo>
                  <a:lnTo>
                    <a:pt x="61" y="696"/>
                  </a:lnTo>
                  <a:lnTo>
                    <a:pt x="61" y="711"/>
                  </a:lnTo>
                  <a:lnTo>
                    <a:pt x="61" y="721"/>
                  </a:lnTo>
                  <a:lnTo>
                    <a:pt x="63" y="728"/>
                  </a:lnTo>
                  <a:lnTo>
                    <a:pt x="63" y="731"/>
                  </a:lnTo>
                  <a:lnTo>
                    <a:pt x="63" y="730"/>
                  </a:lnTo>
                  <a:lnTo>
                    <a:pt x="66" y="730"/>
                  </a:lnTo>
                  <a:lnTo>
                    <a:pt x="73" y="730"/>
                  </a:lnTo>
                  <a:lnTo>
                    <a:pt x="80" y="730"/>
                  </a:lnTo>
                  <a:lnTo>
                    <a:pt x="90" y="730"/>
                  </a:lnTo>
                  <a:lnTo>
                    <a:pt x="100" y="730"/>
                  </a:lnTo>
                  <a:lnTo>
                    <a:pt x="113" y="730"/>
                  </a:lnTo>
                  <a:lnTo>
                    <a:pt x="127" y="730"/>
                  </a:lnTo>
                  <a:lnTo>
                    <a:pt x="144" y="730"/>
                  </a:lnTo>
                  <a:lnTo>
                    <a:pt x="159" y="730"/>
                  </a:lnTo>
                  <a:lnTo>
                    <a:pt x="178" y="730"/>
                  </a:lnTo>
                  <a:lnTo>
                    <a:pt x="196" y="730"/>
                  </a:lnTo>
                  <a:lnTo>
                    <a:pt x="215" y="730"/>
                  </a:lnTo>
                  <a:lnTo>
                    <a:pt x="235" y="728"/>
                  </a:lnTo>
                  <a:lnTo>
                    <a:pt x="254" y="728"/>
                  </a:lnTo>
                  <a:lnTo>
                    <a:pt x="274" y="728"/>
                  </a:lnTo>
                  <a:lnTo>
                    <a:pt x="296" y="728"/>
                  </a:lnTo>
                  <a:lnTo>
                    <a:pt x="317" y="728"/>
                  </a:lnTo>
                  <a:lnTo>
                    <a:pt x="337" y="728"/>
                  </a:lnTo>
                  <a:lnTo>
                    <a:pt x="357" y="726"/>
                  </a:lnTo>
                  <a:lnTo>
                    <a:pt x="376" y="726"/>
                  </a:lnTo>
                  <a:lnTo>
                    <a:pt x="396" y="726"/>
                  </a:lnTo>
                  <a:lnTo>
                    <a:pt x="415" y="726"/>
                  </a:lnTo>
                  <a:lnTo>
                    <a:pt x="432" y="725"/>
                  </a:lnTo>
                  <a:lnTo>
                    <a:pt x="449" y="725"/>
                  </a:lnTo>
                  <a:lnTo>
                    <a:pt x="465" y="725"/>
                  </a:lnTo>
                  <a:lnTo>
                    <a:pt x="479" y="723"/>
                  </a:lnTo>
                  <a:lnTo>
                    <a:pt x="493" y="723"/>
                  </a:lnTo>
                  <a:lnTo>
                    <a:pt x="503" y="721"/>
                  </a:lnTo>
                  <a:lnTo>
                    <a:pt x="513" y="721"/>
                  </a:lnTo>
                  <a:lnTo>
                    <a:pt x="521" y="719"/>
                  </a:lnTo>
                  <a:lnTo>
                    <a:pt x="526" y="718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415" name="Group 159"/>
            <p:cNvGrpSpPr>
              <a:grpSpLocks/>
            </p:cNvGrpSpPr>
            <p:nvPr/>
          </p:nvGrpSpPr>
          <p:grpSpPr bwMode="auto">
            <a:xfrm>
              <a:off x="3736" y="1882"/>
              <a:ext cx="401" cy="455"/>
              <a:chOff x="3961" y="1493"/>
              <a:chExt cx="412" cy="469"/>
            </a:xfrm>
          </p:grpSpPr>
          <p:sp>
            <p:nvSpPr>
              <p:cNvPr id="445" name="Freeform 160"/>
              <p:cNvSpPr>
                <a:spLocks/>
              </p:cNvSpPr>
              <p:nvPr/>
            </p:nvSpPr>
            <p:spPr bwMode="auto">
              <a:xfrm>
                <a:off x="3961" y="1493"/>
                <a:ext cx="412" cy="469"/>
              </a:xfrm>
              <a:custGeom>
                <a:avLst/>
                <a:gdLst>
                  <a:gd name="T0" fmla="*/ 121 w 412"/>
                  <a:gd name="T1" fmla="*/ 76 h 469"/>
                  <a:gd name="T2" fmla="*/ 130 w 412"/>
                  <a:gd name="T3" fmla="*/ 73 h 469"/>
                  <a:gd name="T4" fmla="*/ 152 w 412"/>
                  <a:gd name="T5" fmla="*/ 78 h 469"/>
                  <a:gd name="T6" fmla="*/ 181 w 412"/>
                  <a:gd name="T7" fmla="*/ 79 h 469"/>
                  <a:gd name="T8" fmla="*/ 169 w 412"/>
                  <a:gd name="T9" fmla="*/ 100 h 469"/>
                  <a:gd name="T10" fmla="*/ 182 w 412"/>
                  <a:gd name="T11" fmla="*/ 100 h 469"/>
                  <a:gd name="T12" fmla="*/ 196 w 412"/>
                  <a:gd name="T13" fmla="*/ 93 h 469"/>
                  <a:gd name="T14" fmla="*/ 209 w 412"/>
                  <a:gd name="T15" fmla="*/ 98 h 469"/>
                  <a:gd name="T16" fmla="*/ 226 w 412"/>
                  <a:gd name="T17" fmla="*/ 91 h 469"/>
                  <a:gd name="T18" fmla="*/ 240 w 412"/>
                  <a:gd name="T19" fmla="*/ 86 h 469"/>
                  <a:gd name="T20" fmla="*/ 255 w 412"/>
                  <a:gd name="T21" fmla="*/ 78 h 469"/>
                  <a:gd name="T22" fmla="*/ 270 w 412"/>
                  <a:gd name="T23" fmla="*/ 76 h 469"/>
                  <a:gd name="T24" fmla="*/ 277 w 412"/>
                  <a:gd name="T25" fmla="*/ 76 h 469"/>
                  <a:gd name="T26" fmla="*/ 291 w 412"/>
                  <a:gd name="T27" fmla="*/ 62 h 469"/>
                  <a:gd name="T28" fmla="*/ 318 w 412"/>
                  <a:gd name="T29" fmla="*/ 37 h 469"/>
                  <a:gd name="T30" fmla="*/ 353 w 412"/>
                  <a:gd name="T31" fmla="*/ 12 h 469"/>
                  <a:gd name="T32" fmla="*/ 380 w 412"/>
                  <a:gd name="T33" fmla="*/ 0 h 469"/>
                  <a:gd name="T34" fmla="*/ 404 w 412"/>
                  <a:gd name="T35" fmla="*/ 176 h 469"/>
                  <a:gd name="T36" fmla="*/ 409 w 412"/>
                  <a:gd name="T37" fmla="*/ 206 h 469"/>
                  <a:gd name="T38" fmla="*/ 404 w 412"/>
                  <a:gd name="T39" fmla="*/ 227 h 469"/>
                  <a:gd name="T40" fmla="*/ 399 w 412"/>
                  <a:gd name="T41" fmla="*/ 262 h 469"/>
                  <a:gd name="T42" fmla="*/ 399 w 412"/>
                  <a:gd name="T43" fmla="*/ 274 h 469"/>
                  <a:gd name="T44" fmla="*/ 399 w 412"/>
                  <a:gd name="T45" fmla="*/ 291 h 469"/>
                  <a:gd name="T46" fmla="*/ 387 w 412"/>
                  <a:gd name="T47" fmla="*/ 308 h 469"/>
                  <a:gd name="T48" fmla="*/ 370 w 412"/>
                  <a:gd name="T49" fmla="*/ 326 h 469"/>
                  <a:gd name="T50" fmla="*/ 365 w 412"/>
                  <a:gd name="T51" fmla="*/ 333 h 469"/>
                  <a:gd name="T52" fmla="*/ 351 w 412"/>
                  <a:gd name="T53" fmla="*/ 337 h 469"/>
                  <a:gd name="T54" fmla="*/ 326 w 412"/>
                  <a:gd name="T55" fmla="*/ 382 h 469"/>
                  <a:gd name="T56" fmla="*/ 323 w 412"/>
                  <a:gd name="T57" fmla="*/ 396 h 469"/>
                  <a:gd name="T58" fmla="*/ 311 w 412"/>
                  <a:gd name="T59" fmla="*/ 391 h 469"/>
                  <a:gd name="T60" fmla="*/ 302 w 412"/>
                  <a:gd name="T61" fmla="*/ 387 h 469"/>
                  <a:gd name="T62" fmla="*/ 296 w 412"/>
                  <a:gd name="T63" fmla="*/ 404 h 469"/>
                  <a:gd name="T64" fmla="*/ 292 w 412"/>
                  <a:gd name="T65" fmla="*/ 413 h 469"/>
                  <a:gd name="T66" fmla="*/ 289 w 412"/>
                  <a:gd name="T67" fmla="*/ 419 h 469"/>
                  <a:gd name="T68" fmla="*/ 285 w 412"/>
                  <a:gd name="T69" fmla="*/ 453 h 469"/>
                  <a:gd name="T70" fmla="*/ 263 w 412"/>
                  <a:gd name="T71" fmla="*/ 469 h 469"/>
                  <a:gd name="T72" fmla="*/ 253 w 412"/>
                  <a:gd name="T73" fmla="*/ 458 h 469"/>
                  <a:gd name="T74" fmla="*/ 236 w 412"/>
                  <a:gd name="T75" fmla="*/ 450 h 469"/>
                  <a:gd name="T76" fmla="*/ 231 w 412"/>
                  <a:gd name="T77" fmla="*/ 443 h 469"/>
                  <a:gd name="T78" fmla="*/ 214 w 412"/>
                  <a:gd name="T79" fmla="*/ 436 h 469"/>
                  <a:gd name="T80" fmla="*/ 198 w 412"/>
                  <a:gd name="T81" fmla="*/ 452 h 469"/>
                  <a:gd name="T82" fmla="*/ 177 w 412"/>
                  <a:gd name="T83" fmla="*/ 453 h 469"/>
                  <a:gd name="T84" fmla="*/ 169 w 412"/>
                  <a:gd name="T85" fmla="*/ 448 h 469"/>
                  <a:gd name="T86" fmla="*/ 157 w 412"/>
                  <a:gd name="T87" fmla="*/ 452 h 469"/>
                  <a:gd name="T88" fmla="*/ 143 w 412"/>
                  <a:gd name="T89" fmla="*/ 455 h 469"/>
                  <a:gd name="T90" fmla="*/ 98 w 412"/>
                  <a:gd name="T91" fmla="*/ 440 h 469"/>
                  <a:gd name="T92" fmla="*/ 89 w 412"/>
                  <a:gd name="T93" fmla="*/ 423 h 469"/>
                  <a:gd name="T94" fmla="*/ 59 w 412"/>
                  <a:gd name="T95" fmla="*/ 414 h 469"/>
                  <a:gd name="T96" fmla="*/ 42 w 412"/>
                  <a:gd name="T97" fmla="*/ 414 h 469"/>
                  <a:gd name="T98" fmla="*/ 0 w 412"/>
                  <a:gd name="T99" fmla="*/ 96 h 469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w 412"/>
                  <a:gd name="T151" fmla="*/ 0 h 469"/>
                  <a:gd name="T152" fmla="*/ 412 w 412"/>
                  <a:gd name="T153" fmla="*/ 469 h 469"/>
                </a:gdLst>
                <a:ahLst/>
                <a:cxnLst>
                  <a:cxn ang="T100">
                    <a:pos x="T0" y="T1"/>
                  </a:cxn>
                  <a:cxn ang="T101">
                    <a:pos x="T2" y="T3"/>
                  </a:cxn>
                  <a:cxn ang="T102">
                    <a:pos x="T4" y="T5"/>
                  </a:cxn>
                  <a:cxn ang="T103">
                    <a:pos x="T6" y="T7"/>
                  </a:cxn>
                  <a:cxn ang="T104">
                    <a:pos x="T8" y="T9"/>
                  </a:cxn>
                  <a:cxn ang="T105">
                    <a:pos x="T10" y="T11"/>
                  </a:cxn>
                  <a:cxn ang="T106">
                    <a:pos x="T12" y="T13"/>
                  </a:cxn>
                  <a:cxn ang="T107">
                    <a:pos x="T14" y="T15"/>
                  </a:cxn>
                  <a:cxn ang="T108">
                    <a:pos x="T16" y="T17"/>
                  </a:cxn>
                  <a:cxn ang="T109">
                    <a:pos x="T18" y="T19"/>
                  </a:cxn>
                  <a:cxn ang="T110">
                    <a:pos x="T20" y="T21"/>
                  </a:cxn>
                  <a:cxn ang="T111">
                    <a:pos x="T22" y="T23"/>
                  </a:cxn>
                  <a:cxn ang="T112">
                    <a:pos x="T24" y="T25"/>
                  </a:cxn>
                  <a:cxn ang="T113">
                    <a:pos x="T26" y="T27"/>
                  </a:cxn>
                  <a:cxn ang="T114">
                    <a:pos x="T28" y="T29"/>
                  </a:cxn>
                  <a:cxn ang="T115">
                    <a:pos x="T30" y="T31"/>
                  </a:cxn>
                  <a:cxn ang="T116">
                    <a:pos x="T32" y="T33"/>
                  </a:cxn>
                  <a:cxn ang="T117">
                    <a:pos x="T34" y="T35"/>
                  </a:cxn>
                  <a:cxn ang="T118">
                    <a:pos x="T36" y="T37"/>
                  </a:cxn>
                  <a:cxn ang="T119">
                    <a:pos x="T38" y="T39"/>
                  </a:cxn>
                  <a:cxn ang="T120">
                    <a:pos x="T40" y="T41"/>
                  </a:cxn>
                  <a:cxn ang="T121">
                    <a:pos x="T42" y="T43"/>
                  </a:cxn>
                  <a:cxn ang="T122">
                    <a:pos x="T44" y="T45"/>
                  </a:cxn>
                  <a:cxn ang="T123">
                    <a:pos x="T46" y="T47"/>
                  </a:cxn>
                  <a:cxn ang="T124">
                    <a:pos x="T48" y="T49"/>
                  </a:cxn>
                  <a:cxn ang="T125">
                    <a:pos x="T50" y="T51"/>
                  </a:cxn>
                  <a:cxn ang="T126">
                    <a:pos x="T52" y="T53"/>
                  </a:cxn>
                  <a:cxn ang="T127">
                    <a:pos x="T54" y="T55"/>
                  </a:cxn>
                  <a:cxn ang="T128">
                    <a:pos x="T56" y="T57"/>
                  </a:cxn>
                  <a:cxn ang="T129">
                    <a:pos x="T58" y="T59"/>
                  </a:cxn>
                  <a:cxn ang="T130">
                    <a:pos x="T60" y="T61"/>
                  </a:cxn>
                  <a:cxn ang="T131">
                    <a:pos x="T62" y="T63"/>
                  </a:cxn>
                  <a:cxn ang="T132">
                    <a:pos x="T64" y="T65"/>
                  </a:cxn>
                  <a:cxn ang="T133">
                    <a:pos x="T66" y="T67"/>
                  </a:cxn>
                  <a:cxn ang="T134">
                    <a:pos x="T68" y="T69"/>
                  </a:cxn>
                  <a:cxn ang="T135">
                    <a:pos x="T70" y="T71"/>
                  </a:cxn>
                  <a:cxn ang="T136">
                    <a:pos x="T72" y="T73"/>
                  </a:cxn>
                  <a:cxn ang="T137">
                    <a:pos x="T74" y="T75"/>
                  </a:cxn>
                  <a:cxn ang="T138">
                    <a:pos x="T76" y="T77"/>
                  </a:cxn>
                  <a:cxn ang="T139">
                    <a:pos x="T78" y="T79"/>
                  </a:cxn>
                  <a:cxn ang="T140">
                    <a:pos x="T80" y="T81"/>
                  </a:cxn>
                  <a:cxn ang="T141">
                    <a:pos x="T82" y="T83"/>
                  </a:cxn>
                  <a:cxn ang="T142">
                    <a:pos x="T84" y="T85"/>
                  </a:cxn>
                  <a:cxn ang="T143">
                    <a:pos x="T86" y="T87"/>
                  </a:cxn>
                  <a:cxn ang="T144">
                    <a:pos x="T88" y="T89"/>
                  </a:cxn>
                  <a:cxn ang="T145">
                    <a:pos x="T90" y="T91"/>
                  </a:cxn>
                  <a:cxn ang="T146">
                    <a:pos x="T92" y="T93"/>
                  </a:cxn>
                  <a:cxn ang="T147">
                    <a:pos x="T94" y="T95"/>
                  </a:cxn>
                  <a:cxn ang="T148">
                    <a:pos x="T96" y="T97"/>
                  </a:cxn>
                  <a:cxn ang="T149">
                    <a:pos x="T98" y="T99"/>
                  </a:cxn>
                </a:cxnLst>
                <a:rect l="T150" t="T151" r="T152" b="T153"/>
                <a:pathLst>
                  <a:path w="412" h="469">
                    <a:moveTo>
                      <a:pt x="0" y="96"/>
                    </a:moveTo>
                    <a:lnTo>
                      <a:pt x="116" y="78"/>
                    </a:lnTo>
                    <a:lnTo>
                      <a:pt x="118" y="78"/>
                    </a:lnTo>
                    <a:lnTo>
                      <a:pt x="121" y="76"/>
                    </a:lnTo>
                    <a:lnTo>
                      <a:pt x="125" y="74"/>
                    </a:lnTo>
                    <a:lnTo>
                      <a:pt x="126" y="73"/>
                    </a:lnTo>
                    <a:lnTo>
                      <a:pt x="128" y="73"/>
                    </a:lnTo>
                    <a:lnTo>
                      <a:pt x="130" y="73"/>
                    </a:lnTo>
                    <a:lnTo>
                      <a:pt x="135" y="73"/>
                    </a:lnTo>
                    <a:lnTo>
                      <a:pt x="140" y="73"/>
                    </a:lnTo>
                    <a:lnTo>
                      <a:pt x="145" y="74"/>
                    </a:lnTo>
                    <a:lnTo>
                      <a:pt x="152" y="78"/>
                    </a:lnTo>
                    <a:lnTo>
                      <a:pt x="159" y="81"/>
                    </a:lnTo>
                    <a:lnTo>
                      <a:pt x="164" y="86"/>
                    </a:lnTo>
                    <a:lnTo>
                      <a:pt x="174" y="86"/>
                    </a:lnTo>
                    <a:lnTo>
                      <a:pt x="181" y="79"/>
                    </a:lnTo>
                    <a:lnTo>
                      <a:pt x="191" y="84"/>
                    </a:lnTo>
                    <a:lnTo>
                      <a:pt x="177" y="91"/>
                    </a:lnTo>
                    <a:lnTo>
                      <a:pt x="169" y="100"/>
                    </a:lnTo>
                    <a:lnTo>
                      <a:pt x="170" y="100"/>
                    </a:lnTo>
                    <a:lnTo>
                      <a:pt x="174" y="100"/>
                    </a:lnTo>
                    <a:lnTo>
                      <a:pt x="177" y="100"/>
                    </a:lnTo>
                    <a:lnTo>
                      <a:pt x="182" y="100"/>
                    </a:lnTo>
                    <a:lnTo>
                      <a:pt x="186" y="98"/>
                    </a:lnTo>
                    <a:lnTo>
                      <a:pt x="191" y="95"/>
                    </a:lnTo>
                    <a:lnTo>
                      <a:pt x="196" y="91"/>
                    </a:lnTo>
                    <a:lnTo>
                      <a:pt x="196" y="93"/>
                    </a:lnTo>
                    <a:lnTo>
                      <a:pt x="198" y="93"/>
                    </a:lnTo>
                    <a:lnTo>
                      <a:pt x="201" y="95"/>
                    </a:lnTo>
                    <a:lnTo>
                      <a:pt x="206" y="96"/>
                    </a:lnTo>
                    <a:lnTo>
                      <a:pt x="209" y="98"/>
                    </a:lnTo>
                    <a:lnTo>
                      <a:pt x="214" y="98"/>
                    </a:lnTo>
                    <a:lnTo>
                      <a:pt x="219" y="96"/>
                    </a:lnTo>
                    <a:lnTo>
                      <a:pt x="226" y="91"/>
                    </a:lnTo>
                    <a:lnTo>
                      <a:pt x="230" y="91"/>
                    </a:lnTo>
                    <a:lnTo>
                      <a:pt x="231" y="89"/>
                    </a:lnTo>
                    <a:lnTo>
                      <a:pt x="236" y="88"/>
                    </a:lnTo>
                    <a:lnTo>
                      <a:pt x="240" y="86"/>
                    </a:lnTo>
                    <a:lnTo>
                      <a:pt x="245" y="84"/>
                    </a:lnTo>
                    <a:lnTo>
                      <a:pt x="250" y="81"/>
                    </a:lnTo>
                    <a:lnTo>
                      <a:pt x="253" y="78"/>
                    </a:lnTo>
                    <a:lnTo>
                      <a:pt x="255" y="78"/>
                    </a:lnTo>
                    <a:lnTo>
                      <a:pt x="258" y="78"/>
                    </a:lnTo>
                    <a:lnTo>
                      <a:pt x="262" y="78"/>
                    </a:lnTo>
                    <a:lnTo>
                      <a:pt x="265" y="76"/>
                    </a:lnTo>
                    <a:lnTo>
                      <a:pt x="270" y="76"/>
                    </a:lnTo>
                    <a:lnTo>
                      <a:pt x="274" y="76"/>
                    </a:lnTo>
                    <a:lnTo>
                      <a:pt x="275" y="76"/>
                    </a:lnTo>
                    <a:lnTo>
                      <a:pt x="277" y="76"/>
                    </a:lnTo>
                    <a:lnTo>
                      <a:pt x="279" y="74"/>
                    </a:lnTo>
                    <a:lnTo>
                      <a:pt x="282" y="71"/>
                    </a:lnTo>
                    <a:lnTo>
                      <a:pt x="285" y="67"/>
                    </a:lnTo>
                    <a:lnTo>
                      <a:pt x="291" y="62"/>
                    </a:lnTo>
                    <a:lnTo>
                      <a:pt x="297" y="56"/>
                    </a:lnTo>
                    <a:lnTo>
                      <a:pt x="302" y="51"/>
                    </a:lnTo>
                    <a:lnTo>
                      <a:pt x="311" y="44"/>
                    </a:lnTo>
                    <a:lnTo>
                      <a:pt x="318" y="37"/>
                    </a:lnTo>
                    <a:lnTo>
                      <a:pt x="326" y="32"/>
                    </a:lnTo>
                    <a:lnTo>
                      <a:pt x="335" y="25"/>
                    </a:lnTo>
                    <a:lnTo>
                      <a:pt x="345" y="18"/>
                    </a:lnTo>
                    <a:lnTo>
                      <a:pt x="353" y="12"/>
                    </a:lnTo>
                    <a:lnTo>
                      <a:pt x="363" y="7"/>
                    </a:lnTo>
                    <a:lnTo>
                      <a:pt x="372" y="3"/>
                    </a:lnTo>
                    <a:lnTo>
                      <a:pt x="382" y="0"/>
                    </a:lnTo>
                    <a:lnTo>
                      <a:pt x="380" y="0"/>
                    </a:lnTo>
                    <a:lnTo>
                      <a:pt x="412" y="166"/>
                    </a:lnTo>
                    <a:lnTo>
                      <a:pt x="401" y="169"/>
                    </a:lnTo>
                    <a:lnTo>
                      <a:pt x="402" y="171"/>
                    </a:lnTo>
                    <a:lnTo>
                      <a:pt x="404" y="176"/>
                    </a:lnTo>
                    <a:lnTo>
                      <a:pt x="406" y="181"/>
                    </a:lnTo>
                    <a:lnTo>
                      <a:pt x="407" y="189"/>
                    </a:lnTo>
                    <a:lnTo>
                      <a:pt x="409" y="198"/>
                    </a:lnTo>
                    <a:lnTo>
                      <a:pt x="409" y="206"/>
                    </a:lnTo>
                    <a:lnTo>
                      <a:pt x="409" y="213"/>
                    </a:lnTo>
                    <a:lnTo>
                      <a:pt x="406" y="218"/>
                    </a:lnTo>
                    <a:lnTo>
                      <a:pt x="404" y="221"/>
                    </a:lnTo>
                    <a:lnTo>
                      <a:pt x="404" y="227"/>
                    </a:lnTo>
                    <a:lnTo>
                      <a:pt x="402" y="235"/>
                    </a:lnTo>
                    <a:lnTo>
                      <a:pt x="401" y="245"/>
                    </a:lnTo>
                    <a:lnTo>
                      <a:pt x="401" y="255"/>
                    </a:lnTo>
                    <a:lnTo>
                      <a:pt x="399" y="262"/>
                    </a:lnTo>
                    <a:lnTo>
                      <a:pt x="399" y="269"/>
                    </a:lnTo>
                    <a:lnTo>
                      <a:pt x="399" y="271"/>
                    </a:lnTo>
                    <a:lnTo>
                      <a:pt x="399" y="272"/>
                    </a:lnTo>
                    <a:lnTo>
                      <a:pt x="399" y="274"/>
                    </a:lnTo>
                    <a:lnTo>
                      <a:pt x="401" y="277"/>
                    </a:lnTo>
                    <a:lnTo>
                      <a:pt x="401" y="281"/>
                    </a:lnTo>
                    <a:lnTo>
                      <a:pt x="401" y="286"/>
                    </a:lnTo>
                    <a:lnTo>
                      <a:pt x="399" y="291"/>
                    </a:lnTo>
                    <a:lnTo>
                      <a:pt x="395" y="296"/>
                    </a:lnTo>
                    <a:lnTo>
                      <a:pt x="390" y="303"/>
                    </a:lnTo>
                    <a:lnTo>
                      <a:pt x="389" y="304"/>
                    </a:lnTo>
                    <a:lnTo>
                      <a:pt x="387" y="308"/>
                    </a:lnTo>
                    <a:lnTo>
                      <a:pt x="382" y="313"/>
                    </a:lnTo>
                    <a:lnTo>
                      <a:pt x="379" y="316"/>
                    </a:lnTo>
                    <a:lnTo>
                      <a:pt x="375" y="321"/>
                    </a:lnTo>
                    <a:lnTo>
                      <a:pt x="370" y="326"/>
                    </a:lnTo>
                    <a:lnTo>
                      <a:pt x="368" y="330"/>
                    </a:lnTo>
                    <a:lnTo>
                      <a:pt x="367" y="330"/>
                    </a:lnTo>
                    <a:lnTo>
                      <a:pt x="367" y="331"/>
                    </a:lnTo>
                    <a:lnTo>
                      <a:pt x="365" y="333"/>
                    </a:lnTo>
                    <a:lnTo>
                      <a:pt x="362" y="335"/>
                    </a:lnTo>
                    <a:lnTo>
                      <a:pt x="358" y="335"/>
                    </a:lnTo>
                    <a:lnTo>
                      <a:pt x="355" y="337"/>
                    </a:lnTo>
                    <a:lnTo>
                      <a:pt x="351" y="337"/>
                    </a:lnTo>
                    <a:lnTo>
                      <a:pt x="350" y="335"/>
                    </a:lnTo>
                    <a:lnTo>
                      <a:pt x="350" y="333"/>
                    </a:lnTo>
                    <a:lnTo>
                      <a:pt x="328" y="355"/>
                    </a:lnTo>
                    <a:lnTo>
                      <a:pt x="326" y="382"/>
                    </a:lnTo>
                    <a:lnTo>
                      <a:pt x="324" y="382"/>
                    </a:lnTo>
                    <a:lnTo>
                      <a:pt x="324" y="387"/>
                    </a:lnTo>
                    <a:lnTo>
                      <a:pt x="324" y="391"/>
                    </a:lnTo>
                    <a:lnTo>
                      <a:pt x="323" y="396"/>
                    </a:lnTo>
                    <a:lnTo>
                      <a:pt x="319" y="399"/>
                    </a:lnTo>
                    <a:lnTo>
                      <a:pt x="318" y="401"/>
                    </a:lnTo>
                    <a:lnTo>
                      <a:pt x="314" y="399"/>
                    </a:lnTo>
                    <a:lnTo>
                      <a:pt x="311" y="391"/>
                    </a:lnTo>
                    <a:lnTo>
                      <a:pt x="309" y="389"/>
                    </a:lnTo>
                    <a:lnTo>
                      <a:pt x="307" y="387"/>
                    </a:lnTo>
                    <a:lnTo>
                      <a:pt x="306" y="387"/>
                    </a:lnTo>
                    <a:lnTo>
                      <a:pt x="302" y="387"/>
                    </a:lnTo>
                    <a:lnTo>
                      <a:pt x="301" y="387"/>
                    </a:lnTo>
                    <a:lnTo>
                      <a:pt x="297" y="391"/>
                    </a:lnTo>
                    <a:lnTo>
                      <a:pt x="297" y="396"/>
                    </a:lnTo>
                    <a:lnTo>
                      <a:pt x="296" y="404"/>
                    </a:lnTo>
                    <a:lnTo>
                      <a:pt x="296" y="408"/>
                    </a:lnTo>
                    <a:lnTo>
                      <a:pt x="294" y="409"/>
                    </a:lnTo>
                    <a:lnTo>
                      <a:pt x="292" y="413"/>
                    </a:lnTo>
                    <a:lnTo>
                      <a:pt x="291" y="416"/>
                    </a:lnTo>
                    <a:lnTo>
                      <a:pt x="291" y="418"/>
                    </a:lnTo>
                    <a:lnTo>
                      <a:pt x="289" y="419"/>
                    </a:lnTo>
                    <a:lnTo>
                      <a:pt x="292" y="441"/>
                    </a:lnTo>
                    <a:lnTo>
                      <a:pt x="291" y="443"/>
                    </a:lnTo>
                    <a:lnTo>
                      <a:pt x="289" y="447"/>
                    </a:lnTo>
                    <a:lnTo>
                      <a:pt x="285" y="453"/>
                    </a:lnTo>
                    <a:lnTo>
                      <a:pt x="280" y="458"/>
                    </a:lnTo>
                    <a:lnTo>
                      <a:pt x="275" y="463"/>
                    </a:lnTo>
                    <a:lnTo>
                      <a:pt x="270" y="467"/>
                    </a:lnTo>
                    <a:lnTo>
                      <a:pt x="263" y="469"/>
                    </a:lnTo>
                    <a:lnTo>
                      <a:pt x="260" y="465"/>
                    </a:lnTo>
                    <a:lnTo>
                      <a:pt x="258" y="463"/>
                    </a:lnTo>
                    <a:lnTo>
                      <a:pt x="257" y="462"/>
                    </a:lnTo>
                    <a:lnTo>
                      <a:pt x="253" y="458"/>
                    </a:lnTo>
                    <a:lnTo>
                      <a:pt x="250" y="455"/>
                    </a:lnTo>
                    <a:lnTo>
                      <a:pt x="245" y="452"/>
                    </a:lnTo>
                    <a:lnTo>
                      <a:pt x="241" y="450"/>
                    </a:lnTo>
                    <a:lnTo>
                      <a:pt x="236" y="450"/>
                    </a:lnTo>
                    <a:lnTo>
                      <a:pt x="233" y="453"/>
                    </a:lnTo>
                    <a:lnTo>
                      <a:pt x="231" y="452"/>
                    </a:lnTo>
                    <a:lnTo>
                      <a:pt x="231" y="448"/>
                    </a:lnTo>
                    <a:lnTo>
                      <a:pt x="231" y="443"/>
                    </a:lnTo>
                    <a:lnTo>
                      <a:pt x="230" y="438"/>
                    </a:lnTo>
                    <a:lnTo>
                      <a:pt x="226" y="435"/>
                    </a:lnTo>
                    <a:lnTo>
                      <a:pt x="221" y="433"/>
                    </a:lnTo>
                    <a:lnTo>
                      <a:pt x="214" y="436"/>
                    </a:lnTo>
                    <a:lnTo>
                      <a:pt x="204" y="445"/>
                    </a:lnTo>
                    <a:lnTo>
                      <a:pt x="203" y="447"/>
                    </a:lnTo>
                    <a:lnTo>
                      <a:pt x="201" y="448"/>
                    </a:lnTo>
                    <a:lnTo>
                      <a:pt x="198" y="452"/>
                    </a:lnTo>
                    <a:lnTo>
                      <a:pt x="194" y="453"/>
                    </a:lnTo>
                    <a:lnTo>
                      <a:pt x="189" y="455"/>
                    </a:lnTo>
                    <a:lnTo>
                      <a:pt x="184" y="457"/>
                    </a:lnTo>
                    <a:lnTo>
                      <a:pt x="177" y="453"/>
                    </a:lnTo>
                    <a:lnTo>
                      <a:pt x="172" y="450"/>
                    </a:lnTo>
                    <a:lnTo>
                      <a:pt x="170" y="448"/>
                    </a:lnTo>
                    <a:lnTo>
                      <a:pt x="169" y="448"/>
                    </a:lnTo>
                    <a:lnTo>
                      <a:pt x="167" y="447"/>
                    </a:lnTo>
                    <a:lnTo>
                      <a:pt x="164" y="448"/>
                    </a:lnTo>
                    <a:lnTo>
                      <a:pt x="160" y="448"/>
                    </a:lnTo>
                    <a:lnTo>
                      <a:pt x="157" y="452"/>
                    </a:lnTo>
                    <a:lnTo>
                      <a:pt x="152" y="457"/>
                    </a:lnTo>
                    <a:lnTo>
                      <a:pt x="150" y="457"/>
                    </a:lnTo>
                    <a:lnTo>
                      <a:pt x="147" y="455"/>
                    </a:lnTo>
                    <a:lnTo>
                      <a:pt x="143" y="455"/>
                    </a:lnTo>
                    <a:lnTo>
                      <a:pt x="142" y="455"/>
                    </a:lnTo>
                    <a:lnTo>
                      <a:pt x="128" y="443"/>
                    </a:lnTo>
                    <a:lnTo>
                      <a:pt x="98" y="441"/>
                    </a:lnTo>
                    <a:lnTo>
                      <a:pt x="98" y="440"/>
                    </a:lnTo>
                    <a:lnTo>
                      <a:pt x="98" y="436"/>
                    </a:lnTo>
                    <a:lnTo>
                      <a:pt x="96" y="433"/>
                    </a:lnTo>
                    <a:lnTo>
                      <a:pt x="94" y="428"/>
                    </a:lnTo>
                    <a:lnTo>
                      <a:pt x="89" y="423"/>
                    </a:lnTo>
                    <a:lnTo>
                      <a:pt x="82" y="418"/>
                    </a:lnTo>
                    <a:lnTo>
                      <a:pt x="72" y="416"/>
                    </a:lnTo>
                    <a:lnTo>
                      <a:pt x="60" y="414"/>
                    </a:lnTo>
                    <a:lnTo>
                      <a:pt x="59" y="414"/>
                    </a:lnTo>
                    <a:lnTo>
                      <a:pt x="55" y="414"/>
                    </a:lnTo>
                    <a:lnTo>
                      <a:pt x="52" y="414"/>
                    </a:lnTo>
                    <a:lnTo>
                      <a:pt x="47" y="414"/>
                    </a:lnTo>
                    <a:lnTo>
                      <a:pt x="42" y="414"/>
                    </a:lnTo>
                    <a:lnTo>
                      <a:pt x="38" y="414"/>
                    </a:lnTo>
                    <a:lnTo>
                      <a:pt x="37" y="414"/>
                    </a:lnTo>
                    <a:lnTo>
                      <a:pt x="35" y="414"/>
                    </a:lnTo>
                    <a:lnTo>
                      <a:pt x="0" y="96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46" name="Freeform 161"/>
              <p:cNvSpPr>
                <a:spLocks/>
              </p:cNvSpPr>
              <p:nvPr/>
            </p:nvSpPr>
            <p:spPr bwMode="auto">
              <a:xfrm>
                <a:off x="3961" y="1493"/>
                <a:ext cx="412" cy="469"/>
              </a:xfrm>
              <a:custGeom>
                <a:avLst/>
                <a:gdLst>
                  <a:gd name="T0" fmla="*/ 118 w 412"/>
                  <a:gd name="T1" fmla="*/ 78 h 469"/>
                  <a:gd name="T2" fmla="*/ 126 w 412"/>
                  <a:gd name="T3" fmla="*/ 73 h 469"/>
                  <a:gd name="T4" fmla="*/ 140 w 412"/>
                  <a:gd name="T5" fmla="*/ 73 h 469"/>
                  <a:gd name="T6" fmla="*/ 164 w 412"/>
                  <a:gd name="T7" fmla="*/ 86 h 469"/>
                  <a:gd name="T8" fmla="*/ 177 w 412"/>
                  <a:gd name="T9" fmla="*/ 91 h 469"/>
                  <a:gd name="T10" fmla="*/ 170 w 412"/>
                  <a:gd name="T11" fmla="*/ 100 h 469"/>
                  <a:gd name="T12" fmla="*/ 186 w 412"/>
                  <a:gd name="T13" fmla="*/ 98 h 469"/>
                  <a:gd name="T14" fmla="*/ 196 w 412"/>
                  <a:gd name="T15" fmla="*/ 93 h 469"/>
                  <a:gd name="T16" fmla="*/ 209 w 412"/>
                  <a:gd name="T17" fmla="*/ 98 h 469"/>
                  <a:gd name="T18" fmla="*/ 226 w 412"/>
                  <a:gd name="T19" fmla="*/ 91 h 469"/>
                  <a:gd name="T20" fmla="*/ 236 w 412"/>
                  <a:gd name="T21" fmla="*/ 88 h 469"/>
                  <a:gd name="T22" fmla="*/ 253 w 412"/>
                  <a:gd name="T23" fmla="*/ 78 h 469"/>
                  <a:gd name="T24" fmla="*/ 262 w 412"/>
                  <a:gd name="T25" fmla="*/ 78 h 469"/>
                  <a:gd name="T26" fmla="*/ 275 w 412"/>
                  <a:gd name="T27" fmla="*/ 76 h 469"/>
                  <a:gd name="T28" fmla="*/ 279 w 412"/>
                  <a:gd name="T29" fmla="*/ 74 h 469"/>
                  <a:gd name="T30" fmla="*/ 297 w 412"/>
                  <a:gd name="T31" fmla="*/ 56 h 469"/>
                  <a:gd name="T32" fmla="*/ 326 w 412"/>
                  <a:gd name="T33" fmla="*/ 32 h 469"/>
                  <a:gd name="T34" fmla="*/ 363 w 412"/>
                  <a:gd name="T35" fmla="*/ 7 h 469"/>
                  <a:gd name="T36" fmla="*/ 412 w 412"/>
                  <a:gd name="T37" fmla="*/ 166 h 469"/>
                  <a:gd name="T38" fmla="*/ 404 w 412"/>
                  <a:gd name="T39" fmla="*/ 176 h 469"/>
                  <a:gd name="T40" fmla="*/ 409 w 412"/>
                  <a:gd name="T41" fmla="*/ 206 h 469"/>
                  <a:gd name="T42" fmla="*/ 404 w 412"/>
                  <a:gd name="T43" fmla="*/ 221 h 469"/>
                  <a:gd name="T44" fmla="*/ 401 w 412"/>
                  <a:gd name="T45" fmla="*/ 255 h 469"/>
                  <a:gd name="T46" fmla="*/ 399 w 412"/>
                  <a:gd name="T47" fmla="*/ 271 h 469"/>
                  <a:gd name="T48" fmla="*/ 401 w 412"/>
                  <a:gd name="T49" fmla="*/ 281 h 469"/>
                  <a:gd name="T50" fmla="*/ 390 w 412"/>
                  <a:gd name="T51" fmla="*/ 303 h 469"/>
                  <a:gd name="T52" fmla="*/ 382 w 412"/>
                  <a:gd name="T53" fmla="*/ 313 h 469"/>
                  <a:gd name="T54" fmla="*/ 368 w 412"/>
                  <a:gd name="T55" fmla="*/ 330 h 469"/>
                  <a:gd name="T56" fmla="*/ 365 w 412"/>
                  <a:gd name="T57" fmla="*/ 333 h 469"/>
                  <a:gd name="T58" fmla="*/ 351 w 412"/>
                  <a:gd name="T59" fmla="*/ 337 h 469"/>
                  <a:gd name="T60" fmla="*/ 326 w 412"/>
                  <a:gd name="T61" fmla="*/ 382 h 469"/>
                  <a:gd name="T62" fmla="*/ 324 w 412"/>
                  <a:gd name="T63" fmla="*/ 391 h 469"/>
                  <a:gd name="T64" fmla="*/ 314 w 412"/>
                  <a:gd name="T65" fmla="*/ 399 h 469"/>
                  <a:gd name="T66" fmla="*/ 307 w 412"/>
                  <a:gd name="T67" fmla="*/ 387 h 469"/>
                  <a:gd name="T68" fmla="*/ 297 w 412"/>
                  <a:gd name="T69" fmla="*/ 391 h 469"/>
                  <a:gd name="T70" fmla="*/ 296 w 412"/>
                  <a:gd name="T71" fmla="*/ 404 h 469"/>
                  <a:gd name="T72" fmla="*/ 291 w 412"/>
                  <a:gd name="T73" fmla="*/ 416 h 469"/>
                  <a:gd name="T74" fmla="*/ 292 w 412"/>
                  <a:gd name="T75" fmla="*/ 441 h 469"/>
                  <a:gd name="T76" fmla="*/ 285 w 412"/>
                  <a:gd name="T77" fmla="*/ 453 h 469"/>
                  <a:gd name="T78" fmla="*/ 263 w 412"/>
                  <a:gd name="T79" fmla="*/ 469 h 469"/>
                  <a:gd name="T80" fmla="*/ 257 w 412"/>
                  <a:gd name="T81" fmla="*/ 462 h 469"/>
                  <a:gd name="T82" fmla="*/ 241 w 412"/>
                  <a:gd name="T83" fmla="*/ 450 h 469"/>
                  <a:gd name="T84" fmla="*/ 231 w 412"/>
                  <a:gd name="T85" fmla="*/ 452 h 469"/>
                  <a:gd name="T86" fmla="*/ 226 w 412"/>
                  <a:gd name="T87" fmla="*/ 435 h 469"/>
                  <a:gd name="T88" fmla="*/ 204 w 412"/>
                  <a:gd name="T89" fmla="*/ 445 h 469"/>
                  <a:gd name="T90" fmla="*/ 194 w 412"/>
                  <a:gd name="T91" fmla="*/ 453 h 469"/>
                  <a:gd name="T92" fmla="*/ 172 w 412"/>
                  <a:gd name="T93" fmla="*/ 450 h 469"/>
                  <a:gd name="T94" fmla="*/ 169 w 412"/>
                  <a:gd name="T95" fmla="*/ 448 h 469"/>
                  <a:gd name="T96" fmla="*/ 157 w 412"/>
                  <a:gd name="T97" fmla="*/ 452 h 469"/>
                  <a:gd name="T98" fmla="*/ 147 w 412"/>
                  <a:gd name="T99" fmla="*/ 455 h 469"/>
                  <a:gd name="T100" fmla="*/ 98 w 412"/>
                  <a:gd name="T101" fmla="*/ 441 h 469"/>
                  <a:gd name="T102" fmla="*/ 96 w 412"/>
                  <a:gd name="T103" fmla="*/ 433 h 469"/>
                  <a:gd name="T104" fmla="*/ 72 w 412"/>
                  <a:gd name="T105" fmla="*/ 416 h 469"/>
                  <a:gd name="T106" fmla="*/ 55 w 412"/>
                  <a:gd name="T107" fmla="*/ 414 h 469"/>
                  <a:gd name="T108" fmla="*/ 38 w 412"/>
                  <a:gd name="T109" fmla="*/ 414 h 469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w 412"/>
                  <a:gd name="T166" fmla="*/ 0 h 469"/>
                  <a:gd name="T167" fmla="*/ 412 w 412"/>
                  <a:gd name="T168" fmla="*/ 469 h 469"/>
                </a:gdLst>
                <a:ahLst/>
                <a:cxnLst>
                  <a:cxn ang="T110">
                    <a:pos x="T0" y="T1"/>
                  </a:cxn>
                  <a:cxn ang="T111">
                    <a:pos x="T2" y="T3"/>
                  </a:cxn>
                  <a:cxn ang="T112">
                    <a:pos x="T4" y="T5"/>
                  </a:cxn>
                  <a:cxn ang="T113">
                    <a:pos x="T6" y="T7"/>
                  </a:cxn>
                  <a:cxn ang="T114">
                    <a:pos x="T8" y="T9"/>
                  </a:cxn>
                  <a:cxn ang="T115">
                    <a:pos x="T10" y="T11"/>
                  </a:cxn>
                  <a:cxn ang="T116">
                    <a:pos x="T12" y="T13"/>
                  </a:cxn>
                  <a:cxn ang="T117">
                    <a:pos x="T14" y="T15"/>
                  </a:cxn>
                  <a:cxn ang="T118">
                    <a:pos x="T16" y="T17"/>
                  </a:cxn>
                  <a:cxn ang="T119">
                    <a:pos x="T18" y="T19"/>
                  </a:cxn>
                  <a:cxn ang="T120">
                    <a:pos x="T20" y="T21"/>
                  </a:cxn>
                  <a:cxn ang="T121">
                    <a:pos x="T22" y="T23"/>
                  </a:cxn>
                  <a:cxn ang="T122">
                    <a:pos x="T24" y="T25"/>
                  </a:cxn>
                  <a:cxn ang="T123">
                    <a:pos x="T26" y="T27"/>
                  </a:cxn>
                  <a:cxn ang="T124">
                    <a:pos x="T28" y="T29"/>
                  </a:cxn>
                  <a:cxn ang="T125">
                    <a:pos x="T30" y="T31"/>
                  </a:cxn>
                  <a:cxn ang="T126">
                    <a:pos x="T32" y="T33"/>
                  </a:cxn>
                  <a:cxn ang="T127">
                    <a:pos x="T34" y="T35"/>
                  </a:cxn>
                  <a:cxn ang="T128">
                    <a:pos x="T36" y="T37"/>
                  </a:cxn>
                  <a:cxn ang="T129">
                    <a:pos x="T38" y="T39"/>
                  </a:cxn>
                  <a:cxn ang="T130">
                    <a:pos x="T40" y="T41"/>
                  </a:cxn>
                  <a:cxn ang="T131">
                    <a:pos x="T42" y="T43"/>
                  </a:cxn>
                  <a:cxn ang="T132">
                    <a:pos x="T44" y="T45"/>
                  </a:cxn>
                  <a:cxn ang="T133">
                    <a:pos x="T46" y="T47"/>
                  </a:cxn>
                  <a:cxn ang="T134">
                    <a:pos x="T48" y="T49"/>
                  </a:cxn>
                  <a:cxn ang="T135">
                    <a:pos x="T50" y="T51"/>
                  </a:cxn>
                  <a:cxn ang="T136">
                    <a:pos x="T52" y="T53"/>
                  </a:cxn>
                  <a:cxn ang="T137">
                    <a:pos x="T54" y="T55"/>
                  </a:cxn>
                  <a:cxn ang="T138">
                    <a:pos x="T56" y="T57"/>
                  </a:cxn>
                  <a:cxn ang="T139">
                    <a:pos x="T58" y="T59"/>
                  </a:cxn>
                  <a:cxn ang="T140">
                    <a:pos x="T60" y="T61"/>
                  </a:cxn>
                  <a:cxn ang="T141">
                    <a:pos x="T62" y="T63"/>
                  </a:cxn>
                  <a:cxn ang="T142">
                    <a:pos x="T64" y="T65"/>
                  </a:cxn>
                  <a:cxn ang="T143">
                    <a:pos x="T66" y="T67"/>
                  </a:cxn>
                  <a:cxn ang="T144">
                    <a:pos x="T68" y="T69"/>
                  </a:cxn>
                  <a:cxn ang="T145">
                    <a:pos x="T70" y="T71"/>
                  </a:cxn>
                  <a:cxn ang="T146">
                    <a:pos x="T72" y="T73"/>
                  </a:cxn>
                  <a:cxn ang="T147">
                    <a:pos x="T74" y="T75"/>
                  </a:cxn>
                  <a:cxn ang="T148">
                    <a:pos x="T76" y="T77"/>
                  </a:cxn>
                  <a:cxn ang="T149">
                    <a:pos x="T78" y="T79"/>
                  </a:cxn>
                  <a:cxn ang="T150">
                    <a:pos x="T80" y="T81"/>
                  </a:cxn>
                  <a:cxn ang="T151">
                    <a:pos x="T82" y="T83"/>
                  </a:cxn>
                  <a:cxn ang="T152">
                    <a:pos x="T84" y="T85"/>
                  </a:cxn>
                  <a:cxn ang="T153">
                    <a:pos x="T86" y="T87"/>
                  </a:cxn>
                  <a:cxn ang="T154">
                    <a:pos x="T88" y="T89"/>
                  </a:cxn>
                  <a:cxn ang="T155">
                    <a:pos x="T90" y="T91"/>
                  </a:cxn>
                  <a:cxn ang="T156">
                    <a:pos x="T92" y="T93"/>
                  </a:cxn>
                  <a:cxn ang="T157">
                    <a:pos x="T94" y="T95"/>
                  </a:cxn>
                  <a:cxn ang="T158">
                    <a:pos x="T96" y="T97"/>
                  </a:cxn>
                  <a:cxn ang="T159">
                    <a:pos x="T98" y="T99"/>
                  </a:cxn>
                  <a:cxn ang="T160">
                    <a:pos x="T100" y="T101"/>
                  </a:cxn>
                  <a:cxn ang="T161">
                    <a:pos x="T102" y="T103"/>
                  </a:cxn>
                  <a:cxn ang="T162">
                    <a:pos x="T104" y="T105"/>
                  </a:cxn>
                  <a:cxn ang="T163">
                    <a:pos x="T106" y="T107"/>
                  </a:cxn>
                  <a:cxn ang="T164">
                    <a:pos x="T108" y="T109"/>
                  </a:cxn>
                </a:cxnLst>
                <a:rect l="T165" t="T166" r="T167" b="T168"/>
                <a:pathLst>
                  <a:path w="412" h="469">
                    <a:moveTo>
                      <a:pt x="0" y="96"/>
                    </a:moveTo>
                    <a:lnTo>
                      <a:pt x="116" y="78"/>
                    </a:lnTo>
                    <a:lnTo>
                      <a:pt x="118" y="78"/>
                    </a:lnTo>
                    <a:lnTo>
                      <a:pt x="121" y="76"/>
                    </a:lnTo>
                    <a:lnTo>
                      <a:pt x="125" y="74"/>
                    </a:lnTo>
                    <a:lnTo>
                      <a:pt x="126" y="73"/>
                    </a:lnTo>
                    <a:lnTo>
                      <a:pt x="128" y="73"/>
                    </a:lnTo>
                    <a:lnTo>
                      <a:pt x="130" y="73"/>
                    </a:lnTo>
                    <a:lnTo>
                      <a:pt x="135" y="73"/>
                    </a:lnTo>
                    <a:lnTo>
                      <a:pt x="140" y="73"/>
                    </a:lnTo>
                    <a:lnTo>
                      <a:pt x="145" y="74"/>
                    </a:lnTo>
                    <a:lnTo>
                      <a:pt x="152" y="78"/>
                    </a:lnTo>
                    <a:lnTo>
                      <a:pt x="159" y="81"/>
                    </a:lnTo>
                    <a:lnTo>
                      <a:pt x="164" y="86"/>
                    </a:lnTo>
                    <a:lnTo>
                      <a:pt x="174" y="86"/>
                    </a:lnTo>
                    <a:lnTo>
                      <a:pt x="181" y="79"/>
                    </a:lnTo>
                    <a:lnTo>
                      <a:pt x="191" y="84"/>
                    </a:lnTo>
                    <a:lnTo>
                      <a:pt x="177" y="91"/>
                    </a:lnTo>
                    <a:lnTo>
                      <a:pt x="169" y="100"/>
                    </a:lnTo>
                    <a:lnTo>
                      <a:pt x="170" y="100"/>
                    </a:lnTo>
                    <a:lnTo>
                      <a:pt x="174" y="100"/>
                    </a:lnTo>
                    <a:lnTo>
                      <a:pt x="177" y="100"/>
                    </a:lnTo>
                    <a:lnTo>
                      <a:pt x="182" y="100"/>
                    </a:lnTo>
                    <a:lnTo>
                      <a:pt x="186" y="98"/>
                    </a:lnTo>
                    <a:lnTo>
                      <a:pt x="191" y="95"/>
                    </a:lnTo>
                    <a:lnTo>
                      <a:pt x="196" y="91"/>
                    </a:lnTo>
                    <a:lnTo>
                      <a:pt x="196" y="93"/>
                    </a:lnTo>
                    <a:lnTo>
                      <a:pt x="198" y="93"/>
                    </a:lnTo>
                    <a:lnTo>
                      <a:pt x="201" y="95"/>
                    </a:lnTo>
                    <a:lnTo>
                      <a:pt x="206" y="96"/>
                    </a:lnTo>
                    <a:lnTo>
                      <a:pt x="209" y="98"/>
                    </a:lnTo>
                    <a:lnTo>
                      <a:pt x="214" y="98"/>
                    </a:lnTo>
                    <a:lnTo>
                      <a:pt x="219" y="96"/>
                    </a:lnTo>
                    <a:lnTo>
                      <a:pt x="226" y="91"/>
                    </a:lnTo>
                    <a:lnTo>
                      <a:pt x="230" y="91"/>
                    </a:lnTo>
                    <a:lnTo>
                      <a:pt x="231" y="89"/>
                    </a:lnTo>
                    <a:lnTo>
                      <a:pt x="236" y="88"/>
                    </a:lnTo>
                    <a:lnTo>
                      <a:pt x="240" y="86"/>
                    </a:lnTo>
                    <a:lnTo>
                      <a:pt x="245" y="84"/>
                    </a:lnTo>
                    <a:lnTo>
                      <a:pt x="250" y="81"/>
                    </a:lnTo>
                    <a:lnTo>
                      <a:pt x="253" y="78"/>
                    </a:lnTo>
                    <a:lnTo>
                      <a:pt x="255" y="78"/>
                    </a:lnTo>
                    <a:lnTo>
                      <a:pt x="258" y="78"/>
                    </a:lnTo>
                    <a:lnTo>
                      <a:pt x="262" y="78"/>
                    </a:lnTo>
                    <a:lnTo>
                      <a:pt x="265" y="76"/>
                    </a:lnTo>
                    <a:lnTo>
                      <a:pt x="270" y="76"/>
                    </a:lnTo>
                    <a:lnTo>
                      <a:pt x="274" y="76"/>
                    </a:lnTo>
                    <a:lnTo>
                      <a:pt x="275" y="76"/>
                    </a:lnTo>
                    <a:lnTo>
                      <a:pt x="277" y="76"/>
                    </a:lnTo>
                    <a:lnTo>
                      <a:pt x="279" y="74"/>
                    </a:lnTo>
                    <a:lnTo>
                      <a:pt x="282" y="71"/>
                    </a:lnTo>
                    <a:lnTo>
                      <a:pt x="285" y="67"/>
                    </a:lnTo>
                    <a:lnTo>
                      <a:pt x="291" y="62"/>
                    </a:lnTo>
                    <a:lnTo>
                      <a:pt x="297" y="56"/>
                    </a:lnTo>
                    <a:lnTo>
                      <a:pt x="302" y="51"/>
                    </a:lnTo>
                    <a:lnTo>
                      <a:pt x="311" y="44"/>
                    </a:lnTo>
                    <a:lnTo>
                      <a:pt x="318" y="37"/>
                    </a:lnTo>
                    <a:lnTo>
                      <a:pt x="326" y="32"/>
                    </a:lnTo>
                    <a:lnTo>
                      <a:pt x="335" y="25"/>
                    </a:lnTo>
                    <a:lnTo>
                      <a:pt x="345" y="18"/>
                    </a:lnTo>
                    <a:lnTo>
                      <a:pt x="353" y="12"/>
                    </a:lnTo>
                    <a:lnTo>
                      <a:pt x="363" y="7"/>
                    </a:lnTo>
                    <a:lnTo>
                      <a:pt x="372" y="3"/>
                    </a:lnTo>
                    <a:lnTo>
                      <a:pt x="382" y="0"/>
                    </a:lnTo>
                    <a:lnTo>
                      <a:pt x="380" y="0"/>
                    </a:lnTo>
                    <a:lnTo>
                      <a:pt x="412" y="166"/>
                    </a:lnTo>
                    <a:lnTo>
                      <a:pt x="401" y="169"/>
                    </a:lnTo>
                    <a:lnTo>
                      <a:pt x="402" y="171"/>
                    </a:lnTo>
                    <a:lnTo>
                      <a:pt x="404" y="176"/>
                    </a:lnTo>
                    <a:lnTo>
                      <a:pt x="406" y="181"/>
                    </a:lnTo>
                    <a:lnTo>
                      <a:pt x="407" y="189"/>
                    </a:lnTo>
                    <a:lnTo>
                      <a:pt x="409" y="198"/>
                    </a:lnTo>
                    <a:lnTo>
                      <a:pt x="409" y="206"/>
                    </a:lnTo>
                    <a:lnTo>
                      <a:pt x="409" y="213"/>
                    </a:lnTo>
                    <a:lnTo>
                      <a:pt x="406" y="218"/>
                    </a:lnTo>
                    <a:lnTo>
                      <a:pt x="404" y="221"/>
                    </a:lnTo>
                    <a:lnTo>
                      <a:pt x="404" y="227"/>
                    </a:lnTo>
                    <a:lnTo>
                      <a:pt x="402" y="235"/>
                    </a:lnTo>
                    <a:lnTo>
                      <a:pt x="401" y="245"/>
                    </a:lnTo>
                    <a:lnTo>
                      <a:pt x="401" y="255"/>
                    </a:lnTo>
                    <a:lnTo>
                      <a:pt x="399" y="262"/>
                    </a:lnTo>
                    <a:lnTo>
                      <a:pt x="399" y="269"/>
                    </a:lnTo>
                    <a:lnTo>
                      <a:pt x="399" y="271"/>
                    </a:lnTo>
                    <a:lnTo>
                      <a:pt x="399" y="272"/>
                    </a:lnTo>
                    <a:lnTo>
                      <a:pt x="399" y="274"/>
                    </a:lnTo>
                    <a:lnTo>
                      <a:pt x="401" y="277"/>
                    </a:lnTo>
                    <a:lnTo>
                      <a:pt x="401" y="281"/>
                    </a:lnTo>
                    <a:lnTo>
                      <a:pt x="401" y="286"/>
                    </a:lnTo>
                    <a:lnTo>
                      <a:pt x="399" y="291"/>
                    </a:lnTo>
                    <a:lnTo>
                      <a:pt x="395" y="296"/>
                    </a:lnTo>
                    <a:lnTo>
                      <a:pt x="390" y="303"/>
                    </a:lnTo>
                    <a:lnTo>
                      <a:pt x="389" y="304"/>
                    </a:lnTo>
                    <a:lnTo>
                      <a:pt x="387" y="308"/>
                    </a:lnTo>
                    <a:lnTo>
                      <a:pt x="382" y="313"/>
                    </a:lnTo>
                    <a:lnTo>
                      <a:pt x="379" y="316"/>
                    </a:lnTo>
                    <a:lnTo>
                      <a:pt x="375" y="321"/>
                    </a:lnTo>
                    <a:lnTo>
                      <a:pt x="370" y="326"/>
                    </a:lnTo>
                    <a:lnTo>
                      <a:pt x="368" y="330"/>
                    </a:lnTo>
                    <a:lnTo>
                      <a:pt x="367" y="330"/>
                    </a:lnTo>
                    <a:lnTo>
                      <a:pt x="367" y="331"/>
                    </a:lnTo>
                    <a:lnTo>
                      <a:pt x="365" y="333"/>
                    </a:lnTo>
                    <a:lnTo>
                      <a:pt x="362" y="335"/>
                    </a:lnTo>
                    <a:lnTo>
                      <a:pt x="358" y="335"/>
                    </a:lnTo>
                    <a:lnTo>
                      <a:pt x="355" y="337"/>
                    </a:lnTo>
                    <a:lnTo>
                      <a:pt x="351" y="337"/>
                    </a:lnTo>
                    <a:lnTo>
                      <a:pt x="350" y="335"/>
                    </a:lnTo>
                    <a:lnTo>
                      <a:pt x="350" y="333"/>
                    </a:lnTo>
                    <a:lnTo>
                      <a:pt x="328" y="355"/>
                    </a:lnTo>
                    <a:lnTo>
                      <a:pt x="326" y="382"/>
                    </a:lnTo>
                    <a:lnTo>
                      <a:pt x="324" y="382"/>
                    </a:lnTo>
                    <a:lnTo>
                      <a:pt x="324" y="387"/>
                    </a:lnTo>
                    <a:lnTo>
                      <a:pt x="324" y="391"/>
                    </a:lnTo>
                    <a:lnTo>
                      <a:pt x="323" y="396"/>
                    </a:lnTo>
                    <a:lnTo>
                      <a:pt x="319" y="399"/>
                    </a:lnTo>
                    <a:lnTo>
                      <a:pt x="318" y="401"/>
                    </a:lnTo>
                    <a:lnTo>
                      <a:pt x="314" y="399"/>
                    </a:lnTo>
                    <a:lnTo>
                      <a:pt x="311" y="391"/>
                    </a:lnTo>
                    <a:lnTo>
                      <a:pt x="309" y="389"/>
                    </a:lnTo>
                    <a:lnTo>
                      <a:pt x="307" y="387"/>
                    </a:lnTo>
                    <a:lnTo>
                      <a:pt x="306" y="387"/>
                    </a:lnTo>
                    <a:lnTo>
                      <a:pt x="302" y="387"/>
                    </a:lnTo>
                    <a:lnTo>
                      <a:pt x="301" y="387"/>
                    </a:lnTo>
                    <a:lnTo>
                      <a:pt x="297" y="391"/>
                    </a:lnTo>
                    <a:lnTo>
                      <a:pt x="297" y="396"/>
                    </a:lnTo>
                    <a:lnTo>
                      <a:pt x="296" y="404"/>
                    </a:lnTo>
                    <a:lnTo>
                      <a:pt x="296" y="408"/>
                    </a:lnTo>
                    <a:lnTo>
                      <a:pt x="294" y="409"/>
                    </a:lnTo>
                    <a:lnTo>
                      <a:pt x="292" y="413"/>
                    </a:lnTo>
                    <a:lnTo>
                      <a:pt x="291" y="416"/>
                    </a:lnTo>
                    <a:lnTo>
                      <a:pt x="291" y="418"/>
                    </a:lnTo>
                    <a:lnTo>
                      <a:pt x="289" y="419"/>
                    </a:lnTo>
                    <a:lnTo>
                      <a:pt x="292" y="441"/>
                    </a:lnTo>
                    <a:lnTo>
                      <a:pt x="291" y="443"/>
                    </a:lnTo>
                    <a:lnTo>
                      <a:pt x="289" y="447"/>
                    </a:lnTo>
                    <a:lnTo>
                      <a:pt x="285" y="453"/>
                    </a:lnTo>
                    <a:lnTo>
                      <a:pt x="280" y="458"/>
                    </a:lnTo>
                    <a:lnTo>
                      <a:pt x="275" y="463"/>
                    </a:lnTo>
                    <a:lnTo>
                      <a:pt x="270" y="467"/>
                    </a:lnTo>
                    <a:lnTo>
                      <a:pt x="263" y="469"/>
                    </a:lnTo>
                    <a:lnTo>
                      <a:pt x="260" y="465"/>
                    </a:lnTo>
                    <a:lnTo>
                      <a:pt x="258" y="463"/>
                    </a:lnTo>
                    <a:lnTo>
                      <a:pt x="257" y="462"/>
                    </a:lnTo>
                    <a:lnTo>
                      <a:pt x="253" y="458"/>
                    </a:lnTo>
                    <a:lnTo>
                      <a:pt x="250" y="455"/>
                    </a:lnTo>
                    <a:lnTo>
                      <a:pt x="245" y="452"/>
                    </a:lnTo>
                    <a:lnTo>
                      <a:pt x="241" y="450"/>
                    </a:lnTo>
                    <a:lnTo>
                      <a:pt x="236" y="450"/>
                    </a:lnTo>
                    <a:lnTo>
                      <a:pt x="233" y="453"/>
                    </a:lnTo>
                    <a:lnTo>
                      <a:pt x="231" y="452"/>
                    </a:lnTo>
                    <a:lnTo>
                      <a:pt x="231" y="448"/>
                    </a:lnTo>
                    <a:lnTo>
                      <a:pt x="231" y="443"/>
                    </a:lnTo>
                    <a:lnTo>
                      <a:pt x="230" y="438"/>
                    </a:lnTo>
                    <a:lnTo>
                      <a:pt x="226" y="435"/>
                    </a:lnTo>
                    <a:lnTo>
                      <a:pt x="221" y="433"/>
                    </a:lnTo>
                    <a:lnTo>
                      <a:pt x="214" y="436"/>
                    </a:lnTo>
                    <a:lnTo>
                      <a:pt x="204" y="445"/>
                    </a:lnTo>
                    <a:lnTo>
                      <a:pt x="203" y="447"/>
                    </a:lnTo>
                    <a:lnTo>
                      <a:pt x="201" y="448"/>
                    </a:lnTo>
                    <a:lnTo>
                      <a:pt x="198" y="452"/>
                    </a:lnTo>
                    <a:lnTo>
                      <a:pt x="194" y="453"/>
                    </a:lnTo>
                    <a:lnTo>
                      <a:pt x="189" y="455"/>
                    </a:lnTo>
                    <a:lnTo>
                      <a:pt x="184" y="457"/>
                    </a:lnTo>
                    <a:lnTo>
                      <a:pt x="177" y="453"/>
                    </a:lnTo>
                    <a:lnTo>
                      <a:pt x="172" y="450"/>
                    </a:lnTo>
                    <a:lnTo>
                      <a:pt x="170" y="448"/>
                    </a:lnTo>
                    <a:lnTo>
                      <a:pt x="169" y="448"/>
                    </a:lnTo>
                    <a:lnTo>
                      <a:pt x="167" y="447"/>
                    </a:lnTo>
                    <a:lnTo>
                      <a:pt x="164" y="448"/>
                    </a:lnTo>
                    <a:lnTo>
                      <a:pt x="160" y="448"/>
                    </a:lnTo>
                    <a:lnTo>
                      <a:pt x="157" y="452"/>
                    </a:lnTo>
                    <a:lnTo>
                      <a:pt x="152" y="457"/>
                    </a:lnTo>
                    <a:lnTo>
                      <a:pt x="150" y="457"/>
                    </a:lnTo>
                    <a:lnTo>
                      <a:pt x="147" y="455"/>
                    </a:lnTo>
                    <a:lnTo>
                      <a:pt x="143" y="455"/>
                    </a:lnTo>
                    <a:lnTo>
                      <a:pt x="142" y="455"/>
                    </a:lnTo>
                    <a:lnTo>
                      <a:pt x="128" y="443"/>
                    </a:lnTo>
                    <a:lnTo>
                      <a:pt x="98" y="441"/>
                    </a:lnTo>
                    <a:lnTo>
                      <a:pt x="98" y="440"/>
                    </a:lnTo>
                    <a:lnTo>
                      <a:pt x="98" y="436"/>
                    </a:lnTo>
                    <a:lnTo>
                      <a:pt x="96" y="433"/>
                    </a:lnTo>
                    <a:lnTo>
                      <a:pt x="94" y="428"/>
                    </a:lnTo>
                    <a:lnTo>
                      <a:pt x="89" y="423"/>
                    </a:lnTo>
                    <a:lnTo>
                      <a:pt x="82" y="418"/>
                    </a:lnTo>
                    <a:lnTo>
                      <a:pt x="72" y="416"/>
                    </a:lnTo>
                    <a:lnTo>
                      <a:pt x="60" y="414"/>
                    </a:lnTo>
                    <a:lnTo>
                      <a:pt x="59" y="414"/>
                    </a:lnTo>
                    <a:lnTo>
                      <a:pt x="55" y="414"/>
                    </a:lnTo>
                    <a:lnTo>
                      <a:pt x="52" y="414"/>
                    </a:lnTo>
                    <a:lnTo>
                      <a:pt x="47" y="414"/>
                    </a:lnTo>
                    <a:lnTo>
                      <a:pt x="42" y="414"/>
                    </a:lnTo>
                    <a:lnTo>
                      <a:pt x="38" y="414"/>
                    </a:lnTo>
                    <a:lnTo>
                      <a:pt x="37" y="414"/>
                    </a:lnTo>
                    <a:lnTo>
                      <a:pt x="35" y="414"/>
                    </a:lnTo>
                    <a:lnTo>
                      <a:pt x="0" y="96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416" name="Group 162"/>
            <p:cNvGrpSpPr>
              <a:grpSpLocks/>
            </p:cNvGrpSpPr>
            <p:nvPr/>
          </p:nvGrpSpPr>
          <p:grpSpPr bwMode="auto">
            <a:xfrm>
              <a:off x="3877" y="2450"/>
              <a:ext cx="847" cy="372"/>
              <a:chOff x="4106" y="2078"/>
              <a:chExt cx="870" cy="383"/>
            </a:xfrm>
          </p:grpSpPr>
          <p:sp>
            <p:nvSpPr>
              <p:cNvPr id="437" name="Freeform 163"/>
              <p:cNvSpPr>
                <a:spLocks/>
              </p:cNvSpPr>
              <p:nvPr/>
            </p:nvSpPr>
            <p:spPr bwMode="auto">
              <a:xfrm>
                <a:off x="4106" y="2082"/>
                <a:ext cx="834" cy="379"/>
              </a:xfrm>
              <a:custGeom>
                <a:avLst/>
                <a:gdLst>
                  <a:gd name="T0" fmla="*/ 650 w 834"/>
                  <a:gd name="T1" fmla="*/ 362 h 379"/>
                  <a:gd name="T2" fmla="*/ 658 w 834"/>
                  <a:gd name="T3" fmla="*/ 340 h 379"/>
                  <a:gd name="T4" fmla="*/ 663 w 834"/>
                  <a:gd name="T5" fmla="*/ 338 h 379"/>
                  <a:gd name="T6" fmla="*/ 685 w 834"/>
                  <a:gd name="T7" fmla="*/ 292 h 379"/>
                  <a:gd name="T8" fmla="*/ 701 w 834"/>
                  <a:gd name="T9" fmla="*/ 276 h 379"/>
                  <a:gd name="T10" fmla="*/ 714 w 834"/>
                  <a:gd name="T11" fmla="*/ 262 h 379"/>
                  <a:gd name="T12" fmla="*/ 758 w 834"/>
                  <a:gd name="T13" fmla="*/ 238 h 379"/>
                  <a:gd name="T14" fmla="*/ 768 w 834"/>
                  <a:gd name="T15" fmla="*/ 232 h 379"/>
                  <a:gd name="T16" fmla="*/ 780 w 834"/>
                  <a:gd name="T17" fmla="*/ 230 h 379"/>
                  <a:gd name="T18" fmla="*/ 792 w 834"/>
                  <a:gd name="T19" fmla="*/ 215 h 379"/>
                  <a:gd name="T20" fmla="*/ 794 w 834"/>
                  <a:gd name="T21" fmla="*/ 193 h 379"/>
                  <a:gd name="T22" fmla="*/ 785 w 834"/>
                  <a:gd name="T23" fmla="*/ 199 h 379"/>
                  <a:gd name="T24" fmla="*/ 780 w 834"/>
                  <a:gd name="T25" fmla="*/ 193 h 379"/>
                  <a:gd name="T26" fmla="*/ 726 w 834"/>
                  <a:gd name="T27" fmla="*/ 198 h 379"/>
                  <a:gd name="T28" fmla="*/ 758 w 834"/>
                  <a:gd name="T29" fmla="*/ 199 h 379"/>
                  <a:gd name="T30" fmla="*/ 768 w 834"/>
                  <a:gd name="T31" fmla="*/ 176 h 379"/>
                  <a:gd name="T32" fmla="*/ 740 w 834"/>
                  <a:gd name="T33" fmla="*/ 155 h 379"/>
                  <a:gd name="T34" fmla="*/ 728 w 834"/>
                  <a:gd name="T35" fmla="*/ 149 h 379"/>
                  <a:gd name="T36" fmla="*/ 748 w 834"/>
                  <a:gd name="T37" fmla="*/ 149 h 379"/>
                  <a:gd name="T38" fmla="*/ 768 w 834"/>
                  <a:gd name="T39" fmla="*/ 144 h 379"/>
                  <a:gd name="T40" fmla="*/ 784 w 834"/>
                  <a:gd name="T41" fmla="*/ 147 h 379"/>
                  <a:gd name="T42" fmla="*/ 804 w 834"/>
                  <a:gd name="T43" fmla="*/ 147 h 379"/>
                  <a:gd name="T44" fmla="*/ 828 w 834"/>
                  <a:gd name="T45" fmla="*/ 110 h 379"/>
                  <a:gd name="T46" fmla="*/ 834 w 834"/>
                  <a:gd name="T47" fmla="*/ 105 h 379"/>
                  <a:gd name="T48" fmla="*/ 824 w 834"/>
                  <a:gd name="T49" fmla="*/ 67 h 379"/>
                  <a:gd name="T50" fmla="*/ 809 w 834"/>
                  <a:gd name="T51" fmla="*/ 89 h 379"/>
                  <a:gd name="T52" fmla="*/ 806 w 834"/>
                  <a:gd name="T53" fmla="*/ 101 h 379"/>
                  <a:gd name="T54" fmla="*/ 800 w 834"/>
                  <a:gd name="T55" fmla="*/ 79 h 379"/>
                  <a:gd name="T56" fmla="*/ 778 w 834"/>
                  <a:gd name="T57" fmla="*/ 76 h 379"/>
                  <a:gd name="T58" fmla="*/ 753 w 834"/>
                  <a:gd name="T59" fmla="*/ 83 h 379"/>
                  <a:gd name="T60" fmla="*/ 724 w 834"/>
                  <a:gd name="T61" fmla="*/ 96 h 379"/>
                  <a:gd name="T62" fmla="*/ 731 w 834"/>
                  <a:gd name="T63" fmla="*/ 61 h 379"/>
                  <a:gd name="T64" fmla="*/ 762 w 834"/>
                  <a:gd name="T65" fmla="*/ 67 h 379"/>
                  <a:gd name="T66" fmla="*/ 758 w 834"/>
                  <a:gd name="T67" fmla="*/ 52 h 379"/>
                  <a:gd name="T68" fmla="*/ 789 w 834"/>
                  <a:gd name="T69" fmla="*/ 49 h 379"/>
                  <a:gd name="T70" fmla="*/ 784 w 834"/>
                  <a:gd name="T71" fmla="*/ 35 h 379"/>
                  <a:gd name="T72" fmla="*/ 802 w 834"/>
                  <a:gd name="T73" fmla="*/ 39 h 379"/>
                  <a:gd name="T74" fmla="*/ 809 w 834"/>
                  <a:gd name="T75" fmla="*/ 35 h 379"/>
                  <a:gd name="T76" fmla="*/ 692 w 834"/>
                  <a:gd name="T77" fmla="*/ 20 h 379"/>
                  <a:gd name="T78" fmla="*/ 509 w 834"/>
                  <a:gd name="T79" fmla="*/ 56 h 379"/>
                  <a:gd name="T80" fmla="*/ 366 w 834"/>
                  <a:gd name="T81" fmla="*/ 79 h 379"/>
                  <a:gd name="T82" fmla="*/ 271 w 834"/>
                  <a:gd name="T83" fmla="*/ 91 h 379"/>
                  <a:gd name="T84" fmla="*/ 230 w 834"/>
                  <a:gd name="T85" fmla="*/ 94 h 379"/>
                  <a:gd name="T86" fmla="*/ 234 w 834"/>
                  <a:gd name="T87" fmla="*/ 118 h 379"/>
                  <a:gd name="T88" fmla="*/ 212 w 834"/>
                  <a:gd name="T89" fmla="*/ 145 h 379"/>
                  <a:gd name="T90" fmla="*/ 183 w 834"/>
                  <a:gd name="T91" fmla="*/ 162 h 379"/>
                  <a:gd name="T92" fmla="*/ 149 w 834"/>
                  <a:gd name="T93" fmla="*/ 181 h 379"/>
                  <a:gd name="T94" fmla="*/ 129 w 834"/>
                  <a:gd name="T95" fmla="*/ 194 h 379"/>
                  <a:gd name="T96" fmla="*/ 117 w 834"/>
                  <a:gd name="T97" fmla="*/ 218 h 379"/>
                  <a:gd name="T98" fmla="*/ 68 w 834"/>
                  <a:gd name="T99" fmla="*/ 250 h 379"/>
                  <a:gd name="T100" fmla="*/ 27 w 834"/>
                  <a:gd name="T101" fmla="*/ 274 h 379"/>
                  <a:gd name="T102" fmla="*/ 9 w 834"/>
                  <a:gd name="T103" fmla="*/ 299 h 379"/>
                  <a:gd name="T104" fmla="*/ 125 w 834"/>
                  <a:gd name="T105" fmla="*/ 316 h 379"/>
                  <a:gd name="T106" fmla="*/ 152 w 834"/>
                  <a:gd name="T107" fmla="*/ 296 h 379"/>
                  <a:gd name="T108" fmla="*/ 210 w 834"/>
                  <a:gd name="T109" fmla="*/ 274 h 379"/>
                  <a:gd name="T110" fmla="*/ 333 w 834"/>
                  <a:gd name="T111" fmla="*/ 265 h 379"/>
                  <a:gd name="T112" fmla="*/ 597 w 834"/>
                  <a:gd name="T113" fmla="*/ 379 h 379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834"/>
                  <a:gd name="T172" fmla="*/ 0 h 379"/>
                  <a:gd name="T173" fmla="*/ 834 w 834"/>
                  <a:gd name="T174" fmla="*/ 379 h 379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834" h="379">
                    <a:moveTo>
                      <a:pt x="604" y="377"/>
                    </a:moveTo>
                    <a:lnTo>
                      <a:pt x="618" y="369"/>
                    </a:lnTo>
                    <a:lnTo>
                      <a:pt x="628" y="362"/>
                    </a:lnTo>
                    <a:lnTo>
                      <a:pt x="636" y="360"/>
                    </a:lnTo>
                    <a:lnTo>
                      <a:pt x="643" y="360"/>
                    </a:lnTo>
                    <a:lnTo>
                      <a:pt x="648" y="360"/>
                    </a:lnTo>
                    <a:lnTo>
                      <a:pt x="650" y="362"/>
                    </a:lnTo>
                    <a:lnTo>
                      <a:pt x="653" y="364"/>
                    </a:lnTo>
                    <a:lnTo>
                      <a:pt x="653" y="365"/>
                    </a:lnTo>
                    <a:lnTo>
                      <a:pt x="653" y="333"/>
                    </a:lnTo>
                    <a:lnTo>
                      <a:pt x="657" y="333"/>
                    </a:lnTo>
                    <a:lnTo>
                      <a:pt x="658" y="335"/>
                    </a:lnTo>
                    <a:lnTo>
                      <a:pt x="658" y="338"/>
                    </a:lnTo>
                    <a:lnTo>
                      <a:pt x="658" y="340"/>
                    </a:lnTo>
                    <a:lnTo>
                      <a:pt x="660" y="345"/>
                    </a:lnTo>
                    <a:lnTo>
                      <a:pt x="662" y="348"/>
                    </a:lnTo>
                    <a:lnTo>
                      <a:pt x="662" y="352"/>
                    </a:lnTo>
                    <a:lnTo>
                      <a:pt x="662" y="353"/>
                    </a:lnTo>
                    <a:lnTo>
                      <a:pt x="663" y="345"/>
                    </a:lnTo>
                    <a:lnTo>
                      <a:pt x="663" y="338"/>
                    </a:lnTo>
                    <a:lnTo>
                      <a:pt x="667" y="330"/>
                    </a:lnTo>
                    <a:lnTo>
                      <a:pt x="668" y="323"/>
                    </a:lnTo>
                    <a:lnTo>
                      <a:pt x="672" y="316"/>
                    </a:lnTo>
                    <a:lnTo>
                      <a:pt x="675" y="309"/>
                    </a:lnTo>
                    <a:lnTo>
                      <a:pt x="679" y="303"/>
                    </a:lnTo>
                    <a:lnTo>
                      <a:pt x="682" y="298"/>
                    </a:lnTo>
                    <a:lnTo>
                      <a:pt x="685" y="292"/>
                    </a:lnTo>
                    <a:lnTo>
                      <a:pt x="689" y="289"/>
                    </a:lnTo>
                    <a:lnTo>
                      <a:pt x="692" y="286"/>
                    </a:lnTo>
                    <a:lnTo>
                      <a:pt x="696" y="282"/>
                    </a:lnTo>
                    <a:lnTo>
                      <a:pt x="697" y="279"/>
                    </a:lnTo>
                    <a:lnTo>
                      <a:pt x="699" y="277"/>
                    </a:lnTo>
                    <a:lnTo>
                      <a:pt x="701" y="277"/>
                    </a:lnTo>
                    <a:lnTo>
                      <a:pt x="701" y="276"/>
                    </a:lnTo>
                    <a:lnTo>
                      <a:pt x="696" y="267"/>
                    </a:lnTo>
                    <a:lnTo>
                      <a:pt x="702" y="262"/>
                    </a:lnTo>
                    <a:lnTo>
                      <a:pt x="702" y="264"/>
                    </a:lnTo>
                    <a:lnTo>
                      <a:pt x="704" y="267"/>
                    </a:lnTo>
                    <a:lnTo>
                      <a:pt x="706" y="270"/>
                    </a:lnTo>
                    <a:lnTo>
                      <a:pt x="707" y="270"/>
                    </a:lnTo>
                    <a:lnTo>
                      <a:pt x="714" y="262"/>
                    </a:lnTo>
                    <a:lnTo>
                      <a:pt x="721" y="254"/>
                    </a:lnTo>
                    <a:lnTo>
                      <a:pt x="729" y="248"/>
                    </a:lnTo>
                    <a:lnTo>
                      <a:pt x="738" y="243"/>
                    </a:lnTo>
                    <a:lnTo>
                      <a:pt x="745" y="242"/>
                    </a:lnTo>
                    <a:lnTo>
                      <a:pt x="751" y="240"/>
                    </a:lnTo>
                    <a:lnTo>
                      <a:pt x="756" y="238"/>
                    </a:lnTo>
                    <a:lnTo>
                      <a:pt x="758" y="238"/>
                    </a:lnTo>
                    <a:lnTo>
                      <a:pt x="758" y="232"/>
                    </a:lnTo>
                    <a:lnTo>
                      <a:pt x="760" y="230"/>
                    </a:lnTo>
                    <a:lnTo>
                      <a:pt x="762" y="228"/>
                    </a:lnTo>
                    <a:lnTo>
                      <a:pt x="763" y="228"/>
                    </a:lnTo>
                    <a:lnTo>
                      <a:pt x="765" y="230"/>
                    </a:lnTo>
                    <a:lnTo>
                      <a:pt x="767" y="230"/>
                    </a:lnTo>
                    <a:lnTo>
                      <a:pt x="768" y="232"/>
                    </a:lnTo>
                    <a:lnTo>
                      <a:pt x="768" y="233"/>
                    </a:lnTo>
                    <a:lnTo>
                      <a:pt x="770" y="230"/>
                    </a:lnTo>
                    <a:lnTo>
                      <a:pt x="772" y="228"/>
                    </a:lnTo>
                    <a:lnTo>
                      <a:pt x="773" y="226"/>
                    </a:lnTo>
                    <a:lnTo>
                      <a:pt x="775" y="228"/>
                    </a:lnTo>
                    <a:lnTo>
                      <a:pt x="778" y="228"/>
                    </a:lnTo>
                    <a:lnTo>
                      <a:pt x="780" y="230"/>
                    </a:lnTo>
                    <a:lnTo>
                      <a:pt x="782" y="230"/>
                    </a:lnTo>
                    <a:lnTo>
                      <a:pt x="784" y="230"/>
                    </a:lnTo>
                    <a:lnTo>
                      <a:pt x="785" y="226"/>
                    </a:lnTo>
                    <a:lnTo>
                      <a:pt x="787" y="223"/>
                    </a:lnTo>
                    <a:lnTo>
                      <a:pt x="790" y="218"/>
                    </a:lnTo>
                    <a:lnTo>
                      <a:pt x="792" y="215"/>
                    </a:lnTo>
                    <a:lnTo>
                      <a:pt x="795" y="210"/>
                    </a:lnTo>
                    <a:lnTo>
                      <a:pt x="797" y="208"/>
                    </a:lnTo>
                    <a:lnTo>
                      <a:pt x="797" y="204"/>
                    </a:lnTo>
                    <a:lnTo>
                      <a:pt x="797" y="196"/>
                    </a:lnTo>
                    <a:lnTo>
                      <a:pt x="795" y="193"/>
                    </a:lnTo>
                    <a:lnTo>
                      <a:pt x="795" y="191"/>
                    </a:lnTo>
                    <a:lnTo>
                      <a:pt x="794" y="193"/>
                    </a:lnTo>
                    <a:lnTo>
                      <a:pt x="792" y="194"/>
                    </a:lnTo>
                    <a:lnTo>
                      <a:pt x="790" y="198"/>
                    </a:lnTo>
                    <a:lnTo>
                      <a:pt x="790" y="199"/>
                    </a:lnTo>
                    <a:lnTo>
                      <a:pt x="790" y="201"/>
                    </a:lnTo>
                    <a:lnTo>
                      <a:pt x="789" y="201"/>
                    </a:lnTo>
                    <a:lnTo>
                      <a:pt x="787" y="199"/>
                    </a:lnTo>
                    <a:lnTo>
                      <a:pt x="785" y="199"/>
                    </a:lnTo>
                    <a:lnTo>
                      <a:pt x="785" y="198"/>
                    </a:lnTo>
                    <a:lnTo>
                      <a:pt x="784" y="191"/>
                    </a:lnTo>
                    <a:lnTo>
                      <a:pt x="784" y="188"/>
                    </a:lnTo>
                    <a:lnTo>
                      <a:pt x="784" y="186"/>
                    </a:lnTo>
                    <a:lnTo>
                      <a:pt x="782" y="188"/>
                    </a:lnTo>
                    <a:lnTo>
                      <a:pt x="780" y="189"/>
                    </a:lnTo>
                    <a:lnTo>
                      <a:pt x="780" y="193"/>
                    </a:lnTo>
                    <a:lnTo>
                      <a:pt x="780" y="194"/>
                    </a:lnTo>
                    <a:lnTo>
                      <a:pt x="780" y="196"/>
                    </a:lnTo>
                    <a:lnTo>
                      <a:pt x="772" y="198"/>
                    </a:lnTo>
                    <a:lnTo>
                      <a:pt x="753" y="215"/>
                    </a:lnTo>
                    <a:lnTo>
                      <a:pt x="741" y="213"/>
                    </a:lnTo>
                    <a:lnTo>
                      <a:pt x="724" y="198"/>
                    </a:lnTo>
                    <a:lnTo>
                      <a:pt x="726" y="198"/>
                    </a:lnTo>
                    <a:lnTo>
                      <a:pt x="729" y="199"/>
                    </a:lnTo>
                    <a:lnTo>
                      <a:pt x="733" y="199"/>
                    </a:lnTo>
                    <a:lnTo>
                      <a:pt x="736" y="201"/>
                    </a:lnTo>
                    <a:lnTo>
                      <a:pt x="741" y="204"/>
                    </a:lnTo>
                    <a:lnTo>
                      <a:pt x="748" y="204"/>
                    </a:lnTo>
                    <a:lnTo>
                      <a:pt x="753" y="203"/>
                    </a:lnTo>
                    <a:lnTo>
                      <a:pt x="758" y="199"/>
                    </a:lnTo>
                    <a:lnTo>
                      <a:pt x="763" y="194"/>
                    </a:lnTo>
                    <a:lnTo>
                      <a:pt x="767" y="191"/>
                    </a:lnTo>
                    <a:lnTo>
                      <a:pt x="770" y="188"/>
                    </a:lnTo>
                    <a:lnTo>
                      <a:pt x="770" y="186"/>
                    </a:lnTo>
                    <a:lnTo>
                      <a:pt x="760" y="182"/>
                    </a:lnTo>
                    <a:lnTo>
                      <a:pt x="758" y="177"/>
                    </a:lnTo>
                    <a:lnTo>
                      <a:pt x="768" y="176"/>
                    </a:lnTo>
                    <a:lnTo>
                      <a:pt x="772" y="164"/>
                    </a:lnTo>
                    <a:lnTo>
                      <a:pt x="770" y="164"/>
                    </a:lnTo>
                    <a:lnTo>
                      <a:pt x="768" y="164"/>
                    </a:lnTo>
                    <a:lnTo>
                      <a:pt x="767" y="164"/>
                    </a:lnTo>
                    <a:lnTo>
                      <a:pt x="763" y="162"/>
                    </a:lnTo>
                    <a:lnTo>
                      <a:pt x="750" y="159"/>
                    </a:lnTo>
                    <a:lnTo>
                      <a:pt x="740" y="155"/>
                    </a:lnTo>
                    <a:lnTo>
                      <a:pt x="731" y="154"/>
                    </a:lnTo>
                    <a:lnTo>
                      <a:pt x="728" y="152"/>
                    </a:lnTo>
                    <a:lnTo>
                      <a:pt x="724" y="150"/>
                    </a:lnTo>
                    <a:lnTo>
                      <a:pt x="723" y="150"/>
                    </a:lnTo>
                    <a:lnTo>
                      <a:pt x="724" y="149"/>
                    </a:lnTo>
                    <a:lnTo>
                      <a:pt x="726" y="149"/>
                    </a:lnTo>
                    <a:lnTo>
                      <a:pt x="728" y="149"/>
                    </a:lnTo>
                    <a:lnTo>
                      <a:pt x="731" y="147"/>
                    </a:lnTo>
                    <a:lnTo>
                      <a:pt x="736" y="149"/>
                    </a:lnTo>
                    <a:lnTo>
                      <a:pt x="740" y="149"/>
                    </a:lnTo>
                    <a:lnTo>
                      <a:pt x="743" y="149"/>
                    </a:lnTo>
                    <a:lnTo>
                      <a:pt x="745" y="149"/>
                    </a:lnTo>
                    <a:lnTo>
                      <a:pt x="746" y="149"/>
                    </a:lnTo>
                    <a:lnTo>
                      <a:pt x="748" y="149"/>
                    </a:lnTo>
                    <a:lnTo>
                      <a:pt x="746" y="138"/>
                    </a:lnTo>
                    <a:lnTo>
                      <a:pt x="755" y="135"/>
                    </a:lnTo>
                    <a:lnTo>
                      <a:pt x="760" y="144"/>
                    </a:lnTo>
                    <a:lnTo>
                      <a:pt x="762" y="144"/>
                    </a:lnTo>
                    <a:lnTo>
                      <a:pt x="765" y="144"/>
                    </a:lnTo>
                    <a:lnTo>
                      <a:pt x="767" y="145"/>
                    </a:lnTo>
                    <a:lnTo>
                      <a:pt x="768" y="144"/>
                    </a:lnTo>
                    <a:lnTo>
                      <a:pt x="770" y="138"/>
                    </a:lnTo>
                    <a:lnTo>
                      <a:pt x="772" y="135"/>
                    </a:lnTo>
                    <a:lnTo>
                      <a:pt x="773" y="137"/>
                    </a:lnTo>
                    <a:lnTo>
                      <a:pt x="777" y="138"/>
                    </a:lnTo>
                    <a:lnTo>
                      <a:pt x="778" y="142"/>
                    </a:lnTo>
                    <a:lnTo>
                      <a:pt x="782" y="145"/>
                    </a:lnTo>
                    <a:lnTo>
                      <a:pt x="784" y="147"/>
                    </a:lnTo>
                    <a:lnTo>
                      <a:pt x="784" y="149"/>
                    </a:lnTo>
                    <a:lnTo>
                      <a:pt x="785" y="149"/>
                    </a:lnTo>
                    <a:lnTo>
                      <a:pt x="787" y="149"/>
                    </a:lnTo>
                    <a:lnTo>
                      <a:pt x="792" y="149"/>
                    </a:lnTo>
                    <a:lnTo>
                      <a:pt x="795" y="149"/>
                    </a:lnTo>
                    <a:lnTo>
                      <a:pt x="800" y="149"/>
                    </a:lnTo>
                    <a:lnTo>
                      <a:pt x="804" y="147"/>
                    </a:lnTo>
                    <a:lnTo>
                      <a:pt x="807" y="147"/>
                    </a:lnTo>
                    <a:lnTo>
                      <a:pt x="809" y="147"/>
                    </a:lnTo>
                    <a:lnTo>
                      <a:pt x="814" y="130"/>
                    </a:lnTo>
                    <a:lnTo>
                      <a:pt x="819" y="120"/>
                    </a:lnTo>
                    <a:lnTo>
                      <a:pt x="824" y="113"/>
                    </a:lnTo>
                    <a:lnTo>
                      <a:pt x="826" y="110"/>
                    </a:lnTo>
                    <a:lnTo>
                      <a:pt x="828" y="110"/>
                    </a:lnTo>
                    <a:lnTo>
                      <a:pt x="829" y="111"/>
                    </a:lnTo>
                    <a:lnTo>
                      <a:pt x="831" y="113"/>
                    </a:lnTo>
                    <a:lnTo>
                      <a:pt x="831" y="111"/>
                    </a:lnTo>
                    <a:lnTo>
                      <a:pt x="833" y="110"/>
                    </a:lnTo>
                    <a:lnTo>
                      <a:pt x="834" y="106"/>
                    </a:lnTo>
                    <a:lnTo>
                      <a:pt x="834" y="105"/>
                    </a:lnTo>
                    <a:lnTo>
                      <a:pt x="834" y="96"/>
                    </a:lnTo>
                    <a:lnTo>
                      <a:pt x="833" y="88"/>
                    </a:lnTo>
                    <a:lnTo>
                      <a:pt x="831" y="81"/>
                    </a:lnTo>
                    <a:lnTo>
                      <a:pt x="829" y="76"/>
                    </a:lnTo>
                    <a:lnTo>
                      <a:pt x="828" y="72"/>
                    </a:lnTo>
                    <a:lnTo>
                      <a:pt x="826" y="69"/>
                    </a:lnTo>
                    <a:lnTo>
                      <a:pt x="824" y="67"/>
                    </a:lnTo>
                    <a:lnTo>
                      <a:pt x="817" y="72"/>
                    </a:lnTo>
                    <a:lnTo>
                      <a:pt x="816" y="72"/>
                    </a:lnTo>
                    <a:lnTo>
                      <a:pt x="814" y="74"/>
                    </a:lnTo>
                    <a:lnTo>
                      <a:pt x="811" y="76"/>
                    </a:lnTo>
                    <a:lnTo>
                      <a:pt x="809" y="79"/>
                    </a:lnTo>
                    <a:lnTo>
                      <a:pt x="809" y="89"/>
                    </a:lnTo>
                    <a:lnTo>
                      <a:pt x="809" y="96"/>
                    </a:lnTo>
                    <a:lnTo>
                      <a:pt x="807" y="101"/>
                    </a:lnTo>
                    <a:lnTo>
                      <a:pt x="807" y="105"/>
                    </a:lnTo>
                    <a:lnTo>
                      <a:pt x="807" y="106"/>
                    </a:lnTo>
                    <a:lnTo>
                      <a:pt x="806" y="105"/>
                    </a:lnTo>
                    <a:lnTo>
                      <a:pt x="806" y="101"/>
                    </a:lnTo>
                    <a:lnTo>
                      <a:pt x="804" y="98"/>
                    </a:lnTo>
                    <a:lnTo>
                      <a:pt x="802" y="94"/>
                    </a:lnTo>
                    <a:lnTo>
                      <a:pt x="802" y="91"/>
                    </a:lnTo>
                    <a:lnTo>
                      <a:pt x="802" y="88"/>
                    </a:lnTo>
                    <a:lnTo>
                      <a:pt x="800" y="84"/>
                    </a:lnTo>
                    <a:lnTo>
                      <a:pt x="800" y="81"/>
                    </a:lnTo>
                    <a:lnTo>
                      <a:pt x="800" y="79"/>
                    </a:lnTo>
                    <a:lnTo>
                      <a:pt x="800" y="78"/>
                    </a:lnTo>
                    <a:lnTo>
                      <a:pt x="799" y="71"/>
                    </a:lnTo>
                    <a:lnTo>
                      <a:pt x="797" y="67"/>
                    </a:lnTo>
                    <a:lnTo>
                      <a:pt x="792" y="67"/>
                    </a:lnTo>
                    <a:lnTo>
                      <a:pt x="789" y="69"/>
                    </a:lnTo>
                    <a:lnTo>
                      <a:pt x="784" y="72"/>
                    </a:lnTo>
                    <a:lnTo>
                      <a:pt x="778" y="76"/>
                    </a:lnTo>
                    <a:lnTo>
                      <a:pt x="777" y="78"/>
                    </a:lnTo>
                    <a:lnTo>
                      <a:pt x="775" y="79"/>
                    </a:lnTo>
                    <a:lnTo>
                      <a:pt x="763" y="79"/>
                    </a:lnTo>
                    <a:lnTo>
                      <a:pt x="762" y="81"/>
                    </a:lnTo>
                    <a:lnTo>
                      <a:pt x="760" y="81"/>
                    </a:lnTo>
                    <a:lnTo>
                      <a:pt x="756" y="83"/>
                    </a:lnTo>
                    <a:lnTo>
                      <a:pt x="753" y="83"/>
                    </a:lnTo>
                    <a:lnTo>
                      <a:pt x="750" y="84"/>
                    </a:lnTo>
                    <a:lnTo>
                      <a:pt x="745" y="86"/>
                    </a:lnTo>
                    <a:lnTo>
                      <a:pt x="743" y="88"/>
                    </a:lnTo>
                    <a:lnTo>
                      <a:pt x="741" y="88"/>
                    </a:lnTo>
                    <a:lnTo>
                      <a:pt x="731" y="94"/>
                    </a:lnTo>
                    <a:lnTo>
                      <a:pt x="726" y="96"/>
                    </a:lnTo>
                    <a:lnTo>
                      <a:pt x="724" y="96"/>
                    </a:lnTo>
                    <a:lnTo>
                      <a:pt x="724" y="94"/>
                    </a:lnTo>
                    <a:lnTo>
                      <a:pt x="726" y="91"/>
                    </a:lnTo>
                    <a:lnTo>
                      <a:pt x="729" y="88"/>
                    </a:lnTo>
                    <a:lnTo>
                      <a:pt x="731" y="84"/>
                    </a:lnTo>
                    <a:lnTo>
                      <a:pt x="733" y="84"/>
                    </a:lnTo>
                    <a:lnTo>
                      <a:pt x="724" y="66"/>
                    </a:lnTo>
                    <a:lnTo>
                      <a:pt x="731" y="61"/>
                    </a:lnTo>
                    <a:lnTo>
                      <a:pt x="736" y="71"/>
                    </a:lnTo>
                    <a:lnTo>
                      <a:pt x="748" y="78"/>
                    </a:lnTo>
                    <a:lnTo>
                      <a:pt x="751" y="76"/>
                    </a:lnTo>
                    <a:lnTo>
                      <a:pt x="755" y="72"/>
                    </a:lnTo>
                    <a:lnTo>
                      <a:pt x="758" y="71"/>
                    </a:lnTo>
                    <a:lnTo>
                      <a:pt x="762" y="67"/>
                    </a:lnTo>
                    <a:lnTo>
                      <a:pt x="763" y="66"/>
                    </a:lnTo>
                    <a:lnTo>
                      <a:pt x="765" y="64"/>
                    </a:lnTo>
                    <a:lnTo>
                      <a:pt x="765" y="62"/>
                    </a:lnTo>
                    <a:lnTo>
                      <a:pt x="756" y="56"/>
                    </a:lnTo>
                    <a:lnTo>
                      <a:pt x="753" y="52"/>
                    </a:lnTo>
                    <a:lnTo>
                      <a:pt x="755" y="52"/>
                    </a:lnTo>
                    <a:lnTo>
                      <a:pt x="758" y="52"/>
                    </a:lnTo>
                    <a:lnTo>
                      <a:pt x="763" y="54"/>
                    </a:lnTo>
                    <a:lnTo>
                      <a:pt x="768" y="56"/>
                    </a:lnTo>
                    <a:lnTo>
                      <a:pt x="772" y="57"/>
                    </a:lnTo>
                    <a:lnTo>
                      <a:pt x="775" y="59"/>
                    </a:lnTo>
                    <a:lnTo>
                      <a:pt x="789" y="52"/>
                    </a:lnTo>
                    <a:lnTo>
                      <a:pt x="789" y="50"/>
                    </a:lnTo>
                    <a:lnTo>
                      <a:pt x="789" y="49"/>
                    </a:lnTo>
                    <a:lnTo>
                      <a:pt x="787" y="47"/>
                    </a:lnTo>
                    <a:lnTo>
                      <a:pt x="787" y="45"/>
                    </a:lnTo>
                    <a:lnTo>
                      <a:pt x="780" y="39"/>
                    </a:lnTo>
                    <a:lnTo>
                      <a:pt x="777" y="34"/>
                    </a:lnTo>
                    <a:lnTo>
                      <a:pt x="780" y="34"/>
                    </a:lnTo>
                    <a:lnTo>
                      <a:pt x="784" y="35"/>
                    </a:lnTo>
                    <a:lnTo>
                      <a:pt x="787" y="37"/>
                    </a:lnTo>
                    <a:lnTo>
                      <a:pt x="790" y="39"/>
                    </a:lnTo>
                    <a:lnTo>
                      <a:pt x="790" y="40"/>
                    </a:lnTo>
                    <a:lnTo>
                      <a:pt x="792" y="40"/>
                    </a:lnTo>
                    <a:lnTo>
                      <a:pt x="795" y="39"/>
                    </a:lnTo>
                    <a:lnTo>
                      <a:pt x="800" y="39"/>
                    </a:lnTo>
                    <a:lnTo>
                      <a:pt x="802" y="39"/>
                    </a:lnTo>
                    <a:lnTo>
                      <a:pt x="811" y="47"/>
                    </a:lnTo>
                    <a:lnTo>
                      <a:pt x="816" y="50"/>
                    </a:lnTo>
                    <a:lnTo>
                      <a:pt x="817" y="50"/>
                    </a:lnTo>
                    <a:lnTo>
                      <a:pt x="817" y="47"/>
                    </a:lnTo>
                    <a:lnTo>
                      <a:pt x="814" y="44"/>
                    </a:lnTo>
                    <a:lnTo>
                      <a:pt x="811" y="39"/>
                    </a:lnTo>
                    <a:lnTo>
                      <a:pt x="809" y="35"/>
                    </a:lnTo>
                    <a:lnTo>
                      <a:pt x="807" y="34"/>
                    </a:lnTo>
                    <a:lnTo>
                      <a:pt x="800" y="17"/>
                    </a:lnTo>
                    <a:lnTo>
                      <a:pt x="790" y="15"/>
                    </a:lnTo>
                    <a:lnTo>
                      <a:pt x="780" y="0"/>
                    </a:lnTo>
                    <a:lnTo>
                      <a:pt x="750" y="8"/>
                    </a:lnTo>
                    <a:lnTo>
                      <a:pt x="721" y="15"/>
                    </a:lnTo>
                    <a:lnTo>
                      <a:pt x="692" y="20"/>
                    </a:lnTo>
                    <a:lnTo>
                      <a:pt x="663" y="27"/>
                    </a:lnTo>
                    <a:lnTo>
                      <a:pt x="636" y="32"/>
                    </a:lnTo>
                    <a:lnTo>
                      <a:pt x="609" y="39"/>
                    </a:lnTo>
                    <a:lnTo>
                      <a:pt x="584" y="44"/>
                    </a:lnTo>
                    <a:lnTo>
                      <a:pt x="558" y="47"/>
                    </a:lnTo>
                    <a:lnTo>
                      <a:pt x="533" y="52"/>
                    </a:lnTo>
                    <a:lnTo>
                      <a:pt x="509" y="56"/>
                    </a:lnTo>
                    <a:lnTo>
                      <a:pt x="486" y="61"/>
                    </a:lnTo>
                    <a:lnTo>
                      <a:pt x="464" y="64"/>
                    </a:lnTo>
                    <a:lnTo>
                      <a:pt x="443" y="67"/>
                    </a:lnTo>
                    <a:lnTo>
                      <a:pt x="423" y="71"/>
                    </a:lnTo>
                    <a:lnTo>
                      <a:pt x="403" y="74"/>
                    </a:lnTo>
                    <a:lnTo>
                      <a:pt x="384" y="76"/>
                    </a:lnTo>
                    <a:lnTo>
                      <a:pt x="366" y="79"/>
                    </a:lnTo>
                    <a:lnTo>
                      <a:pt x="349" y="81"/>
                    </a:lnTo>
                    <a:lnTo>
                      <a:pt x="333" y="83"/>
                    </a:lnTo>
                    <a:lnTo>
                      <a:pt x="318" y="84"/>
                    </a:lnTo>
                    <a:lnTo>
                      <a:pt x="305" y="86"/>
                    </a:lnTo>
                    <a:lnTo>
                      <a:pt x="293" y="88"/>
                    </a:lnTo>
                    <a:lnTo>
                      <a:pt x="281" y="89"/>
                    </a:lnTo>
                    <a:lnTo>
                      <a:pt x="271" y="91"/>
                    </a:lnTo>
                    <a:lnTo>
                      <a:pt x="261" y="91"/>
                    </a:lnTo>
                    <a:lnTo>
                      <a:pt x="252" y="93"/>
                    </a:lnTo>
                    <a:lnTo>
                      <a:pt x="245" y="93"/>
                    </a:lnTo>
                    <a:lnTo>
                      <a:pt x="240" y="94"/>
                    </a:lnTo>
                    <a:lnTo>
                      <a:pt x="235" y="94"/>
                    </a:lnTo>
                    <a:lnTo>
                      <a:pt x="232" y="94"/>
                    </a:lnTo>
                    <a:lnTo>
                      <a:pt x="230" y="94"/>
                    </a:lnTo>
                    <a:lnTo>
                      <a:pt x="232" y="94"/>
                    </a:lnTo>
                    <a:lnTo>
                      <a:pt x="232" y="96"/>
                    </a:lnTo>
                    <a:lnTo>
                      <a:pt x="232" y="100"/>
                    </a:lnTo>
                    <a:lnTo>
                      <a:pt x="232" y="106"/>
                    </a:lnTo>
                    <a:lnTo>
                      <a:pt x="232" y="111"/>
                    </a:lnTo>
                    <a:lnTo>
                      <a:pt x="234" y="118"/>
                    </a:lnTo>
                    <a:lnTo>
                      <a:pt x="232" y="125"/>
                    </a:lnTo>
                    <a:lnTo>
                      <a:pt x="232" y="128"/>
                    </a:lnTo>
                    <a:lnTo>
                      <a:pt x="232" y="130"/>
                    </a:lnTo>
                    <a:lnTo>
                      <a:pt x="225" y="130"/>
                    </a:lnTo>
                    <a:lnTo>
                      <a:pt x="220" y="133"/>
                    </a:lnTo>
                    <a:lnTo>
                      <a:pt x="215" y="138"/>
                    </a:lnTo>
                    <a:lnTo>
                      <a:pt x="212" y="145"/>
                    </a:lnTo>
                    <a:lnTo>
                      <a:pt x="208" y="152"/>
                    </a:lnTo>
                    <a:lnTo>
                      <a:pt x="206" y="157"/>
                    </a:lnTo>
                    <a:lnTo>
                      <a:pt x="205" y="160"/>
                    </a:lnTo>
                    <a:lnTo>
                      <a:pt x="198" y="157"/>
                    </a:lnTo>
                    <a:lnTo>
                      <a:pt x="191" y="157"/>
                    </a:lnTo>
                    <a:lnTo>
                      <a:pt x="183" y="162"/>
                    </a:lnTo>
                    <a:lnTo>
                      <a:pt x="174" y="169"/>
                    </a:lnTo>
                    <a:lnTo>
                      <a:pt x="168" y="177"/>
                    </a:lnTo>
                    <a:lnTo>
                      <a:pt x="161" y="184"/>
                    </a:lnTo>
                    <a:lnTo>
                      <a:pt x="156" y="188"/>
                    </a:lnTo>
                    <a:lnTo>
                      <a:pt x="154" y="188"/>
                    </a:lnTo>
                    <a:lnTo>
                      <a:pt x="152" y="182"/>
                    </a:lnTo>
                    <a:lnTo>
                      <a:pt x="149" y="181"/>
                    </a:lnTo>
                    <a:lnTo>
                      <a:pt x="147" y="179"/>
                    </a:lnTo>
                    <a:lnTo>
                      <a:pt x="144" y="179"/>
                    </a:lnTo>
                    <a:lnTo>
                      <a:pt x="140" y="181"/>
                    </a:lnTo>
                    <a:lnTo>
                      <a:pt x="137" y="182"/>
                    </a:lnTo>
                    <a:lnTo>
                      <a:pt x="134" y="186"/>
                    </a:lnTo>
                    <a:lnTo>
                      <a:pt x="132" y="191"/>
                    </a:lnTo>
                    <a:lnTo>
                      <a:pt x="129" y="194"/>
                    </a:lnTo>
                    <a:lnTo>
                      <a:pt x="125" y="199"/>
                    </a:lnTo>
                    <a:lnTo>
                      <a:pt x="124" y="204"/>
                    </a:lnTo>
                    <a:lnTo>
                      <a:pt x="122" y="208"/>
                    </a:lnTo>
                    <a:lnTo>
                      <a:pt x="118" y="213"/>
                    </a:lnTo>
                    <a:lnTo>
                      <a:pt x="118" y="215"/>
                    </a:lnTo>
                    <a:lnTo>
                      <a:pt x="117" y="216"/>
                    </a:lnTo>
                    <a:lnTo>
                      <a:pt x="117" y="218"/>
                    </a:lnTo>
                    <a:lnTo>
                      <a:pt x="108" y="220"/>
                    </a:lnTo>
                    <a:lnTo>
                      <a:pt x="100" y="223"/>
                    </a:lnTo>
                    <a:lnTo>
                      <a:pt x="91" y="228"/>
                    </a:lnTo>
                    <a:lnTo>
                      <a:pt x="83" y="235"/>
                    </a:lnTo>
                    <a:lnTo>
                      <a:pt x="78" y="240"/>
                    </a:lnTo>
                    <a:lnTo>
                      <a:pt x="71" y="247"/>
                    </a:lnTo>
                    <a:lnTo>
                      <a:pt x="68" y="250"/>
                    </a:lnTo>
                    <a:lnTo>
                      <a:pt x="66" y="252"/>
                    </a:lnTo>
                    <a:lnTo>
                      <a:pt x="56" y="252"/>
                    </a:lnTo>
                    <a:lnTo>
                      <a:pt x="47" y="255"/>
                    </a:lnTo>
                    <a:lnTo>
                      <a:pt x="41" y="259"/>
                    </a:lnTo>
                    <a:lnTo>
                      <a:pt x="34" y="264"/>
                    </a:lnTo>
                    <a:lnTo>
                      <a:pt x="31" y="269"/>
                    </a:lnTo>
                    <a:lnTo>
                      <a:pt x="27" y="274"/>
                    </a:lnTo>
                    <a:lnTo>
                      <a:pt x="25" y="277"/>
                    </a:lnTo>
                    <a:lnTo>
                      <a:pt x="25" y="279"/>
                    </a:lnTo>
                    <a:lnTo>
                      <a:pt x="24" y="286"/>
                    </a:lnTo>
                    <a:lnTo>
                      <a:pt x="20" y="291"/>
                    </a:lnTo>
                    <a:lnTo>
                      <a:pt x="17" y="296"/>
                    </a:lnTo>
                    <a:lnTo>
                      <a:pt x="12" y="298"/>
                    </a:lnTo>
                    <a:lnTo>
                      <a:pt x="9" y="299"/>
                    </a:lnTo>
                    <a:lnTo>
                      <a:pt x="3" y="299"/>
                    </a:lnTo>
                    <a:lnTo>
                      <a:pt x="0" y="299"/>
                    </a:lnTo>
                    <a:lnTo>
                      <a:pt x="0" y="333"/>
                    </a:lnTo>
                    <a:lnTo>
                      <a:pt x="124" y="314"/>
                    </a:lnTo>
                    <a:lnTo>
                      <a:pt x="125" y="316"/>
                    </a:lnTo>
                    <a:lnTo>
                      <a:pt x="127" y="314"/>
                    </a:lnTo>
                    <a:lnTo>
                      <a:pt x="129" y="313"/>
                    </a:lnTo>
                    <a:lnTo>
                      <a:pt x="132" y="309"/>
                    </a:lnTo>
                    <a:lnTo>
                      <a:pt x="135" y="306"/>
                    </a:lnTo>
                    <a:lnTo>
                      <a:pt x="140" y="303"/>
                    </a:lnTo>
                    <a:lnTo>
                      <a:pt x="146" y="299"/>
                    </a:lnTo>
                    <a:lnTo>
                      <a:pt x="152" y="296"/>
                    </a:lnTo>
                    <a:lnTo>
                      <a:pt x="157" y="292"/>
                    </a:lnTo>
                    <a:lnTo>
                      <a:pt x="166" y="287"/>
                    </a:lnTo>
                    <a:lnTo>
                      <a:pt x="173" y="284"/>
                    </a:lnTo>
                    <a:lnTo>
                      <a:pt x="181" y="281"/>
                    </a:lnTo>
                    <a:lnTo>
                      <a:pt x="190" y="279"/>
                    </a:lnTo>
                    <a:lnTo>
                      <a:pt x="200" y="277"/>
                    </a:lnTo>
                    <a:lnTo>
                      <a:pt x="210" y="274"/>
                    </a:lnTo>
                    <a:lnTo>
                      <a:pt x="218" y="274"/>
                    </a:lnTo>
                    <a:lnTo>
                      <a:pt x="311" y="265"/>
                    </a:lnTo>
                    <a:lnTo>
                      <a:pt x="313" y="265"/>
                    </a:lnTo>
                    <a:lnTo>
                      <a:pt x="315" y="264"/>
                    </a:lnTo>
                    <a:lnTo>
                      <a:pt x="320" y="264"/>
                    </a:lnTo>
                    <a:lnTo>
                      <a:pt x="327" y="264"/>
                    </a:lnTo>
                    <a:lnTo>
                      <a:pt x="333" y="265"/>
                    </a:lnTo>
                    <a:lnTo>
                      <a:pt x="340" y="269"/>
                    </a:lnTo>
                    <a:lnTo>
                      <a:pt x="347" y="276"/>
                    </a:lnTo>
                    <a:lnTo>
                      <a:pt x="355" y="287"/>
                    </a:lnTo>
                    <a:lnTo>
                      <a:pt x="359" y="301"/>
                    </a:lnTo>
                    <a:lnTo>
                      <a:pt x="467" y="284"/>
                    </a:lnTo>
                    <a:lnTo>
                      <a:pt x="597" y="379"/>
                    </a:lnTo>
                    <a:lnTo>
                      <a:pt x="601" y="379"/>
                    </a:lnTo>
                    <a:lnTo>
                      <a:pt x="602" y="379"/>
                    </a:lnTo>
                    <a:lnTo>
                      <a:pt x="604" y="37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38" name="Freeform 164"/>
              <p:cNvSpPr>
                <a:spLocks/>
              </p:cNvSpPr>
              <p:nvPr/>
            </p:nvSpPr>
            <p:spPr bwMode="auto">
              <a:xfrm>
                <a:off x="4106" y="2082"/>
                <a:ext cx="834" cy="379"/>
              </a:xfrm>
              <a:custGeom>
                <a:avLst/>
                <a:gdLst>
                  <a:gd name="T0" fmla="*/ 648 w 834"/>
                  <a:gd name="T1" fmla="*/ 360 h 379"/>
                  <a:gd name="T2" fmla="*/ 658 w 834"/>
                  <a:gd name="T3" fmla="*/ 335 h 379"/>
                  <a:gd name="T4" fmla="*/ 662 w 834"/>
                  <a:gd name="T5" fmla="*/ 353 h 379"/>
                  <a:gd name="T6" fmla="*/ 675 w 834"/>
                  <a:gd name="T7" fmla="*/ 309 h 379"/>
                  <a:gd name="T8" fmla="*/ 697 w 834"/>
                  <a:gd name="T9" fmla="*/ 279 h 379"/>
                  <a:gd name="T10" fmla="*/ 702 w 834"/>
                  <a:gd name="T11" fmla="*/ 264 h 379"/>
                  <a:gd name="T12" fmla="*/ 729 w 834"/>
                  <a:gd name="T13" fmla="*/ 248 h 379"/>
                  <a:gd name="T14" fmla="*/ 758 w 834"/>
                  <a:gd name="T15" fmla="*/ 232 h 379"/>
                  <a:gd name="T16" fmla="*/ 768 w 834"/>
                  <a:gd name="T17" fmla="*/ 233 h 379"/>
                  <a:gd name="T18" fmla="*/ 780 w 834"/>
                  <a:gd name="T19" fmla="*/ 230 h 379"/>
                  <a:gd name="T20" fmla="*/ 790 w 834"/>
                  <a:gd name="T21" fmla="*/ 218 h 379"/>
                  <a:gd name="T22" fmla="*/ 795 w 834"/>
                  <a:gd name="T23" fmla="*/ 193 h 379"/>
                  <a:gd name="T24" fmla="*/ 790 w 834"/>
                  <a:gd name="T25" fmla="*/ 201 h 379"/>
                  <a:gd name="T26" fmla="*/ 784 w 834"/>
                  <a:gd name="T27" fmla="*/ 188 h 379"/>
                  <a:gd name="T28" fmla="*/ 772 w 834"/>
                  <a:gd name="T29" fmla="*/ 198 h 379"/>
                  <a:gd name="T30" fmla="*/ 733 w 834"/>
                  <a:gd name="T31" fmla="*/ 199 h 379"/>
                  <a:gd name="T32" fmla="*/ 763 w 834"/>
                  <a:gd name="T33" fmla="*/ 194 h 379"/>
                  <a:gd name="T34" fmla="*/ 772 w 834"/>
                  <a:gd name="T35" fmla="*/ 164 h 379"/>
                  <a:gd name="T36" fmla="*/ 750 w 834"/>
                  <a:gd name="T37" fmla="*/ 159 h 379"/>
                  <a:gd name="T38" fmla="*/ 726 w 834"/>
                  <a:gd name="T39" fmla="*/ 149 h 379"/>
                  <a:gd name="T40" fmla="*/ 746 w 834"/>
                  <a:gd name="T41" fmla="*/ 149 h 379"/>
                  <a:gd name="T42" fmla="*/ 765 w 834"/>
                  <a:gd name="T43" fmla="*/ 144 h 379"/>
                  <a:gd name="T44" fmla="*/ 777 w 834"/>
                  <a:gd name="T45" fmla="*/ 138 h 379"/>
                  <a:gd name="T46" fmla="*/ 787 w 834"/>
                  <a:gd name="T47" fmla="*/ 149 h 379"/>
                  <a:gd name="T48" fmla="*/ 809 w 834"/>
                  <a:gd name="T49" fmla="*/ 147 h 379"/>
                  <a:gd name="T50" fmla="*/ 831 w 834"/>
                  <a:gd name="T51" fmla="*/ 113 h 379"/>
                  <a:gd name="T52" fmla="*/ 834 w 834"/>
                  <a:gd name="T53" fmla="*/ 105 h 379"/>
                  <a:gd name="T54" fmla="*/ 824 w 834"/>
                  <a:gd name="T55" fmla="*/ 67 h 379"/>
                  <a:gd name="T56" fmla="*/ 809 w 834"/>
                  <a:gd name="T57" fmla="*/ 79 h 379"/>
                  <a:gd name="T58" fmla="*/ 806 w 834"/>
                  <a:gd name="T59" fmla="*/ 105 h 379"/>
                  <a:gd name="T60" fmla="*/ 800 w 834"/>
                  <a:gd name="T61" fmla="*/ 84 h 379"/>
                  <a:gd name="T62" fmla="*/ 792 w 834"/>
                  <a:gd name="T63" fmla="*/ 67 h 379"/>
                  <a:gd name="T64" fmla="*/ 763 w 834"/>
                  <a:gd name="T65" fmla="*/ 79 h 379"/>
                  <a:gd name="T66" fmla="*/ 743 w 834"/>
                  <a:gd name="T67" fmla="*/ 88 h 379"/>
                  <a:gd name="T68" fmla="*/ 726 w 834"/>
                  <a:gd name="T69" fmla="*/ 91 h 379"/>
                  <a:gd name="T70" fmla="*/ 748 w 834"/>
                  <a:gd name="T71" fmla="*/ 78 h 379"/>
                  <a:gd name="T72" fmla="*/ 763 w 834"/>
                  <a:gd name="T73" fmla="*/ 66 h 379"/>
                  <a:gd name="T74" fmla="*/ 758 w 834"/>
                  <a:gd name="T75" fmla="*/ 52 h 379"/>
                  <a:gd name="T76" fmla="*/ 789 w 834"/>
                  <a:gd name="T77" fmla="*/ 50 h 379"/>
                  <a:gd name="T78" fmla="*/ 777 w 834"/>
                  <a:gd name="T79" fmla="*/ 34 h 379"/>
                  <a:gd name="T80" fmla="*/ 792 w 834"/>
                  <a:gd name="T81" fmla="*/ 40 h 379"/>
                  <a:gd name="T82" fmla="*/ 817 w 834"/>
                  <a:gd name="T83" fmla="*/ 50 h 379"/>
                  <a:gd name="T84" fmla="*/ 790 w 834"/>
                  <a:gd name="T85" fmla="*/ 15 h 379"/>
                  <a:gd name="T86" fmla="*/ 636 w 834"/>
                  <a:gd name="T87" fmla="*/ 32 h 379"/>
                  <a:gd name="T88" fmla="*/ 464 w 834"/>
                  <a:gd name="T89" fmla="*/ 64 h 379"/>
                  <a:gd name="T90" fmla="*/ 333 w 834"/>
                  <a:gd name="T91" fmla="*/ 83 h 379"/>
                  <a:gd name="T92" fmla="*/ 252 w 834"/>
                  <a:gd name="T93" fmla="*/ 93 h 379"/>
                  <a:gd name="T94" fmla="*/ 232 w 834"/>
                  <a:gd name="T95" fmla="*/ 94 h 379"/>
                  <a:gd name="T96" fmla="*/ 232 w 834"/>
                  <a:gd name="T97" fmla="*/ 125 h 379"/>
                  <a:gd name="T98" fmla="*/ 212 w 834"/>
                  <a:gd name="T99" fmla="*/ 145 h 379"/>
                  <a:gd name="T100" fmla="*/ 191 w 834"/>
                  <a:gd name="T101" fmla="*/ 157 h 379"/>
                  <a:gd name="T102" fmla="*/ 154 w 834"/>
                  <a:gd name="T103" fmla="*/ 188 h 379"/>
                  <a:gd name="T104" fmla="*/ 134 w 834"/>
                  <a:gd name="T105" fmla="*/ 186 h 379"/>
                  <a:gd name="T106" fmla="*/ 118 w 834"/>
                  <a:gd name="T107" fmla="*/ 215 h 379"/>
                  <a:gd name="T108" fmla="*/ 83 w 834"/>
                  <a:gd name="T109" fmla="*/ 235 h 379"/>
                  <a:gd name="T110" fmla="*/ 47 w 834"/>
                  <a:gd name="T111" fmla="*/ 255 h 379"/>
                  <a:gd name="T112" fmla="*/ 25 w 834"/>
                  <a:gd name="T113" fmla="*/ 279 h 379"/>
                  <a:gd name="T114" fmla="*/ 0 w 834"/>
                  <a:gd name="T115" fmla="*/ 299 h 379"/>
                  <a:gd name="T116" fmla="*/ 127 w 834"/>
                  <a:gd name="T117" fmla="*/ 314 h 379"/>
                  <a:gd name="T118" fmla="*/ 157 w 834"/>
                  <a:gd name="T119" fmla="*/ 292 h 379"/>
                  <a:gd name="T120" fmla="*/ 218 w 834"/>
                  <a:gd name="T121" fmla="*/ 274 h 379"/>
                  <a:gd name="T122" fmla="*/ 333 w 834"/>
                  <a:gd name="T123" fmla="*/ 265 h 379"/>
                  <a:gd name="T124" fmla="*/ 597 w 834"/>
                  <a:gd name="T125" fmla="*/ 379 h 379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  <a:gd name="T189" fmla="*/ 0 w 834"/>
                  <a:gd name="T190" fmla="*/ 0 h 379"/>
                  <a:gd name="T191" fmla="*/ 834 w 834"/>
                  <a:gd name="T192" fmla="*/ 379 h 379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T189" t="T190" r="T191" b="T192"/>
                <a:pathLst>
                  <a:path w="834" h="379">
                    <a:moveTo>
                      <a:pt x="604" y="377"/>
                    </a:moveTo>
                    <a:lnTo>
                      <a:pt x="604" y="377"/>
                    </a:lnTo>
                    <a:lnTo>
                      <a:pt x="618" y="369"/>
                    </a:lnTo>
                    <a:lnTo>
                      <a:pt x="628" y="362"/>
                    </a:lnTo>
                    <a:lnTo>
                      <a:pt x="636" y="360"/>
                    </a:lnTo>
                    <a:lnTo>
                      <a:pt x="643" y="360"/>
                    </a:lnTo>
                    <a:lnTo>
                      <a:pt x="648" y="360"/>
                    </a:lnTo>
                    <a:lnTo>
                      <a:pt x="650" y="362"/>
                    </a:lnTo>
                    <a:lnTo>
                      <a:pt x="653" y="364"/>
                    </a:lnTo>
                    <a:lnTo>
                      <a:pt x="653" y="365"/>
                    </a:lnTo>
                    <a:lnTo>
                      <a:pt x="653" y="333"/>
                    </a:lnTo>
                    <a:lnTo>
                      <a:pt x="657" y="333"/>
                    </a:lnTo>
                    <a:lnTo>
                      <a:pt x="658" y="335"/>
                    </a:lnTo>
                    <a:lnTo>
                      <a:pt x="658" y="338"/>
                    </a:lnTo>
                    <a:lnTo>
                      <a:pt x="658" y="340"/>
                    </a:lnTo>
                    <a:lnTo>
                      <a:pt x="660" y="345"/>
                    </a:lnTo>
                    <a:lnTo>
                      <a:pt x="662" y="348"/>
                    </a:lnTo>
                    <a:lnTo>
                      <a:pt x="662" y="352"/>
                    </a:lnTo>
                    <a:lnTo>
                      <a:pt x="662" y="353"/>
                    </a:lnTo>
                    <a:lnTo>
                      <a:pt x="663" y="345"/>
                    </a:lnTo>
                    <a:lnTo>
                      <a:pt x="663" y="338"/>
                    </a:lnTo>
                    <a:lnTo>
                      <a:pt x="667" y="330"/>
                    </a:lnTo>
                    <a:lnTo>
                      <a:pt x="668" y="323"/>
                    </a:lnTo>
                    <a:lnTo>
                      <a:pt x="672" y="316"/>
                    </a:lnTo>
                    <a:lnTo>
                      <a:pt x="675" y="309"/>
                    </a:lnTo>
                    <a:lnTo>
                      <a:pt x="679" y="303"/>
                    </a:lnTo>
                    <a:lnTo>
                      <a:pt x="682" y="298"/>
                    </a:lnTo>
                    <a:lnTo>
                      <a:pt x="685" y="292"/>
                    </a:lnTo>
                    <a:lnTo>
                      <a:pt x="689" y="289"/>
                    </a:lnTo>
                    <a:lnTo>
                      <a:pt x="692" y="286"/>
                    </a:lnTo>
                    <a:lnTo>
                      <a:pt x="696" y="282"/>
                    </a:lnTo>
                    <a:lnTo>
                      <a:pt x="697" y="279"/>
                    </a:lnTo>
                    <a:lnTo>
                      <a:pt x="699" y="277"/>
                    </a:lnTo>
                    <a:lnTo>
                      <a:pt x="701" y="277"/>
                    </a:lnTo>
                    <a:lnTo>
                      <a:pt x="701" y="276"/>
                    </a:lnTo>
                    <a:lnTo>
                      <a:pt x="696" y="267"/>
                    </a:lnTo>
                    <a:lnTo>
                      <a:pt x="702" y="262"/>
                    </a:lnTo>
                    <a:lnTo>
                      <a:pt x="702" y="264"/>
                    </a:lnTo>
                    <a:lnTo>
                      <a:pt x="704" y="267"/>
                    </a:lnTo>
                    <a:lnTo>
                      <a:pt x="706" y="270"/>
                    </a:lnTo>
                    <a:lnTo>
                      <a:pt x="707" y="270"/>
                    </a:lnTo>
                    <a:lnTo>
                      <a:pt x="714" y="262"/>
                    </a:lnTo>
                    <a:lnTo>
                      <a:pt x="721" y="254"/>
                    </a:lnTo>
                    <a:lnTo>
                      <a:pt x="729" y="248"/>
                    </a:lnTo>
                    <a:lnTo>
                      <a:pt x="738" y="243"/>
                    </a:lnTo>
                    <a:lnTo>
                      <a:pt x="745" y="242"/>
                    </a:lnTo>
                    <a:lnTo>
                      <a:pt x="751" y="240"/>
                    </a:lnTo>
                    <a:lnTo>
                      <a:pt x="756" y="238"/>
                    </a:lnTo>
                    <a:lnTo>
                      <a:pt x="758" y="238"/>
                    </a:lnTo>
                    <a:lnTo>
                      <a:pt x="758" y="232"/>
                    </a:lnTo>
                    <a:lnTo>
                      <a:pt x="760" y="230"/>
                    </a:lnTo>
                    <a:lnTo>
                      <a:pt x="762" y="228"/>
                    </a:lnTo>
                    <a:lnTo>
                      <a:pt x="763" y="228"/>
                    </a:lnTo>
                    <a:lnTo>
                      <a:pt x="765" y="230"/>
                    </a:lnTo>
                    <a:lnTo>
                      <a:pt x="767" y="230"/>
                    </a:lnTo>
                    <a:lnTo>
                      <a:pt x="768" y="232"/>
                    </a:lnTo>
                    <a:lnTo>
                      <a:pt x="768" y="233"/>
                    </a:lnTo>
                    <a:lnTo>
                      <a:pt x="770" y="230"/>
                    </a:lnTo>
                    <a:lnTo>
                      <a:pt x="772" y="228"/>
                    </a:lnTo>
                    <a:lnTo>
                      <a:pt x="773" y="226"/>
                    </a:lnTo>
                    <a:lnTo>
                      <a:pt x="775" y="228"/>
                    </a:lnTo>
                    <a:lnTo>
                      <a:pt x="778" y="228"/>
                    </a:lnTo>
                    <a:lnTo>
                      <a:pt x="780" y="230"/>
                    </a:lnTo>
                    <a:lnTo>
                      <a:pt x="782" y="230"/>
                    </a:lnTo>
                    <a:lnTo>
                      <a:pt x="784" y="230"/>
                    </a:lnTo>
                    <a:lnTo>
                      <a:pt x="785" y="226"/>
                    </a:lnTo>
                    <a:lnTo>
                      <a:pt x="787" y="223"/>
                    </a:lnTo>
                    <a:lnTo>
                      <a:pt x="790" y="218"/>
                    </a:lnTo>
                    <a:lnTo>
                      <a:pt x="792" y="215"/>
                    </a:lnTo>
                    <a:lnTo>
                      <a:pt x="795" y="210"/>
                    </a:lnTo>
                    <a:lnTo>
                      <a:pt x="797" y="208"/>
                    </a:lnTo>
                    <a:lnTo>
                      <a:pt x="797" y="204"/>
                    </a:lnTo>
                    <a:lnTo>
                      <a:pt x="797" y="196"/>
                    </a:lnTo>
                    <a:lnTo>
                      <a:pt x="795" y="193"/>
                    </a:lnTo>
                    <a:lnTo>
                      <a:pt x="795" y="191"/>
                    </a:lnTo>
                    <a:lnTo>
                      <a:pt x="794" y="193"/>
                    </a:lnTo>
                    <a:lnTo>
                      <a:pt x="792" y="194"/>
                    </a:lnTo>
                    <a:lnTo>
                      <a:pt x="790" y="198"/>
                    </a:lnTo>
                    <a:lnTo>
                      <a:pt x="790" y="199"/>
                    </a:lnTo>
                    <a:lnTo>
                      <a:pt x="790" y="201"/>
                    </a:lnTo>
                    <a:lnTo>
                      <a:pt x="789" y="201"/>
                    </a:lnTo>
                    <a:lnTo>
                      <a:pt x="787" y="199"/>
                    </a:lnTo>
                    <a:lnTo>
                      <a:pt x="785" y="199"/>
                    </a:lnTo>
                    <a:lnTo>
                      <a:pt x="785" y="198"/>
                    </a:lnTo>
                    <a:lnTo>
                      <a:pt x="784" y="191"/>
                    </a:lnTo>
                    <a:lnTo>
                      <a:pt x="784" y="188"/>
                    </a:lnTo>
                    <a:lnTo>
                      <a:pt x="784" y="186"/>
                    </a:lnTo>
                    <a:lnTo>
                      <a:pt x="782" y="188"/>
                    </a:lnTo>
                    <a:lnTo>
                      <a:pt x="780" y="189"/>
                    </a:lnTo>
                    <a:lnTo>
                      <a:pt x="780" y="193"/>
                    </a:lnTo>
                    <a:lnTo>
                      <a:pt x="780" y="194"/>
                    </a:lnTo>
                    <a:lnTo>
                      <a:pt x="780" y="196"/>
                    </a:lnTo>
                    <a:lnTo>
                      <a:pt x="772" y="198"/>
                    </a:lnTo>
                    <a:lnTo>
                      <a:pt x="753" y="215"/>
                    </a:lnTo>
                    <a:lnTo>
                      <a:pt x="741" y="213"/>
                    </a:lnTo>
                    <a:lnTo>
                      <a:pt x="724" y="198"/>
                    </a:lnTo>
                    <a:lnTo>
                      <a:pt x="726" y="198"/>
                    </a:lnTo>
                    <a:lnTo>
                      <a:pt x="729" y="199"/>
                    </a:lnTo>
                    <a:lnTo>
                      <a:pt x="733" y="199"/>
                    </a:lnTo>
                    <a:lnTo>
                      <a:pt x="736" y="201"/>
                    </a:lnTo>
                    <a:lnTo>
                      <a:pt x="741" y="204"/>
                    </a:lnTo>
                    <a:lnTo>
                      <a:pt x="748" y="204"/>
                    </a:lnTo>
                    <a:lnTo>
                      <a:pt x="753" y="203"/>
                    </a:lnTo>
                    <a:lnTo>
                      <a:pt x="758" y="199"/>
                    </a:lnTo>
                    <a:lnTo>
                      <a:pt x="763" y="194"/>
                    </a:lnTo>
                    <a:lnTo>
                      <a:pt x="767" y="191"/>
                    </a:lnTo>
                    <a:lnTo>
                      <a:pt x="770" y="188"/>
                    </a:lnTo>
                    <a:lnTo>
                      <a:pt x="770" y="186"/>
                    </a:lnTo>
                    <a:lnTo>
                      <a:pt x="760" y="182"/>
                    </a:lnTo>
                    <a:lnTo>
                      <a:pt x="758" y="177"/>
                    </a:lnTo>
                    <a:lnTo>
                      <a:pt x="768" y="176"/>
                    </a:lnTo>
                    <a:lnTo>
                      <a:pt x="772" y="164"/>
                    </a:lnTo>
                    <a:lnTo>
                      <a:pt x="770" y="164"/>
                    </a:lnTo>
                    <a:lnTo>
                      <a:pt x="768" y="164"/>
                    </a:lnTo>
                    <a:lnTo>
                      <a:pt x="767" y="164"/>
                    </a:lnTo>
                    <a:lnTo>
                      <a:pt x="763" y="162"/>
                    </a:lnTo>
                    <a:lnTo>
                      <a:pt x="750" y="159"/>
                    </a:lnTo>
                    <a:lnTo>
                      <a:pt x="740" y="155"/>
                    </a:lnTo>
                    <a:lnTo>
                      <a:pt x="731" y="154"/>
                    </a:lnTo>
                    <a:lnTo>
                      <a:pt x="728" y="152"/>
                    </a:lnTo>
                    <a:lnTo>
                      <a:pt x="724" y="150"/>
                    </a:lnTo>
                    <a:lnTo>
                      <a:pt x="723" y="150"/>
                    </a:lnTo>
                    <a:lnTo>
                      <a:pt x="724" y="149"/>
                    </a:lnTo>
                    <a:lnTo>
                      <a:pt x="726" y="149"/>
                    </a:lnTo>
                    <a:lnTo>
                      <a:pt x="728" y="149"/>
                    </a:lnTo>
                    <a:lnTo>
                      <a:pt x="731" y="147"/>
                    </a:lnTo>
                    <a:lnTo>
                      <a:pt x="736" y="149"/>
                    </a:lnTo>
                    <a:lnTo>
                      <a:pt x="740" y="149"/>
                    </a:lnTo>
                    <a:lnTo>
                      <a:pt x="743" y="149"/>
                    </a:lnTo>
                    <a:lnTo>
                      <a:pt x="745" y="149"/>
                    </a:lnTo>
                    <a:lnTo>
                      <a:pt x="746" y="149"/>
                    </a:lnTo>
                    <a:lnTo>
                      <a:pt x="748" y="149"/>
                    </a:lnTo>
                    <a:lnTo>
                      <a:pt x="746" y="138"/>
                    </a:lnTo>
                    <a:lnTo>
                      <a:pt x="755" y="135"/>
                    </a:lnTo>
                    <a:lnTo>
                      <a:pt x="760" y="144"/>
                    </a:lnTo>
                    <a:lnTo>
                      <a:pt x="762" y="144"/>
                    </a:lnTo>
                    <a:lnTo>
                      <a:pt x="765" y="144"/>
                    </a:lnTo>
                    <a:lnTo>
                      <a:pt x="767" y="145"/>
                    </a:lnTo>
                    <a:lnTo>
                      <a:pt x="768" y="144"/>
                    </a:lnTo>
                    <a:lnTo>
                      <a:pt x="770" y="138"/>
                    </a:lnTo>
                    <a:lnTo>
                      <a:pt x="772" y="135"/>
                    </a:lnTo>
                    <a:lnTo>
                      <a:pt x="773" y="137"/>
                    </a:lnTo>
                    <a:lnTo>
                      <a:pt x="777" y="138"/>
                    </a:lnTo>
                    <a:lnTo>
                      <a:pt x="778" y="142"/>
                    </a:lnTo>
                    <a:lnTo>
                      <a:pt x="782" y="145"/>
                    </a:lnTo>
                    <a:lnTo>
                      <a:pt x="784" y="147"/>
                    </a:lnTo>
                    <a:lnTo>
                      <a:pt x="784" y="149"/>
                    </a:lnTo>
                    <a:lnTo>
                      <a:pt x="785" y="149"/>
                    </a:lnTo>
                    <a:lnTo>
                      <a:pt x="787" y="149"/>
                    </a:lnTo>
                    <a:lnTo>
                      <a:pt x="792" y="149"/>
                    </a:lnTo>
                    <a:lnTo>
                      <a:pt x="795" y="149"/>
                    </a:lnTo>
                    <a:lnTo>
                      <a:pt x="800" y="149"/>
                    </a:lnTo>
                    <a:lnTo>
                      <a:pt x="804" y="147"/>
                    </a:lnTo>
                    <a:lnTo>
                      <a:pt x="807" y="147"/>
                    </a:lnTo>
                    <a:lnTo>
                      <a:pt x="809" y="147"/>
                    </a:lnTo>
                    <a:lnTo>
                      <a:pt x="814" y="130"/>
                    </a:lnTo>
                    <a:lnTo>
                      <a:pt x="819" y="120"/>
                    </a:lnTo>
                    <a:lnTo>
                      <a:pt x="824" y="113"/>
                    </a:lnTo>
                    <a:lnTo>
                      <a:pt x="826" y="110"/>
                    </a:lnTo>
                    <a:lnTo>
                      <a:pt x="828" y="110"/>
                    </a:lnTo>
                    <a:lnTo>
                      <a:pt x="829" y="111"/>
                    </a:lnTo>
                    <a:lnTo>
                      <a:pt x="831" y="113"/>
                    </a:lnTo>
                    <a:lnTo>
                      <a:pt x="831" y="111"/>
                    </a:lnTo>
                    <a:lnTo>
                      <a:pt x="833" y="110"/>
                    </a:lnTo>
                    <a:lnTo>
                      <a:pt x="834" y="106"/>
                    </a:lnTo>
                    <a:lnTo>
                      <a:pt x="834" y="105"/>
                    </a:lnTo>
                    <a:lnTo>
                      <a:pt x="834" y="96"/>
                    </a:lnTo>
                    <a:lnTo>
                      <a:pt x="833" y="88"/>
                    </a:lnTo>
                    <a:lnTo>
                      <a:pt x="831" y="81"/>
                    </a:lnTo>
                    <a:lnTo>
                      <a:pt x="829" y="76"/>
                    </a:lnTo>
                    <a:lnTo>
                      <a:pt x="828" y="72"/>
                    </a:lnTo>
                    <a:lnTo>
                      <a:pt x="826" y="69"/>
                    </a:lnTo>
                    <a:lnTo>
                      <a:pt x="824" y="67"/>
                    </a:lnTo>
                    <a:lnTo>
                      <a:pt x="817" y="72"/>
                    </a:lnTo>
                    <a:lnTo>
                      <a:pt x="816" y="72"/>
                    </a:lnTo>
                    <a:lnTo>
                      <a:pt x="814" y="74"/>
                    </a:lnTo>
                    <a:lnTo>
                      <a:pt x="811" y="76"/>
                    </a:lnTo>
                    <a:lnTo>
                      <a:pt x="809" y="79"/>
                    </a:lnTo>
                    <a:lnTo>
                      <a:pt x="809" y="89"/>
                    </a:lnTo>
                    <a:lnTo>
                      <a:pt x="809" y="96"/>
                    </a:lnTo>
                    <a:lnTo>
                      <a:pt x="807" y="101"/>
                    </a:lnTo>
                    <a:lnTo>
                      <a:pt x="807" y="105"/>
                    </a:lnTo>
                    <a:lnTo>
                      <a:pt x="807" y="106"/>
                    </a:lnTo>
                    <a:lnTo>
                      <a:pt x="806" y="105"/>
                    </a:lnTo>
                    <a:lnTo>
                      <a:pt x="806" y="101"/>
                    </a:lnTo>
                    <a:lnTo>
                      <a:pt x="804" y="98"/>
                    </a:lnTo>
                    <a:lnTo>
                      <a:pt x="802" y="94"/>
                    </a:lnTo>
                    <a:lnTo>
                      <a:pt x="802" y="91"/>
                    </a:lnTo>
                    <a:lnTo>
                      <a:pt x="802" y="88"/>
                    </a:lnTo>
                    <a:lnTo>
                      <a:pt x="800" y="84"/>
                    </a:lnTo>
                    <a:lnTo>
                      <a:pt x="800" y="81"/>
                    </a:lnTo>
                    <a:lnTo>
                      <a:pt x="800" y="79"/>
                    </a:lnTo>
                    <a:lnTo>
                      <a:pt x="800" y="78"/>
                    </a:lnTo>
                    <a:lnTo>
                      <a:pt x="799" y="71"/>
                    </a:lnTo>
                    <a:lnTo>
                      <a:pt x="797" y="67"/>
                    </a:lnTo>
                    <a:lnTo>
                      <a:pt x="792" y="67"/>
                    </a:lnTo>
                    <a:lnTo>
                      <a:pt x="789" y="69"/>
                    </a:lnTo>
                    <a:lnTo>
                      <a:pt x="784" y="72"/>
                    </a:lnTo>
                    <a:lnTo>
                      <a:pt x="778" y="76"/>
                    </a:lnTo>
                    <a:lnTo>
                      <a:pt x="777" y="78"/>
                    </a:lnTo>
                    <a:lnTo>
                      <a:pt x="775" y="79"/>
                    </a:lnTo>
                    <a:lnTo>
                      <a:pt x="763" y="79"/>
                    </a:lnTo>
                    <a:lnTo>
                      <a:pt x="762" y="81"/>
                    </a:lnTo>
                    <a:lnTo>
                      <a:pt x="760" y="81"/>
                    </a:lnTo>
                    <a:lnTo>
                      <a:pt x="756" y="83"/>
                    </a:lnTo>
                    <a:lnTo>
                      <a:pt x="753" y="83"/>
                    </a:lnTo>
                    <a:lnTo>
                      <a:pt x="750" y="84"/>
                    </a:lnTo>
                    <a:lnTo>
                      <a:pt x="745" y="86"/>
                    </a:lnTo>
                    <a:lnTo>
                      <a:pt x="743" y="88"/>
                    </a:lnTo>
                    <a:lnTo>
                      <a:pt x="741" y="88"/>
                    </a:lnTo>
                    <a:lnTo>
                      <a:pt x="731" y="94"/>
                    </a:lnTo>
                    <a:lnTo>
                      <a:pt x="726" y="96"/>
                    </a:lnTo>
                    <a:lnTo>
                      <a:pt x="724" y="96"/>
                    </a:lnTo>
                    <a:lnTo>
                      <a:pt x="724" y="94"/>
                    </a:lnTo>
                    <a:lnTo>
                      <a:pt x="726" y="91"/>
                    </a:lnTo>
                    <a:lnTo>
                      <a:pt x="729" y="88"/>
                    </a:lnTo>
                    <a:lnTo>
                      <a:pt x="731" y="84"/>
                    </a:lnTo>
                    <a:lnTo>
                      <a:pt x="733" y="84"/>
                    </a:lnTo>
                    <a:lnTo>
                      <a:pt x="724" y="66"/>
                    </a:lnTo>
                    <a:lnTo>
                      <a:pt x="731" y="61"/>
                    </a:lnTo>
                    <a:lnTo>
                      <a:pt x="736" y="71"/>
                    </a:lnTo>
                    <a:lnTo>
                      <a:pt x="748" y="78"/>
                    </a:lnTo>
                    <a:lnTo>
                      <a:pt x="751" y="76"/>
                    </a:lnTo>
                    <a:lnTo>
                      <a:pt x="755" y="72"/>
                    </a:lnTo>
                    <a:lnTo>
                      <a:pt x="758" y="71"/>
                    </a:lnTo>
                    <a:lnTo>
                      <a:pt x="762" y="67"/>
                    </a:lnTo>
                    <a:lnTo>
                      <a:pt x="763" y="66"/>
                    </a:lnTo>
                    <a:lnTo>
                      <a:pt x="765" y="64"/>
                    </a:lnTo>
                    <a:lnTo>
                      <a:pt x="765" y="62"/>
                    </a:lnTo>
                    <a:lnTo>
                      <a:pt x="756" y="56"/>
                    </a:lnTo>
                    <a:lnTo>
                      <a:pt x="753" y="52"/>
                    </a:lnTo>
                    <a:lnTo>
                      <a:pt x="755" y="52"/>
                    </a:lnTo>
                    <a:lnTo>
                      <a:pt x="758" y="52"/>
                    </a:lnTo>
                    <a:lnTo>
                      <a:pt x="763" y="54"/>
                    </a:lnTo>
                    <a:lnTo>
                      <a:pt x="768" y="56"/>
                    </a:lnTo>
                    <a:lnTo>
                      <a:pt x="772" y="57"/>
                    </a:lnTo>
                    <a:lnTo>
                      <a:pt x="775" y="59"/>
                    </a:lnTo>
                    <a:lnTo>
                      <a:pt x="789" y="52"/>
                    </a:lnTo>
                    <a:lnTo>
                      <a:pt x="789" y="50"/>
                    </a:lnTo>
                    <a:lnTo>
                      <a:pt x="789" y="49"/>
                    </a:lnTo>
                    <a:lnTo>
                      <a:pt x="787" y="47"/>
                    </a:lnTo>
                    <a:lnTo>
                      <a:pt x="787" y="45"/>
                    </a:lnTo>
                    <a:lnTo>
                      <a:pt x="780" y="39"/>
                    </a:lnTo>
                    <a:lnTo>
                      <a:pt x="777" y="34"/>
                    </a:lnTo>
                    <a:lnTo>
                      <a:pt x="780" y="34"/>
                    </a:lnTo>
                    <a:lnTo>
                      <a:pt x="784" y="35"/>
                    </a:lnTo>
                    <a:lnTo>
                      <a:pt x="787" y="37"/>
                    </a:lnTo>
                    <a:lnTo>
                      <a:pt x="790" y="39"/>
                    </a:lnTo>
                    <a:lnTo>
                      <a:pt x="790" y="40"/>
                    </a:lnTo>
                    <a:lnTo>
                      <a:pt x="792" y="40"/>
                    </a:lnTo>
                    <a:lnTo>
                      <a:pt x="795" y="39"/>
                    </a:lnTo>
                    <a:lnTo>
                      <a:pt x="800" y="39"/>
                    </a:lnTo>
                    <a:lnTo>
                      <a:pt x="802" y="39"/>
                    </a:lnTo>
                    <a:lnTo>
                      <a:pt x="811" y="47"/>
                    </a:lnTo>
                    <a:lnTo>
                      <a:pt x="816" y="50"/>
                    </a:lnTo>
                    <a:lnTo>
                      <a:pt x="817" y="50"/>
                    </a:lnTo>
                    <a:lnTo>
                      <a:pt x="817" y="47"/>
                    </a:lnTo>
                    <a:lnTo>
                      <a:pt x="814" y="44"/>
                    </a:lnTo>
                    <a:lnTo>
                      <a:pt x="811" y="39"/>
                    </a:lnTo>
                    <a:lnTo>
                      <a:pt x="809" y="35"/>
                    </a:lnTo>
                    <a:lnTo>
                      <a:pt x="807" y="34"/>
                    </a:lnTo>
                    <a:lnTo>
                      <a:pt x="800" y="17"/>
                    </a:lnTo>
                    <a:lnTo>
                      <a:pt x="790" y="15"/>
                    </a:lnTo>
                    <a:lnTo>
                      <a:pt x="780" y="0"/>
                    </a:lnTo>
                    <a:lnTo>
                      <a:pt x="750" y="8"/>
                    </a:lnTo>
                    <a:lnTo>
                      <a:pt x="721" y="15"/>
                    </a:lnTo>
                    <a:lnTo>
                      <a:pt x="692" y="20"/>
                    </a:lnTo>
                    <a:lnTo>
                      <a:pt x="663" y="27"/>
                    </a:lnTo>
                    <a:lnTo>
                      <a:pt x="636" y="32"/>
                    </a:lnTo>
                    <a:lnTo>
                      <a:pt x="609" y="39"/>
                    </a:lnTo>
                    <a:lnTo>
                      <a:pt x="584" y="44"/>
                    </a:lnTo>
                    <a:lnTo>
                      <a:pt x="558" y="47"/>
                    </a:lnTo>
                    <a:lnTo>
                      <a:pt x="533" y="52"/>
                    </a:lnTo>
                    <a:lnTo>
                      <a:pt x="509" y="56"/>
                    </a:lnTo>
                    <a:lnTo>
                      <a:pt x="486" y="61"/>
                    </a:lnTo>
                    <a:lnTo>
                      <a:pt x="464" y="64"/>
                    </a:lnTo>
                    <a:lnTo>
                      <a:pt x="443" y="67"/>
                    </a:lnTo>
                    <a:lnTo>
                      <a:pt x="423" y="71"/>
                    </a:lnTo>
                    <a:lnTo>
                      <a:pt x="403" y="74"/>
                    </a:lnTo>
                    <a:lnTo>
                      <a:pt x="384" y="76"/>
                    </a:lnTo>
                    <a:lnTo>
                      <a:pt x="366" y="79"/>
                    </a:lnTo>
                    <a:lnTo>
                      <a:pt x="349" y="81"/>
                    </a:lnTo>
                    <a:lnTo>
                      <a:pt x="333" y="83"/>
                    </a:lnTo>
                    <a:lnTo>
                      <a:pt x="318" y="84"/>
                    </a:lnTo>
                    <a:lnTo>
                      <a:pt x="305" y="86"/>
                    </a:lnTo>
                    <a:lnTo>
                      <a:pt x="293" y="88"/>
                    </a:lnTo>
                    <a:lnTo>
                      <a:pt x="281" y="89"/>
                    </a:lnTo>
                    <a:lnTo>
                      <a:pt x="271" y="91"/>
                    </a:lnTo>
                    <a:lnTo>
                      <a:pt x="261" y="91"/>
                    </a:lnTo>
                    <a:lnTo>
                      <a:pt x="252" y="93"/>
                    </a:lnTo>
                    <a:lnTo>
                      <a:pt x="245" y="93"/>
                    </a:lnTo>
                    <a:lnTo>
                      <a:pt x="240" y="94"/>
                    </a:lnTo>
                    <a:lnTo>
                      <a:pt x="235" y="94"/>
                    </a:lnTo>
                    <a:lnTo>
                      <a:pt x="232" y="94"/>
                    </a:lnTo>
                    <a:lnTo>
                      <a:pt x="230" y="94"/>
                    </a:lnTo>
                    <a:lnTo>
                      <a:pt x="232" y="94"/>
                    </a:lnTo>
                    <a:lnTo>
                      <a:pt x="232" y="96"/>
                    </a:lnTo>
                    <a:lnTo>
                      <a:pt x="232" y="100"/>
                    </a:lnTo>
                    <a:lnTo>
                      <a:pt x="232" y="106"/>
                    </a:lnTo>
                    <a:lnTo>
                      <a:pt x="232" y="111"/>
                    </a:lnTo>
                    <a:lnTo>
                      <a:pt x="234" y="118"/>
                    </a:lnTo>
                    <a:lnTo>
                      <a:pt x="232" y="125"/>
                    </a:lnTo>
                    <a:lnTo>
                      <a:pt x="232" y="128"/>
                    </a:lnTo>
                    <a:lnTo>
                      <a:pt x="232" y="130"/>
                    </a:lnTo>
                    <a:lnTo>
                      <a:pt x="225" y="130"/>
                    </a:lnTo>
                    <a:lnTo>
                      <a:pt x="220" y="133"/>
                    </a:lnTo>
                    <a:lnTo>
                      <a:pt x="215" y="138"/>
                    </a:lnTo>
                    <a:lnTo>
                      <a:pt x="212" y="145"/>
                    </a:lnTo>
                    <a:lnTo>
                      <a:pt x="208" y="152"/>
                    </a:lnTo>
                    <a:lnTo>
                      <a:pt x="206" y="157"/>
                    </a:lnTo>
                    <a:lnTo>
                      <a:pt x="205" y="160"/>
                    </a:lnTo>
                    <a:lnTo>
                      <a:pt x="198" y="157"/>
                    </a:lnTo>
                    <a:lnTo>
                      <a:pt x="191" y="157"/>
                    </a:lnTo>
                    <a:lnTo>
                      <a:pt x="183" y="162"/>
                    </a:lnTo>
                    <a:lnTo>
                      <a:pt x="174" y="169"/>
                    </a:lnTo>
                    <a:lnTo>
                      <a:pt x="168" y="177"/>
                    </a:lnTo>
                    <a:lnTo>
                      <a:pt x="161" y="184"/>
                    </a:lnTo>
                    <a:lnTo>
                      <a:pt x="156" y="188"/>
                    </a:lnTo>
                    <a:lnTo>
                      <a:pt x="154" y="188"/>
                    </a:lnTo>
                    <a:lnTo>
                      <a:pt x="152" y="182"/>
                    </a:lnTo>
                    <a:lnTo>
                      <a:pt x="149" y="181"/>
                    </a:lnTo>
                    <a:lnTo>
                      <a:pt x="147" y="179"/>
                    </a:lnTo>
                    <a:lnTo>
                      <a:pt x="144" y="179"/>
                    </a:lnTo>
                    <a:lnTo>
                      <a:pt x="140" y="181"/>
                    </a:lnTo>
                    <a:lnTo>
                      <a:pt x="137" y="182"/>
                    </a:lnTo>
                    <a:lnTo>
                      <a:pt x="134" y="186"/>
                    </a:lnTo>
                    <a:lnTo>
                      <a:pt x="132" y="191"/>
                    </a:lnTo>
                    <a:lnTo>
                      <a:pt x="129" y="194"/>
                    </a:lnTo>
                    <a:lnTo>
                      <a:pt x="125" y="199"/>
                    </a:lnTo>
                    <a:lnTo>
                      <a:pt x="124" y="204"/>
                    </a:lnTo>
                    <a:lnTo>
                      <a:pt x="122" y="208"/>
                    </a:lnTo>
                    <a:lnTo>
                      <a:pt x="118" y="213"/>
                    </a:lnTo>
                    <a:lnTo>
                      <a:pt x="118" y="215"/>
                    </a:lnTo>
                    <a:lnTo>
                      <a:pt x="117" y="216"/>
                    </a:lnTo>
                    <a:lnTo>
                      <a:pt x="117" y="218"/>
                    </a:lnTo>
                    <a:lnTo>
                      <a:pt x="108" y="220"/>
                    </a:lnTo>
                    <a:lnTo>
                      <a:pt x="100" y="223"/>
                    </a:lnTo>
                    <a:lnTo>
                      <a:pt x="91" y="228"/>
                    </a:lnTo>
                    <a:lnTo>
                      <a:pt x="83" y="235"/>
                    </a:lnTo>
                    <a:lnTo>
                      <a:pt x="78" y="240"/>
                    </a:lnTo>
                    <a:lnTo>
                      <a:pt x="71" y="247"/>
                    </a:lnTo>
                    <a:lnTo>
                      <a:pt x="68" y="250"/>
                    </a:lnTo>
                    <a:lnTo>
                      <a:pt x="66" y="252"/>
                    </a:lnTo>
                    <a:lnTo>
                      <a:pt x="56" y="252"/>
                    </a:lnTo>
                    <a:lnTo>
                      <a:pt x="47" y="255"/>
                    </a:lnTo>
                    <a:lnTo>
                      <a:pt x="41" y="259"/>
                    </a:lnTo>
                    <a:lnTo>
                      <a:pt x="34" y="264"/>
                    </a:lnTo>
                    <a:lnTo>
                      <a:pt x="31" y="269"/>
                    </a:lnTo>
                    <a:lnTo>
                      <a:pt x="27" y="274"/>
                    </a:lnTo>
                    <a:lnTo>
                      <a:pt x="25" y="277"/>
                    </a:lnTo>
                    <a:lnTo>
                      <a:pt x="25" y="279"/>
                    </a:lnTo>
                    <a:lnTo>
                      <a:pt x="24" y="286"/>
                    </a:lnTo>
                    <a:lnTo>
                      <a:pt x="20" y="291"/>
                    </a:lnTo>
                    <a:lnTo>
                      <a:pt x="17" y="296"/>
                    </a:lnTo>
                    <a:lnTo>
                      <a:pt x="12" y="298"/>
                    </a:lnTo>
                    <a:lnTo>
                      <a:pt x="9" y="299"/>
                    </a:lnTo>
                    <a:lnTo>
                      <a:pt x="3" y="299"/>
                    </a:lnTo>
                    <a:lnTo>
                      <a:pt x="0" y="299"/>
                    </a:lnTo>
                    <a:lnTo>
                      <a:pt x="0" y="333"/>
                    </a:lnTo>
                    <a:lnTo>
                      <a:pt x="124" y="314"/>
                    </a:lnTo>
                    <a:lnTo>
                      <a:pt x="125" y="316"/>
                    </a:lnTo>
                    <a:lnTo>
                      <a:pt x="127" y="314"/>
                    </a:lnTo>
                    <a:lnTo>
                      <a:pt x="129" y="313"/>
                    </a:lnTo>
                    <a:lnTo>
                      <a:pt x="132" y="309"/>
                    </a:lnTo>
                    <a:lnTo>
                      <a:pt x="135" y="306"/>
                    </a:lnTo>
                    <a:lnTo>
                      <a:pt x="140" y="303"/>
                    </a:lnTo>
                    <a:lnTo>
                      <a:pt x="146" y="299"/>
                    </a:lnTo>
                    <a:lnTo>
                      <a:pt x="152" y="296"/>
                    </a:lnTo>
                    <a:lnTo>
                      <a:pt x="157" y="292"/>
                    </a:lnTo>
                    <a:lnTo>
                      <a:pt x="166" y="287"/>
                    </a:lnTo>
                    <a:lnTo>
                      <a:pt x="173" y="284"/>
                    </a:lnTo>
                    <a:lnTo>
                      <a:pt x="181" y="281"/>
                    </a:lnTo>
                    <a:lnTo>
                      <a:pt x="190" y="279"/>
                    </a:lnTo>
                    <a:lnTo>
                      <a:pt x="200" y="277"/>
                    </a:lnTo>
                    <a:lnTo>
                      <a:pt x="210" y="274"/>
                    </a:lnTo>
                    <a:lnTo>
                      <a:pt x="218" y="274"/>
                    </a:lnTo>
                    <a:lnTo>
                      <a:pt x="311" y="265"/>
                    </a:lnTo>
                    <a:lnTo>
                      <a:pt x="313" y="265"/>
                    </a:lnTo>
                    <a:lnTo>
                      <a:pt x="315" y="264"/>
                    </a:lnTo>
                    <a:lnTo>
                      <a:pt x="320" y="264"/>
                    </a:lnTo>
                    <a:lnTo>
                      <a:pt x="327" y="264"/>
                    </a:lnTo>
                    <a:lnTo>
                      <a:pt x="333" y="265"/>
                    </a:lnTo>
                    <a:lnTo>
                      <a:pt x="340" y="269"/>
                    </a:lnTo>
                    <a:lnTo>
                      <a:pt x="347" y="276"/>
                    </a:lnTo>
                    <a:lnTo>
                      <a:pt x="355" y="287"/>
                    </a:lnTo>
                    <a:lnTo>
                      <a:pt x="359" y="301"/>
                    </a:lnTo>
                    <a:lnTo>
                      <a:pt x="467" y="284"/>
                    </a:lnTo>
                    <a:lnTo>
                      <a:pt x="597" y="379"/>
                    </a:lnTo>
                    <a:lnTo>
                      <a:pt x="601" y="379"/>
                    </a:lnTo>
                    <a:lnTo>
                      <a:pt x="602" y="379"/>
                    </a:lnTo>
                    <a:lnTo>
                      <a:pt x="604" y="377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39" name="Freeform 165"/>
              <p:cNvSpPr>
                <a:spLocks/>
              </p:cNvSpPr>
              <p:nvPr/>
            </p:nvSpPr>
            <p:spPr bwMode="auto">
              <a:xfrm>
                <a:off x="4891" y="2263"/>
                <a:ext cx="39" cy="57"/>
              </a:xfrm>
              <a:custGeom>
                <a:avLst/>
                <a:gdLst>
                  <a:gd name="T0" fmla="*/ 0 w 39"/>
                  <a:gd name="T1" fmla="*/ 57 h 57"/>
                  <a:gd name="T2" fmla="*/ 2 w 39"/>
                  <a:gd name="T3" fmla="*/ 54 h 57"/>
                  <a:gd name="T4" fmla="*/ 4 w 39"/>
                  <a:gd name="T5" fmla="*/ 51 h 57"/>
                  <a:gd name="T6" fmla="*/ 7 w 39"/>
                  <a:gd name="T7" fmla="*/ 44 h 57"/>
                  <a:gd name="T8" fmla="*/ 10 w 39"/>
                  <a:gd name="T9" fmla="*/ 35 h 57"/>
                  <a:gd name="T10" fmla="*/ 15 w 39"/>
                  <a:gd name="T11" fmla="*/ 25 h 57"/>
                  <a:gd name="T12" fmla="*/ 21 w 39"/>
                  <a:gd name="T13" fmla="*/ 15 h 57"/>
                  <a:gd name="T14" fmla="*/ 27 w 39"/>
                  <a:gd name="T15" fmla="*/ 7 h 57"/>
                  <a:gd name="T16" fmla="*/ 32 w 39"/>
                  <a:gd name="T17" fmla="*/ 0 h 57"/>
                  <a:gd name="T18" fmla="*/ 39 w 39"/>
                  <a:gd name="T19" fmla="*/ 1 h 57"/>
                  <a:gd name="T20" fmla="*/ 39 w 39"/>
                  <a:gd name="T21" fmla="*/ 1 h 57"/>
                  <a:gd name="T22" fmla="*/ 36 w 39"/>
                  <a:gd name="T23" fmla="*/ 5 h 57"/>
                  <a:gd name="T24" fmla="*/ 32 w 39"/>
                  <a:gd name="T25" fmla="*/ 8 h 57"/>
                  <a:gd name="T26" fmla="*/ 29 w 39"/>
                  <a:gd name="T27" fmla="*/ 13 h 57"/>
                  <a:gd name="T28" fmla="*/ 24 w 39"/>
                  <a:gd name="T29" fmla="*/ 22 h 57"/>
                  <a:gd name="T30" fmla="*/ 19 w 39"/>
                  <a:gd name="T31" fmla="*/ 30 h 57"/>
                  <a:gd name="T32" fmla="*/ 12 w 39"/>
                  <a:gd name="T33" fmla="*/ 40 h 57"/>
                  <a:gd name="T34" fmla="*/ 7 w 39"/>
                  <a:gd name="T35" fmla="*/ 54 h 57"/>
                  <a:gd name="T36" fmla="*/ 5 w 39"/>
                  <a:gd name="T37" fmla="*/ 54 h 57"/>
                  <a:gd name="T38" fmla="*/ 4 w 39"/>
                  <a:gd name="T39" fmla="*/ 56 h 57"/>
                  <a:gd name="T40" fmla="*/ 2 w 39"/>
                  <a:gd name="T41" fmla="*/ 56 h 57"/>
                  <a:gd name="T42" fmla="*/ 0 w 39"/>
                  <a:gd name="T43" fmla="*/ 57 h 57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w 39"/>
                  <a:gd name="T67" fmla="*/ 0 h 57"/>
                  <a:gd name="T68" fmla="*/ 39 w 39"/>
                  <a:gd name="T69" fmla="*/ 57 h 57"/>
                </a:gdLst>
                <a:ahLst/>
                <a:cxnLst>
                  <a:cxn ang="T44">
                    <a:pos x="T0" y="T1"/>
                  </a:cxn>
                  <a:cxn ang="T45">
                    <a:pos x="T2" y="T3"/>
                  </a:cxn>
                  <a:cxn ang="T46">
                    <a:pos x="T4" y="T5"/>
                  </a:cxn>
                  <a:cxn ang="T47">
                    <a:pos x="T6" y="T7"/>
                  </a:cxn>
                  <a:cxn ang="T48">
                    <a:pos x="T8" y="T9"/>
                  </a:cxn>
                  <a:cxn ang="T49">
                    <a:pos x="T10" y="T11"/>
                  </a:cxn>
                  <a:cxn ang="T50">
                    <a:pos x="T12" y="T13"/>
                  </a:cxn>
                  <a:cxn ang="T51">
                    <a:pos x="T14" y="T15"/>
                  </a:cxn>
                  <a:cxn ang="T52">
                    <a:pos x="T16" y="T17"/>
                  </a:cxn>
                  <a:cxn ang="T53">
                    <a:pos x="T18" y="T19"/>
                  </a:cxn>
                  <a:cxn ang="T54">
                    <a:pos x="T20" y="T21"/>
                  </a:cxn>
                  <a:cxn ang="T55">
                    <a:pos x="T22" y="T23"/>
                  </a:cxn>
                  <a:cxn ang="T56">
                    <a:pos x="T24" y="T25"/>
                  </a:cxn>
                  <a:cxn ang="T57">
                    <a:pos x="T26" y="T27"/>
                  </a:cxn>
                  <a:cxn ang="T58">
                    <a:pos x="T28" y="T29"/>
                  </a:cxn>
                  <a:cxn ang="T59">
                    <a:pos x="T30" y="T31"/>
                  </a:cxn>
                  <a:cxn ang="T60">
                    <a:pos x="T32" y="T33"/>
                  </a:cxn>
                  <a:cxn ang="T61">
                    <a:pos x="T34" y="T35"/>
                  </a:cxn>
                  <a:cxn ang="T62">
                    <a:pos x="T36" y="T37"/>
                  </a:cxn>
                  <a:cxn ang="T63">
                    <a:pos x="T38" y="T39"/>
                  </a:cxn>
                  <a:cxn ang="T64">
                    <a:pos x="T40" y="T41"/>
                  </a:cxn>
                  <a:cxn ang="T65">
                    <a:pos x="T42" y="T43"/>
                  </a:cxn>
                </a:cxnLst>
                <a:rect l="T66" t="T67" r="T68" b="T69"/>
                <a:pathLst>
                  <a:path w="39" h="57">
                    <a:moveTo>
                      <a:pt x="0" y="57"/>
                    </a:moveTo>
                    <a:lnTo>
                      <a:pt x="2" y="54"/>
                    </a:lnTo>
                    <a:lnTo>
                      <a:pt x="4" y="51"/>
                    </a:lnTo>
                    <a:lnTo>
                      <a:pt x="7" y="44"/>
                    </a:lnTo>
                    <a:lnTo>
                      <a:pt x="10" y="35"/>
                    </a:lnTo>
                    <a:lnTo>
                      <a:pt x="15" y="25"/>
                    </a:lnTo>
                    <a:lnTo>
                      <a:pt x="21" y="15"/>
                    </a:lnTo>
                    <a:lnTo>
                      <a:pt x="27" y="7"/>
                    </a:lnTo>
                    <a:lnTo>
                      <a:pt x="32" y="0"/>
                    </a:lnTo>
                    <a:lnTo>
                      <a:pt x="39" y="1"/>
                    </a:lnTo>
                    <a:lnTo>
                      <a:pt x="36" y="5"/>
                    </a:lnTo>
                    <a:lnTo>
                      <a:pt x="32" y="8"/>
                    </a:lnTo>
                    <a:lnTo>
                      <a:pt x="29" y="13"/>
                    </a:lnTo>
                    <a:lnTo>
                      <a:pt x="24" y="22"/>
                    </a:lnTo>
                    <a:lnTo>
                      <a:pt x="19" y="30"/>
                    </a:lnTo>
                    <a:lnTo>
                      <a:pt x="12" y="40"/>
                    </a:lnTo>
                    <a:lnTo>
                      <a:pt x="7" y="54"/>
                    </a:lnTo>
                    <a:lnTo>
                      <a:pt x="5" y="54"/>
                    </a:lnTo>
                    <a:lnTo>
                      <a:pt x="4" y="56"/>
                    </a:lnTo>
                    <a:lnTo>
                      <a:pt x="2" y="56"/>
                    </a:lnTo>
                    <a:lnTo>
                      <a:pt x="0" y="5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40" name="Freeform 166"/>
              <p:cNvSpPr>
                <a:spLocks/>
              </p:cNvSpPr>
              <p:nvPr/>
            </p:nvSpPr>
            <p:spPr bwMode="auto">
              <a:xfrm>
                <a:off x="4891" y="2263"/>
                <a:ext cx="39" cy="57"/>
              </a:xfrm>
              <a:custGeom>
                <a:avLst/>
                <a:gdLst>
                  <a:gd name="T0" fmla="*/ 0 w 39"/>
                  <a:gd name="T1" fmla="*/ 57 h 57"/>
                  <a:gd name="T2" fmla="*/ 0 w 39"/>
                  <a:gd name="T3" fmla="*/ 57 h 57"/>
                  <a:gd name="T4" fmla="*/ 2 w 39"/>
                  <a:gd name="T5" fmla="*/ 54 h 57"/>
                  <a:gd name="T6" fmla="*/ 4 w 39"/>
                  <a:gd name="T7" fmla="*/ 51 h 57"/>
                  <a:gd name="T8" fmla="*/ 7 w 39"/>
                  <a:gd name="T9" fmla="*/ 44 h 57"/>
                  <a:gd name="T10" fmla="*/ 10 w 39"/>
                  <a:gd name="T11" fmla="*/ 35 h 57"/>
                  <a:gd name="T12" fmla="*/ 15 w 39"/>
                  <a:gd name="T13" fmla="*/ 25 h 57"/>
                  <a:gd name="T14" fmla="*/ 21 w 39"/>
                  <a:gd name="T15" fmla="*/ 15 h 57"/>
                  <a:gd name="T16" fmla="*/ 27 w 39"/>
                  <a:gd name="T17" fmla="*/ 7 h 57"/>
                  <a:gd name="T18" fmla="*/ 32 w 39"/>
                  <a:gd name="T19" fmla="*/ 0 h 57"/>
                  <a:gd name="T20" fmla="*/ 39 w 39"/>
                  <a:gd name="T21" fmla="*/ 1 h 57"/>
                  <a:gd name="T22" fmla="*/ 39 w 39"/>
                  <a:gd name="T23" fmla="*/ 1 h 57"/>
                  <a:gd name="T24" fmla="*/ 39 w 39"/>
                  <a:gd name="T25" fmla="*/ 1 h 57"/>
                  <a:gd name="T26" fmla="*/ 36 w 39"/>
                  <a:gd name="T27" fmla="*/ 5 h 57"/>
                  <a:gd name="T28" fmla="*/ 32 w 39"/>
                  <a:gd name="T29" fmla="*/ 8 h 57"/>
                  <a:gd name="T30" fmla="*/ 29 w 39"/>
                  <a:gd name="T31" fmla="*/ 13 h 57"/>
                  <a:gd name="T32" fmla="*/ 24 w 39"/>
                  <a:gd name="T33" fmla="*/ 22 h 57"/>
                  <a:gd name="T34" fmla="*/ 19 w 39"/>
                  <a:gd name="T35" fmla="*/ 30 h 57"/>
                  <a:gd name="T36" fmla="*/ 12 w 39"/>
                  <a:gd name="T37" fmla="*/ 40 h 57"/>
                  <a:gd name="T38" fmla="*/ 7 w 39"/>
                  <a:gd name="T39" fmla="*/ 54 h 57"/>
                  <a:gd name="T40" fmla="*/ 7 w 39"/>
                  <a:gd name="T41" fmla="*/ 54 h 57"/>
                  <a:gd name="T42" fmla="*/ 5 w 39"/>
                  <a:gd name="T43" fmla="*/ 54 h 57"/>
                  <a:gd name="T44" fmla="*/ 4 w 39"/>
                  <a:gd name="T45" fmla="*/ 56 h 57"/>
                  <a:gd name="T46" fmla="*/ 2 w 39"/>
                  <a:gd name="T47" fmla="*/ 56 h 57"/>
                  <a:gd name="T48" fmla="*/ 0 w 39"/>
                  <a:gd name="T49" fmla="*/ 57 h 5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39"/>
                  <a:gd name="T76" fmla="*/ 0 h 57"/>
                  <a:gd name="T77" fmla="*/ 39 w 39"/>
                  <a:gd name="T78" fmla="*/ 57 h 57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39" h="57">
                    <a:moveTo>
                      <a:pt x="0" y="57"/>
                    </a:moveTo>
                    <a:lnTo>
                      <a:pt x="0" y="57"/>
                    </a:lnTo>
                    <a:lnTo>
                      <a:pt x="2" y="54"/>
                    </a:lnTo>
                    <a:lnTo>
                      <a:pt x="4" y="51"/>
                    </a:lnTo>
                    <a:lnTo>
                      <a:pt x="7" y="44"/>
                    </a:lnTo>
                    <a:lnTo>
                      <a:pt x="10" y="35"/>
                    </a:lnTo>
                    <a:lnTo>
                      <a:pt x="15" y="25"/>
                    </a:lnTo>
                    <a:lnTo>
                      <a:pt x="21" y="15"/>
                    </a:lnTo>
                    <a:lnTo>
                      <a:pt x="27" y="7"/>
                    </a:lnTo>
                    <a:lnTo>
                      <a:pt x="32" y="0"/>
                    </a:lnTo>
                    <a:lnTo>
                      <a:pt x="39" y="1"/>
                    </a:lnTo>
                    <a:lnTo>
                      <a:pt x="36" y="5"/>
                    </a:lnTo>
                    <a:lnTo>
                      <a:pt x="32" y="8"/>
                    </a:lnTo>
                    <a:lnTo>
                      <a:pt x="29" y="13"/>
                    </a:lnTo>
                    <a:lnTo>
                      <a:pt x="24" y="22"/>
                    </a:lnTo>
                    <a:lnTo>
                      <a:pt x="19" y="30"/>
                    </a:lnTo>
                    <a:lnTo>
                      <a:pt x="12" y="40"/>
                    </a:lnTo>
                    <a:lnTo>
                      <a:pt x="7" y="54"/>
                    </a:lnTo>
                    <a:lnTo>
                      <a:pt x="5" y="54"/>
                    </a:lnTo>
                    <a:lnTo>
                      <a:pt x="4" y="56"/>
                    </a:lnTo>
                    <a:lnTo>
                      <a:pt x="2" y="56"/>
                    </a:lnTo>
                    <a:lnTo>
                      <a:pt x="0" y="5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41" name="Freeform 167"/>
              <p:cNvSpPr>
                <a:spLocks/>
              </p:cNvSpPr>
              <p:nvPr/>
            </p:nvSpPr>
            <p:spPr bwMode="auto">
              <a:xfrm>
                <a:off x="4905" y="2078"/>
                <a:ext cx="54" cy="82"/>
              </a:xfrm>
              <a:custGeom>
                <a:avLst/>
                <a:gdLst>
                  <a:gd name="T0" fmla="*/ 5 w 54"/>
                  <a:gd name="T1" fmla="*/ 0 h 82"/>
                  <a:gd name="T2" fmla="*/ 5 w 54"/>
                  <a:gd name="T3" fmla="*/ 0 h 82"/>
                  <a:gd name="T4" fmla="*/ 5 w 54"/>
                  <a:gd name="T5" fmla="*/ 2 h 82"/>
                  <a:gd name="T6" fmla="*/ 7 w 54"/>
                  <a:gd name="T7" fmla="*/ 4 h 82"/>
                  <a:gd name="T8" fmla="*/ 7 w 54"/>
                  <a:gd name="T9" fmla="*/ 7 h 82"/>
                  <a:gd name="T10" fmla="*/ 8 w 54"/>
                  <a:gd name="T11" fmla="*/ 10 h 82"/>
                  <a:gd name="T12" fmla="*/ 10 w 54"/>
                  <a:gd name="T13" fmla="*/ 14 h 82"/>
                  <a:gd name="T14" fmla="*/ 13 w 54"/>
                  <a:gd name="T15" fmla="*/ 19 h 82"/>
                  <a:gd name="T16" fmla="*/ 15 w 54"/>
                  <a:gd name="T17" fmla="*/ 22 h 82"/>
                  <a:gd name="T18" fmla="*/ 17 w 54"/>
                  <a:gd name="T19" fmla="*/ 27 h 82"/>
                  <a:gd name="T20" fmla="*/ 20 w 54"/>
                  <a:gd name="T21" fmla="*/ 32 h 82"/>
                  <a:gd name="T22" fmla="*/ 23 w 54"/>
                  <a:gd name="T23" fmla="*/ 38 h 82"/>
                  <a:gd name="T24" fmla="*/ 25 w 54"/>
                  <a:gd name="T25" fmla="*/ 43 h 82"/>
                  <a:gd name="T26" fmla="*/ 29 w 54"/>
                  <a:gd name="T27" fmla="*/ 48 h 82"/>
                  <a:gd name="T28" fmla="*/ 32 w 54"/>
                  <a:gd name="T29" fmla="*/ 51 h 82"/>
                  <a:gd name="T30" fmla="*/ 35 w 54"/>
                  <a:gd name="T31" fmla="*/ 56 h 82"/>
                  <a:gd name="T32" fmla="*/ 39 w 54"/>
                  <a:gd name="T33" fmla="*/ 60 h 82"/>
                  <a:gd name="T34" fmla="*/ 40 w 54"/>
                  <a:gd name="T35" fmla="*/ 63 h 82"/>
                  <a:gd name="T36" fmla="*/ 44 w 54"/>
                  <a:gd name="T37" fmla="*/ 66 h 82"/>
                  <a:gd name="T38" fmla="*/ 47 w 54"/>
                  <a:gd name="T39" fmla="*/ 73 h 82"/>
                  <a:gd name="T40" fmla="*/ 52 w 54"/>
                  <a:gd name="T41" fmla="*/ 78 h 82"/>
                  <a:gd name="T42" fmla="*/ 54 w 54"/>
                  <a:gd name="T43" fmla="*/ 82 h 82"/>
                  <a:gd name="T44" fmla="*/ 52 w 54"/>
                  <a:gd name="T45" fmla="*/ 82 h 82"/>
                  <a:gd name="T46" fmla="*/ 45 w 54"/>
                  <a:gd name="T47" fmla="*/ 76 h 82"/>
                  <a:gd name="T48" fmla="*/ 34 w 54"/>
                  <a:gd name="T49" fmla="*/ 65 h 82"/>
                  <a:gd name="T50" fmla="*/ 34 w 54"/>
                  <a:gd name="T51" fmla="*/ 65 h 82"/>
                  <a:gd name="T52" fmla="*/ 32 w 54"/>
                  <a:gd name="T53" fmla="*/ 63 h 82"/>
                  <a:gd name="T54" fmla="*/ 30 w 54"/>
                  <a:gd name="T55" fmla="*/ 60 h 82"/>
                  <a:gd name="T56" fmla="*/ 27 w 54"/>
                  <a:gd name="T57" fmla="*/ 56 h 82"/>
                  <a:gd name="T58" fmla="*/ 25 w 54"/>
                  <a:gd name="T59" fmla="*/ 53 h 82"/>
                  <a:gd name="T60" fmla="*/ 22 w 54"/>
                  <a:gd name="T61" fmla="*/ 48 h 82"/>
                  <a:gd name="T62" fmla="*/ 18 w 54"/>
                  <a:gd name="T63" fmla="*/ 43 h 82"/>
                  <a:gd name="T64" fmla="*/ 15 w 54"/>
                  <a:gd name="T65" fmla="*/ 38 h 82"/>
                  <a:gd name="T66" fmla="*/ 12 w 54"/>
                  <a:gd name="T67" fmla="*/ 32 h 82"/>
                  <a:gd name="T68" fmla="*/ 10 w 54"/>
                  <a:gd name="T69" fmla="*/ 27 h 82"/>
                  <a:gd name="T70" fmla="*/ 7 w 54"/>
                  <a:gd name="T71" fmla="*/ 22 h 82"/>
                  <a:gd name="T72" fmla="*/ 5 w 54"/>
                  <a:gd name="T73" fmla="*/ 19 h 82"/>
                  <a:gd name="T74" fmla="*/ 1 w 54"/>
                  <a:gd name="T75" fmla="*/ 14 h 82"/>
                  <a:gd name="T76" fmla="*/ 1 w 54"/>
                  <a:gd name="T77" fmla="*/ 10 h 82"/>
                  <a:gd name="T78" fmla="*/ 0 w 54"/>
                  <a:gd name="T79" fmla="*/ 7 h 82"/>
                  <a:gd name="T80" fmla="*/ 0 w 54"/>
                  <a:gd name="T81" fmla="*/ 4 h 82"/>
                  <a:gd name="T82" fmla="*/ 0 w 54"/>
                  <a:gd name="T83" fmla="*/ 2 h 82"/>
                  <a:gd name="T84" fmla="*/ 1 w 54"/>
                  <a:gd name="T85" fmla="*/ 0 h 82"/>
                  <a:gd name="T86" fmla="*/ 3 w 54"/>
                  <a:gd name="T87" fmla="*/ 0 h 82"/>
                  <a:gd name="T88" fmla="*/ 5 w 54"/>
                  <a:gd name="T89" fmla="*/ 0 h 82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w 54"/>
                  <a:gd name="T136" fmla="*/ 0 h 82"/>
                  <a:gd name="T137" fmla="*/ 54 w 54"/>
                  <a:gd name="T138" fmla="*/ 82 h 82"/>
                </a:gdLst>
                <a:ahLst/>
                <a:cxnLst>
                  <a:cxn ang="T90">
                    <a:pos x="T0" y="T1"/>
                  </a:cxn>
                  <a:cxn ang="T91">
                    <a:pos x="T2" y="T3"/>
                  </a:cxn>
                  <a:cxn ang="T92">
                    <a:pos x="T4" y="T5"/>
                  </a:cxn>
                  <a:cxn ang="T93">
                    <a:pos x="T6" y="T7"/>
                  </a:cxn>
                  <a:cxn ang="T94">
                    <a:pos x="T8" y="T9"/>
                  </a:cxn>
                  <a:cxn ang="T95">
                    <a:pos x="T10" y="T11"/>
                  </a:cxn>
                  <a:cxn ang="T96">
                    <a:pos x="T12" y="T13"/>
                  </a:cxn>
                  <a:cxn ang="T97">
                    <a:pos x="T14" y="T15"/>
                  </a:cxn>
                  <a:cxn ang="T98">
                    <a:pos x="T16" y="T17"/>
                  </a:cxn>
                  <a:cxn ang="T99">
                    <a:pos x="T18" y="T19"/>
                  </a:cxn>
                  <a:cxn ang="T100">
                    <a:pos x="T20" y="T21"/>
                  </a:cxn>
                  <a:cxn ang="T101">
                    <a:pos x="T22" y="T23"/>
                  </a:cxn>
                  <a:cxn ang="T102">
                    <a:pos x="T24" y="T25"/>
                  </a:cxn>
                  <a:cxn ang="T103">
                    <a:pos x="T26" y="T27"/>
                  </a:cxn>
                  <a:cxn ang="T104">
                    <a:pos x="T28" y="T29"/>
                  </a:cxn>
                  <a:cxn ang="T105">
                    <a:pos x="T30" y="T31"/>
                  </a:cxn>
                  <a:cxn ang="T106">
                    <a:pos x="T32" y="T33"/>
                  </a:cxn>
                  <a:cxn ang="T107">
                    <a:pos x="T34" y="T35"/>
                  </a:cxn>
                  <a:cxn ang="T108">
                    <a:pos x="T36" y="T37"/>
                  </a:cxn>
                  <a:cxn ang="T109">
                    <a:pos x="T38" y="T39"/>
                  </a:cxn>
                  <a:cxn ang="T110">
                    <a:pos x="T40" y="T41"/>
                  </a:cxn>
                  <a:cxn ang="T111">
                    <a:pos x="T42" y="T43"/>
                  </a:cxn>
                  <a:cxn ang="T112">
                    <a:pos x="T44" y="T45"/>
                  </a:cxn>
                  <a:cxn ang="T113">
                    <a:pos x="T46" y="T47"/>
                  </a:cxn>
                  <a:cxn ang="T114">
                    <a:pos x="T48" y="T49"/>
                  </a:cxn>
                  <a:cxn ang="T115">
                    <a:pos x="T50" y="T51"/>
                  </a:cxn>
                  <a:cxn ang="T116">
                    <a:pos x="T52" y="T53"/>
                  </a:cxn>
                  <a:cxn ang="T117">
                    <a:pos x="T54" y="T55"/>
                  </a:cxn>
                  <a:cxn ang="T118">
                    <a:pos x="T56" y="T57"/>
                  </a:cxn>
                  <a:cxn ang="T119">
                    <a:pos x="T58" y="T59"/>
                  </a:cxn>
                  <a:cxn ang="T120">
                    <a:pos x="T60" y="T61"/>
                  </a:cxn>
                  <a:cxn ang="T121">
                    <a:pos x="T62" y="T63"/>
                  </a:cxn>
                  <a:cxn ang="T122">
                    <a:pos x="T64" y="T65"/>
                  </a:cxn>
                  <a:cxn ang="T123">
                    <a:pos x="T66" y="T67"/>
                  </a:cxn>
                  <a:cxn ang="T124">
                    <a:pos x="T68" y="T69"/>
                  </a:cxn>
                  <a:cxn ang="T125">
                    <a:pos x="T70" y="T71"/>
                  </a:cxn>
                  <a:cxn ang="T126">
                    <a:pos x="T72" y="T73"/>
                  </a:cxn>
                  <a:cxn ang="T127">
                    <a:pos x="T74" y="T75"/>
                  </a:cxn>
                  <a:cxn ang="T128">
                    <a:pos x="T76" y="T77"/>
                  </a:cxn>
                  <a:cxn ang="T129">
                    <a:pos x="T78" y="T79"/>
                  </a:cxn>
                  <a:cxn ang="T130">
                    <a:pos x="T80" y="T81"/>
                  </a:cxn>
                  <a:cxn ang="T131">
                    <a:pos x="T82" y="T83"/>
                  </a:cxn>
                  <a:cxn ang="T132">
                    <a:pos x="T84" y="T85"/>
                  </a:cxn>
                  <a:cxn ang="T133">
                    <a:pos x="T86" y="T87"/>
                  </a:cxn>
                  <a:cxn ang="T134">
                    <a:pos x="T88" y="T89"/>
                  </a:cxn>
                </a:cxnLst>
                <a:rect l="T135" t="T136" r="T137" b="T138"/>
                <a:pathLst>
                  <a:path w="54" h="82">
                    <a:moveTo>
                      <a:pt x="5" y="0"/>
                    </a:moveTo>
                    <a:lnTo>
                      <a:pt x="5" y="0"/>
                    </a:lnTo>
                    <a:lnTo>
                      <a:pt x="5" y="2"/>
                    </a:lnTo>
                    <a:lnTo>
                      <a:pt x="7" y="4"/>
                    </a:lnTo>
                    <a:lnTo>
                      <a:pt x="7" y="7"/>
                    </a:lnTo>
                    <a:lnTo>
                      <a:pt x="8" y="10"/>
                    </a:lnTo>
                    <a:lnTo>
                      <a:pt x="10" y="14"/>
                    </a:lnTo>
                    <a:lnTo>
                      <a:pt x="13" y="19"/>
                    </a:lnTo>
                    <a:lnTo>
                      <a:pt x="15" y="22"/>
                    </a:lnTo>
                    <a:lnTo>
                      <a:pt x="17" y="27"/>
                    </a:lnTo>
                    <a:lnTo>
                      <a:pt x="20" y="32"/>
                    </a:lnTo>
                    <a:lnTo>
                      <a:pt x="23" y="38"/>
                    </a:lnTo>
                    <a:lnTo>
                      <a:pt x="25" y="43"/>
                    </a:lnTo>
                    <a:lnTo>
                      <a:pt x="29" y="48"/>
                    </a:lnTo>
                    <a:lnTo>
                      <a:pt x="32" y="51"/>
                    </a:lnTo>
                    <a:lnTo>
                      <a:pt x="35" y="56"/>
                    </a:lnTo>
                    <a:lnTo>
                      <a:pt x="39" y="60"/>
                    </a:lnTo>
                    <a:lnTo>
                      <a:pt x="40" y="63"/>
                    </a:lnTo>
                    <a:lnTo>
                      <a:pt x="44" y="66"/>
                    </a:lnTo>
                    <a:lnTo>
                      <a:pt x="47" y="73"/>
                    </a:lnTo>
                    <a:lnTo>
                      <a:pt x="52" y="78"/>
                    </a:lnTo>
                    <a:lnTo>
                      <a:pt x="54" y="82"/>
                    </a:lnTo>
                    <a:lnTo>
                      <a:pt x="52" y="82"/>
                    </a:lnTo>
                    <a:lnTo>
                      <a:pt x="45" y="76"/>
                    </a:lnTo>
                    <a:lnTo>
                      <a:pt x="34" y="65"/>
                    </a:lnTo>
                    <a:lnTo>
                      <a:pt x="32" y="63"/>
                    </a:lnTo>
                    <a:lnTo>
                      <a:pt x="30" y="60"/>
                    </a:lnTo>
                    <a:lnTo>
                      <a:pt x="27" y="56"/>
                    </a:lnTo>
                    <a:lnTo>
                      <a:pt x="25" y="53"/>
                    </a:lnTo>
                    <a:lnTo>
                      <a:pt x="22" y="48"/>
                    </a:lnTo>
                    <a:lnTo>
                      <a:pt x="18" y="43"/>
                    </a:lnTo>
                    <a:lnTo>
                      <a:pt x="15" y="38"/>
                    </a:lnTo>
                    <a:lnTo>
                      <a:pt x="12" y="32"/>
                    </a:lnTo>
                    <a:lnTo>
                      <a:pt x="10" y="27"/>
                    </a:lnTo>
                    <a:lnTo>
                      <a:pt x="7" y="22"/>
                    </a:lnTo>
                    <a:lnTo>
                      <a:pt x="5" y="19"/>
                    </a:lnTo>
                    <a:lnTo>
                      <a:pt x="1" y="14"/>
                    </a:lnTo>
                    <a:lnTo>
                      <a:pt x="1" y="10"/>
                    </a:lnTo>
                    <a:lnTo>
                      <a:pt x="0" y="7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3" y="0"/>
                    </a:lnTo>
                    <a:lnTo>
                      <a:pt x="5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42" name="Freeform 168"/>
              <p:cNvSpPr>
                <a:spLocks/>
              </p:cNvSpPr>
              <p:nvPr/>
            </p:nvSpPr>
            <p:spPr bwMode="auto">
              <a:xfrm>
                <a:off x="4905" y="2078"/>
                <a:ext cx="54" cy="82"/>
              </a:xfrm>
              <a:custGeom>
                <a:avLst/>
                <a:gdLst>
                  <a:gd name="T0" fmla="*/ 5 w 54"/>
                  <a:gd name="T1" fmla="*/ 0 h 82"/>
                  <a:gd name="T2" fmla="*/ 5 w 54"/>
                  <a:gd name="T3" fmla="*/ 0 h 82"/>
                  <a:gd name="T4" fmla="*/ 5 w 54"/>
                  <a:gd name="T5" fmla="*/ 0 h 82"/>
                  <a:gd name="T6" fmla="*/ 5 w 54"/>
                  <a:gd name="T7" fmla="*/ 2 h 82"/>
                  <a:gd name="T8" fmla="*/ 7 w 54"/>
                  <a:gd name="T9" fmla="*/ 4 h 82"/>
                  <a:gd name="T10" fmla="*/ 7 w 54"/>
                  <a:gd name="T11" fmla="*/ 7 h 82"/>
                  <a:gd name="T12" fmla="*/ 8 w 54"/>
                  <a:gd name="T13" fmla="*/ 10 h 82"/>
                  <a:gd name="T14" fmla="*/ 10 w 54"/>
                  <a:gd name="T15" fmla="*/ 14 h 82"/>
                  <a:gd name="T16" fmla="*/ 13 w 54"/>
                  <a:gd name="T17" fmla="*/ 19 h 82"/>
                  <a:gd name="T18" fmla="*/ 15 w 54"/>
                  <a:gd name="T19" fmla="*/ 22 h 82"/>
                  <a:gd name="T20" fmla="*/ 17 w 54"/>
                  <a:gd name="T21" fmla="*/ 27 h 82"/>
                  <a:gd name="T22" fmla="*/ 20 w 54"/>
                  <a:gd name="T23" fmla="*/ 32 h 82"/>
                  <a:gd name="T24" fmla="*/ 23 w 54"/>
                  <a:gd name="T25" fmla="*/ 38 h 82"/>
                  <a:gd name="T26" fmla="*/ 25 w 54"/>
                  <a:gd name="T27" fmla="*/ 43 h 82"/>
                  <a:gd name="T28" fmla="*/ 29 w 54"/>
                  <a:gd name="T29" fmla="*/ 48 h 82"/>
                  <a:gd name="T30" fmla="*/ 32 w 54"/>
                  <a:gd name="T31" fmla="*/ 51 h 82"/>
                  <a:gd name="T32" fmla="*/ 35 w 54"/>
                  <a:gd name="T33" fmla="*/ 56 h 82"/>
                  <a:gd name="T34" fmla="*/ 39 w 54"/>
                  <a:gd name="T35" fmla="*/ 60 h 82"/>
                  <a:gd name="T36" fmla="*/ 39 w 54"/>
                  <a:gd name="T37" fmla="*/ 60 h 82"/>
                  <a:gd name="T38" fmla="*/ 40 w 54"/>
                  <a:gd name="T39" fmla="*/ 63 h 82"/>
                  <a:gd name="T40" fmla="*/ 44 w 54"/>
                  <a:gd name="T41" fmla="*/ 66 h 82"/>
                  <a:gd name="T42" fmla="*/ 47 w 54"/>
                  <a:gd name="T43" fmla="*/ 73 h 82"/>
                  <a:gd name="T44" fmla="*/ 52 w 54"/>
                  <a:gd name="T45" fmla="*/ 78 h 82"/>
                  <a:gd name="T46" fmla="*/ 54 w 54"/>
                  <a:gd name="T47" fmla="*/ 82 h 82"/>
                  <a:gd name="T48" fmla="*/ 52 w 54"/>
                  <a:gd name="T49" fmla="*/ 82 h 82"/>
                  <a:gd name="T50" fmla="*/ 45 w 54"/>
                  <a:gd name="T51" fmla="*/ 76 h 82"/>
                  <a:gd name="T52" fmla="*/ 34 w 54"/>
                  <a:gd name="T53" fmla="*/ 65 h 82"/>
                  <a:gd name="T54" fmla="*/ 34 w 54"/>
                  <a:gd name="T55" fmla="*/ 65 h 82"/>
                  <a:gd name="T56" fmla="*/ 34 w 54"/>
                  <a:gd name="T57" fmla="*/ 65 h 82"/>
                  <a:gd name="T58" fmla="*/ 32 w 54"/>
                  <a:gd name="T59" fmla="*/ 63 h 82"/>
                  <a:gd name="T60" fmla="*/ 30 w 54"/>
                  <a:gd name="T61" fmla="*/ 60 h 82"/>
                  <a:gd name="T62" fmla="*/ 27 w 54"/>
                  <a:gd name="T63" fmla="*/ 56 h 82"/>
                  <a:gd name="T64" fmla="*/ 25 w 54"/>
                  <a:gd name="T65" fmla="*/ 53 h 82"/>
                  <a:gd name="T66" fmla="*/ 22 w 54"/>
                  <a:gd name="T67" fmla="*/ 48 h 82"/>
                  <a:gd name="T68" fmla="*/ 18 w 54"/>
                  <a:gd name="T69" fmla="*/ 43 h 82"/>
                  <a:gd name="T70" fmla="*/ 15 w 54"/>
                  <a:gd name="T71" fmla="*/ 38 h 82"/>
                  <a:gd name="T72" fmla="*/ 12 w 54"/>
                  <a:gd name="T73" fmla="*/ 32 h 82"/>
                  <a:gd name="T74" fmla="*/ 10 w 54"/>
                  <a:gd name="T75" fmla="*/ 27 h 82"/>
                  <a:gd name="T76" fmla="*/ 7 w 54"/>
                  <a:gd name="T77" fmla="*/ 22 h 82"/>
                  <a:gd name="T78" fmla="*/ 5 w 54"/>
                  <a:gd name="T79" fmla="*/ 19 h 82"/>
                  <a:gd name="T80" fmla="*/ 1 w 54"/>
                  <a:gd name="T81" fmla="*/ 14 h 82"/>
                  <a:gd name="T82" fmla="*/ 1 w 54"/>
                  <a:gd name="T83" fmla="*/ 10 h 82"/>
                  <a:gd name="T84" fmla="*/ 0 w 54"/>
                  <a:gd name="T85" fmla="*/ 7 h 82"/>
                  <a:gd name="T86" fmla="*/ 0 w 54"/>
                  <a:gd name="T87" fmla="*/ 4 h 82"/>
                  <a:gd name="T88" fmla="*/ 0 w 54"/>
                  <a:gd name="T89" fmla="*/ 4 h 82"/>
                  <a:gd name="T90" fmla="*/ 0 w 54"/>
                  <a:gd name="T91" fmla="*/ 2 h 82"/>
                  <a:gd name="T92" fmla="*/ 1 w 54"/>
                  <a:gd name="T93" fmla="*/ 0 h 82"/>
                  <a:gd name="T94" fmla="*/ 3 w 54"/>
                  <a:gd name="T95" fmla="*/ 0 h 82"/>
                  <a:gd name="T96" fmla="*/ 5 w 54"/>
                  <a:gd name="T97" fmla="*/ 0 h 82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w 54"/>
                  <a:gd name="T148" fmla="*/ 0 h 82"/>
                  <a:gd name="T149" fmla="*/ 54 w 54"/>
                  <a:gd name="T150" fmla="*/ 82 h 82"/>
                </a:gdLst>
                <a:ahLst/>
                <a:cxnLst>
                  <a:cxn ang="T98">
                    <a:pos x="T0" y="T1"/>
                  </a:cxn>
                  <a:cxn ang="T99">
                    <a:pos x="T2" y="T3"/>
                  </a:cxn>
                  <a:cxn ang="T100">
                    <a:pos x="T4" y="T5"/>
                  </a:cxn>
                  <a:cxn ang="T101">
                    <a:pos x="T6" y="T7"/>
                  </a:cxn>
                  <a:cxn ang="T102">
                    <a:pos x="T8" y="T9"/>
                  </a:cxn>
                  <a:cxn ang="T103">
                    <a:pos x="T10" y="T11"/>
                  </a:cxn>
                  <a:cxn ang="T104">
                    <a:pos x="T12" y="T13"/>
                  </a:cxn>
                  <a:cxn ang="T105">
                    <a:pos x="T14" y="T15"/>
                  </a:cxn>
                  <a:cxn ang="T106">
                    <a:pos x="T16" y="T17"/>
                  </a:cxn>
                  <a:cxn ang="T107">
                    <a:pos x="T18" y="T19"/>
                  </a:cxn>
                  <a:cxn ang="T108">
                    <a:pos x="T20" y="T21"/>
                  </a:cxn>
                  <a:cxn ang="T109">
                    <a:pos x="T22" y="T23"/>
                  </a:cxn>
                  <a:cxn ang="T110">
                    <a:pos x="T24" y="T25"/>
                  </a:cxn>
                  <a:cxn ang="T111">
                    <a:pos x="T26" y="T27"/>
                  </a:cxn>
                  <a:cxn ang="T112">
                    <a:pos x="T28" y="T29"/>
                  </a:cxn>
                  <a:cxn ang="T113">
                    <a:pos x="T30" y="T31"/>
                  </a:cxn>
                  <a:cxn ang="T114">
                    <a:pos x="T32" y="T33"/>
                  </a:cxn>
                  <a:cxn ang="T115">
                    <a:pos x="T34" y="T35"/>
                  </a:cxn>
                  <a:cxn ang="T116">
                    <a:pos x="T36" y="T37"/>
                  </a:cxn>
                  <a:cxn ang="T117">
                    <a:pos x="T38" y="T39"/>
                  </a:cxn>
                  <a:cxn ang="T118">
                    <a:pos x="T40" y="T41"/>
                  </a:cxn>
                  <a:cxn ang="T119">
                    <a:pos x="T42" y="T43"/>
                  </a:cxn>
                  <a:cxn ang="T120">
                    <a:pos x="T44" y="T45"/>
                  </a:cxn>
                  <a:cxn ang="T121">
                    <a:pos x="T46" y="T47"/>
                  </a:cxn>
                  <a:cxn ang="T122">
                    <a:pos x="T48" y="T49"/>
                  </a:cxn>
                  <a:cxn ang="T123">
                    <a:pos x="T50" y="T51"/>
                  </a:cxn>
                  <a:cxn ang="T124">
                    <a:pos x="T52" y="T53"/>
                  </a:cxn>
                  <a:cxn ang="T125">
                    <a:pos x="T54" y="T55"/>
                  </a:cxn>
                  <a:cxn ang="T126">
                    <a:pos x="T56" y="T57"/>
                  </a:cxn>
                  <a:cxn ang="T127">
                    <a:pos x="T58" y="T59"/>
                  </a:cxn>
                  <a:cxn ang="T128">
                    <a:pos x="T60" y="T61"/>
                  </a:cxn>
                  <a:cxn ang="T129">
                    <a:pos x="T62" y="T63"/>
                  </a:cxn>
                  <a:cxn ang="T130">
                    <a:pos x="T64" y="T65"/>
                  </a:cxn>
                  <a:cxn ang="T131">
                    <a:pos x="T66" y="T67"/>
                  </a:cxn>
                  <a:cxn ang="T132">
                    <a:pos x="T68" y="T69"/>
                  </a:cxn>
                  <a:cxn ang="T133">
                    <a:pos x="T70" y="T71"/>
                  </a:cxn>
                  <a:cxn ang="T134">
                    <a:pos x="T72" y="T73"/>
                  </a:cxn>
                  <a:cxn ang="T135">
                    <a:pos x="T74" y="T75"/>
                  </a:cxn>
                  <a:cxn ang="T136">
                    <a:pos x="T76" y="T77"/>
                  </a:cxn>
                  <a:cxn ang="T137">
                    <a:pos x="T78" y="T79"/>
                  </a:cxn>
                  <a:cxn ang="T138">
                    <a:pos x="T80" y="T81"/>
                  </a:cxn>
                  <a:cxn ang="T139">
                    <a:pos x="T82" y="T83"/>
                  </a:cxn>
                  <a:cxn ang="T140">
                    <a:pos x="T84" y="T85"/>
                  </a:cxn>
                  <a:cxn ang="T141">
                    <a:pos x="T86" y="T87"/>
                  </a:cxn>
                  <a:cxn ang="T142">
                    <a:pos x="T88" y="T89"/>
                  </a:cxn>
                  <a:cxn ang="T143">
                    <a:pos x="T90" y="T91"/>
                  </a:cxn>
                  <a:cxn ang="T144">
                    <a:pos x="T92" y="T93"/>
                  </a:cxn>
                  <a:cxn ang="T145">
                    <a:pos x="T94" y="T95"/>
                  </a:cxn>
                  <a:cxn ang="T146">
                    <a:pos x="T96" y="T97"/>
                  </a:cxn>
                </a:cxnLst>
                <a:rect l="T147" t="T148" r="T149" b="T150"/>
                <a:pathLst>
                  <a:path w="54" h="82">
                    <a:moveTo>
                      <a:pt x="5" y="0"/>
                    </a:moveTo>
                    <a:lnTo>
                      <a:pt x="5" y="0"/>
                    </a:lnTo>
                    <a:lnTo>
                      <a:pt x="5" y="2"/>
                    </a:lnTo>
                    <a:lnTo>
                      <a:pt x="7" y="4"/>
                    </a:lnTo>
                    <a:lnTo>
                      <a:pt x="7" y="7"/>
                    </a:lnTo>
                    <a:lnTo>
                      <a:pt x="8" y="10"/>
                    </a:lnTo>
                    <a:lnTo>
                      <a:pt x="10" y="14"/>
                    </a:lnTo>
                    <a:lnTo>
                      <a:pt x="13" y="19"/>
                    </a:lnTo>
                    <a:lnTo>
                      <a:pt x="15" y="22"/>
                    </a:lnTo>
                    <a:lnTo>
                      <a:pt x="17" y="27"/>
                    </a:lnTo>
                    <a:lnTo>
                      <a:pt x="20" y="32"/>
                    </a:lnTo>
                    <a:lnTo>
                      <a:pt x="23" y="38"/>
                    </a:lnTo>
                    <a:lnTo>
                      <a:pt x="25" y="43"/>
                    </a:lnTo>
                    <a:lnTo>
                      <a:pt x="29" y="48"/>
                    </a:lnTo>
                    <a:lnTo>
                      <a:pt x="32" y="51"/>
                    </a:lnTo>
                    <a:lnTo>
                      <a:pt x="35" y="56"/>
                    </a:lnTo>
                    <a:lnTo>
                      <a:pt x="39" y="60"/>
                    </a:lnTo>
                    <a:lnTo>
                      <a:pt x="40" y="63"/>
                    </a:lnTo>
                    <a:lnTo>
                      <a:pt x="44" y="66"/>
                    </a:lnTo>
                    <a:lnTo>
                      <a:pt x="47" y="73"/>
                    </a:lnTo>
                    <a:lnTo>
                      <a:pt x="52" y="78"/>
                    </a:lnTo>
                    <a:lnTo>
                      <a:pt x="54" y="82"/>
                    </a:lnTo>
                    <a:lnTo>
                      <a:pt x="52" y="82"/>
                    </a:lnTo>
                    <a:lnTo>
                      <a:pt x="45" y="76"/>
                    </a:lnTo>
                    <a:lnTo>
                      <a:pt x="34" y="65"/>
                    </a:lnTo>
                    <a:lnTo>
                      <a:pt x="32" y="63"/>
                    </a:lnTo>
                    <a:lnTo>
                      <a:pt x="30" y="60"/>
                    </a:lnTo>
                    <a:lnTo>
                      <a:pt x="27" y="56"/>
                    </a:lnTo>
                    <a:lnTo>
                      <a:pt x="25" y="53"/>
                    </a:lnTo>
                    <a:lnTo>
                      <a:pt x="22" y="48"/>
                    </a:lnTo>
                    <a:lnTo>
                      <a:pt x="18" y="43"/>
                    </a:lnTo>
                    <a:lnTo>
                      <a:pt x="15" y="38"/>
                    </a:lnTo>
                    <a:lnTo>
                      <a:pt x="12" y="32"/>
                    </a:lnTo>
                    <a:lnTo>
                      <a:pt x="10" y="27"/>
                    </a:lnTo>
                    <a:lnTo>
                      <a:pt x="7" y="22"/>
                    </a:lnTo>
                    <a:lnTo>
                      <a:pt x="5" y="19"/>
                    </a:lnTo>
                    <a:lnTo>
                      <a:pt x="1" y="14"/>
                    </a:lnTo>
                    <a:lnTo>
                      <a:pt x="1" y="10"/>
                    </a:lnTo>
                    <a:lnTo>
                      <a:pt x="0" y="7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3" y="0"/>
                    </a:lnTo>
                    <a:lnTo>
                      <a:pt x="5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43" name="Freeform 169"/>
              <p:cNvSpPr>
                <a:spLocks/>
              </p:cNvSpPr>
              <p:nvPr/>
            </p:nvSpPr>
            <p:spPr bwMode="auto">
              <a:xfrm>
                <a:off x="4956" y="2165"/>
                <a:ext cx="20" cy="72"/>
              </a:xfrm>
              <a:custGeom>
                <a:avLst/>
                <a:gdLst>
                  <a:gd name="T0" fmla="*/ 8 w 20"/>
                  <a:gd name="T1" fmla="*/ 0 h 72"/>
                  <a:gd name="T2" fmla="*/ 18 w 20"/>
                  <a:gd name="T3" fmla="*/ 18 h 72"/>
                  <a:gd name="T4" fmla="*/ 20 w 20"/>
                  <a:gd name="T5" fmla="*/ 67 h 72"/>
                  <a:gd name="T6" fmla="*/ 3 w 20"/>
                  <a:gd name="T7" fmla="*/ 72 h 72"/>
                  <a:gd name="T8" fmla="*/ 0 w 20"/>
                  <a:gd name="T9" fmla="*/ 71 h 72"/>
                  <a:gd name="T10" fmla="*/ 15 w 20"/>
                  <a:gd name="T11" fmla="*/ 55 h 72"/>
                  <a:gd name="T12" fmla="*/ 13 w 20"/>
                  <a:gd name="T13" fmla="*/ 22 h 72"/>
                  <a:gd name="T14" fmla="*/ 3 w 20"/>
                  <a:gd name="T15" fmla="*/ 3 h 72"/>
                  <a:gd name="T16" fmla="*/ 8 w 20"/>
                  <a:gd name="T17" fmla="*/ 0 h 72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  <a:gd name="T27" fmla="*/ 0 w 20"/>
                  <a:gd name="T28" fmla="*/ 0 h 72"/>
                  <a:gd name="T29" fmla="*/ 20 w 20"/>
                  <a:gd name="T30" fmla="*/ 72 h 72"/>
                </a:gdLst>
                <a:ahLst/>
                <a:cxnLst>
                  <a:cxn ang="T18">
                    <a:pos x="T0" y="T1"/>
                  </a:cxn>
                  <a:cxn ang="T19">
                    <a:pos x="T2" y="T3"/>
                  </a:cxn>
                  <a:cxn ang="T20">
                    <a:pos x="T4" y="T5"/>
                  </a:cxn>
                  <a:cxn ang="T21">
                    <a:pos x="T6" y="T7"/>
                  </a:cxn>
                  <a:cxn ang="T22">
                    <a:pos x="T8" y="T9"/>
                  </a:cxn>
                  <a:cxn ang="T23">
                    <a:pos x="T10" y="T11"/>
                  </a:cxn>
                  <a:cxn ang="T24">
                    <a:pos x="T12" y="T13"/>
                  </a:cxn>
                  <a:cxn ang="T25">
                    <a:pos x="T14" y="T15"/>
                  </a:cxn>
                  <a:cxn ang="T26">
                    <a:pos x="T16" y="T17"/>
                  </a:cxn>
                </a:cxnLst>
                <a:rect l="T27" t="T28" r="T29" b="T30"/>
                <a:pathLst>
                  <a:path w="20" h="72">
                    <a:moveTo>
                      <a:pt x="8" y="0"/>
                    </a:moveTo>
                    <a:lnTo>
                      <a:pt x="18" y="18"/>
                    </a:lnTo>
                    <a:lnTo>
                      <a:pt x="20" y="67"/>
                    </a:lnTo>
                    <a:lnTo>
                      <a:pt x="3" y="72"/>
                    </a:lnTo>
                    <a:lnTo>
                      <a:pt x="0" y="71"/>
                    </a:lnTo>
                    <a:lnTo>
                      <a:pt x="15" y="55"/>
                    </a:lnTo>
                    <a:lnTo>
                      <a:pt x="13" y="22"/>
                    </a:lnTo>
                    <a:lnTo>
                      <a:pt x="3" y="3"/>
                    </a:lnTo>
                    <a:lnTo>
                      <a:pt x="8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44" name="Freeform 170"/>
              <p:cNvSpPr>
                <a:spLocks/>
              </p:cNvSpPr>
              <p:nvPr/>
            </p:nvSpPr>
            <p:spPr bwMode="auto">
              <a:xfrm>
                <a:off x="4956" y="2165"/>
                <a:ext cx="20" cy="72"/>
              </a:xfrm>
              <a:custGeom>
                <a:avLst/>
                <a:gdLst>
                  <a:gd name="T0" fmla="*/ 8 w 20"/>
                  <a:gd name="T1" fmla="*/ 0 h 72"/>
                  <a:gd name="T2" fmla="*/ 18 w 20"/>
                  <a:gd name="T3" fmla="*/ 18 h 72"/>
                  <a:gd name="T4" fmla="*/ 20 w 20"/>
                  <a:gd name="T5" fmla="*/ 67 h 72"/>
                  <a:gd name="T6" fmla="*/ 3 w 20"/>
                  <a:gd name="T7" fmla="*/ 72 h 72"/>
                  <a:gd name="T8" fmla="*/ 0 w 20"/>
                  <a:gd name="T9" fmla="*/ 71 h 72"/>
                  <a:gd name="T10" fmla="*/ 15 w 20"/>
                  <a:gd name="T11" fmla="*/ 55 h 72"/>
                  <a:gd name="T12" fmla="*/ 13 w 20"/>
                  <a:gd name="T13" fmla="*/ 22 h 72"/>
                  <a:gd name="T14" fmla="*/ 3 w 20"/>
                  <a:gd name="T15" fmla="*/ 3 h 72"/>
                  <a:gd name="T16" fmla="*/ 8 w 20"/>
                  <a:gd name="T17" fmla="*/ 0 h 72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  <a:gd name="T27" fmla="*/ 0 w 20"/>
                  <a:gd name="T28" fmla="*/ 0 h 72"/>
                  <a:gd name="T29" fmla="*/ 20 w 20"/>
                  <a:gd name="T30" fmla="*/ 72 h 72"/>
                </a:gdLst>
                <a:ahLst/>
                <a:cxnLst>
                  <a:cxn ang="T18">
                    <a:pos x="T0" y="T1"/>
                  </a:cxn>
                  <a:cxn ang="T19">
                    <a:pos x="T2" y="T3"/>
                  </a:cxn>
                  <a:cxn ang="T20">
                    <a:pos x="T4" y="T5"/>
                  </a:cxn>
                  <a:cxn ang="T21">
                    <a:pos x="T6" y="T7"/>
                  </a:cxn>
                  <a:cxn ang="T22">
                    <a:pos x="T8" y="T9"/>
                  </a:cxn>
                  <a:cxn ang="T23">
                    <a:pos x="T10" y="T11"/>
                  </a:cxn>
                  <a:cxn ang="T24">
                    <a:pos x="T12" y="T13"/>
                  </a:cxn>
                  <a:cxn ang="T25">
                    <a:pos x="T14" y="T15"/>
                  </a:cxn>
                  <a:cxn ang="T26">
                    <a:pos x="T16" y="T17"/>
                  </a:cxn>
                </a:cxnLst>
                <a:rect l="T27" t="T28" r="T29" b="T30"/>
                <a:pathLst>
                  <a:path w="20" h="72">
                    <a:moveTo>
                      <a:pt x="8" y="0"/>
                    </a:moveTo>
                    <a:lnTo>
                      <a:pt x="18" y="18"/>
                    </a:lnTo>
                    <a:lnTo>
                      <a:pt x="20" y="67"/>
                    </a:lnTo>
                    <a:lnTo>
                      <a:pt x="3" y="72"/>
                    </a:lnTo>
                    <a:lnTo>
                      <a:pt x="0" y="71"/>
                    </a:lnTo>
                    <a:lnTo>
                      <a:pt x="15" y="55"/>
                    </a:lnTo>
                    <a:lnTo>
                      <a:pt x="13" y="22"/>
                    </a:lnTo>
                    <a:lnTo>
                      <a:pt x="3" y="3"/>
                    </a:lnTo>
                    <a:lnTo>
                      <a:pt x="8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417" name="Freeform 171"/>
            <p:cNvSpPr>
              <a:spLocks/>
            </p:cNvSpPr>
            <p:nvPr/>
          </p:nvSpPr>
          <p:spPr bwMode="auto">
            <a:xfrm>
              <a:off x="420" y="850"/>
              <a:ext cx="638" cy="473"/>
            </a:xfrm>
            <a:custGeom>
              <a:avLst/>
              <a:gdLst>
                <a:gd name="T0" fmla="*/ 18 w 656"/>
                <a:gd name="T1" fmla="*/ 20 h 487"/>
                <a:gd name="T2" fmla="*/ 44 w 656"/>
                <a:gd name="T3" fmla="*/ 44 h 487"/>
                <a:gd name="T4" fmla="*/ 65 w 656"/>
                <a:gd name="T5" fmla="*/ 51 h 487"/>
                <a:gd name="T6" fmla="*/ 79 w 656"/>
                <a:gd name="T7" fmla="*/ 58 h 487"/>
                <a:gd name="T8" fmla="*/ 109 w 656"/>
                <a:gd name="T9" fmla="*/ 70 h 487"/>
                <a:gd name="T10" fmla="*/ 117 w 656"/>
                <a:gd name="T11" fmla="*/ 81 h 487"/>
                <a:gd name="T12" fmla="*/ 112 w 656"/>
                <a:gd name="T13" fmla="*/ 94 h 487"/>
                <a:gd name="T14" fmla="*/ 109 w 656"/>
                <a:gd name="T15" fmla="*/ 94 h 487"/>
                <a:gd name="T16" fmla="*/ 85 w 656"/>
                <a:gd name="T17" fmla="*/ 127 h 487"/>
                <a:gd name="T18" fmla="*/ 98 w 656"/>
                <a:gd name="T19" fmla="*/ 108 h 487"/>
                <a:gd name="T20" fmla="*/ 112 w 656"/>
                <a:gd name="T21" fmla="*/ 112 h 487"/>
                <a:gd name="T22" fmla="*/ 101 w 656"/>
                <a:gd name="T23" fmla="*/ 144 h 487"/>
                <a:gd name="T24" fmla="*/ 101 w 656"/>
                <a:gd name="T25" fmla="*/ 137 h 487"/>
                <a:gd name="T26" fmla="*/ 93 w 656"/>
                <a:gd name="T27" fmla="*/ 139 h 487"/>
                <a:gd name="T28" fmla="*/ 91 w 656"/>
                <a:gd name="T29" fmla="*/ 130 h 487"/>
                <a:gd name="T30" fmla="*/ 77 w 656"/>
                <a:gd name="T31" fmla="*/ 145 h 487"/>
                <a:gd name="T32" fmla="*/ 89 w 656"/>
                <a:gd name="T33" fmla="*/ 148 h 487"/>
                <a:gd name="T34" fmla="*/ 97 w 656"/>
                <a:gd name="T35" fmla="*/ 152 h 487"/>
                <a:gd name="T36" fmla="*/ 114 w 656"/>
                <a:gd name="T37" fmla="*/ 144 h 487"/>
                <a:gd name="T38" fmla="*/ 144 w 656"/>
                <a:gd name="T39" fmla="*/ 84 h 487"/>
                <a:gd name="T40" fmla="*/ 129 w 656"/>
                <a:gd name="T41" fmla="*/ 68 h 487"/>
                <a:gd name="T42" fmla="*/ 133 w 656"/>
                <a:gd name="T43" fmla="*/ 39 h 487"/>
                <a:gd name="T44" fmla="*/ 144 w 656"/>
                <a:gd name="T45" fmla="*/ 25 h 487"/>
                <a:gd name="T46" fmla="*/ 141 w 656"/>
                <a:gd name="T47" fmla="*/ 3 h 487"/>
                <a:gd name="T48" fmla="*/ 181 w 656"/>
                <a:gd name="T49" fmla="*/ 17 h 487"/>
                <a:gd name="T50" fmla="*/ 252 w 656"/>
                <a:gd name="T51" fmla="*/ 37 h 487"/>
                <a:gd name="T52" fmla="*/ 342 w 656"/>
                <a:gd name="T53" fmla="*/ 57 h 487"/>
                <a:gd name="T54" fmla="*/ 443 w 656"/>
                <a:gd name="T55" fmla="*/ 79 h 487"/>
                <a:gd name="T56" fmla="*/ 440 w 656"/>
                <a:gd name="T57" fmla="*/ 105 h 487"/>
                <a:gd name="T58" fmla="*/ 427 w 656"/>
                <a:gd name="T59" fmla="*/ 160 h 487"/>
                <a:gd name="T60" fmla="*/ 412 w 656"/>
                <a:gd name="T61" fmla="*/ 225 h 487"/>
                <a:gd name="T62" fmla="*/ 403 w 656"/>
                <a:gd name="T63" fmla="*/ 271 h 487"/>
                <a:gd name="T64" fmla="*/ 400 w 656"/>
                <a:gd name="T65" fmla="*/ 307 h 487"/>
                <a:gd name="T66" fmla="*/ 281 w 656"/>
                <a:gd name="T67" fmla="*/ 296 h 487"/>
                <a:gd name="T68" fmla="*/ 260 w 656"/>
                <a:gd name="T69" fmla="*/ 298 h 487"/>
                <a:gd name="T70" fmla="*/ 241 w 656"/>
                <a:gd name="T71" fmla="*/ 292 h 487"/>
                <a:gd name="T72" fmla="*/ 219 w 656"/>
                <a:gd name="T73" fmla="*/ 296 h 487"/>
                <a:gd name="T74" fmla="*/ 185 w 656"/>
                <a:gd name="T75" fmla="*/ 296 h 487"/>
                <a:gd name="T76" fmla="*/ 165 w 656"/>
                <a:gd name="T77" fmla="*/ 294 h 487"/>
                <a:gd name="T78" fmla="*/ 142 w 656"/>
                <a:gd name="T79" fmla="*/ 289 h 487"/>
                <a:gd name="T80" fmla="*/ 114 w 656"/>
                <a:gd name="T81" fmla="*/ 278 h 487"/>
                <a:gd name="T82" fmla="*/ 91 w 656"/>
                <a:gd name="T83" fmla="*/ 281 h 487"/>
                <a:gd name="T84" fmla="*/ 71 w 656"/>
                <a:gd name="T85" fmla="*/ 276 h 487"/>
                <a:gd name="T86" fmla="*/ 61 w 656"/>
                <a:gd name="T87" fmla="*/ 269 h 487"/>
                <a:gd name="T88" fmla="*/ 60 w 656"/>
                <a:gd name="T89" fmla="*/ 252 h 487"/>
                <a:gd name="T90" fmla="*/ 55 w 656"/>
                <a:gd name="T91" fmla="*/ 227 h 487"/>
                <a:gd name="T92" fmla="*/ 43 w 656"/>
                <a:gd name="T93" fmla="*/ 219 h 487"/>
                <a:gd name="T94" fmla="*/ 40 w 656"/>
                <a:gd name="T95" fmla="*/ 214 h 487"/>
                <a:gd name="T96" fmla="*/ 25 w 656"/>
                <a:gd name="T97" fmla="*/ 203 h 487"/>
                <a:gd name="T98" fmla="*/ 11 w 656"/>
                <a:gd name="T99" fmla="*/ 200 h 487"/>
                <a:gd name="T100" fmla="*/ 0 w 656"/>
                <a:gd name="T101" fmla="*/ 195 h 487"/>
                <a:gd name="T102" fmla="*/ 5 w 656"/>
                <a:gd name="T103" fmla="*/ 180 h 487"/>
                <a:gd name="T104" fmla="*/ 15 w 656"/>
                <a:gd name="T105" fmla="*/ 171 h 487"/>
                <a:gd name="T106" fmla="*/ 11 w 656"/>
                <a:gd name="T107" fmla="*/ 184 h 487"/>
                <a:gd name="T108" fmla="*/ 15 w 656"/>
                <a:gd name="T109" fmla="*/ 188 h 487"/>
                <a:gd name="T110" fmla="*/ 18 w 656"/>
                <a:gd name="T111" fmla="*/ 166 h 487"/>
                <a:gd name="T112" fmla="*/ 18 w 656"/>
                <a:gd name="T113" fmla="*/ 148 h 487"/>
                <a:gd name="T114" fmla="*/ 18 w 656"/>
                <a:gd name="T115" fmla="*/ 142 h 487"/>
                <a:gd name="T116" fmla="*/ 18 w 656"/>
                <a:gd name="T117" fmla="*/ 118 h 487"/>
                <a:gd name="T118" fmla="*/ 18 w 656"/>
                <a:gd name="T119" fmla="*/ 89 h 487"/>
                <a:gd name="T120" fmla="*/ 17 w 656"/>
                <a:gd name="T121" fmla="*/ 64 h 487"/>
                <a:gd name="T122" fmla="*/ 15 w 656"/>
                <a:gd name="T123" fmla="*/ 38 h 487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w 656"/>
                <a:gd name="T187" fmla="*/ 0 h 487"/>
                <a:gd name="T188" fmla="*/ 656 w 656"/>
                <a:gd name="T189" fmla="*/ 487 h 487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T186" t="T187" r="T188" b="T189"/>
              <a:pathLst>
                <a:path w="656" h="487">
                  <a:moveTo>
                    <a:pt x="22" y="41"/>
                  </a:moveTo>
                  <a:lnTo>
                    <a:pt x="23" y="36"/>
                  </a:lnTo>
                  <a:lnTo>
                    <a:pt x="22" y="27"/>
                  </a:lnTo>
                  <a:lnTo>
                    <a:pt x="22" y="29"/>
                  </a:lnTo>
                  <a:lnTo>
                    <a:pt x="23" y="29"/>
                  </a:lnTo>
                  <a:lnTo>
                    <a:pt x="25" y="32"/>
                  </a:lnTo>
                  <a:lnTo>
                    <a:pt x="28" y="34"/>
                  </a:lnTo>
                  <a:lnTo>
                    <a:pt x="32" y="39"/>
                  </a:lnTo>
                  <a:lnTo>
                    <a:pt x="37" y="42"/>
                  </a:lnTo>
                  <a:lnTo>
                    <a:pt x="40" y="46"/>
                  </a:lnTo>
                  <a:lnTo>
                    <a:pt x="45" y="51"/>
                  </a:lnTo>
                  <a:lnTo>
                    <a:pt x="50" y="56"/>
                  </a:lnTo>
                  <a:lnTo>
                    <a:pt x="57" y="59"/>
                  </a:lnTo>
                  <a:lnTo>
                    <a:pt x="62" y="64"/>
                  </a:lnTo>
                  <a:lnTo>
                    <a:pt x="67" y="68"/>
                  </a:lnTo>
                  <a:lnTo>
                    <a:pt x="74" y="71"/>
                  </a:lnTo>
                  <a:lnTo>
                    <a:pt x="79" y="74"/>
                  </a:lnTo>
                  <a:lnTo>
                    <a:pt x="86" y="76"/>
                  </a:lnTo>
                  <a:lnTo>
                    <a:pt x="91" y="78"/>
                  </a:lnTo>
                  <a:lnTo>
                    <a:pt x="94" y="78"/>
                  </a:lnTo>
                  <a:lnTo>
                    <a:pt x="96" y="80"/>
                  </a:lnTo>
                  <a:lnTo>
                    <a:pt x="98" y="80"/>
                  </a:lnTo>
                  <a:lnTo>
                    <a:pt x="101" y="80"/>
                  </a:lnTo>
                  <a:lnTo>
                    <a:pt x="103" y="81"/>
                  </a:lnTo>
                  <a:lnTo>
                    <a:pt x="105" y="81"/>
                  </a:lnTo>
                  <a:lnTo>
                    <a:pt x="115" y="86"/>
                  </a:lnTo>
                  <a:lnTo>
                    <a:pt x="123" y="95"/>
                  </a:lnTo>
                  <a:lnTo>
                    <a:pt x="142" y="95"/>
                  </a:lnTo>
                  <a:lnTo>
                    <a:pt x="143" y="105"/>
                  </a:lnTo>
                  <a:lnTo>
                    <a:pt x="154" y="105"/>
                  </a:lnTo>
                  <a:lnTo>
                    <a:pt x="154" y="117"/>
                  </a:lnTo>
                  <a:lnTo>
                    <a:pt x="160" y="117"/>
                  </a:lnTo>
                  <a:lnTo>
                    <a:pt x="159" y="105"/>
                  </a:lnTo>
                  <a:lnTo>
                    <a:pt x="162" y="103"/>
                  </a:lnTo>
                  <a:lnTo>
                    <a:pt x="172" y="103"/>
                  </a:lnTo>
                  <a:lnTo>
                    <a:pt x="167" y="113"/>
                  </a:lnTo>
                  <a:lnTo>
                    <a:pt x="169" y="115"/>
                  </a:lnTo>
                  <a:lnTo>
                    <a:pt x="169" y="117"/>
                  </a:lnTo>
                  <a:lnTo>
                    <a:pt x="171" y="118"/>
                  </a:lnTo>
                  <a:lnTo>
                    <a:pt x="172" y="122"/>
                  </a:lnTo>
                  <a:lnTo>
                    <a:pt x="174" y="125"/>
                  </a:lnTo>
                  <a:lnTo>
                    <a:pt x="174" y="130"/>
                  </a:lnTo>
                  <a:lnTo>
                    <a:pt x="172" y="134"/>
                  </a:lnTo>
                  <a:lnTo>
                    <a:pt x="171" y="135"/>
                  </a:lnTo>
                  <a:lnTo>
                    <a:pt x="169" y="137"/>
                  </a:lnTo>
                  <a:lnTo>
                    <a:pt x="167" y="139"/>
                  </a:lnTo>
                  <a:lnTo>
                    <a:pt x="164" y="142"/>
                  </a:lnTo>
                  <a:lnTo>
                    <a:pt x="160" y="146"/>
                  </a:lnTo>
                  <a:lnTo>
                    <a:pt x="159" y="149"/>
                  </a:lnTo>
                  <a:lnTo>
                    <a:pt x="155" y="152"/>
                  </a:lnTo>
                  <a:lnTo>
                    <a:pt x="154" y="154"/>
                  </a:lnTo>
                  <a:lnTo>
                    <a:pt x="154" y="156"/>
                  </a:lnTo>
                  <a:lnTo>
                    <a:pt x="149" y="151"/>
                  </a:lnTo>
                  <a:lnTo>
                    <a:pt x="159" y="142"/>
                  </a:lnTo>
                  <a:lnTo>
                    <a:pt x="157" y="137"/>
                  </a:lnTo>
                  <a:lnTo>
                    <a:pt x="130" y="169"/>
                  </a:lnTo>
                  <a:lnTo>
                    <a:pt x="113" y="179"/>
                  </a:lnTo>
                  <a:lnTo>
                    <a:pt x="113" y="191"/>
                  </a:lnTo>
                  <a:lnTo>
                    <a:pt x="121" y="193"/>
                  </a:lnTo>
                  <a:lnTo>
                    <a:pt x="123" y="191"/>
                  </a:lnTo>
                  <a:lnTo>
                    <a:pt x="125" y="190"/>
                  </a:lnTo>
                  <a:lnTo>
                    <a:pt x="127" y="186"/>
                  </a:lnTo>
                  <a:lnTo>
                    <a:pt x="127" y="188"/>
                  </a:lnTo>
                  <a:lnTo>
                    <a:pt x="123" y="186"/>
                  </a:lnTo>
                  <a:lnTo>
                    <a:pt x="121" y="183"/>
                  </a:lnTo>
                  <a:lnTo>
                    <a:pt x="120" y="183"/>
                  </a:lnTo>
                  <a:lnTo>
                    <a:pt x="145" y="162"/>
                  </a:lnTo>
                  <a:lnTo>
                    <a:pt x="152" y="162"/>
                  </a:lnTo>
                  <a:lnTo>
                    <a:pt x="179" y="135"/>
                  </a:lnTo>
                  <a:lnTo>
                    <a:pt x="182" y="144"/>
                  </a:lnTo>
                  <a:lnTo>
                    <a:pt x="181" y="154"/>
                  </a:lnTo>
                  <a:lnTo>
                    <a:pt x="172" y="161"/>
                  </a:lnTo>
                  <a:lnTo>
                    <a:pt x="169" y="159"/>
                  </a:lnTo>
                  <a:lnTo>
                    <a:pt x="165" y="168"/>
                  </a:lnTo>
                  <a:lnTo>
                    <a:pt x="162" y="178"/>
                  </a:lnTo>
                  <a:lnTo>
                    <a:pt x="165" y="179"/>
                  </a:lnTo>
                  <a:lnTo>
                    <a:pt x="157" y="210"/>
                  </a:lnTo>
                  <a:lnTo>
                    <a:pt x="155" y="210"/>
                  </a:lnTo>
                  <a:lnTo>
                    <a:pt x="154" y="212"/>
                  </a:lnTo>
                  <a:lnTo>
                    <a:pt x="150" y="215"/>
                  </a:lnTo>
                  <a:lnTo>
                    <a:pt x="149" y="217"/>
                  </a:lnTo>
                  <a:lnTo>
                    <a:pt x="147" y="217"/>
                  </a:lnTo>
                  <a:lnTo>
                    <a:pt x="147" y="215"/>
                  </a:lnTo>
                  <a:lnTo>
                    <a:pt x="149" y="212"/>
                  </a:lnTo>
                  <a:lnTo>
                    <a:pt x="149" y="210"/>
                  </a:lnTo>
                  <a:lnTo>
                    <a:pt x="149" y="208"/>
                  </a:lnTo>
                  <a:lnTo>
                    <a:pt x="149" y="206"/>
                  </a:lnTo>
                  <a:lnTo>
                    <a:pt x="149" y="205"/>
                  </a:lnTo>
                  <a:lnTo>
                    <a:pt x="157" y="195"/>
                  </a:lnTo>
                  <a:lnTo>
                    <a:pt x="143" y="206"/>
                  </a:lnTo>
                  <a:lnTo>
                    <a:pt x="138" y="215"/>
                  </a:lnTo>
                  <a:lnTo>
                    <a:pt x="137" y="212"/>
                  </a:lnTo>
                  <a:lnTo>
                    <a:pt x="137" y="210"/>
                  </a:lnTo>
                  <a:lnTo>
                    <a:pt x="138" y="208"/>
                  </a:lnTo>
                  <a:lnTo>
                    <a:pt x="138" y="205"/>
                  </a:lnTo>
                  <a:lnTo>
                    <a:pt x="140" y="201"/>
                  </a:lnTo>
                  <a:lnTo>
                    <a:pt x="142" y="200"/>
                  </a:lnTo>
                  <a:lnTo>
                    <a:pt x="142" y="196"/>
                  </a:lnTo>
                  <a:lnTo>
                    <a:pt x="140" y="195"/>
                  </a:lnTo>
                  <a:lnTo>
                    <a:pt x="138" y="193"/>
                  </a:lnTo>
                  <a:lnTo>
                    <a:pt x="135" y="195"/>
                  </a:lnTo>
                  <a:lnTo>
                    <a:pt x="130" y="196"/>
                  </a:lnTo>
                  <a:lnTo>
                    <a:pt x="125" y="201"/>
                  </a:lnTo>
                  <a:lnTo>
                    <a:pt x="120" y="205"/>
                  </a:lnTo>
                  <a:lnTo>
                    <a:pt x="115" y="210"/>
                  </a:lnTo>
                  <a:lnTo>
                    <a:pt x="111" y="215"/>
                  </a:lnTo>
                  <a:lnTo>
                    <a:pt x="111" y="217"/>
                  </a:lnTo>
                  <a:lnTo>
                    <a:pt x="113" y="218"/>
                  </a:lnTo>
                  <a:lnTo>
                    <a:pt x="120" y="220"/>
                  </a:lnTo>
                  <a:lnTo>
                    <a:pt x="123" y="220"/>
                  </a:lnTo>
                  <a:lnTo>
                    <a:pt x="127" y="222"/>
                  </a:lnTo>
                  <a:lnTo>
                    <a:pt x="130" y="222"/>
                  </a:lnTo>
                  <a:lnTo>
                    <a:pt x="132" y="222"/>
                  </a:lnTo>
                  <a:lnTo>
                    <a:pt x="132" y="225"/>
                  </a:lnTo>
                  <a:lnTo>
                    <a:pt x="133" y="227"/>
                  </a:lnTo>
                  <a:lnTo>
                    <a:pt x="138" y="230"/>
                  </a:lnTo>
                  <a:lnTo>
                    <a:pt x="140" y="230"/>
                  </a:lnTo>
                  <a:lnTo>
                    <a:pt x="143" y="228"/>
                  </a:lnTo>
                  <a:lnTo>
                    <a:pt x="149" y="225"/>
                  </a:lnTo>
                  <a:lnTo>
                    <a:pt x="152" y="223"/>
                  </a:lnTo>
                  <a:lnTo>
                    <a:pt x="155" y="220"/>
                  </a:lnTo>
                  <a:lnTo>
                    <a:pt x="159" y="217"/>
                  </a:lnTo>
                  <a:lnTo>
                    <a:pt x="162" y="215"/>
                  </a:lnTo>
                  <a:lnTo>
                    <a:pt x="162" y="213"/>
                  </a:lnTo>
                  <a:lnTo>
                    <a:pt x="167" y="215"/>
                  </a:lnTo>
                  <a:lnTo>
                    <a:pt x="176" y="208"/>
                  </a:lnTo>
                  <a:lnTo>
                    <a:pt x="181" y="206"/>
                  </a:lnTo>
                  <a:lnTo>
                    <a:pt x="179" y="183"/>
                  </a:lnTo>
                  <a:lnTo>
                    <a:pt x="186" y="178"/>
                  </a:lnTo>
                  <a:lnTo>
                    <a:pt x="181" y="171"/>
                  </a:lnTo>
                  <a:lnTo>
                    <a:pt x="191" y="151"/>
                  </a:lnTo>
                  <a:lnTo>
                    <a:pt x="211" y="127"/>
                  </a:lnTo>
                  <a:lnTo>
                    <a:pt x="203" y="103"/>
                  </a:lnTo>
                  <a:lnTo>
                    <a:pt x="198" y="103"/>
                  </a:lnTo>
                  <a:lnTo>
                    <a:pt x="196" y="112"/>
                  </a:lnTo>
                  <a:lnTo>
                    <a:pt x="201" y="117"/>
                  </a:lnTo>
                  <a:lnTo>
                    <a:pt x="199" y="122"/>
                  </a:lnTo>
                  <a:lnTo>
                    <a:pt x="189" y="110"/>
                  </a:lnTo>
                  <a:lnTo>
                    <a:pt x="191" y="102"/>
                  </a:lnTo>
                  <a:lnTo>
                    <a:pt x="196" y="96"/>
                  </a:lnTo>
                  <a:lnTo>
                    <a:pt x="206" y="96"/>
                  </a:lnTo>
                  <a:lnTo>
                    <a:pt x="199" y="83"/>
                  </a:lnTo>
                  <a:lnTo>
                    <a:pt x="194" y="73"/>
                  </a:lnTo>
                  <a:lnTo>
                    <a:pt x="189" y="68"/>
                  </a:lnTo>
                  <a:lnTo>
                    <a:pt x="193" y="63"/>
                  </a:lnTo>
                  <a:lnTo>
                    <a:pt x="196" y="54"/>
                  </a:lnTo>
                  <a:lnTo>
                    <a:pt x="199" y="59"/>
                  </a:lnTo>
                  <a:lnTo>
                    <a:pt x="199" y="71"/>
                  </a:lnTo>
                  <a:lnTo>
                    <a:pt x="206" y="66"/>
                  </a:lnTo>
                  <a:lnTo>
                    <a:pt x="204" y="64"/>
                  </a:lnTo>
                  <a:lnTo>
                    <a:pt x="215" y="56"/>
                  </a:lnTo>
                  <a:lnTo>
                    <a:pt x="208" y="47"/>
                  </a:lnTo>
                  <a:lnTo>
                    <a:pt x="211" y="39"/>
                  </a:lnTo>
                  <a:lnTo>
                    <a:pt x="206" y="32"/>
                  </a:lnTo>
                  <a:lnTo>
                    <a:pt x="198" y="32"/>
                  </a:lnTo>
                  <a:lnTo>
                    <a:pt x="198" y="0"/>
                  </a:lnTo>
                  <a:lnTo>
                    <a:pt x="199" y="0"/>
                  </a:lnTo>
                  <a:lnTo>
                    <a:pt x="203" y="2"/>
                  </a:lnTo>
                  <a:lnTo>
                    <a:pt x="208" y="3"/>
                  </a:lnTo>
                  <a:lnTo>
                    <a:pt x="213" y="5"/>
                  </a:lnTo>
                  <a:lnTo>
                    <a:pt x="220" y="7"/>
                  </a:lnTo>
                  <a:lnTo>
                    <a:pt x="226" y="8"/>
                  </a:lnTo>
                  <a:lnTo>
                    <a:pt x="235" y="12"/>
                  </a:lnTo>
                  <a:lnTo>
                    <a:pt x="245" y="15"/>
                  </a:lnTo>
                  <a:lnTo>
                    <a:pt x="255" y="17"/>
                  </a:lnTo>
                  <a:lnTo>
                    <a:pt x="267" y="22"/>
                  </a:lnTo>
                  <a:lnTo>
                    <a:pt x="281" y="25"/>
                  </a:lnTo>
                  <a:lnTo>
                    <a:pt x="294" y="29"/>
                  </a:lnTo>
                  <a:lnTo>
                    <a:pt x="308" y="32"/>
                  </a:lnTo>
                  <a:lnTo>
                    <a:pt x="323" y="37"/>
                  </a:lnTo>
                  <a:lnTo>
                    <a:pt x="338" y="41"/>
                  </a:lnTo>
                  <a:lnTo>
                    <a:pt x="355" y="46"/>
                  </a:lnTo>
                  <a:lnTo>
                    <a:pt x="372" y="51"/>
                  </a:lnTo>
                  <a:lnTo>
                    <a:pt x="389" y="54"/>
                  </a:lnTo>
                  <a:lnTo>
                    <a:pt x="407" y="59"/>
                  </a:lnTo>
                  <a:lnTo>
                    <a:pt x="426" y="64"/>
                  </a:lnTo>
                  <a:lnTo>
                    <a:pt x="445" y="69"/>
                  </a:lnTo>
                  <a:lnTo>
                    <a:pt x="465" y="74"/>
                  </a:lnTo>
                  <a:lnTo>
                    <a:pt x="485" y="80"/>
                  </a:lnTo>
                  <a:lnTo>
                    <a:pt x="506" y="85"/>
                  </a:lnTo>
                  <a:lnTo>
                    <a:pt x="526" y="90"/>
                  </a:lnTo>
                  <a:lnTo>
                    <a:pt x="548" y="95"/>
                  </a:lnTo>
                  <a:lnTo>
                    <a:pt x="568" y="100"/>
                  </a:lnTo>
                  <a:lnTo>
                    <a:pt x="590" y="105"/>
                  </a:lnTo>
                  <a:lnTo>
                    <a:pt x="612" y="108"/>
                  </a:lnTo>
                  <a:lnTo>
                    <a:pt x="634" y="113"/>
                  </a:lnTo>
                  <a:lnTo>
                    <a:pt x="656" y="118"/>
                  </a:lnTo>
                  <a:lnTo>
                    <a:pt x="656" y="122"/>
                  </a:lnTo>
                  <a:lnTo>
                    <a:pt x="656" y="125"/>
                  </a:lnTo>
                  <a:lnTo>
                    <a:pt x="655" y="130"/>
                  </a:lnTo>
                  <a:lnTo>
                    <a:pt x="653" y="137"/>
                  </a:lnTo>
                  <a:lnTo>
                    <a:pt x="651" y="146"/>
                  </a:lnTo>
                  <a:lnTo>
                    <a:pt x="649" y="156"/>
                  </a:lnTo>
                  <a:lnTo>
                    <a:pt x="646" y="166"/>
                  </a:lnTo>
                  <a:lnTo>
                    <a:pt x="644" y="176"/>
                  </a:lnTo>
                  <a:lnTo>
                    <a:pt x="641" y="188"/>
                  </a:lnTo>
                  <a:lnTo>
                    <a:pt x="639" y="200"/>
                  </a:lnTo>
                  <a:lnTo>
                    <a:pt x="636" y="213"/>
                  </a:lnTo>
                  <a:lnTo>
                    <a:pt x="633" y="227"/>
                  </a:lnTo>
                  <a:lnTo>
                    <a:pt x="629" y="240"/>
                  </a:lnTo>
                  <a:lnTo>
                    <a:pt x="627" y="256"/>
                  </a:lnTo>
                  <a:lnTo>
                    <a:pt x="624" y="269"/>
                  </a:lnTo>
                  <a:lnTo>
                    <a:pt x="621" y="284"/>
                  </a:lnTo>
                  <a:lnTo>
                    <a:pt x="617" y="298"/>
                  </a:lnTo>
                  <a:lnTo>
                    <a:pt x="614" y="311"/>
                  </a:lnTo>
                  <a:lnTo>
                    <a:pt x="612" y="325"/>
                  </a:lnTo>
                  <a:lnTo>
                    <a:pt x="609" y="338"/>
                  </a:lnTo>
                  <a:lnTo>
                    <a:pt x="605" y="350"/>
                  </a:lnTo>
                  <a:lnTo>
                    <a:pt x="604" y="362"/>
                  </a:lnTo>
                  <a:lnTo>
                    <a:pt x="600" y="374"/>
                  </a:lnTo>
                  <a:lnTo>
                    <a:pt x="599" y="384"/>
                  </a:lnTo>
                  <a:lnTo>
                    <a:pt x="597" y="393"/>
                  </a:lnTo>
                  <a:lnTo>
                    <a:pt x="595" y="401"/>
                  </a:lnTo>
                  <a:lnTo>
                    <a:pt x="594" y="408"/>
                  </a:lnTo>
                  <a:lnTo>
                    <a:pt x="592" y="415"/>
                  </a:lnTo>
                  <a:lnTo>
                    <a:pt x="590" y="418"/>
                  </a:lnTo>
                  <a:lnTo>
                    <a:pt x="590" y="420"/>
                  </a:lnTo>
                  <a:lnTo>
                    <a:pt x="590" y="421"/>
                  </a:lnTo>
                  <a:lnTo>
                    <a:pt x="585" y="438"/>
                  </a:lnTo>
                  <a:lnTo>
                    <a:pt x="590" y="450"/>
                  </a:lnTo>
                  <a:lnTo>
                    <a:pt x="590" y="462"/>
                  </a:lnTo>
                  <a:lnTo>
                    <a:pt x="587" y="476"/>
                  </a:lnTo>
                  <a:lnTo>
                    <a:pt x="589" y="487"/>
                  </a:lnTo>
                  <a:lnTo>
                    <a:pt x="421" y="445"/>
                  </a:lnTo>
                  <a:lnTo>
                    <a:pt x="419" y="445"/>
                  </a:lnTo>
                  <a:lnTo>
                    <a:pt x="418" y="445"/>
                  </a:lnTo>
                  <a:lnTo>
                    <a:pt x="414" y="445"/>
                  </a:lnTo>
                  <a:lnTo>
                    <a:pt x="411" y="445"/>
                  </a:lnTo>
                  <a:lnTo>
                    <a:pt x="407" y="447"/>
                  </a:lnTo>
                  <a:lnTo>
                    <a:pt x="402" y="447"/>
                  </a:lnTo>
                  <a:lnTo>
                    <a:pt x="399" y="447"/>
                  </a:lnTo>
                  <a:lnTo>
                    <a:pt x="394" y="447"/>
                  </a:lnTo>
                  <a:lnTo>
                    <a:pt x="389" y="447"/>
                  </a:lnTo>
                  <a:lnTo>
                    <a:pt x="384" y="447"/>
                  </a:lnTo>
                  <a:lnTo>
                    <a:pt x="379" y="445"/>
                  </a:lnTo>
                  <a:lnTo>
                    <a:pt x="374" y="445"/>
                  </a:lnTo>
                  <a:lnTo>
                    <a:pt x="369" y="443"/>
                  </a:lnTo>
                  <a:lnTo>
                    <a:pt x="363" y="442"/>
                  </a:lnTo>
                  <a:lnTo>
                    <a:pt x="358" y="440"/>
                  </a:lnTo>
                  <a:lnTo>
                    <a:pt x="357" y="440"/>
                  </a:lnTo>
                  <a:lnTo>
                    <a:pt x="355" y="440"/>
                  </a:lnTo>
                  <a:lnTo>
                    <a:pt x="353" y="440"/>
                  </a:lnTo>
                  <a:lnTo>
                    <a:pt x="352" y="442"/>
                  </a:lnTo>
                  <a:lnTo>
                    <a:pt x="348" y="443"/>
                  </a:lnTo>
                  <a:lnTo>
                    <a:pt x="347" y="445"/>
                  </a:lnTo>
                  <a:lnTo>
                    <a:pt x="345" y="445"/>
                  </a:lnTo>
                  <a:lnTo>
                    <a:pt x="323" y="445"/>
                  </a:lnTo>
                  <a:lnTo>
                    <a:pt x="321" y="445"/>
                  </a:lnTo>
                  <a:lnTo>
                    <a:pt x="316" y="445"/>
                  </a:lnTo>
                  <a:lnTo>
                    <a:pt x="308" y="447"/>
                  </a:lnTo>
                  <a:lnTo>
                    <a:pt x="297" y="448"/>
                  </a:lnTo>
                  <a:lnTo>
                    <a:pt x="289" y="448"/>
                  </a:lnTo>
                  <a:lnTo>
                    <a:pt x="279" y="448"/>
                  </a:lnTo>
                  <a:lnTo>
                    <a:pt x="272" y="445"/>
                  </a:lnTo>
                  <a:lnTo>
                    <a:pt x="265" y="442"/>
                  </a:lnTo>
                  <a:lnTo>
                    <a:pt x="262" y="442"/>
                  </a:lnTo>
                  <a:lnTo>
                    <a:pt x="259" y="442"/>
                  </a:lnTo>
                  <a:lnTo>
                    <a:pt x="253" y="442"/>
                  </a:lnTo>
                  <a:lnTo>
                    <a:pt x="248" y="442"/>
                  </a:lnTo>
                  <a:lnTo>
                    <a:pt x="245" y="443"/>
                  </a:lnTo>
                  <a:lnTo>
                    <a:pt x="242" y="443"/>
                  </a:lnTo>
                  <a:lnTo>
                    <a:pt x="233" y="442"/>
                  </a:lnTo>
                  <a:lnTo>
                    <a:pt x="220" y="445"/>
                  </a:lnTo>
                  <a:lnTo>
                    <a:pt x="220" y="443"/>
                  </a:lnTo>
                  <a:lnTo>
                    <a:pt x="215" y="440"/>
                  </a:lnTo>
                  <a:lnTo>
                    <a:pt x="209" y="435"/>
                  </a:lnTo>
                  <a:lnTo>
                    <a:pt x="201" y="430"/>
                  </a:lnTo>
                  <a:lnTo>
                    <a:pt x="194" y="425"/>
                  </a:lnTo>
                  <a:lnTo>
                    <a:pt x="186" y="421"/>
                  </a:lnTo>
                  <a:lnTo>
                    <a:pt x="177" y="418"/>
                  </a:lnTo>
                  <a:lnTo>
                    <a:pt x="171" y="418"/>
                  </a:lnTo>
                  <a:lnTo>
                    <a:pt x="169" y="418"/>
                  </a:lnTo>
                  <a:lnTo>
                    <a:pt x="167" y="418"/>
                  </a:lnTo>
                  <a:lnTo>
                    <a:pt x="164" y="420"/>
                  </a:lnTo>
                  <a:lnTo>
                    <a:pt x="160" y="420"/>
                  </a:lnTo>
                  <a:lnTo>
                    <a:pt x="157" y="421"/>
                  </a:lnTo>
                  <a:lnTo>
                    <a:pt x="152" y="421"/>
                  </a:lnTo>
                  <a:lnTo>
                    <a:pt x="145" y="423"/>
                  </a:lnTo>
                  <a:lnTo>
                    <a:pt x="140" y="423"/>
                  </a:lnTo>
                  <a:lnTo>
                    <a:pt x="135" y="423"/>
                  </a:lnTo>
                  <a:lnTo>
                    <a:pt x="128" y="423"/>
                  </a:lnTo>
                  <a:lnTo>
                    <a:pt x="123" y="423"/>
                  </a:lnTo>
                  <a:lnTo>
                    <a:pt x="118" y="423"/>
                  </a:lnTo>
                  <a:lnTo>
                    <a:pt x="113" y="421"/>
                  </a:lnTo>
                  <a:lnTo>
                    <a:pt x="108" y="420"/>
                  </a:lnTo>
                  <a:lnTo>
                    <a:pt x="105" y="418"/>
                  </a:lnTo>
                  <a:lnTo>
                    <a:pt x="103" y="415"/>
                  </a:lnTo>
                  <a:lnTo>
                    <a:pt x="101" y="413"/>
                  </a:lnTo>
                  <a:lnTo>
                    <a:pt x="99" y="413"/>
                  </a:lnTo>
                  <a:lnTo>
                    <a:pt x="98" y="411"/>
                  </a:lnTo>
                  <a:lnTo>
                    <a:pt x="94" y="408"/>
                  </a:lnTo>
                  <a:lnTo>
                    <a:pt x="93" y="406"/>
                  </a:lnTo>
                  <a:lnTo>
                    <a:pt x="91" y="404"/>
                  </a:lnTo>
                  <a:lnTo>
                    <a:pt x="89" y="404"/>
                  </a:lnTo>
                  <a:lnTo>
                    <a:pt x="84" y="393"/>
                  </a:lnTo>
                  <a:lnTo>
                    <a:pt x="84" y="391"/>
                  </a:lnTo>
                  <a:lnTo>
                    <a:pt x="86" y="388"/>
                  </a:lnTo>
                  <a:lnTo>
                    <a:pt x="86" y="384"/>
                  </a:lnTo>
                  <a:lnTo>
                    <a:pt x="88" y="379"/>
                  </a:lnTo>
                  <a:lnTo>
                    <a:pt x="88" y="374"/>
                  </a:lnTo>
                  <a:lnTo>
                    <a:pt x="88" y="369"/>
                  </a:lnTo>
                  <a:lnTo>
                    <a:pt x="88" y="364"/>
                  </a:lnTo>
                  <a:lnTo>
                    <a:pt x="88" y="357"/>
                  </a:lnTo>
                  <a:lnTo>
                    <a:pt x="86" y="352"/>
                  </a:lnTo>
                  <a:lnTo>
                    <a:pt x="86" y="347"/>
                  </a:lnTo>
                  <a:lnTo>
                    <a:pt x="83" y="342"/>
                  </a:lnTo>
                  <a:lnTo>
                    <a:pt x="79" y="337"/>
                  </a:lnTo>
                  <a:lnTo>
                    <a:pt x="76" y="333"/>
                  </a:lnTo>
                  <a:lnTo>
                    <a:pt x="71" y="330"/>
                  </a:lnTo>
                  <a:lnTo>
                    <a:pt x="64" y="328"/>
                  </a:lnTo>
                  <a:lnTo>
                    <a:pt x="62" y="328"/>
                  </a:lnTo>
                  <a:lnTo>
                    <a:pt x="61" y="328"/>
                  </a:lnTo>
                  <a:lnTo>
                    <a:pt x="57" y="327"/>
                  </a:lnTo>
                  <a:lnTo>
                    <a:pt x="55" y="327"/>
                  </a:lnTo>
                  <a:lnTo>
                    <a:pt x="54" y="327"/>
                  </a:lnTo>
                  <a:lnTo>
                    <a:pt x="52" y="327"/>
                  </a:lnTo>
                  <a:lnTo>
                    <a:pt x="52" y="325"/>
                  </a:lnTo>
                  <a:lnTo>
                    <a:pt x="54" y="323"/>
                  </a:lnTo>
                  <a:lnTo>
                    <a:pt x="54" y="322"/>
                  </a:lnTo>
                  <a:lnTo>
                    <a:pt x="52" y="318"/>
                  </a:lnTo>
                  <a:lnTo>
                    <a:pt x="52" y="315"/>
                  </a:lnTo>
                  <a:lnTo>
                    <a:pt x="49" y="311"/>
                  </a:lnTo>
                  <a:lnTo>
                    <a:pt x="45" y="310"/>
                  </a:lnTo>
                  <a:lnTo>
                    <a:pt x="40" y="308"/>
                  </a:lnTo>
                  <a:lnTo>
                    <a:pt x="39" y="306"/>
                  </a:lnTo>
                  <a:lnTo>
                    <a:pt x="37" y="305"/>
                  </a:lnTo>
                  <a:lnTo>
                    <a:pt x="33" y="303"/>
                  </a:lnTo>
                  <a:lnTo>
                    <a:pt x="32" y="301"/>
                  </a:lnTo>
                  <a:lnTo>
                    <a:pt x="23" y="303"/>
                  </a:lnTo>
                  <a:lnTo>
                    <a:pt x="22" y="300"/>
                  </a:lnTo>
                  <a:lnTo>
                    <a:pt x="18" y="303"/>
                  </a:lnTo>
                  <a:lnTo>
                    <a:pt x="11" y="300"/>
                  </a:lnTo>
                  <a:lnTo>
                    <a:pt x="6" y="291"/>
                  </a:lnTo>
                  <a:lnTo>
                    <a:pt x="6" y="293"/>
                  </a:lnTo>
                  <a:lnTo>
                    <a:pt x="3" y="293"/>
                  </a:lnTo>
                  <a:lnTo>
                    <a:pt x="0" y="294"/>
                  </a:lnTo>
                  <a:lnTo>
                    <a:pt x="0" y="293"/>
                  </a:lnTo>
                  <a:lnTo>
                    <a:pt x="0" y="291"/>
                  </a:lnTo>
                  <a:lnTo>
                    <a:pt x="0" y="289"/>
                  </a:lnTo>
                  <a:lnTo>
                    <a:pt x="1" y="288"/>
                  </a:lnTo>
                  <a:lnTo>
                    <a:pt x="1" y="284"/>
                  </a:lnTo>
                  <a:lnTo>
                    <a:pt x="3" y="281"/>
                  </a:lnTo>
                  <a:lnTo>
                    <a:pt x="3" y="278"/>
                  </a:lnTo>
                  <a:lnTo>
                    <a:pt x="5" y="271"/>
                  </a:lnTo>
                  <a:lnTo>
                    <a:pt x="6" y="266"/>
                  </a:lnTo>
                  <a:lnTo>
                    <a:pt x="8" y="261"/>
                  </a:lnTo>
                  <a:lnTo>
                    <a:pt x="10" y="256"/>
                  </a:lnTo>
                  <a:lnTo>
                    <a:pt x="11" y="252"/>
                  </a:lnTo>
                  <a:lnTo>
                    <a:pt x="15" y="252"/>
                  </a:lnTo>
                  <a:lnTo>
                    <a:pt x="15" y="256"/>
                  </a:lnTo>
                  <a:lnTo>
                    <a:pt x="15" y="257"/>
                  </a:lnTo>
                  <a:lnTo>
                    <a:pt x="13" y="261"/>
                  </a:lnTo>
                  <a:lnTo>
                    <a:pt x="13" y="264"/>
                  </a:lnTo>
                  <a:lnTo>
                    <a:pt x="11" y="267"/>
                  </a:lnTo>
                  <a:lnTo>
                    <a:pt x="11" y="271"/>
                  </a:lnTo>
                  <a:lnTo>
                    <a:pt x="11" y="276"/>
                  </a:lnTo>
                  <a:lnTo>
                    <a:pt x="10" y="279"/>
                  </a:lnTo>
                  <a:lnTo>
                    <a:pt x="8" y="281"/>
                  </a:lnTo>
                  <a:lnTo>
                    <a:pt x="8" y="284"/>
                  </a:lnTo>
                  <a:lnTo>
                    <a:pt x="10" y="284"/>
                  </a:lnTo>
                  <a:lnTo>
                    <a:pt x="13" y="284"/>
                  </a:lnTo>
                  <a:lnTo>
                    <a:pt x="15" y="283"/>
                  </a:lnTo>
                  <a:lnTo>
                    <a:pt x="17" y="283"/>
                  </a:lnTo>
                  <a:lnTo>
                    <a:pt x="17" y="278"/>
                  </a:lnTo>
                  <a:lnTo>
                    <a:pt x="22" y="271"/>
                  </a:lnTo>
                  <a:lnTo>
                    <a:pt x="25" y="266"/>
                  </a:lnTo>
                  <a:lnTo>
                    <a:pt x="25" y="254"/>
                  </a:lnTo>
                  <a:lnTo>
                    <a:pt x="27" y="250"/>
                  </a:lnTo>
                  <a:lnTo>
                    <a:pt x="33" y="249"/>
                  </a:lnTo>
                  <a:lnTo>
                    <a:pt x="30" y="240"/>
                  </a:lnTo>
                  <a:lnTo>
                    <a:pt x="25" y="244"/>
                  </a:lnTo>
                  <a:lnTo>
                    <a:pt x="15" y="244"/>
                  </a:lnTo>
                  <a:lnTo>
                    <a:pt x="17" y="218"/>
                  </a:lnTo>
                  <a:lnTo>
                    <a:pt x="18" y="218"/>
                  </a:lnTo>
                  <a:lnTo>
                    <a:pt x="20" y="223"/>
                  </a:lnTo>
                  <a:lnTo>
                    <a:pt x="27" y="220"/>
                  </a:lnTo>
                  <a:lnTo>
                    <a:pt x="42" y="222"/>
                  </a:lnTo>
                  <a:lnTo>
                    <a:pt x="42" y="217"/>
                  </a:lnTo>
                  <a:lnTo>
                    <a:pt x="30" y="212"/>
                  </a:lnTo>
                  <a:lnTo>
                    <a:pt x="30" y="205"/>
                  </a:lnTo>
                  <a:lnTo>
                    <a:pt x="22" y="203"/>
                  </a:lnTo>
                  <a:lnTo>
                    <a:pt x="18" y="213"/>
                  </a:lnTo>
                  <a:lnTo>
                    <a:pt x="17" y="212"/>
                  </a:lnTo>
                  <a:lnTo>
                    <a:pt x="17" y="200"/>
                  </a:lnTo>
                  <a:lnTo>
                    <a:pt x="18" y="198"/>
                  </a:lnTo>
                  <a:lnTo>
                    <a:pt x="18" y="195"/>
                  </a:lnTo>
                  <a:lnTo>
                    <a:pt x="20" y="190"/>
                  </a:lnTo>
                  <a:lnTo>
                    <a:pt x="20" y="184"/>
                  </a:lnTo>
                  <a:lnTo>
                    <a:pt x="22" y="179"/>
                  </a:lnTo>
                  <a:lnTo>
                    <a:pt x="22" y="173"/>
                  </a:lnTo>
                  <a:lnTo>
                    <a:pt x="22" y="168"/>
                  </a:lnTo>
                  <a:lnTo>
                    <a:pt x="20" y="164"/>
                  </a:lnTo>
                  <a:lnTo>
                    <a:pt x="20" y="161"/>
                  </a:lnTo>
                  <a:lnTo>
                    <a:pt x="20" y="154"/>
                  </a:lnTo>
                  <a:lnTo>
                    <a:pt x="20" y="146"/>
                  </a:lnTo>
                  <a:lnTo>
                    <a:pt x="20" y="135"/>
                  </a:lnTo>
                  <a:lnTo>
                    <a:pt x="22" y="125"/>
                  </a:lnTo>
                  <a:lnTo>
                    <a:pt x="22" y="115"/>
                  </a:lnTo>
                  <a:lnTo>
                    <a:pt x="22" y="108"/>
                  </a:lnTo>
                  <a:lnTo>
                    <a:pt x="22" y="107"/>
                  </a:lnTo>
                  <a:lnTo>
                    <a:pt x="22" y="105"/>
                  </a:lnTo>
                  <a:lnTo>
                    <a:pt x="20" y="102"/>
                  </a:lnTo>
                  <a:lnTo>
                    <a:pt x="17" y="96"/>
                  </a:lnTo>
                  <a:lnTo>
                    <a:pt x="13" y="91"/>
                  </a:lnTo>
                  <a:lnTo>
                    <a:pt x="11" y="83"/>
                  </a:lnTo>
                  <a:lnTo>
                    <a:pt x="10" y="74"/>
                  </a:lnTo>
                  <a:lnTo>
                    <a:pt x="11" y="64"/>
                  </a:lnTo>
                  <a:lnTo>
                    <a:pt x="15" y="54"/>
                  </a:lnTo>
                  <a:lnTo>
                    <a:pt x="15" y="52"/>
                  </a:lnTo>
                  <a:lnTo>
                    <a:pt x="17" y="51"/>
                  </a:lnTo>
                  <a:lnTo>
                    <a:pt x="18" y="47"/>
                  </a:lnTo>
                  <a:lnTo>
                    <a:pt x="20" y="46"/>
                  </a:lnTo>
                  <a:lnTo>
                    <a:pt x="20" y="42"/>
                  </a:lnTo>
                  <a:lnTo>
                    <a:pt x="22" y="42"/>
                  </a:lnTo>
                  <a:lnTo>
                    <a:pt x="22" y="41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418" name="Freeform 172"/>
            <p:cNvSpPr>
              <a:spLocks/>
            </p:cNvSpPr>
            <p:nvPr/>
          </p:nvSpPr>
          <p:spPr bwMode="auto">
            <a:xfrm>
              <a:off x="2993" y="1379"/>
              <a:ext cx="508" cy="539"/>
            </a:xfrm>
            <a:custGeom>
              <a:avLst/>
              <a:gdLst>
                <a:gd name="T0" fmla="*/ 144 w 522"/>
                <a:gd name="T1" fmla="*/ 355 h 555"/>
                <a:gd name="T2" fmla="*/ 124 w 522"/>
                <a:gd name="T3" fmla="*/ 351 h 555"/>
                <a:gd name="T4" fmla="*/ 121 w 522"/>
                <a:gd name="T5" fmla="*/ 340 h 555"/>
                <a:gd name="T6" fmla="*/ 115 w 522"/>
                <a:gd name="T7" fmla="*/ 323 h 555"/>
                <a:gd name="T8" fmla="*/ 118 w 522"/>
                <a:gd name="T9" fmla="*/ 302 h 555"/>
                <a:gd name="T10" fmla="*/ 109 w 522"/>
                <a:gd name="T11" fmla="*/ 286 h 555"/>
                <a:gd name="T12" fmla="*/ 103 w 522"/>
                <a:gd name="T13" fmla="*/ 256 h 555"/>
                <a:gd name="T14" fmla="*/ 72 w 522"/>
                <a:gd name="T15" fmla="*/ 232 h 555"/>
                <a:gd name="T16" fmla="*/ 42 w 522"/>
                <a:gd name="T17" fmla="*/ 202 h 555"/>
                <a:gd name="T18" fmla="*/ 37 w 522"/>
                <a:gd name="T19" fmla="*/ 201 h 555"/>
                <a:gd name="T20" fmla="*/ 18 w 522"/>
                <a:gd name="T21" fmla="*/ 195 h 555"/>
                <a:gd name="T22" fmla="*/ 18 w 522"/>
                <a:gd name="T23" fmla="*/ 174 h 555"/>
                <a:gd name="T24" fmla="*/ 12 w 522"/>
                <a:gd name="T25" fmla="*/ 159 h 555"/>
                <a:gd name="T26" fmla="*/ 18 w 522"/>
                <a:gd name="T27" fmla="*/ 132 h 555"/>
                <a:gd name="T28" fmla="*/ 2 w 522"/>
                <a:gd name="T29" fmla="*/ 106 h 555"/>
                <a:gd name="T30" fmla="*/ 7 w 522"/>
                <a:gd name="T31" fmla="*/ 102 h 555"/>
                <a:gd name="T32" fmla="*/ 24 w 522"/>
                <a:gd name="T33" fmla="*/ 81 h 555"/>
                <a:gd name="T34" fmla="*/ 34 w 522"/>
                <a:gd name="T35" fmla="*/ 30 h 555"/>
                <a:gd name="T36" fmla="*/ 45 w 522"/>
                <a:gd name="T37" fmla="*/ 17 h 555"/>
                <a:gd name="T38" fmla="*/ 55 w 522"/>
                <a:gd name="T39" fmla="*/ 23 h 555"/>
                <a:gd name="T40" fmla="*/ 73 w 522"/>
                <a:gd name="T41" fmla="*/ 17 h 555"/>
                <a:gd name="T42" fmla="*/ 87 w 522"/>
                <a:gd name="T43" fmla="*/ 17 h 555"/>
                <a:gd name="T44" fmla="*/ 96 w 522"/>
                <a:gd name="T45" fmla="*/ 13 h 555"/>
                <a:gd name="T46" fmla="*/ 112 w 522"/>
                <a:gd name="T47" fmla="*/ 7 h 555"/>
                <a:gd name="T48" fmla="*/ 124 w 522"/>
                <a:gd name="T49" fmla="*/ 7 h 555"/>
                <a:gd name="T50" fmla="*/ 118 w 522"/>
                <a:gd name="T51" fmla="*/ 25 h 555"/>
                <a:gd name="T52" fmla="*/ 121 w 522"/>
                <a:gd name="T53" fmla="*/ 28 h 555"/>
                <a:gd name="T54" fmla="*/ 129 w 522"/>
                <a:gd name="T55" fmla="*/ 20 h 555"/>
                <a:gd name="T56" fmla="*/ 149 w 522"/>
                <a:gd name="T57" fmla="*/ 32 h 555"/>
                <a:gd name="T58" fmla="*/ 163 w 522"/>
                <a:gd name="T59" fmla="*/ 46 h 555"/>
                <a:gd name="T60" fmla="*/ 170 w 522"/>
                <a:gd name="T61" fmla="*/ 50 h 555"/>
                <a:gd name="T62" fmla="*/ 184 w 522"/>
                <a:gd name="T63" fmla="*/ 51 h 555"/>
                <a:gd name="T64" fmla="*/ 217 w 522"/>
                <a:gd name="T65" fmla="*/ 59 h 555"/>
                <a:gd name="T66" fmla="*/ 243 w 522"/>
                <a:gd name="T67" fmla="*/ 69 h 555"/>
                <a:gd name="T68" fmla="*/ 278 w 522"/>
                <a:gd name="T69" fmla="*/ 74 h 555"/>
                <a:gd name="T70" fmla="*/ 292 w 522"/>
                <a:gd name="T71" fmla="*/ 84 h 555"/>
                <a:gd name="T72" fmla="*/ 303 w 522"/>
                <a:gd name="T73" fmla="*/ 108 h 555"/>
                <a:gd name="T74" fmla="*/ 300 w 522"/>
                <a:gd name="T75" fmla="*/ 121 h 555"/>
                <a:gd name="T76" fmla="*/ 312 w 522"/>
                <a:gd name="T77" fmla="*/ 131 h 555"/>
                <a:gd name="T78" fmla="*/ 320 w 522"/>
                <a:gd name="T79" fmla="*/ 142 h 555"/>
                <a:gd name="T80" fmla="*/ 307 w 522"/>
                <a:gd name="T81" fmla="*/ 163 h 555"/>
                <a:gd name="T82" fmla="*/ 299 w 522"/>
                <a:gd name="T83" fmla="*/ 182 h 555"/>
                <a:gd name="T84" fmla="*/ 308 w 522"/>
                <a:gd name="T85" fmla="*/ 184 h 555"/>
                <a:gd name="T86" fmla="*/ 318 w 522"/>
                <a:gd name="T87" fmla="*/ 168 h 555"/>
                <a:gd name="T88" fmla="*/ 336 w 522"/>
                <a:gd name="T89" fmla="*/ 155 h 555"/>
                <a:gd name="T90" fmla="*/ 337 w 522"/>
                <a:gd name="T91" fmla="*/ 139 h 555"/>
                <a:gd name="T92" fmla="*/ 349 w 522"/>
                <a:gd name="T93" fmla="*/ 124 h 555"/>
                <a:gd name="T94" fmla="*/ 354 w 522"/>
                <a:gd name="T95" fmla="*/ 128 h 555"/>
                <a:gd name="T96" fmla="*/ 346 w 522"/>
                <a:gd name="T97" fmla="*/ 148 h 555"/>
                <a:gd name="T98" fmla="*/ 345 w 522"/>
                <a:gd name="T99" fmla="*/ 159 h 555"/>
                <a:gd name="T100" fmla="*/ 336 w 522"/>
                <a:gd name="T101" fmla="*/ 174 h 555"/>
                <a:gd name="T102" fmla="*/ 333 w 522"/>
                <a:gd name="T103" fmla="*/ 207 h 555"/>
                <a:gd name="T104" fmla="*/ 328 w 522"/>
                <a:gd name="T105" fmla="*/ 219 h 555"/>
                <a:gd name="T106" fmla="*/ 323 w 522"/>
                <a:gd name="T107" fmla="*/ 236 h 555"/>
                <a:gd name="T108" fmla="*/ 326 w 522"/>
                <a:gd name="T109" fmla="*/ 260 h 555"/>
                <a:gd name="T110" fmla="*/ 318 w 522"/>
                <a:gd name="T111" fmla="*/ 276 h 555"/>
                <a:gd name="T112" fmla="*/ 318 w 522"/>
                <a:gd name="T113" fmla="*/ 306 h 555"/>
                <a:gd name="T114" fmla="*/ 324 w 522"/>
                <a:gd name="T115" fmla="*/ 325 h 555"/>
                <a:gd name="T116" fmla="*/ 327 w 522"/>
                <a:gd name="T117" fmla="*/ 335 h 555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w 522"/>
                <a:gd name="T178" fmla="*/ 0 h 555"/>
                <a:gd name="T179" fmla="*/ 522 w 522"/>
                <a:gd name="T180" fmla="*/ 555 h 555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T177" t="T178" r="T179" b="T180"/>
              <a:pathLst>
                <a:path w="522" h="555">
                  <a:moveTo>
                    <a:pt x="220" y="555"/>
                  </a:moveTo>
                  <a:lnTo>
                    <a:pt x="219" y="550"/>
                  </a:lnTo>
                  <a:lnTo>
                    <a:pt x="217" y="545"/>
                  </a:lnTo>
                  <a:lnTo>
                    <a:pt x="215" y="541"/>
                  </a:lnTo>
                  <a:lnTo>
                    <a:pt x="212" y="538"/>
                  </a:lnTo>
                  <a:lnTo>
                    <a:pt x="210" y="536"/>
                  </a:lnTo>
                  <a:lnTo>
                    <a:pt x="207" y="536"/>
                  </a:lnTo>
                  <a:lnTo>
                    <a:pt x="205" y="535"/>
                  </a:lnTo>
                  <a:lnTo>
                    <a:pt x="181" y="528"/>
                  </a:lnTo>
                  <a:lnTo>
                    <a:pt x="181" y="526"/>
                  </a:lnTo>
                  <a:lnTo>
                    <a:pt x="181" y="525"/>
                  </a:lnTo>
                  <a:lnTo>
                    <a:pt x="181" y="521"/>
                  </a:lnTo>
                  <a:lnTo>
                    <a:pt x="181" y="519"/>
                  </a:lnTo>
                  <a:lnTo>
                    <a:pt x="180" y="514"/>
                  </a:lnTo>
                  <a:lnTo>
                    <a:pt x="176" y="511"/>
                  </a:lnTo>
                  <a:lnTo>
                    <a:pt x="175" y="506"/>
                  </a:lnTo>
                  <a:lnTo>
                    <a:pt x="171" y="503"/>
                  </a:lnTo>
                  <a:lnTo>
                    <a:pt x="170" y="499"/>
                  </a:lnTo>
                  <a:lnTo>
                    <a:pt x="168" y="494"/>
                  </a:lnTo>
                  <a:lnTo>
                    <a:pt x="168" y="491"/>
                  </a:lnTo>
                  <a:lnTo>
                    <a:pt x="166" y="486"/>
                  </a:lnTo>
                  <a:lnTo>
                    <a:pt x="168" y="482"/>
                  </a:lnTo>
                  <a:lnTo>
                    <a:pt x="170" y="477"/>
                  </a:lnTo>
                  <a:lnTo>
                    <a:pt x="173" y="469"/>
                  </a:lnTo>
                  <a:lnTo>
                    <a:pt x="175" y="464"/>
                  </a:lnTo>
                  <a:lnTo>
                    <a:pt x="175" y="459"/>
                  </a:lnTo>
                  <a:lnTo>
                    <a:pt x="173" y="455"/>
                  </a:lnTo>
                  <a:lnTo>
                    <a:pt x="171" y="453"/>
                  </a:lnTo>
                  <a:lnTo>
                    <a:pt x="170" y="453"/>
                  </a:lnTo>
                  <a:lnTo>
                    <a:pt x="170" y="452"/>
                  </a:lnTo>
                  <a:lnTo>
                    <a:pt x="168" y="452"/>
                  </a:lnTo>
                  <a:lnTo>
                    <a:pt x="159" y="431"/>
                  </a:lnTo>
                  <a:lnTo>
                    <a:pt x="159" y="430"/>
                  </a:lnTo>
                  <a:lnTo>
                    <a:pt x="161" y="428"/>
                  </a:lnTo>
                  <a:lnTo>
                    <a:pt x="161" y="421"/>
                  </a:lnTo>
                  <a:lnTo>
                    <a:pt x="158" y="413"/>
                  </a:lnTo>
                  <a:lnTo>
                    <a:pt x="156" y="403"/>
                  </a:lnTo>
                  <a:lnTo>
                    <a:pt x="153" y="394"/>
                  </a:lnTo>
                  <a:lnTo>
                    <a:pt x="151" y="386"/>
                  </a:lnTo>
                  <a:lnTo>
                    <a:pt x="148" y="379"/>
                  </a:lnTo>
                  <a:lnTo>
                    <a:pt x="146" y="377"/>
                  </a:lnTo>
                  <a:lnTo>
                    <a:pt x="132" y="372"/>
                  </a:lnTo>
                  <a:lnTo>
                    <a:pt x="120" y="365"/>
                  </a:lnTo>
                  <a:lnTo>
                    <a:pt x="112" y="357"/>
                  </a:lnTo>
                  <a:lnTo>
                    <a:pt x="104" y="349"/>
                  </a:lnTo>
                  <a:lnTo>
                    <a:pt x="98" y="340"/>
                  </a:lnTo>
                  <a:lnTo>
                    <a:pt x="93" y="332"/>
                  </a:lnTo>
                  <a:lnTo>
                    <a:pt x="90" y="328"/>
                  </a:lnTo>
                  <a:lnTo>
                    <a:pt x="90" y="325"/>
                  </a:lnTo>
                  <a:lnTo>
                    <a:pt x="60" y="313"/>
                  </a:lnTo>
                  <a:lnTo>
                    <a:pt x="58" y="305"/>
                  </a:lnTo>
                  <a:lnTo>
                    <a:pt x="56" y="305"/>
                  </a:lnTo>
                  <a:lnTo>
                    <a:pt x="56" y="303"/>
                  </a:lnTo>
                  <a:lnTo>
                    <a:pt x="54" y="303"/>
                  </a:lnTo>
                  <a:lnTo>
                    <a:pt x="51" y="303"/>
                  </a:lnTo>
                  <a:lnTo>
                    <a:pt x="49" y="303"/>
                  </a:lnTo>
                  <a:lnTo>
                    <a:pt x="46" y="305"/>
                  </a:lnTo>
                  <a:lnTo>
                    <a:pt x="43" y="303"/>
                  </a:lnTo>
                  <a:lnTo>
                    <a:pt x="38" y="301"/>
                  </a:lnTo>
                  <a:lnTo>
                    <a:pt x="31" y="299"/>
                  </a:lnTo>
                  <a:lnTo>
                    <a:pt x="26" y="294"/>
                  </a:lnTo>
                  <a:lnTo>
                    <a:pt x="21" y="289"/>
                  </a:lnTo>
                  <a:lnTo>
                    <a:pt x="17" y="286"/>
                  </a:lnTo>
                  <a:lnTo>
                    <a:pt x="16" y="281"/>
                  </a:lnTo>
                  <a:lnTo>
                    <a:pt x="16" y="276"/>
                  </a:lnTo>
                  <a:lnTo>
                    <a:pt x="19" y="267"/>
                  </a:lnTo>
                  <a:lnTo>
                    <a:pt x="21" y="262"/>
                  </a:lnTo>
                  <a:lnTo>
                    <a:pt x="21" y="257"/>
                  </a:lnTo>
                  <a:lnTo>
                    <a:pt x="21" y="254"/>
                  </a:lnTo>
                  <a:lnTo>
                    <a:pt x="19" y="250"/>
                  </a:lnTo>
                  <a:lnTo>
                    <a:pt x="17" y="247"/>
                  </a:lnTo>
                  <a:lnTo>
                    <a:pt x="16" y="244"/>
                  </a:lnTo>
                  <a:lnTo>
                    <a:pt x="12" y="240"/>
                  </a:lnTo>
                  <a:lnTo>
                    <a:pt x="12" y="235"/>
                  </a:lnTo>
                  <a:lnTo>
                    <a:pt x="12" y="227"/>
                  </a:lnTo>
                  <a:lnTo>
                    <a:pt x="12" y="220"/>
                  </a:lnTo>
                  <a:lnTo>
                    <a:pt x="16" y="211"/>
                  </a:lnTo>
                  <a:lnTo>
                    <a:pt x="17" y="205"/>
                  </a:lnTo>
                  <a:lnTo>
                    <a:pt x="21" y="198"/>
                  </a:lnTo>
                  <a:lnTo>
                    <a:pt x="21" y="193"/>
                  </a:lnTo>
                  <a:lnTo>
                    <a:pt x="22" y="193"/>
                  </a:lnTo>
                  <a:lnTo>
                    <a:pt x="14" y="179"/>
                  </a:lnTo>
                  <a:lnTo>
                    <a:pt x="0" y="179"/>
                  </a:lnTo>
                  <a:lnTo>
                    <a:pt x="0" y="159"/>
                  </a:lnTo>
                  <a:lnTo>
                    <a:pt x="2" y="159"/>
                  </a:lnTo>
                  <a:lnTo>
                    <a:pt x="4" y="157"/>
                  </a:lnTo>
                  <a:lnTo>
                    <a:pt x="5" y="157"/>
                  </a:lnTo>
                  <a:lnTo>
                    <a:pt x="7" y="154"/>
                  </a:lnTo>
                  <a:lnTo>
                    <a:pt x="7" y="152"/>
                  </a:lnTo>
                  <a:lnTo>
                    <a:pt x="9" y="149"/>
                  </a:lnTo>
                  <a:lnTo>
                    <a:pt x="10" y="144"/>
                  </a:lnTo>
                  <a:lnTo>
                    <a:pt x="17" y="139"/>
                  </a:lnTo>
                  <a:lnTo>
                    <a:pt x="22" y="134"/>
                  </a:lnTo>
                  <a:lnTo>
                    <a:pt x="31" y="127"/>
                  </a:lnTo>
                  <a:lnTo>
                    <a:pt x="38" y="122"/>
                  </a:lnTo>
                  <a:lnTo>
                    <a:pt x="44" y="118"/>
                  </a:lnTo>
                  <a:lnTo>
                    <a:pt x="48" y="115"/>
                  </a:lnTo>
                  <a:lnTo>
                    <a:pt x="51" y="115"/>
                  </a:lnTo>
                  <a:lnTo>
                    <a:pt x="49" y="44"/>
                  </a:lnTo>
                  <a:lnTo>
                    <a:pt x="48" y="44"/>
                  </a:lnTo>
                  <a:lnTo>
                    <a:pt x="48" y="42"/>
                  </a:lnTo>
                  <a:lnTo>
                    <a:pt x="49" y="41"/>
                  </a:lnTo>
                  <a:lnTo>
                    <a:pt x="51" y="37"/>
                  </a:lnTo>
                  <a:lnTo>
                    <a:pt x="56" y="34"/>
                  </a:lnTo>
                  <a:lnTo>
                    <a:pt x="63" y="29"/>
                  </a:lnTo>
                  <a:lnTo>
                    <a:pt x="65" y="27"/>
                  </a:lnTo>
                  <a:lnTo>
                    <a:pt x="68" y="30"/>
                  </a:lnTo>
                  <a:lnTo>
                    <a:pt x="73" y="32"/>
                  </a:lnTo>
                  <a:lnTo>
                    <a:pt x="78" y="35"/>
                  </a:lnTo>
                  <a:lnTo>
                    <a:pt x="83" y="37"/>
                  </a:lnTo>
                  <a:lnTo>
                    <a:pt x="90" y="39"/>
                  </a:lnTo>
                  <a:lnTo>
                    <a:pt x="97" y="37"/>
                  </a:lnTo>
                  <a:lnTo>
                    <a:pt x="102" y="34"/>
                  </a:lnTo>
                  <a:lnTo>
                    <a:pt x="102" y="32"/>
                  </a:lnTo>
                  <a:lnTo>
                    <a:pt x="104" y="30"/>
                  </a:lnTo>
                  <a:lnTo>
                    <a:pt x="105" y="30"/>
                  </a:lnTo>
                  <a:lnTo>
                    <a:pt x="109" y="27"/>
                  </a:lnTo>
                  <a:lnTo>
                    <a:pt x="112" y="27"/>
                  </a:lnTo>
                  <a:lnTo>
                    <a:pt x="115" y="25"/>
                  </a:lnTo>
                  <a:lnTo>
                    <a:pt x="119" y="25"/>
                  </a:lnTo>
                  <a:lnTo>
                    <a:pt x="124" y="25"/>
                  </a:lnTo>
                  <a:lnTo>
                    <a:pt x="126" y="25"/>
                  </a:lnTo>
                  <a:lnTo>
                    <a:pt x="127" y="24"/>
                  </a:lnTo>
                  <a:lnTo>
                    <a:pt x="129" y="22"/>
                  </a:lnTo>
                  <a:lnTo>
                    <a:pt x="131" y="20"/>
                  </a:lnTo>
                  <a:lnTo>
                    <a:pt x="132" y="19"/>
                  </a:lnTo>
                  <a:lnTo>
                    <a:pt x="136" y="17"/>
                  </a:lnTo>
                  <a:lnTo>
                    <a:pt x="141" y="13"/>
                  </a:lnTo>
                  <a:lnTo>
                    <a:pt x="148" y="12"/>
                  </a:lnTo>
                  <a:lnTo>
                    <a:pt x="154" y="10"/>
                  </a:lnTo>
                  <a:lnTo>
                    <a:pt x="158" y="8"/>
                  </a:lnTo>
                  <a:lnTo>
                    <a:pt x="161" y="8"/>
                  </a:lnTo>
                  <a:lnTo>
                    <a:pt x="163" y="7"/>
                  </a:lnTo>
                  <a:lnTo>
                    <a:pt x="164" y="5"/>
                  </a:lnTo>
                  <a:lnTo>
                    <a:pt x="168" y="3"/>
                  </a:lnTo>
                  <a:lnTo>
                    <a:pt x="173" y="0"/>
                  </a:lnTo>
                  <a:lnTo>
                    <a:pt x="176" y="0"/>
                  </a:lnTo>
                  <a:lnTo>
                    <a:pt x="180" y="3"/>
                  </a:lnTo>
                  <a:lnTo>
                    <a:pt x="181" y="7"/>
                  </a:lnTo>
                  <a:lnTo>
                    <a:pt x="183" y="8"/>
                  </a:lnTo>
                  <a:lnTo>
                    <a:pt x="176" y="20"/>
                  </a:lnTo>
                  <a:lnTo>
                    <a:pt x="175" y="29"/>
                  </a:lnTo>
                  <a:lnTo>
                    <a:pt x="173" y="37"/>
                  </a:lnTo>
                  <a:lnTo>
                    <a:pt x="173" y="39"/>
                  </a:lnTo>
                  <a:lnTo>
                    <a:pt x="171" y="41"/>
                  </a:lnTo>
                  <a:lnTo>
                    <a:pt x="171" y="44"/>
                  </a:lnTo>
                  <a:lnTo>
                    <a:pt x="171" y="46"/>
                  </a:lnTo>
                  <a:lnTo>
                    <a:pt x="175" y="44"/>
                  </a:lnTo>
                  <a:lnTo>
                    <a:pt x="178" y="42"/>
                  </a:lnTo>
                  <a:lnTo>
                    <a:pt x="180" y="41"/>
                  </a:lnTo>
                  <a:lnTo>
                    <a:pt x="181" y="39"/>
                  </a:lnTo>
                  <a:lnTo>
                    <a:pt x="185" y="39"/>
                  </a:lnTo>
                  <a:lnTo>
                    <a:pt x="186" y="37"/>
                  </a:lnTo>
                  <a:lnTo>
                    <a:pt x="188" y="35"/>
                  </a:lnTo>
                  <a:lnTo>
                    <a:pt x="190" y="34"/>
                  </a:lnTo>
                  <a:lnTo>
                    <a:pt x="192" y="34"/>
                  </a:lnTo>
                  <a:lnTo>
                    <a:pt x="210" y="46"/>
                  </a:lnTo>
                  <a:lnTo>
                    <a:pt x="212" y="46"/>
                  </a:lnTo>
                  <a:lnTo>
                    <a:pt x="214" y="46"/>
                  </a:lnTo>
                  <a:lnTo>
                    <a:pt x="217" y="46"/>
                  </a:lnTo>
                  <a:lnTo>
                    <a:pt x="220" y="46"/>
                  </a:lnTo>
                  <a:lnTo>
                    <a:pt x="225" y="47"/>
                  </a:lnTo>
                  <a:lnTo>
                    <a:pt x="229" y="52"/>
                  </a:lnTo>
                  <a:lnTo>
                    <a:pt x="234" y="57"/>
                  </a:lnTo>
                  <a:lnTo>
                    <a:pt x="237" y="66"/>
                  </a:lnTo>
                  <a:lnTo>
                    <a:pt x="239" y="68"/>
                  </a:lnTo>
                  <a:lnTo>
                    <a:pt x="239" y="69"/>
                  </a:lnTo>
                  <a:lnTo>
                    <a:pt x="242" y="71"/>
                  </a:lnTo>
                  <a:lnTo>
                    <a:pt x="244" y="73"/>
                  </a:lnTo>
                  <a:lnTo>
                    <a:pt x="246" y="74"/>
                  </a:lnTo>
                  <a:lnTo>
                    <a:pt x="247" y="76"/>
                  </a:lnTo>
                  <a:lnTo>
                    <a:pt x="249" y="76"/>
                  </a:lnTo>
                  <a:lnTo>
                    <a:pt x="249" y="78"/>
                  </a:lnTo>
                  <a:lnTo>
                    <a:pt x="252" y="78"/>
                  </a:lnTo>
                  <a:lnTo>
                    <a:pt x="256" y="78"/>
                  </a:lnTo>
                  <a:lnTo>
                    <a:pt x="261" y="78"/>
                  </a:lnTo>
                  <a:lnTo>
                    <a:pt x="268" y="79"/>
                  </a:lnTo>
                  <a:lnTo>
                    <a:pt x="274" y="79"/>
                  </a:lnTo>
                  <a:lnTo>
                    <a:pt x="283" y="81"/>
                  </a:lnTo>
                  <a:lnTo>
                    <a:pt x="291" y="83"/>
                  </a:lnTo>
                  <a:lnTo>
                    <a:pt x="300" y="85"/>
                  </a:lnTo>
                  <a:lnTo>
                    <a:pt x="308" y="86"/>
                  </a:lnTo>
                  <a:lnTo>
                    <a:pt x="317" y="88"/>
                  </a:lnTo>
                  <a:lnTo>
                    <a:pt x="325" y="91"/>
                  </a:lnTo>
                  <a:lnTo>
                    <a:pt x="334" y="93"/>
                  </a:lnTo>
                  <a:lnTo>
                    <a:pt x="340" y="96"/>
                  </a:lnTo>
                  <a:lnTo>
                    <a:pt x="347" y="100"/>
                  </a:lnTo>
                  <a:lnTo>
                    <a:pt x="354" y="103"/>
                  </a:lnTo>
                  <a:lnTo>
                    <a:pt x="356" y="103"/>
                  </a:lnTo>
                  <a:lnTo>
                    <a:pt x="362" y="105"/>
                  </a:lnTo>
                  <a:lnTo>
                    <a:pt x="373" y="107"/>
                  </a:lnTo>
                  <a:lnTo>
                    <a:pt x="383" y="107"/>
                  </a:lnTo>
                  <a:lnTo>
                    <a:pt x="393" y="108"/>
                  </a:lnTo>
                  <a:lnTo>
                    <a:pt x="401" y="110"/>
                  </a:lnTo>
                  <a:lnTo>
                    <a:pt x="408" y="110"/>
                  </a:lnTo>
                  <a:lnTo>
                    <a:pt x="412" y="110"/>
                  </a:lnTo>
                  <a:lnTo>
                    <a:pt x="415" y="115"/>
                  </a:lnTo>
                  <a:lnTo>
                    <a:pt x="418" y="127"/>
                  </a:lnTo>
                  <a:lnTo>
                    <a:pt x="420" y="127"/>
                  </a:lnTo>
                  <a:lnTo>
                    <a:pt x="422" y="127"/>
                  </a:lnTo>
                  <a:lnTo>
                    <a:pt x="427" y="127"/>
                  </a:lnTo>
                  <a:lnTo>
                    <a:pt x="430" y="129"/>
                  </a:lnTo>
                  <a:lnTo>
                    <a:pt x="435" y="132"/>
                  </a:lnTo>
                  <a:lnTo>
                    <a:pt x="439" y="139"/>
                  </a:lnTo>
                  <a:lnTo>
                    <a:pt x="442" y="147"/>
                  </a:lnTo>
                  <a:lnTo>
                    <a:pt x="444" y="159"/>
                  </a:lnTo>
                  <a:lnTo>
                    <a:pt x="444" y="161"/>
                  </a:lnTo>
                  <a:lnTo>
                    <a:pt x="442" y="164"/>
                  </a:lnTo>
                  <a:lnTo>
                    <a:pt x="442" y="167"/>
                  </a:lnTo>
                  <a:lnTo>
                    <a:pt x="442" y="173"/>
                  </a:lnTo>
                  <a:lnTo>
                    <a:pt x="440" y="176"/>
                  </a:lnTo>
                  <a:lnTo>
                    <a:pt x="440" y="179"/>
                  </a:lnTo>
                  <a:lnTo>
                    <a:pt x="439" y="183"/>
                  </a:lnTo>
                  <a:lnTo>
                    <a:pt x="461" y="183"/>
                  </a:lnTo>
                  <a:lnTo>
                    <a:pt x="461" y="184"/>
                  </a:lnTo>
                  <a:lnTo>
                    <a:pt x="459" y="188"/>
                  </a:lnTo>
                  <a:lnTo>
                    <a:pt x="459" y="191"/>
                  </a:lnTo>
                  <a:lnTo>
                    <a:pt x="457" y="196"/>
                  </a:lnTo>
                  <a:lnTo>
                    <a:pt x="459" y="201"/>
                  </a:lnTo>
                  <a:lnTo>
                    <a:pt x="461" y="205"/>
                  </a:lnTo>
                  <a:lnTo>
                    <a:pt x="464" y="208"/>
                  </a:lnTo>
                  <a:lnTo>
                    <a:pt x="469" y="210"/>
                  </a:lnTo>
                  <a:lnTo>
                    <a:pt x="469" y="211"/>
                  </a:lnTo>
                  <a:lnTo>
                    <a:pt x="469" y="213"/>
                  </a:lnTo>
                  <a:lnTo>
                    <a:pt x="471" y="217"/>
                  </a:lnTo>
                  <a:lnTo>
                    <a:pt x="471" y="218"/>
                  </a:lnTo>
                  <a:lnTo>
                    <a:pt x="457" y="228"/>
                  </a:lnTo>
                  <a:lnTo>
                    <a:pt x="450" y="239"/>
                  </a:lnTo>
                  <a:lnTo>
                    <a:pt x="449" y="244"/>
                  </a:lnTo>
                  <a:lnTo>
                    <a:pt x="449" y="245"/>
                  </a:lnTo>
                  <a:lnTo>
                    <a:pt x="447" y="247"/>
                  </a:lnTo>
                  <a:lnTo>
                    <a:pt x="444" y="250"/>
                  </a:lnTo>
                  <a:lnTo>
                    <a:pt x="442" y="255"/>
                  </a:lnTo>
                  <a:lnTo>
                    <a:pt x="439" y="261"/>
                  </a:lnTo>
                  <a:lnTo>
                    <a:pt x="437" y="267"/>
                  </a:lnTo>
                  <a:lnTo>
                    <a:pt x="437" y="274"/>
                  </a:lnTo>
                  <a:lnTo>
                    <a:pt x="439" y="283"/>
                  </a:lnTo>
                  <a:lnTo>
                    <a:pt x="440" y="284"/>
                  </a:lnTo>
                  <a:lnTo>
                    <a:pt x="442" y="284"/>
                  </a:lnTo>
                  <a:lnTo>
                    <a:pt x="444" y="283"/>
                  </a:lnTo>
                  <a:lnTo>
                    <a:pt x="447" y="279"/>
                  </a:lnTo>
                  <a:lnTo>
                    <a:pt x="450" y="276"/>
                  </a:lnTo>
                  <a:lnTo>
                    <a:pt x="454" y="271"/>
                  </a:lnTo>
                  <a:lnTo>
                    <a:pt x="459" y="266"/>
                  </a:lnTo>
                  <a:lnTo>
                    <a:pt x="462" y="261"/>
                  </a:lnTo>
                  <a:lnTo>
                    <a:pt x="464" y="259"/>
                  </a:lnTo>
                  <a:lnTo>
                    <a:pt x="464" y="255"/>
                  </a:lnTo>
                  <a:lnTo>
                    <a:pt x="464" y="252"/>
                  </a:lnTo>
                  <a:lnTo>
                    <a:pt x="466" y="247"/>
                  </a:lnTo>
                  <a:lnTo>
                    <a:pt x="469" y="244"/>
                  </a:lnTo>
                  <a:lnTo>
                    <a:pt x="474" y="240"/>
                  </a:lnTo>
                  <a:lnTo>
                    <a:pt x="481" y="237"/>
                  </a:lnTo>
                  <a:lnTo>
                    <a:pt x="491" y="235"/>
                  </a:lnTo>
                  <a:lnTo>
                    <a:pt x="491" y="232"/>
                  </a:lnTo>
                  <a:lnTo>
                    <a:pt x="491" y="228"/>
                  </a:lnTo>
                  <a:lnTo>
                    <a:pt x="491" y="223"/>
                  </a:lnTo>
                  <a:lnTo>
                    <a:pt x="491" y="217"/>
                  </a:lnTo>
                  <a:lnTo>
                    <a:pt x="494" y="208"/>
                  </a:lnTo>
                  <a:lnTo>
                    <a:pt x="500" y="198"/>
                  </a:lnTo>
                  <a:lnTo>
                    <a:pt x="501" y="198"/>
                  </a:lnTo>
                  <a:lnTo>
                    <a:pt x="503" y="196"/>
                  </a:lnTo>
                  <a:lnTo>
                    <a:pt x="506" y="193"/>
                  </a:lnTo>
                  <a:lnTo>
                    <a:pt x="508" y="189"/>
                  </a:lnTo>
                  <a:lnTo>
                    <a:pt x="511" y="186"/>
                  </a:lnTo>
                  <a:lnTo>
                    <a:pt x="513" y="183"/>
                  </a:lnTo>
                  <a:lnTo>
                    <a:pt x="515" y="181"/>
                  </a:lnTo>
                  <a:lnTo>
                    <a:pt x="516" y="181"/>
                  </a:lnTo>
                  <a:lnTo>
                    <a:pt x="522" y="181"/>
                  </a:lnTo>
                  <a:lnTo>
                    <a:pt x="522" y="191"/>
                  </a:lnTo>
                  <a:lnTo>
                    <a:pt x="518" y="193"/>
                  </a:lnTo>
                  <a:lnTo>
                    <a:pt x="518" y="206"/>
                  </a:lnTo>
                  <a:lnTo>
                    <a:pt x="516" y="206"/>
                  </a:lnTo>
                  <a:lnTo>
                    <a:pt x="515" y="210"/>
                  </a:lnTo>
                  <a:lnTo>
                    <a:pt x="513" y="213"/>
                  </a:lnTo>
                  <a:lnTo>
                    <a:pt x="510" y="217"/>
                  </a:lnTo>
                  <a:lnTo>
                    <a:pt x="508" y="222"/>
                  </a:lnTo>
                  <a:lnTo>
                    <a:pt x="506" y="227"/>
                  </a:lnTo>
                  <a:lnTo>
                    <a:pt x="506" y="232"/>
                  </a:lnTo>
                  <a:lnTo>
                    <a:pt x="508" y="235"/>
                  </a:lnTo>
                  <a:lnTo>
                    <a:pt x="506" y="235"/>
                  </a:lnTo>
                  <a:lnTo>
                    <a:pt x="506" y="237"/>
                  </a:lnTo>
                  <a:lnTo>
                    <a:pt x="505" y="239"/>
                  </a:lnTo>
                  <a:lnTo>
                    <a:pt x="503" y="240"/>
                  </a:lnTo>
                  <a:lnTo>
                    <a:pt x="501" y="244"/>
                  </a:lnTo>
                  <a:lnTo>
                    <a:pt x="500" y="247"/>
                  </a:lnTo>
                  <a:lnTo>
                    <a:pt x="498" y="252"/>
                  </a:lnTo>
                  <a:lnTo>
                    <a:pt x="494" y="257"/>
                  </a:lnTo>
                  <a:lnTo>
                    <a:pt x="493" y="262"/>
                  </a:lnTo>
                  <a:lnTo>
                    <a:pt x="491" y="269"/>
                  </a:lnTo>
                  <a:lnTo>
                    <a:pt x="489" y="276"/>
                  </a:lnTo>
                  <a:lnTo>
                    <a:pt x="488" y="284"/>
                  </a:lnTo>
                  <a:lnTo>
                    <a:pt x="486" y="293"/>
                  </a:lnTo>
                  <a:lnTo>
                    <a:pt x="486" y="303"/>
                  </a:lnTo>
                  <a:lnTo>
                    <a:pt x="486" y="311"/>
                  </a:lnTo>
                  <a:lnTo>
                    <a:pt x="486" y="323"/>
                  </a:lnTo>
                  <a:lnTo>
                    <a:pt x="486" y="325"/>
                  </a:lnTo>
                  <a:lnTo>
                    <a:pt x="484" y="325"/>
                  </a:lnTo>
                  <a:lnTo>
                    <a:pt x="483" y="328"/>
                  </a:lnTo>
                  <a:lnTo>
                    <a:pt x="481" y="330"/>
                  </a:lnTo>
                  <a:lnTo>
                    <a:pt x="479" y="333"/>
                  </a:lnTo>
                  <a:lnTo>
                    <a:pt x="478" y="337"/>
                  </a:lnTo>
                  <a:lnTo>
                    <a:pt x="476" y="340"/>
                  </a:lnTo>
                  <a:lnTo>
                    <a:pt x="474" y="345"/>
                  </a:lnTo>
                  <a:lnTo>
                    <a:pt x="472" y="349"/>
                  </a:lnTo>
                  <a:lnTo>
                    <a:pt x="472" y="355"/>
                  </a:lnTo>
                  <a:lnTo>
                    <a:pt x="471" y="360"/>
                  </a:lnTo>
                  <a:lnTo>
                    <a:pt x="471" y="367"/>
                  </a:lnTo>
                  <a:lnTo>
                    <a:pt x="472" y="374"/>
                  </a:lnTo>
                  <a:lnTo>
                    <a:pt x="474" y="381"/>
                  </a:lnTo>
                  <a:lnTo>
                    <a:pt x="476" y="389"/>
                  </a:lnTo>
                  <a:lnTo>
                    <a:pt x="476" y="391"/>
                  </a:lnTo>
                  <a:lnTo>
                    <a:pt x="474" y="393"/>
                  </a:lnTo>
                  <a:lnTo>
                    <a:pt x="474" y="396"/>
                  </a:lnTo>
                  <a:lnTo>
                    <a:pt x="472" y="399"/>
                  </a:lnTo>
                  <a:lnTo>
                    <a:pt x="471" y="404"/>
                  </a:lnTo>
                  <a:lnTo>
                    <a:pt x="469" y="409"/>
                  </a:lnTo>
                  <a:lnTo>
                    <a:pt x="467" y="415"/>
                  </a:lnTo>
                  <a:lnTo>
                    <a:pt x="466" y="421"/>
                  </a:lnTo>
                  <a:lnTo>
                    <a:pt x="464" y="428"/>
                  </a:lnTo>
                  <a:lnTo>
                    <a:pt x="464" y="437"/>
                  </a:lnTo>
                  <a:lnTo>
                    <a:pt x="462" y="443"/>
                  </a:lnTo>
                  <a:lnTo>
                    <a:pt x="462" y="452"/>
                  </a:lnTo>
                  <a:lnTo>
                    <a:pt x="464" y="460"/>
                  </a:lnTo>
                  <a:lnTo>
                    <a:pt x="466" y="469"/>
                  </a:lnTo>
                  <a:lnTo>
                    <a:pt x="467" y="477"/>
                  </a:lnTo>
                  <a:lnTo>
                    <a:pt x="471" y="484"/>
                  </a:lnTo>
                  <a:lnTo>
                    <a:pt x="472" y="486"/>
                  </a:lnTo>
                  <a:lnTo>
                    <a:pt x="472" y="487"/>
                  </a:lnTo>
                  <a:lnTo>
                    <a:pt x="474" y="491"/>
                  </a:lnTo>
                  <a:lnTo>
                    <a:pt x="476" y="492"/>
                  </a:lnTo>
                  <a:lnTo>
                    <a:pt x="478" y="496"/>
                  </a:lnTo>
                  <a:lnTo>
                    <a:pt x="478" y="497"/>
                  </a:lnTo>
                  <a:lnTo>
                    <a:pt x="479" y="499"/>
                  </a:lnTo>
                  <a:lnTo>
                    <a:pt x="479" y="506"/>
                  </a:lnTo>
                  <a:lnTo>
                    <a:pt x="478" y="525"/>
                  </a:lnTo>
                  <a:lnTo>
                    <a:pt x="479" y="536"/>
                  </a:lnTo>
                  <a:lnTo>
                    <a:pt x="220" y="555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419" name="Group 173"/>
            <p:cNvGrpSpPr>
              <a:grpSpLocks/>
            </p:cNvGrpSpPr>
            <p:nvPr/>
          </p:nvGrpSpPr>
          <p:grpSpPr bwMode="auto">
            <a:xfrm>
              <a:off x="4170" y="1392"/>
              <a:ext cx="723" cy="540"/>
              <a:chOff x="4407" y="988"/>
              <a:chExt cx="743" cy="556"/>
            </a:xfrm>
          </p:grpSpPr>
          <p:sp>
            <p:nvSpPr>
              <p:cNvPr id="435" name="Freeform 174"/>
              <p:cNvSpPr>
                <a:spLocks/>
              </p:cNvSpPr>
              <p:nvPr/>
            </p:nvSpPr>
            <p:spPr bwMode="auto">
              <a:xfrm>
                <a:off x="4972" y="1435"/>
                <a:ext cx="178" cy="109"/>
              </a:xfrm>
              <a:custGeom>
                <a:avLst/>
                <a:gdLst>
                  <a:gd name="T0" fmla="*/ 2 w 178"/>
                  <a:gd name="T1" fmla="*/ 109 h 109"/>
                  <a:gd name="T2" fmla="*/ 0 w 178"/>
                  <a:gd name="T3" fmla="*/ 107 h 109"/>
                  <a:gd name="T4" fmla="*/ 0 w 178"/>
                  <a:gd name="T5" fmla="*/ 102 h 109"/>
                  <a:gd name="T6" fmla="*/ 0 w 178"/>
                  <a:gd name="T7" fmla="*/ 95 h 109"/>
                  <a:gd name="T8" fmla="*/ 4 w 178"/>
                  <a:gd name="T9" fmla="*/ 88 h 109"/>
                  <a:gd name="T10" fmla="*/ 9 w 178"/>
                  <a:gd name="T11" fmla="*/ 81 h 109"/>
                  <a:gd name="T12" fmla="*/ 12 w 178"/>
                  <a:gd name="T13" fmla="*/ 80 h 109"/>
                  <a:gd name="T14" fmla="*/ 21 w 178"/>
                  <a:gd name="T15" fmla="*/ 73 h 109"/>
                  <a:gd name="T16" fmla="*/ 24 w 178"/>
                  <a:gd name="T17" fmla="*/ 65 h 109"/>
                  <a:gd name="T18" fmla="*/ 26 w 178"/>
                  <a:gd name="T19" fmla="*/ 61 h 109"/>
                  <a:gd name="T20" fmla="*/ 28 w 178"/>
                  <a:gd name="T21" fmla="*/ 59 h 109"/>
                  <a:gd name="T22" fmla="*/ 38 w 178"/>
                  <a:gd name="T23" fmla="*/ 56 h 109"/>
                  <a:gd name="T24" fmla="*/ 41 w 178"/>
                  <a:gd name="T25" fmla="*/ 53 h 109"/>
                  <a:gd name="T26" fmla="*/ 63 w 178"/>
                  <a:gd name="T27" fmla="*/ 53 h 109"/>
                  <a:gd name="T28" fmla="*/ 65 w 178"/>
                  <a:gd name="T29" fmla="*/ 49 h 109"/>
                  <a:gd name="T30" fmla="*/ 68 w 178"/>
                  <a:gd name="T31" fmla="*/ 43 h 109"/>
                  <a:gd name="T32" fmla="*/ 77 w 178"/>
                  <a:gd name="T33" fmla="*/ 39 h 109"/>
                  <a:gd name="T34" fmla="*/ 83 w 178"/>
                  <a:gd name="T35" fmla="*/ 37 h 109"/>
                  <a:gd name="T36" fmla="*/ 105 w 178"/>
                  <a:gd name="T37" fmla="*/ 31 h 109"/>
                  <a:gd name="T38" fmla="*/ 116 w 178"/>
                  <a:gd name="T39" fmla="*/ 24 h 109"/>
                  <a:gd name="T40" fmla="*/ 132 w 178"/>
                  <a:gd name="T41" fmla="*/ 4 h 109"/>
                  <a:gd name="T42" fmla="*/ 138 w 178"/>
                  <a:gd name="T43" fmla="*/ 2 h 109"/>
                  <a:gd name="T44" fmla="*/ 131 w 178"/>
                  <a:gd name="T45" fmla="*/ 14 h 109"/>
                  <a:gd name="T46" fmla="*/ 127 w 178"/>
                  <a:gd name="T47" fmla="*/ 19 h 109"/>
                  <a:gd name="T48" fmla="*/ 122 w 178"/>
                  <a:gd name="T49" fmla="*/ 26 h 109"/>
                  <a:gd name="T50" fmla="*/ 116 w 178"/>
                  <a:gd name="T51" fmla="*/ 34 h 109"/>
                  <a:gd name="T52" fmla="*/ 116 w 178"/>
                  <a:gd name="T53" fmla="*/ 37 h 109"/>
                  <a:gd name="T54" fmla="*/ 122 w 178"/>
                  <a:gd name="T55" fmla="*/ 36 h 109"/>
                  <a:gd name="T56" fmla="*/ 122 w 178"/>
                  <a:gd name="T57" fmla="*/ 39 h 109"/>
                  <a:gd name="T58" fmla="*/ 122 w 178"/>
                  <a:gd name="T59" fmla="*/ 43 h 109"/>
                  <a:gd name="T60" fmla="*/ 122 w 178"/>
                  <a:gd name="T61" fmla="*/ 48 h 109"/>
                  <a:gd name="T62" fmla="*/ 129 w 178"/>
                  <a:gd name="T63" fmla="*/ 43 h 109"/>
                  <a:gd name="T64" fmla="*/ 129 w 178"/>
                  <a:gd name="T65" fmla="*/ 34 h 109"/>
                  <a:gd name="T66" fmla="*/ 136 w 178"/>
                  <a:gd name="T67" fmla="*/ 22 h 109"/>
                  <a:gd name="T68" fmla="*/ 148 w 178"/>
                  <a:gd name="T69" fmla="*/ 14 h 109"/>
                  <a:gd name="T70" fmla="*/ 160 w 178"/>
                  <a:gd name="T71" fmla="*/ 14 h 109"/>
                  <a:gd name="T72" fmla="*/ 165 w 178"/>
                  <a:gd name="T73" fmla="*/ 9 h 109"/>
                  <a:gd name="T74" fmla="*/ 175 w 178"/>
                  <a:gd name="T75" fmla="*/ 0 h 109"/>
                  <a:gd name="T76" fmla="*/ 178 w 178"/>
                  <a:gd name="T77" fmla="*/ 4 h 109"/>
                  <a:gd name="T78" fmla="*/ 175 w 178"/>
                  <a:gd name="T79" fmla="*/ 9 h 109"/>
                  <a:gd name="T80" fmla="*/ 160 w 178"/>
                  <a:gd name="T81" fmla="*/ 22 h 109"/>
                  <a:gd name="T82" fmla="*/ 143 w 178"/>
                  <a:gd name="T83" fmla="*/ 36 h 109"/>
                  <a:gd name="T84" fmla="*/ 127 w 178"/>
                  <a:gd name="T85" fmla="*/ 48 h 109"/>
                  <a:gd name="T86" fmla="*/ 116 w 178"/>
                  <a:gd name="T87" fmla="*/ 58 h 109"/>
                  <a:gd name="T88" fmla="*/ 109 w 178"/>
                  <a:gd name="T89" fmla="*/ 63 h 109"/>
                  <a:gd name="T90" fmla="*/ 88 w 178"/>
                  <a:gd name="T91" fmla="*/ 76 h 109"/>
                  <a:gd name="T92" fmla="*/ 85 w 178"/>
                  <a:gd name="T93" fmla="*/ 76 h 109"/>
                  <a:gd name="T94" fmla="*/ 90 w 178"/>
                  <a:gd name="T95" fmla="*/ 70 h 109"/>
                  <a:gd name="T96" fmla="*/ 97 w 178"/>
                  <a:gd name="T97" fmla="*/ 58 h 109"/>
                  <a:gd name="T98" fmla="*/ 80 w 178"/>
                  <a:gd name="T99" fmla="*/ 68 h 109"/>
                  <a:gd name="T100" fmla="*/ 61 w 178"/>
                  <a:gd name="T101" fmla="*/ 76 h 109"/>
                  <a:gd name="T102" fmla="*/ 55 w 178"/>
                  <a:gd name="T103" fmla="*/ 81 h 109"/>
                  <a:gd name="T104" fmla="*/ 44 w 178"/>
                  <a:gd name="T105" fmla="*/ 90 h 109"/>
                  <a:gd name="T106" fmla="*/ 29 w 178"/>
                  <a:gd name="T107" fmla="*/ 100 h 109"/>
                  <a:gd name="T108" fmla="*/ 14 w 178"/>
                  <a:gd name="T109" fmla="*/ 109 h 109"/>
                  <a:gd name="T110" fmla="*/ 14 w 178"/>
                  <a:gd name="T111" fmla="*/ 105 h 109"/>
                  <a:gd name="T112" fmla="*/ 17 w 178"/>
                  <a:gd name="T113" fmla="*/ 102 h 109"/>
                  <a:gd name="T114" fmla="*/ 19 w 178"/>
                  <a:gd name="T115" fmla="*/ 95 h 109"/>
                  <a:gd name="T116" fmla="*/ 7 w 178"/>
                  <a:gd name="T117" fmla="*/ 105 h 109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178"/>
                  <a:gd name="T178" fmla="*/ 0 h 109"/>
                  <a:gd name="T179" fmla="*/ 178 w 178"/>
                  <a:gd name="T180" fmla="*/ 109 h 109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178" h="109">
                    <a:moveTo>
                      <a:pt x="7" y="105"/>
                    </a:moveTo>
                    <a:lnTo>
                      <a:pt x="4" y="107"/>
                    </a:lnTo>
                    <a:lnTo>
                      <a:pt x="2" y="109"/>
                    </a:lnTo>
                    <a:lnTo>
                      <a:pt x="0" y="107"/>
                    </a:lnTo>
                    <a:lnTo>
                      <a:pt x="0" y="105"/>
                    </a:lnTo>
                    <a:lnTo>
                      <a:pt x="0" y="103"/>
                    </a:lnTo>
                    <a:lnTo>
                      <a:pt x="0" y="102"/>
                    </a:lnTo>
                    <a:lnTo>
                      <a:pt x="0" y="98"/>
                    </a:lnTo>
                    <a:lnTo>
                      <a:pt x="0" y="97"/>
                    </a:lnTo>
                    <a:lnTo>
                      <a:pt x="0" y="95"/>
                    </a:lnTo>
                    <a:lnTo>
                      <a:pt x="2" y="92"/>
                    </a:lnTo>
                    <a:lnTo>
                      <a:pt x="4" y="88"/>
                    </a:lnTo>
                    <a:lnTo>
                      <a:pt x="6" y="85"/>
                    </a:lnTo>
                    <a:lnTo>
                      <a:pt x="7" y="83"/>
                    </a:lnTo>
                    <a:lnTo>
                      <a:pt x="9" y="81"/>
                    </a:lnTo>
                    <a:lnTo>
                      <a:pt x="11" y="80"/>
                    </a:lnTo>
                    <a:lnTo>
                      <a:pt x="12" y="80"/>
                    </a:lnTo>
                    <a:lnTo>
                      <a:pt x="16" y="78"/>
                    </a:lnTo>
                    <a:lnTo>
                      <a:pt x="19" y="76"/>
                    </a:lnTo>
                    <a:lnTo>
                      <a:pt x="21" y="73"/>
                    </a:lnTo>
                    <a:lnTo>
                      <a:pt x="22" y="70"/>
                    </a:lnTo>
                    <a:lnTo>
                      <a:pt x="22" y="68"/>
                    </a:lnTo>
                    <a:lnTo>
                      <a:pt x="24" y="65"/>
                    </a:lnTo>
                    <a:lnTo>
                      <a:pt x="24" y="61"/>
                    </a:lnTo>
                    <a:lnTo>
                      <a:pt x="26" y="61"/>
                    </a:lnTo>
                    <a:lnTo>
                      <a:pt x="26" y="59"/>
                    </a:lnTo>
                    <a:lnTo>
                      <a:pt x="28" y="59"/>
                    </a:lnTo>
                    <a:lnTo>
                      <a:pt x="31" y="58"/>
                    </a:lnTo>
                    <a:lnTo>
                      <a:pt x="34" y="58"/>
                    </a:lnTo>
                    <a:lnTo>
                      <a:pt x="38" y="56"/>
                    </a:lnTo>
                    <a:lnTo>
                      <a:pt x="39" y="54"/>
                    </a:lnTo>
                    <a:lnTo>
                      <a:pt x="41" y="53"/>
                    </a:lnTo>
                    <a:lnTo>
                      <a:pt x="43" y="51"/>
                    </a:lnTo>
                    <a:lnTo>
                      <a:pt x="63" y="53"/>
                    </a:lnTo>
                    <a:lnTo>
                      <a:pt x="63" y="51"/>
                    </a:lnTo>
                    <a:lnTo>
                      <a:pt x="65" y="49"/>
                    </a:lnTo>
                    <a:lnTo>
                      <a:pt x="65" y="48"/>
                    </a:lnTo>
                    <a:lnTo>
                      <a:pt x="66" y="46"/>
                    </a:lnTo>
                    <a:lnTo>
                      <a:pt x="68" y="43"/>
                    </a:lnTo>
                    <a:lnTo>
                      <a:pt x="70" y="41"/>
                    </a:lnTo>
                    <a:lnTo>
                      <a:pt x="73" y="39"/>
                    </a:lnTo>
                    <a:lnTo>
                      <a:pt x="77" y="39"/>
                    </a:lnTo>
                    <a:lnTo>
                      <a:pt x="80" y="39"/>
                    </a:lnTo>
                    <a:lnTo>
                      <a:pt x="82" y="37"/>
                    </a:lnTo>
                    <a:lnTo>
                      <a:pt x="83" y="37"/>
                    </a:lnTo>
                    <a:lnTo>
                      <a:pt x="94" y="36"/>
                    </a:lnTo>
                    <a:lnTo>
                      <a:pt x="100" y="34"/>
                    </a:lnTo>
                    <a:lnTo>
                      <a:pt x="105" y="31"/>
                    </a:lnTo>
                    <a:lnTo>
                      <a:pt x="109" y="29"/>
                    </a:lnTo>
                    <a:lnTo>
                      <a:pt x="112" y="27"/>
                    </a:lnTo>
                    <a:lnTo>
                      <a:pt x="116" y="24"/>
                    </a:lnTo>
                    <a:lnTo>
                      <a:pt x="119" y="19"/>
                    </a:lnTo>
                    <a:lnTo>
                      <a:pt x="124" y="12"/>
                    </a:lnTo>
                    <a:lnTo>
                      <a:pt x="132" y="4"/>
                    </a:lnTo>
                    <a:lnTo>
                      <a:pt x="138" y="0"/>
                    </a:lnTo>
                    <a:lnTo>
                      <a:pt x="138" y="2"/>
                    </a:lnTo>
                    <a:lnTo>
                      <a:pt x="136" y="7"/>
                    </a:lnTo>
                    <a:lnTo>
                      <a:pt x="132" y="10"/>
                    </a:lnTo>
                    <a:lnTo>
                      <a:pt x="131" y="14"/>
                    </a:lnTo>
                    <a:lnTo>
                      <a:pt x="129" y="15"/>
                    </a:lnTo>
                    <a:lnTo>
                      <a:pt x="129" y="17"/>
                    </a:lnTo>
                    <a:lnTo>
                      <a:pt x="127" y="19"/>
                    </a:lnTo>
                    <a:lnTo>
                      <a:pt x="127" y="21"/>
                    </a:lnTo>
                    <a:lnTo>
                      <a:pt x="126" y="21"/>
                    </a:lnTo>
                    <a:lnTo>
                      <a:pt x="122" y="26"/>
                    </a:lnTo>
                    <a:lnTo>
                      <a:pt x="119" y="29"/>
                    </a:lnTo>
                    <a:lnTo>
                      <a:pt x="117" y="32"/>
                    </a:lnTo>
                    <a:lnTo>
                      <a:pt x="116" y="34"/>
                    </a:lnTo>
                    <a:lnTo>
                      <a:pt x="116" y="36"/>
                    </a:lnTo>
                    <a:lnTo>
                      <a:pt x="116" y="37"/>
                    </a:lnTo>
                    <a:lnTo>
                      <a:pt x="119" y="36"/>
                    </a:lnTo>
                    <a:lnTo>
                      <a:pt x="122" y="36"/>
                    </a:lnTo>
                    <a:lnTo>
                      <a:pt x="124" y="37"/>
                    </a:lnTo>
                    <a:lnTo>
                      <a:pt x="122" y="39"/>
                    </a:lnTo>
                    <a:lnTo>
                      <a:pt x="122" y="41"/>
                    </a:lnTo>
                    <a:lnTo>
                      <a:pt x="122" y="43"/>
                    </a:lnTo>
                    <a:lnTo>
                      <a:pt x="121" y="48"/>
                    </a:lnTo>
                    <a:lnTo>
                      <a:pt x="122" y="48"/>
                    </a:lnTo>
                    <a:lnTo>
                      <a:pt x="124" y="46"/>
                    </a:lnTo>
                    <a:lnTo>
                      <a:pt x="126" y="46"/>
                    </a:lnTo>
                    <a:lnTo>
                      <a:pt x="129" y="43"/>
                    </a:lnTo>
                    <a:lnTo>
                      <a:pt x="132" y="41"/>
                    </a:lnTo>
                    <a:lnTo>
                      <a:pt x="132" y="39"/>
                    </a:lnTo>
                    <a:lnTo>
                      <a:pt x="129" y="34"/>
                    </a:lnTo>
                    <a:lnTo>
                      <a:pt x="129" y="31"/>
                    </a:lnTo>
                    <a:lnTo>
                      <a:pt x="131" y="26"/>
                    </a:lnTo>
                    <a:lnTo>
                      <a:pt x="136" y="22"/>
                    </a:lnTo>
                    <a:lnTo>
                      <a:pt x="139" y="19"/>
                    </a:lnTo>
                    <a:lnTo>
                      <a:pt x="144" y="15"/>
                    </a:lnTo>
                    <a:lnTo>
                      <a:pt x="148" y="14"/>
                    </a:lnTo>
                    <a:lnTo>
                      <a:pt x="149" y="12"/>
                    </a:lnTo>
                    <a:lnTo>
                      <a:pt x="154" y="12"/>
                    </a:lnTo>
                    <a:lnTo>
                      <a:pt x="160" y="14"/>
                    </a:lnTo>
                    <a:lnTo>
                      <a:pt x="161" y="14"/>
                    </a:lnTo>
                    <a:lnTo>
                      <a:pt x="163" y="12"/>
                    </a:lnTo>
                    <a:lnTo>
                      <a:pt x="165" y="9"/>
                    </a:lnTo>
                    <a:lnTo>
                      <a:pt x="166" y="9"/>
                    </a:lnTo>
                    <a:lnTo>
                      <a:pt x="171" y="4"/>
                    </a:lnTo>
                    <a:lnTo>
                      <a:pt x="175" y="0"/>
                    </a:lnTo>
                    <a:lnTo>
                      <a:pt x="176" y="0"/>
                    </a:lnTo>
                    <a:lnTo>
                      <a:pt x="178" y="2"/>
                    </a:lnTo>
                    <a:lnTo>
                      <a:pt x="178" y="4"/>
                    </a:lnTo>
                    <a:lnTo>
                      <a:pt x="176" y="7"/>
                    </a:lnTo>
                    <a:lnTo>
                      <a:pt x="175" y="9"/>
                    </a:lnTo>
                    <a:lnTo>
                      <a:pt x="170" y="14"/>
                    </a:lnTo>
                    <a:lnTo>
                      <a:pt x="165" y="17"/>
                    </a:lnTo>
                    <a:lnTo>
                      <a:pt x="160" y="22"/>
                    </a:lnTo>
                    <a:lnTo>
                      <a:pt x="154" y="27"/>
                    </a:lnTo>
                    <a:lnTo>
                      <a:pt x="148" y="31"/>
                    </a:lnTo>
                    <a:lnTo>
                      <a:pt x="143" y="36"/>
                    </a:lnTo>
                    <a:lnTo>
                      <a:pt x="138" y="39"/>
                    </a:lnTo>
                    <a:lnTo>
                      <a:pt x="132" y="44"/>
                    </a:lnTo>
                    <a:lnTo>
                      <a:pt x="127" y="48"/>
                    </a:lnTo>
                    <a:lnTo>
                      <a:pt x="122" y="51"/>
                    </a:lnTo>
                    <a:lnTo>
                      <a:pt x="119" y="54"/>
                    </a:lnTo>
                    <a:lnTo>
                      <a:pt x="116" y="58"/>
                    </a:lnTo>
                    <a:lnTo>
                      <a:pt x="112" y="59"/>
                    </a:lnTo>
                    <a:lnTo>
                      <a:pt x="110" y="61"/>
                    </a:lnTo>
                    <a:lnTo>
                      <a:pt x="109" y="63"/>
                    </a:lnTo>
                    <a:lnTo>
                      <a:pt x="97" y="71"/>
                    </a:lnTo>
                    <a:lnTo>
                      <a:pt x="88" y="76"/>
                    </a:lnTo>
                    <a:lnTo>
                      <a:pt x="85" y="78"/>
                    </a:lnTo>
                    <a:lnTo>
                      <a:pt x="85" y="76"/>
                    </a:lnTo>
                    <a:lnTo>
                      <a:pt x="87" y="73"/>
                    </a:lnTo>
                    <a:lnTo>
                      <a:pt x="88" y="71"/>
                    </a:lnTo>
                    <a:lnTo>
                      <a:pt x="90" y="70"/>
                    </a:lnTo>
                    <a:lnTo>
                      <a:pt x="97" y="61"/>
                    </a:lnTo>
                    <a:lnTo>
                      <a:pt x="100" y="58"/>
                    </a:lnTo>
                    <a:lnTo>
                      <a:pt x="97" y="58"/>
                    </a:lnTo>
                    <a:lnTo>
                      <a:pt x="94" y="59"/>
                    </a:lnTo>
                    <a:lnTo>
                      <a:pt x="87" y="65"/>
                    </a:lnTo>
                    <a:lnTo>
                      <a:pt x="80" y="68"/>
                    </a:lnTo>
                    <a:lnTo>
                      <a:pt x="75" y="71"/>
                    </a:lnTo>
                    <a:lnTo>
                      <a:pt x="73" y="73"/>
                    </a:lnTo>
                    <a:lnTo>
                      <a:pt x="61" y="76"/>
                    </a:lnTo>
                    <a:lnTo>
                      <a:pt x="61" y="78"/>
                    </a:lnTo>
                    <a:lnTo>
                      <a:pt x="58" y="80"/>
                    </a:lnTo>
                    <a:lnTo>
                      <a:pt x="55" y="81"/>
                    </a:lnTo>
                    <a:lnTo>
                      <a:pt x="51" y="85"/>
                    </a:lnTo>
                    <a:lnTo>
                      <a:pt x="48" y="87"/>
                    </a:lnTo>
                    <a:lnTo>
                      <a:pt x="44" y="90"/>
                    </a:lnTo>
                    <a:lnTo>
                      <a:pt x="41" y="92"/>
                    </a:lnTo>
                    <a:lnTo>
                      <a:pt x="39" y="92"/>
                    </a:lnTo>
                    <a:lnTo>
                      <a:pt x="29" y="100"/>
                    </a:lnTo>
                    <a:lnTo>
                      <a:pt x="21" y="105"/>
                    </a:lnTo>
                    <a:lnTo>
                      <a:pt x="16" y="109"/>
                    </a:lnTo>
                    <a:lnTo>
                      <a:pt x="14" y="109"/>
                    </a:lnTo>
                    <a:lnTo>
                      <a:pt x="12" y="109"/>
                    </a:lnTo>
                    <a:lnTo>
                      <a:pt x="12" y="107"/>
                    </a:lnTo>
                    <a:lnTo>
                      <a:pt x="14" y="105"/>
                    </a:lnTo>
                    <a:lnTo>
                      <a:pt x="16" y="103"/>
                    </a:lnTo>
                    <a:lnTo>
                      <a:pt x="17" y="102"/>
                    </a:lnTo>
                    <a:lnTo>
                      <a:pt x="19" y="98"/>
                    </a:lnTo>
                    <a:lnTo>
                      <a:pt x="19" y="97"/>
                    </a:lnTo>
                    <a:lnTo>
                      <a:pt x="19" y="95"/>
                    </a:lnTo>
                    <a:lnTo>
                      <a:pt x="16" y="97"/>
                    </a:lnTo>
                    <a:lnTo>
                      <a:pt x="12" y="98"/>
                    </a:lnTo>
                    <a:lnTo>
                      <a:pt x="7" y="105"/>
                    </a:lnTo>
                    <a:close/>
                  </a:path>
                </a:pathLst>
              </a:custGeom>
              <a:solidFill>
                <a:srgbClr val="8B3102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36" name="Freeform 175"/>
              <p:cNvSpPr>
                <a:spLocks/>
              </p:cNvSpPr>
              <p:nvPr/>
            </p:nvSpPr>
            <p:spPr bwMode="auto">
              <a:xfrm>
                <a:off x="4407" y="988"/>
                <a:ext cx="591" cy="534"/>
              </a:xfrm>
              <a:custGeom>
                <a:avLst/>
                <a:gdLst>
                  <a:gd name="T0" fmla="*/ 17 w 591"/>
                  <a:gd name="T1" fmla="*/ 486 h 534"/>
                  <a:gd name="T2" fmla="*/ 54 w 591"/>
                  <a:gd name="T3" fmla="*/ 478 h 534"/>
                  <a:gd name="T4" fmla="*/ 112 w 591"/>
                  <a:gd name="T5" fmla="*/ 468 h 534"/>
                  <a:gd name="T6" fmla="*/ 181 w 591"/>
                  <a:gd name="T7" fmla="*/ 454 h 534"/>
                  <a:gd name="T8" fmla="*/ 252 w 591"/>
                  <a:gd name="T9" fmla="*/ 440 h 534"/>
                  <a:gd name="T10" fmla="*/ 317 w 591"/>
                  <a:gd name="T11" fmla="*/ 427 h 534"/>
                  <a:gd name="T12" fmla="*/ 366 w 591"/>
                  <a:gd name="T13" fmla="*/ 417 h 534"/>
                  <a:gd name="T14" fmla="*/ 391 w 591"/>
                  <a:gd name="T15" fmla="*/ 412 h 534"/>
                  <a:gd name="T16" fmla="*/ 410 w 591"/>
                  <a:gd name="T17" fmla="*/ 413 h 534"/>
                  <a:gd name="T18" fmla="*/ 418 w 591"/>
                  <a:gd name="T19" fmla="*/ 425 h 534"/>
                  <a:gd name="T20" fmla="*/ 433 w 591"/>
                  <a:gd name="T21" fmla="*/ 432 h 534"/>
                  <a:gd name="T22" fmla="*/ 437 w 591"/>
                  <a:gd name="T23" fmla="*/ 442 h 534"/>
                  <a:gd name="T24" fmla="*/ 449 w 591"/>
                  <a:gd name="T25" fmla="*/ 459 h 534"/>
                  <a:gd name="T26" fmla="*/ 459 w 591"/>
                  <a:gd name="T27" fmla="*/ 468 h 534"/>
                  <a:gd name="T28" fmla="*/ 564 w 591"/>
                  <a:gd name="T29" fmla="*/ 534 h 534"/>
                  <a:gd name="T30" fmla="*/ 591 w 591"/>
                  <a:gd name="T31" fmla="*/ 468 h 534"/>
                  <a:gd name="T32" fmla="*/ 567 w 591"/>
                  <a:gd name="T33" fmla="*/ 278 h 534"/>
                  <a:gd name="T34" fmla="*/ 564 w 591"/>
                  <a:gd name="T35" fmla="*/ 263 h 534"/>
                  <a:gd name="T36" fmla="*/ 557 w 591"/>
                  <a:gd name="T37" fmla="*/ 232 h 534"/>
                  <a:gd name="T38" fmla="*/ 552 w 591"/>
                  <a:gd name="T39" fmla="*/ 202 h 534"/>
                  <a:gd name="T40" fmla="*/ 547 w 591"/>
                  <a:gd name="T41" fmla="*/ 185 h 534"/>
                  <a:gd name="T42" fmla="*/ 537 w 591"/>
                  <a:gd name="T43" fmla="*/ 170 h 534"/>
                  <a:gd name="T44" fmla="*/ 532 w 591"/>
                  <a:gd name="T45" fmla="*/ 176 h 534"/>
                  <a:gd name="T46" fmla="*/ 510 w 591"/>
                  <a:gd name="T47" fmla="*/ 73 h 534"/>
                  <a:gd name="T48" fmla="*/ 484 w 591"/>
                  <a:gd name="T49" fmla="*/ 4 h 534"/>
                  <a:gd name="T50" fmla="*/ 452 w 591"/>
                  <a:gd name="T51" fmla="*/ 12 h 534"/>
                  <a:gd name="T52" fmla="*/ 413 w 591"/>
                  <a:gd name="T53" fmla="*/ 21 h 534"/>
                  <a:gd name="T54" fmla="*/ 389 w 591"/>
                  <a:gd name="T55" fmla="*/ 28 h 534"/>
                  <a:gd name="T56" fmla="*/ 364 w 591"/>
                  <a:gd name="T57" fmla="*/ 38 h 534"/>
                  <a:gd name="T58" fmla="*/ 335 w 591"/>
                  <a:gd name="T59" fmla="*/ 66 h 534"/>
                  <a:gd name="T60" fmla="*/ 313 w 591"/>
                  <a:gd name="T61" fmla="*/ 99 h 534"/>
                  <a:gd name="T62" fmla="*/ 305 w 591"/>
                  <a:gd name="T63" fmla="*/ 117 h 534"/>
                  <a:gd name="T64" fmla="*/ 261 w 591"/>
                  <a:gd name="T65" fmla="*/ 173 h 534"/>
                  <a:gd name="T66" fmla="*/ 278 w 591"/>
                  <a:gd name="T67" fmla="*/ 198 h 534"/>
                  <a:gd name="T68" fmla="*/ 278 w 591"/>
                  <a:gd name="T69" fmla="*/ 209 h 534"/>
                  <a:gd name="T70" fmla="*/ 285 w 591"/>
                  <a:gd name="T71" fmla="*/ 231 h 534"/>
                  <a:gd name="T72" fmla="*/ 276 w 591"/>
                  <a:gd name="T73" fmla="*/ 241 h 534"/>
                  <a:gd name="T74" fmla="*/ 252 w 591"/>
                  <a:gd name="T75" fmla="*/ 263 h 534"/>
                  <a:gd name="T76" fmla="*/ 244 w 591"/>
                  <a:gd name="T77" fmla="*/ 275 h 534"/>
                  <a:gd name="T78" fmla="*/ 230 w 591"/>
                  <a:gd name="T79" fmla="*/ 283 h 534"/>
                  <a:gd name="T80" fmla="*/ 215 w 591"/>
                  <a:gd name="T81" fmla="*/ 285 h 534"/>
                  <a:gd name="T82" fmla="*/ 191 w 591"/>
                  <a:gd name="T83" fmla="*/ 292 h 534"/>
                  <a:gd name="T84" fmla="*/ 181 w 591"/>
                  <a:gd name="T85" fmla="*/ 298 h 534"/>
                  <a:gd name="T86" fmla="*/ 158 w 591"/>
                  <a:gd name="T87" fmla="*/ 293 h 534"/>
                  <a:gd name="T88" fmla="*/ 109 w 591"/>
                  <a:gd name="T89" fmla="*/ 297 h 534"/>
                  <a:gd name="T90" fmla="*/ 70 w 591"/>
                  <a:gd name="T91" fmla="*/ 307 h 534"/>
                  <a:gd name="T92" fmla="*/ 51 w 591"/>
                  <a:gd name="T93" fmla="*/ 319 h 534"/>
                  <a:gd name="T94" fmla="*/ 44 w 591"/>
                  <a:gd name="T95" fmla="*/ 327 h 534"/>
                  <a:gd name="T96" fmla="*/ 49 w 591"/>
                  <a:gd name="T97" fmla="*/ 342 h 534"/>
                  <a:gd name="T98" fmla="*/ 59 w 591"/>
                  <a:gd name="T99" fmla="*/ 354 h 534"/>
                  <a:gd name="T100" fmla="*/ 66 w 591"/>
                  <a:gd name="T101" fmla="*/ 363 h 534"/>
                  <a:gd name="T102" fmla="*/ 66 w 591"/>
                  <a:gd name="T103" fmla="*/ 380 h 534"/>
                  <a:gd name="T104" fmla="*/ 59 w 591"/>
                  <a:gd name="T105" fmla="*/ 388 h 534"/>
                  <a:gd name="T106" fmla="*/ 31 w 591"/>
                  <a:gd name="T107" fmla="*/ 427 h 534"/>
                  <a:gd name="T108" fmla="*/ 31 w 591"/>
                  <a:gd name="T109" fmla="*/ 425 h 534"/>
                  <a:gd name="T110" fmla="*/ 9 w 591"/>
                  <a:gd name="T111" fmla="*/ 451 h 534"/>
                  <a:gd name="T112" fmla="*/ 0 w 591"/>
                  <a:gd name="T113" fmla="*/ 456 h 534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591"/>
                  <a:gd name="T172" fmla="*/ 0 h 534"/>
                  <a:gd name="T173" fmla="*/ 591 w 591"/>
                  <a:gd name="T174" fmla="*/ 534 h 534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591" h="534">
                    <a:moveTo>
                      <a:pt x="9" y="488"/>
                    </a:moveTo>
                    <a:lnTo>
                      <a:pt x="9" y="486"/>
                    </a:lnTo>
                    <a:lnTo>
                      <a:pt x="12" y="486"/>
                    </a:lnTo>
                    <a:lnTo>
                      <a:pt x="17" y="486"/>
                    </a:lnTo>
                    <a:lnTo>
                      <a:pt x="24" y="484"/>
                    </a:lnTo>
                    <a:lnTo>
                      <a:pt x="32" y="483"/>
                    </a:lnTo>
                    <a:lnTo>
                      <a:pt x="43" y="481"/>
                    </a:lnTo>
                    <a:lnTo>
                      <a:pt x="54" y="478"/>
                    </a:lnTo>
                    <a:lnTo>
                      <a:pt x="68" y="476"/>
                    </a:lnTo>
                    <a:lnTo>
                      <a:pt x="81" y="473"/>
                    </a:lnTo>
                    <a:lnTo>
                      <a:pt x="97" y="471"/>
                    </a:lnTo>
                    <a:lnTo>
                      <a:pt x="112" y="468"/>
                    </a:lnTo>
                    <a:lnTo>
                      <a:pt x="129" y="464"/>
                    </a:lnTo>
                    <a:lnTo>
                      <a:pt x="146" y="461"/>
                    </a:lnTo>
                    <a:lnTo>
                      <a:pt x="164" y="457"/>
                    </a:lnTo>
                    <a:lnTo>
                      <a:pt x="181" y="454"/>
                    </a:lnTo>
                    <a:lnTo>
                      <a:pt x="200" y="451"/>
                    </a:lnTo>
                    <a:lnTo>
                      <a:pt x="217" y="447"/>
                    </a:lnTo>
                    <a:lnTo>
                      <a:pt x="235" y="444"/>
                    </a:lnTo>
                    <a:lnTo>
                      <a:pt x="252" y="440"/>
                    </a:lnTo>
                    <a:lnTo>
                      <a:pt x="269" y="437"/>
                    </a:lnTo>
                    <a:lnTo>
                      <a:pt x="286" y="434"/>
                    </a:lnTo>
                    <a:lnTo>
                      <a:pt x="301" y="430"/>
                    </a:lnTo>
                    <a:lnTo>
                      <a:pt x="317" y="427"/>
                    </a:lnTo>
                    <a:lnTo>
                      <a:pt x="332" y="424"/>
                    </a:lnTo>
                    <a:lnTo>
                      <a:pt x="344" y="422"/>
                    </a:lnTo>
                    <a:lnTo>
                      <a:pt x="356" y="420"/>
                    </a:lnTo>
                    <a:lnTo>
                      <a:pt x="366" y="417"/>
                    </a:lnTo>
                    <a:lnTo>
                      <a:pt x="376" y="415"/>
                    </a:lnTo>
                    <a:lnTo>
                      <a:pt x="383" y="415"/>
                    </a:lnTo>
                    <a:lnTo>
                      <a:pt x="388" y="413"/>
                    </a:lnTo>
                    <a:lnTo>
                      <a:pt x="391" y="412"/>
                    </a:lnTo>
                    <a:lnTo>
                      <a:pt x="393" y="412"/>
                    </a:lnTo>
                    <a:lnTo>
                      <a:pt x="400" y="412"/>
                    </a:lnTo>
                    <a:lnTo>
                      <a:pt x="405" y="412"/>
                    </a:lnTo>
                    <a:lnTo>
                      <a:pt x="410" y="413"/>
                    </a:lnTo>
                    <a:lnTo>
                      <a:pt x="413" y="417"/>
                    </a:lnTo>
                    <a:lnTo>
                      <a:pt x="415" y="420"/>
                    </a:lnTo>
                    <a:lnTo>
                      <a:pt x="417" y="424"/>
                    </a:lnTo>
                    <a:lnTo>
                      <a:pt x="418" y="425"/>
                    </a:lnTo>
                    <a:lnTo>
                      <a:pt x="420" y="427"/>
                    </a:lnTo>
                    <a:lnTo>
                      <a:pt x="427" y="427"/>
                    </a:lnTo>
                    <a:lnTo>
                      <a:pt x="430" y="429"/>
                    </a:lnTo>
                    <a:lnTo>
                      <a:pt x="433" y="432"/>
                    </a:lnTo>
                    <a:lnTo>
                      <a:pt x="435" y="434"/>
                    </a:lnTo>
                    <a:lnTo>
                      <a:pt x="437" y="437"/>
                    </a:lnTo>
                    <a:lnTo>
                      <a:pt x="437" y="440"/>
                    </a:lnTo>
                    <a:lnTo>
                      <a:pt x="437" y="442"/>
                    </a:lnTo>
                    <a:lnTo>
                      <a:pt x="439" y="444"/>
                    </a:lnTo>
                    <a:lnTo>
                      <a:pt x="442" y="451"/>
                    </a:lnTo>
                    <a:lnTo>
                      <a:pt x="445" y="456"/>
                    </a:lnTo>
                    <a:lnTo>
                      <a:pt x="449" y="459"/>
                    </a:lnTo>
                    <a:lnTo>
                      <a:pt x="452" y="462"/>
                    </a:lnTo>
                    <a:lnTo>
                      <a:pt x="454" y="466"/>
                    </a:lnTo>
                    <a:lnTo>
                      <a:pt x="457" y="468"/>
                    </a:lnTo>
                    <a:lnTo>
                      <a:pt x="459" y="468"/>
                    </a:lnTo>
                    <a:lnTo>
                      <a:pt x="477" y="474"/>
                    </a:lnTo>
                    <a:lnTo>
                      <a:pt x="562" y="501"/>
                    </a:lnTo>
                    <a:lnTo>
                      <a:pt x="564" y="534"/>
                    </a:lnTo>
                    <a:lnTo>
                      <a:pt x="574" y="520"/>
                    </a:lnTo>
                    <a:lnTo>
                      <a:pt x="584" y="496"/>
                    </a:lnTo>
                    <a:lnTo>
                      <a:pt x="577" y="484"/>
                    </a:lnTo>
                    <a:lnTo>
                      <a:pt x="591" y="468"/>
                    </a:lnTo>
                    <a:lnTo>
                      <a:pt x="584" y="459"/>
                    </a:lnTo>
                    <a:lnTo>
                      <a:pt x="571" y="364"/>
                    </a:lnTo>
                    <a:lnTo>
                      <a:pt x="565" y="364"/>
                    </a:lnTo>
                    <a:lnTo>
                      <a:pt x="567" y="278"/>
                    </a:lnTo>
                    <a:lnTo>
                      <a:pt x="567" y="276"/>
                    </a:lnTo>
                    <a:lnTo>
                      <a:pt x="567" y="275"/>
                    </a:lnTo>
                    <a:lnTo>
                      <a:pt x="565" y="270"/>
                    </a:lnTo>
                    <a:lnTo>
                      <a:pt x="564" y="263"/>
                    </a:lnTo>
                    <a:lnTo>
                      <a:pt x="562" y="256"/>
                    </a:lnTo>
                    <a:lnTo>
                      <a:pt x="562" y="249"/>
                    </a:lnTo>
                    <a:lnTo>
                      <a:pt x="560" y="241"/>
                    </a:lnTo>
                    <a:lnTo>
                      <a:pt x="557" y="232"/>
                    </a:lnTo>
                    <a:lnTo>
                      <a:pt x="555" y="224"/>
                    </a:lnTo>
                    <a:lnTo>
                      <a:pt x="554" y="215"/>
                    </a:lnTo>
                    <a:lnTo>
                      <a:pt x="552" y="209"/>
                    </a:lnTo>
                    <a:lnTo>
                      <a:pt x="552" y="202"/>
                    </a:lnTo>
                    <a:lnTo>
                      <a:pt x="550" y="195"/>
                    </a:lnTo>
                    <a:lnTo>
                      <a:pt x="549" y="190"/>
                    </a:lnTo>
                    <a:lnTo>
                      <a:pt x="549" y="187"/>
                    </a:lnTo>
                    <a:lnTo>
                      <a:pt x="547" y="185"/>
                    </a:lnTo>
                    <a:lnTo>
                      <a:pt x="543" y="176"/>
                    </a:lnTo>
                    <a:lnTo>
                      <a:pt x="540" y="171"/>
                    </a:lnTo>
                    <a:lnTo>
                      <a:pt x="538" y="170"/>
                    </a:lnTo>
                    <a:lnTo>
                      <a:pt x="537" y="170"/>
                    </a:lnTo>
                    <a:lnTo>
                      <a:pt x="535" y="171"/>
                    </a:lnTo>
                    <a:lnTo>
                      <a:pt x="533" y="175"/>
                    </a:lnTo>
                    <a:lnTo>
                      <a:pt x="532" y="176"/>
                    </a:lnTo>
                    <a:lnTo>
                      <a:pt x="528" y="173"/>
                    </a:lnTo>
                    <a:lnTo>
                      <a:pt x="520" y="124"/>
                    </a:lnTo>
                    <a:lnTo>
                      <a:pt x="516" y="88"/>
                    </a:lnTo>
                    <a:lnTo>
                      <a:pt x="510" y="73"/>
                    </a:lnTo>
                    <a:lnTo>
                      <a:pt x="494" y="0"/>
                    </a:lnTo>
                    <a:lnTo>
                      <a:pt x="493" y="2"/>
                    </a:lnTo>
                    <a:lnTo>
                      <a:pt x="489" y="2"/>
                    </a:lnTo>
                    <a:lnTo>
                      <a:pt x="484" y="4"/>
                    </a:lnTo>
                    <a:lnTo>
                      <a:pt x="477" y="6"/>
                    </a:lnTo>
                    <a:lnTo>
                      <a:pt x="471" y="7"/>
                    </a:lnTo>
                    <a:lnTo>
                      <a:pt x="461" y="9"/>
                    </a:lnTo>
                    <a:lnTo>
                      <a:pt x="452" y="12"/>
                    </a:lnTo>
                    <a:lnTo>
                      <a:pt x="442" y="14"/>
                    </a:lnTo>
                    <a:lnTo>
                      <a:pt x="432" y="17"/>
                    </a:lnTo>
                    <a:lnTo>
                      <a:pt x="423" y="19"/>
                    </a:lnTo>
                    <a:lnTo>
                      <a:pt x="413" y="21"/>
                    </a:lnTo>
                    <a:lnTo>
                      <a:pt x="406" y="22"/>
                    </a:lnTo>
                    <a:lnTo>
                      <a:pt x="400" y="26"/>
                    </a:lnTo>
                    <a:lnTo>
                      <a:pt x="393" y="26"/>
                    </a:lnTo>
                    <a:lnTo>
                      <a:pt x="389" y="28"/>
                    </a:lnTo>
                    <a:lnTo>
                      <a:pt x="388" y="28"/>
                    </a:lnTo>
                    <a:lnTo>
                      <a:pt x="379" y="29"/>
                    </a:lnTo>
                    <a:lnTo>
                      <a:pt x="371" y="33"/>
                    </a:lnTo>
                    <a:lnTo>
                      <a:pt x="364" y="38"/>
                    </a:lnTo>
                    <a:lnTo>
                      <a:pt x="356" y="43"/>
                    </a:lnTo>
                    <a:lnTo>
                      <a:pt x="349" y="50"/>
                    </a:lnTo>
                    <a:lnTo>
                      <a:pt x="342" y="58"/>
                    </a:lnTo>
                    <a:lnTo>
                      <a:pt x="335" y="66"/>
                    </a:lnTo>
                    <a:lnTo>
                      <a:pt x="329" y="75"/>
                    </a:lnTo>
                    <a:lnTo>
                      <a:pt x="323" y="83"/>
                    </a:lnTo>
                    <a:lnTo>
                      <a:pt x="318" y="90"/>
                    </a:lnTo>
                    <a:lnTo>
                      <a:pt x="313" y="99"/>
                    </a:lnTo>
                    <a:lnTo>
                      <a:pt x="310" y="105"/>
                    </a:lnTo>
                    <a:lnTo>
                      <a:pt x="308" y="110"/>
                    </a:lnTo>
                    <a:lnTo>
                      <a:pt x="305" y="116"/>
                    </a:lnTo>
                    <a:lnTo>
                      <a:pt x="305" y="117"/>
                    </a:lnTo>
                    <a:lnTo>
                      <a:pt x="303" y="119"/>
                    </a:lnTo>
                    <a:lnTo>
                      <a:pt x="288" y="139"/>
                    </a:lnTo>
                    <a:lnTo>
                      <a:pt x="290" y="139"/>
                    </a:lnTo>
                    <a:lnTo>
                      <a:pt x="261" y="173"/>
                    </a:lnTo>
                    <a:lnTo>
                      <a:pt x="274" y="173"/>
                    </a:lnTo>
                    <a:lnTo>
                      <a:pt x="285" y="182"/>
                    </a:lnTo>
                    <a:lnTo>
                      <a:pt x="279" y="197"/>
                    </a:lnTo>
                    <a:lnTo>
                      <a:pt x="278" y="198"/>
                    </a:lnTo>
                    <a:lnTo>
                      <a:pt x="274" y="200"/>
                    </a:lnTo>
                    <a:lnTo>
                      <a:pt x="271" y="202"/>
                    </a:lnTo>
                    <a:lnTo>
                      <a:pt x="271" y="204"/>
                    </a:lnTo>
                    <a:lnTo>
                      <a:pt x="278" y="209"/>
                    </a:lnTo>
                    <a:lnTo>
                      <a:pt x="281" y="214"/>
                    </a:lnTo>
                    <a:lnTo>
                      <a:pt x="285" y="219"/>
                    </a:lnTo>
                    <a:lnTo>
                      <a:pt x="285" y="226"/>
                    </a:lnTo>
                    <a:lnTo>
                      <a:pt x="285" y="231"/>
                    </a:lnTo>
                    <a:lnTo>
                      <a:pt x="285" y="236"/>
                    </a:lnTo>
                    <a:lnTo>
                      <a:pt x="285" y="239"/>
                    </a:lnTo>
                    <a:lnTo>
                      <a:pt x="276" y="241"/>
                    </a:lnTo>
                    <a:lnTo>
                      <a:pt x="269" y="244"/>
                    </a:lnTo>
                    <a:lnTo>
                      <a:pt x="263" y="251"/>
                    </a:lnTo>
                    <a:lnTo>
                      <a:pt x="257" y="256"/>
                    </a:lnTo>
                    <a:lnTo>
                      <a:pt x="252" y="263"/>
                    </a:lnTo>
                    <a:lnTo>
                      <a:pt x="249" y="268"/>
                    </a:lnTo>
                    <a:lnTo>
                      <a:pt x="246" y="271"/>
                    </a:lnTo>
                    <a:lnTo>
                      <a:pt x="246" y="273"/>
                    </a:lnTo>
                    <a:lnTo>
                      <a:pt x="244" y="275"/>
                    </a:lnTo>
                    <a:lnTo>
                      <a:pt x="242" y="276"/>
                    </a:lnTo>
                    <a:lnTo>
                      <a:pt x="239" y="278"/>
                    </a:lnTo>
                    <a:lnTo>
                      <a:pt x="235" y="281"/>
                    </a:lnTo>
                    <a:lnTo>
                      <a:pt x="230" y="283"/>
                    </a:lnTo>
                    <a:lnTo>
                      <a:pt x="227" y="286"/>
                    </a:lnTo>
                    <a:lnTo>
                      <a:pt x="224" y="288"/>
                    </a:lnTo>
                    <a:lnTo>
                      <a:pt x="222" y="288"/>
                    </a:lnTo>
                    <a:lnTo>
                      <a:pt x="215" y="285"/>
                    </a:lnTo>
                    <a:lnTo>
                      <a:pt x="208" y="285"/>
                    </a:lnTo>
                    <a:lnTo>
                      <a:pt x="202" y="286"/>
                    </a:lnTo>
                    <a:lnTo>
                      <a:pt x="197" y="288"/>
                    </a:lnTo>
                    <a:lnTo>
                      <a:pt x="191" y="292"/>
                    </a:lnTo>
                    <a:lnTo>
                      <a:pt x="186" y="293"/>
                    </a:lnTo>
                    <a:lnTo>
                      <a:pt x="183" y="295"/>
                    </a:lnTo>
                    <a:lnTo>
                      <a:pt x="183" y="297"/>
                    </a:lnTo>
                    <a:lnTo>
                      <a:pt x="181" y="298"/>
                    </a:lnTo>
                    <a:lnTo>
                      <a:pt x="163" y="297"/>
                    </a:lnTo>
                    <a:lnTo>
                      <a:pt x="161" y="295"/>
                    </a:lnTo>
                    <a:lnTo>
                      <a:pt x="158" y="293"/>
                    </a:lnTo>
                    <a:lnTo>
                      <a:pt x="156" y="293"/>
                    </a:lnTo>
                    <a:lnTo>
                      <a:pt x="139" y="293"/>
                    </a:lnTo>
                    <a:lnTo>
                      <a:pt x="122" y="295"/>
                    </a:lnTo>
                    <a:lnTo>
                      <a:pt x="109" y="297"/>
                    </a:lnTo>
                    <a:lnTo>
                      <a:pt x="97" y="298"/>
                    </a:lnTo>
                    <a:lnTo>
                      <a:pt x="87" y="300"/>
                    </a:lnTo>
                    <a:lnTo>
                      <a:pt x="76" y="303"/>
                    </a:lnTo>
                    <a:lnTo>
                      <a:pt x="70" y="307"/>
                    </a:lnTo>
                    <a:lnTo>
                      <a:pt x="63" y="310"/>
                    </a:lnTo>
                    <a:lnTo>
                      <a:pt x="58" y="312"/>
                    </a:lnTo>
                    <a:lnTo>
                      <a:pt x="54" y="315"/>
                    </a:lnTo>
                    <a:lnTo>
                      <a:pt x="51" y="319"/>
                    </a:lnTo>
                    <a:lnTo>
                      <a:pt x="48" y="320"/>
                    </a:lnTo>
                    <a:lnTo>
                      <a:pt x="48" y="324"/>
                    </a:lnTo>
                    <a:lnTo>
                      <a:pt x="46" y="325"/>
                    </a:lnTo>
                    <a:lnTo>
                      <a:pt x="44" y="327"/>
                    </a:lnTo>
                    <a:lnTo>
                      <a:pt x="46" y="332"/>
                    </a:lnTo>
                    <a:lnTo>
                      <a:pt x="48" y="337"/>
                    </a:lnTo>
                    <a:lnTo>
                      <a:pt x="49" y="342"/>
                    </a:lnTo>
                    <a:lnTo>
                      <a:pt x="53" y="347"/>
                    </a:lnTo>
                    <a:lnTo>
                      <a:pt x="54" y="351"/>
                    </a:lnTo>
                    <a:lnTo>
                      <a:pt x="58" y="354"/>
                    </a:lnTo>
                    <a:lnTo>
                      <a:pt x="59" y="354"/>
                    </a:lnTo>
                    <a:lnTo>
                      <a:pt x="59" y="356"/>
                    </a:lnTo>
                    <a:lnTo>
                      <a:pt x="61" y="358"/>
                    </a:lnTo>
                    <a:lnTo>
                      <a:pt x="65" y="359"/>
                    </a:lnTo>
                    <a:lnTo>
                      <a:pt x="66" y="363"/>
                    </a:lnTo>
                    <a:lnTo>
                      <a:pt x="68" y="364"/>
                    </a:lnTo>
                    <a:lnTo>
                      <a:pt x="68" y="371"/>
                    </a:lnTo>
                    <a:lnTo>
                      <a:pt x="66" y="376"/>
                    </a:lnTo>
                    <a:lnTo>
                      <a:pt x="66" y="380"/>
                    </a:lnTo>
                    <a:lnTo>
                      <a:pt x="65" y="383"/>
                    </a:lnTo>
                    <a:lnTo>
                      <a:pt x="63" y="385"/>
                    </a:lnTo>
                    <a:lnTo>
                      <a:pt x="61" y="386"/>
                    </a:lnTo>
                    <a:lnTo>
                      <a:pt x="59" y="388"/>
                    </a:lnTo>
                    <a:lnTo>
                      <a:pt x="54" y="395"/>
                    </a:lnTo>
                    <a:lnTo>
                      <a:pt x="46" y="412"/>
                    </a:lnTo>
                    <a:lnTo>
                      <a:pt x="31" y="427"/>
                    </a:lnTo>
                    <a:lnTo>
                      <a:pt x="32" y="425"/>
                    </a:lnTo>
                    <a:lnTo>
                      <a:pt x="31" y="425"/>
                    </a:lnTo>
                    <a:lnTo>
                      <a:pt x="24" y="435"/>
                    </a:lnTo>
                    <a:lnTo>
                      <a:pt x="17" y="442"/>
                    </a:lnTo>
                    <a:lnTo>
                      <a:pt x="12" y="447"/>
                    </a:lnTo>
                    <a:lnTo>
                      <a:pt x="9" y="451"/>
                    </a:lnTo>
                    <a:lnTo>
                      <a:pt x="5" y="452"/>
                    </a:lnTo>
                    <a:lnTo>
                      <a:pt x="2" y="454"/>
                    </a:lnTo>
                    <a:lnTo>
                      <a:pt x="0" y="456"/>
                    </a:lnTo>
                    <a:lnTo>
                      <a:pt x="9" y="488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420" name="Freeform 176"/>
            <p:cNvSpPr>
              <a:spLocks/>
            </p:cNvSpPr>
            <p:nvPr/>
          </p:nvSpPr>
          <p:spPr bwMode="auto">
            <a:xfrm>
              <a:off x="4773" y="1315"/>
              <a:ext cx="156" cy="330"/>
            </a:xfrm>
            <a:custGeom>
              <a:avLst/>
              <a:gdLst>
                <a:gd name="T0" fmla="*/ 88 w 160"/>
                <a:gd name="T1" fmla="*/ 205 h 340"/>
                <a:gd name="T2" fmla="*/ 90 w 160"/>
                <a:gd name="T3" fmla="*/ 201 h 340"/>
                <a:gd name="T4" fmla="*/ 99 w 160"/>
                <a:gd name="T5" fmla="*/ 190 h 340"/>
                <a:gd name="T6" fmla="*/ 108 w 160"/>
                <a:gd name="T7" fmla="*/ 189 h 340"/>
                <a:gd name="T8" fmla="*/ 109 w 160"/>
                <a:gd name="T9" fmla="*/ 186 h 340"/>
                <a:gd name="T10" fmla="*/ 110 w 160"/>
                <a:gd name="T11" fmla="*/ 178 h 340"/>
                <a:gd name="T12" fmla="*/ 113 w 160"/>
                <a:gd name="T13" fmla="*/ 174 h 340"/>
                <a:gd name="T14" fmla="*/ 109 w 160"/>
                <a:gd name="T15" fmla="*/ 171 h 340"/>
                <a:gd name="T16" fmla="*/ 104 w 160"/>
                <a:gd name="T17" fmla="*/ 168 h 340"/>
                <a:gd name="T18" fmla="*/ 100 w 160"/>
                <a:gd name="T19" fmla="*/ 157 h 340"/>
                <a:gd name="T20" fmla="*/ 96 w 160"/>
                <a:gd name="T21" fmla="*/ 153 h 340"/>
                <a:gd name="T22" fmla="*/ 89 w 160"/>
                <a:gd name="T23" fmla="*/ 147 h 340"/>
                <a:gd name="T24" fmla="*/ 33 w 160"/>
                <a:gd name="T25" fmla="*/ 0 h 340"/>
                <a:gd name="T26" fmla="*/ 20 w 160"/>
                <a:gd name="T27" fmla="*/ 8 h 340"/>
                <a:gd name="T28" fmla="*/ 20 w 160"/>
                <a:gd name="T29" fmla="*/ 13 h 340"/>
                <a:gd name="T30" fmla="*/ 20 w 160"/>
                <a:gd name="T31" fmla="*/ 17 h 340"/>
                <a:gd name="T32" fmla="*/ 20 w 160"/>
                <a:gd name="T33" fmla="*/ 25 h 340"/>
                <a:gd name="T34" fmla="*/ 20 w 160"/>
                <a:gd name="T35" fmla="*/ 35 h 340"/>
                <a:gd name="T36" fmla="*/ 20 w 160"/>
                <a:gd name="T37" fmla="*/ 39 h 340"/>
                <a:gd name="T38" fmla="*/ 20 w 160"/>
                <a:gd name="T39" fmla="*/ 45 h 340"/>
                <a:gd name="T40" fmla="*/ 20 w 160"/>
                <a:gd name="T41" fmla="*/ 48 h 340"/>
                <a:gd name="T42" fmla="*/ 20 w 160"/>
                <a:gd name="T43" fmla="*/ 55 h 340"/>
                <a:gd name="T44" fmla="*/ 25 w 160"/>
                <a:gd name="T45" fmla="*/ 62 h 340"/>
                <a:gd name="T46" fmla="*/ 25 w 160"/>
                <a:gd name="T47" fmla="*/ 71 h 340"/>
                <a:gd name="T48" fmla="*/ 20 w 160"/>
                <a:gd name="T49" fmla="*/ 81 h 340"/>
                <a:gd name="T50" fmla="*/ 17 w 160"/>
                <a:gd name="T51" fmla="*/ 88 h 340"/>
                <a:gd name="T52" fmla="*/ 17 w 160"/>
                <a:gd name="T53" fmla="*/ 86 h 340"/>
                <a:gd name="T54" fmla="*/ 10 w 160"/>
                <a:gd name="T55" fmla="*/ 92 h 340"/>
                <a:gd name="T56" fmla="*/ 11 w 160"/>
                <a:gd name="T57" fmla="*/ 101 h 340"/>
                <a:gd name="T58" fmla="*/ 11 w 160"/>
                <a:gd name="T59" fmla="*/ 110 h 340"/>
                <a:gd name="T60" fmla="*/ 11 w 160"/>
                <a:gd name="T61" fmla="*/ 123 h 340"/>
                <a:gd name="T62" fmla="*/ 8 w 160"/>
                <a:gd name="T63" fmla="*/ 134 h 340"/>
                <a:gd name="T64" fmla="*/ 6 w 160"/>
                <a:gd name="T65" fmla="*/ 142 h 340"/>
                <a:gd name="T66" fmla="*/ 5 w 160"/>
                <a:gd name="T67" fmla="*/ 147 h 340"/>
                <a:gd name="T68" fmla="*/ 1 w 160"/>
                <a:gd name="T69" fmla="*/ 153 h 340"/>
                <a:gd name="T70" fmla="*/ 0 w 160"/>
                <a:gd name="T71" fmla="*/ 168 h 340"/>
                <a:gd name="T72" fmla="*/ 6 w 160"/>
                <a:gd name="T73" fmla="*/ 176 h 340"/>
                <a:gd name="T74" fmla="*/ 6 w 160"/>
                <a:gd name="T75" fmla="*/ 182 h 340"/>
                <a:gd name="T76" fmla="*/ 6 w 160"/>
                <a:gd name="T77" fmla="*/ 189 h 340"/>
                <a:gd name="T78" fmla="*/ 8 w 160"/>
                <a:gd name="T79" fmla="*/ 190 h 340"/>
                <a:gd name="T80" fmla="*/ 10 w 160"/>
                <a:gd name="T81" fmla="*/ 196 h 340"/>
                <a:gd name="T82" fmla="*/ 6 w 160"/>
                <a:gd name="T83" fmla="*/ 205 h 340"/>
                <a:gd name="T84" fmla="*/ 6 w 160"/>
                <a:gd name="T85" fmla="*/ 211 h 340"/>
                <a:gd name="T86" fmla="*/ 8 w 160"/>
                <a:gd name="T87" fmla="*/ 219 h 340"/>
                <a:gd name="T88" fmla="*/ 82 w 160"/>
                <a:gd name="T89" fmla="*/ 209 h 340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w 160"/>
                <a:gd name="T136" fmla="*/ 0 h 340"/>
                <a:gd name="T137" fmla="*/ 160 w 160"/>
                <a:gd name="T138" fmla="*/ 340 h 340"/>
              </a:gdLst>
              <a:ahLst/>
              <a:cxnLst>
                <a:cxn ang="T90">
                  <a:pos x="T0" y="T1"/>
                </a:cxn>
                <a:cxn ang="T91">
                  <a:pos x="T2" y="T3"/>
                </a:cxn>
                <a:cxn ang="T92">
                  <a:pos x="T4" y="T5"/>
                </a:cxn>
                <a:cxn ang="T93">
                  <a:pos x="T6" y="T7"/>
                </a:cxn>
                <a:cxn ang="T94">
                  <a:pos x="T8" y="T9"/>
                </a:cxn>
                <a:cxn ang="T95">
                  <a:pos x="T10" y="T11"/>
                </a:cxn>
                <a:cxn ang="T96">
                  <a:pos x="T12" y="T13"/>
                </a:cxn>
                <a:cxn ang="T97">
                  <a:pos x="T14" y="T15"/>
                </a:cxn>
                <a:cxn ang="T98">
                  <a:pos x="T16" y="T17"/>
                </a:cxn>
                <a:cxn ang="T99">
                  <a:pos x="T18" y="T19"/>
                </a:cxn>
                <a:cxn ang="T100">
                  <a:pos x="T20" y="T21"/>
                </a:cxn>
                <a:cxn ang="T101">
                  <a:pos x="T22" y="T23"/>
                </a:cxn>
                <a:cxn ang="T102">
                  <a:pos x="T24" y="T25"/>
                </a:cxn>
                <a:cxn ang="T103">
                  <a:pos x="T26" y="T27"/>
                </a:cxn>
                <a:cxn ang="T104">
                  <a:pos x="T28" y="T29"/>
                </a:cxn>
                <a:cxn ang="T105">
                  <a:pos x="T30" y="T31"/>
                </a:cxn>
                <a:cxn ang="T106">
                  <a:pos x="T32" y="T33"/>
                </a:cxn>
                <a:cxn ang="T107">
                  <a:pos x="T34" y="T35"/>
                </a:cxn>
                <a:cxn ang="T108">
                  <a:pos x="T36" y="T37"/>
                </a:cxn>
                <a:cxn ang="T109">
                  <a:pos x="T38" y="T39"/>
                </a:cxn>
                <a:cxn ang="T110">
                  <a:pos x="T40" y="T41"/>
                </a:cxn>
                <a:cxn ang="T111">
                  <a:pos x="T42" y="T43"/>
                </a:cxn>
                <a:cxn ang="T112">
                  <a:pos x="T44" y="T45"/>
                </a:cxn>
                <a:cxn ang="T113">
                  <a:pos x="T46" y="T47"/>
                </a:cxn>
                <a:cxn ang="T114">
                  <a:pos x="T48" y="T49"/>
                </a:cxn>
                <a:cxn ang="T115">
                  <a:pos x="T50" y="T51"/>
                </a:cxn>
                <a:cxn ang="T116">
                  <a:pos x="T52" y="T53"/>
                </a:cxn>
                <a:cxn ang="T117">
                  <a:pos x="T54" y="T55"/>
                </a:cxn>
                <a:cxn ang="T118">
                  <a:pos x="T56" y="T57"/>
                </a:cxn>
                <a:cxn ang="T119">
                  <a:pos x="T58" y="T59"/>
                </a:cxn>
                <a:cxn ang="T120">
                  <a:pos x="T60" y="T61"/>
                </a:cxn>
                <a:cxn ang="T121">
                  <a:pos x="T62" y="T63"/>
                </a:cxn>
                <a:cxn ang="T122">
                  <a:pos x="T64" y="T65"/>
                </a:cxn>
                <a:cxn ang="T123">
                  <a:pos x="T66" y="T67"/>
                </a:cxn>
                <a:cxn ang="T124">
                  <a:pos x="T68" y="T69"/>
                </a:cxn>
                <a:cxn ang="T125">
                  <a:pos x="T70" y="T71"/>
                </a:cxn>
                <a:cxn ang="T126">
                  <a:pos x="T72" y="T73"/>
                </a:cxn>
                <a:cxn ang="T127">
                  <a:pos x="T74" y="T75"/>
                </a:cxn>
                <a:cxn ang="T128">
                  <a:pos x="T76" y="T77"/>
                </a:cxn>
                <a:cxn ang="T129">
                  <a:pos x="T78" y="T79"/>
                </a:cxn>
                <a:cxn ang="T130">
                  <a:pos x="T80" y="T81"/>
                </a:cxn>
                <a:cxn ang="T131">
                  <a:pos x="T82" y="T83"/>
                </a:cxn>
                <a:cxn ang="T132">
                  <a:pos x="T84" y="T85"/>
                </a:cxn>
                <a:cxn ang="T133">
                  <a:pos x="T86" y="T87"/>
                </a:cxn>
                <a:cxn ang="T134">
                  <a:pos x="T88" y="T89"/>
                </a:cxn>
              </a:cxnLst>
              <a:rect l="T135" t="T136" r="T137" b="T138"/>
              <a:pathLst>
                <a:path w="160" h="340">
                  <a:moveTo>
                    <a:pt x="116" y="318"/>
                  </a:moveTo>
                  <a:lnTo>
                    <a:pt x="123" y="311"/>
                  </a:lnTo>
                  <a:lnTo>
                    <a:pt x="125" y="311"/>
                  </a:lnTo>
                  <a:lnTo>
                    <a:pt x="125" y="308"/>
                  </a:lnTo>
                  <a:lnTo>
                    <a:pt x="127" y="306"/>
                  </a:lnTo>
                  <a:lnTo>
                    <a:pt x="128" y="305"/>
                  </a:lnTo>
                  <a:lnTo>
                    <a:pt x="132" y="298"/>
                  </a:lnTo>
                  <a:lnTo>
                    <a:pt x="137" y="293"/>
                  </a:lnTo>
                  <a:lnTo>
                    <a:pt x="142" y="289"/>
                  </a:lnTo>
                  <a:lnTo>
                    <a:pt x="147" y="286"/>
                  </a:lnTo>
                  <a:lnTo>
                    <a:pt x="150" y="286"/>
                  </a:lnTo>
                  <a:lnTo>
                    <a:pt x="154" y="286"/>
                  </a:lnTo>
                  <a:lnTo>
                    <a:pt x="155" y="286"/>
                  </a:lnTo>
                  <a:lnTo>
                    <a:pt x="157" y="286"/>
                  </a:lnTo>
                  <a:lnTo>
                    <a:pt x="155" y="283"/>
                  </a:lnTo>
                  <a:lnTo>
                    <a:pt x="155" y="279"/>
                  </a:lnTo>
                  <a:lnTo>
                    <a:pt x="157" y="274"/>
                  </a:lnTo>
                  <a:lnTo>
                    <a:pt x="157" y="271"/>
                  </a:lnTo>
                  <a:lnTo>
                    <a:pt x="159" y="269"/>
                  </a:lnTo>
                  <a:lnTo>
                    <a:pt x="159" y="266"/>
                  </a:lnTo>
                  <a:lnTo>
                    <a:pt x="160" y="264"/>
                  </a:lnTo>
                  <a:lnTo>
                    <a:pt x="157" y="261"/>
                  </a:lnTo>
                  <a:lnTo>
                    <a:pt x="155" y="259"/>
                  </a:lnTo>
                  <a:lnTo>
                    <a:pt x="154" y="257"/>
                  </a:lnTo>
                  <a:lnTo>
                    <a:pt x="150" y="255"/>
                  </a:lnTo>
                  <a:lnTo>
                    <a:pt x="149" y="254"/>
                  </a:lnTo>
                  <a:lnTo>
                    <a:pt x="149" y="247"/>
                  </a:lnTo>
                  <a:lnTo>
                    <a:pt x="147" y="242"/>
                  </a:lnTo>
                  <a:lnTo>
                    <a:pt x="143" y="239"/>
                  </a:lnTo>
                  <a:lnTo>
                    <a:pt x="142" y="235"/>
                  </a:lnTo>
                  <a:lnTo>
                    <a:pt x="138" y="233"/>
                  </a:lnTo>
                  <a:lnTo>
                    <a:pt x="137" y="233"/>
                  </a:lnTo>
                  <a:lnTo>
                    <a:pt x="133" y="232"/>
                  </a:lnTo>
                  <a:lnTo>
                    <a:pt x="127" y="223"/>
                  </a:lnTo>
                  <a:lnTo>
                    <a:pt x="61" y="5"/>
                  </a:lnTo>
                  <a:lnTo>
                    <a:pt x="54" y="2"/>
                  </a:lnTo>
                  <a:lnTo>
                    <a:pt x="47" y="0"/>
                  </a:lnTo>
                  <a:lnTo>
                    <a:pt x="42" y="2"/>
                  </a:lnTo>
                  <a:lnTo>
                    <a:pt x="37" y="5"/>
                  </a:lnTo>
                  <a:lnTo>
                    <a:pt x="33" y="8"/>
                  </a:lnTo>
                  <a:lnTo>
                    <a:pt x="32" y="10"/>
                  </a:lnTo>
                  <a:lnTo>
                    <a:pt x="30" y="13"/>
                  </a:lnTo>
                  <a:lnTo>
                    <a:pt x="33" y="15"/>
                  </a:lnTo>
                  <a:lnTo>
                    <a:pt x="37" y="24"/>
                  </a:lnTo>
                  <a:lnTo>
                    <a:pt x="32" y="25"/>
                  </a:lnTo>
                  <a:lnTo>
                    <a:pt x="33" y="32"/>
                  </a:lnTo>
                  <a:lnTo>
                    <a:pt x="28" y="34"/>
                  </a:lnTo>
                  <a:lnTo>
                    <a:pt x="28" y="39"/>
                  </a:lnTo>
                  <a:lnTo>
                    <a:pt x="30" y="39"/>
                  </a:lnTo>
                  <a:lnTo>
                    <a:pt x="32" y="49"/>
                  </a:lnTo>
                  <a:lnTo>
                    <a:pt x="32" y="51"/>
                  </a:lnTo>
                  <a:lnTo>
                    <a:pt x="33" y="54"/>
                  </a:lnTo>
                  <a:lnTo>
                    <a:pt x="33" y="56"/>
                  </a:lnTo>
                  <a:lnTo>
                    <a:pt x="33" y="61"/>
                  </a:lnTo>
                  <a:lnTo>
                    <a:pt x="33" y="64"/>
                  </a:lnTo>
                  <a:lnTo>
                    <a:pt x="32" y="68"/>
                  </a:lnTo>
                  <a:lnTo>
                    <a:pt x="28" y="73"/>
                  </a:lnTo>
                  <a:lnTo>
                    <a:pt x="28" y="74"/>
                  </a:lnTo>
                  <a:lnTo>
                    <a:pt x="30" y="74"/>
                  </a:lnTo>
                  <a:lnTo>
                    <a:pt x="32" y="76"/>
                  </a:lnTo>
                  <a:lnTo>
                    <a:pt x="32" y="79"/>
                  </a:lnTo>
                  <a:lnTo>
                    <a:pt x="33" y="83"/>
                  </a:lnTo>
                  <a:lnTo>
                    <a:pt x="35" y="85"/>
                  </a:lnTo>
                  <a:lnTo>
                    <a:pt x="37" y="90"/>
                  </a:lnTo>
                  <a:lnTo>
                    <a:pt x="39" y="93"/>
                  </a:lnTo>
                  <a:lnTo>
                    <a:pt x="39" y="98"/>
                  </a:lnTo>
                  <a:lnTo>
                    <a:pt x="39" y="101"/>
                  </a:lnTo>
                  <a:lnTo>
                    <a:pt x="39" y="107"/>
                  </a:lnTo>
                  <a:lnTo>
                    <a:pt x="37" y="112"/>
                  </a:lnTo>
                  <a:lnTo>
                    <a:pt x="33" y="117"/>
                  </a:lnTo>
                  <a:lnTo>
                    <a:pt x="30" y="122"/>
                  </a:lnTo>
                  <a:lnTo>
                    <a:pt x="23" y="127"/>
                  </a:lnTo>
                  <a:lnTo>
                    <a:pt x="17" y="132"/>
                  </a:lnTo>
                  <a:lnTo>
                    <a:pt x="17" y="134"/>
                  </a:lnTo>
                  <a:lnTo>
                    <a:pt x="17" y="132"/>
                  </a:lnTo>
                  <a:lnTo>
                    <a:pt x="10" y="139"/>
                  </a:lnTo>
                  <a:lnTo>
                    <a:pt x="10" y="140"/>
                  </a:lnTo>
                  <a:lnTo>
                    <a:pt x="10" y="144"/>
                  </a:lnTo>
                  <a:lnTo>
                    <a:pt x="11" y="147"/>
                  </a:lnTo>
                  <a:lnTo>
                    <a:pt x="11" y="152"/>
                  </a:lnTo>
                  <a:lnTo>
                    <a:pt x="11" y="157"/>
                  </a:lnTo>
                  <a:lnTo>
                    <a:pt x="11" y="162"/>
                  </a:lnTo>
                  <a:lnTo>
                    <a:pt x="11" y="167"/>
                  </a:lnTo>
                  <a:lnTo>
                    <a:pt x="11" y="174"/>
                  </a:lnTo>
                  <a:lnTo>
                    <a:pt x="11" y="179"/>
                  </a:lnTo>
                  <a:lnTo>
                    <a:pt x="11" y="186"/>
                  </a:lnTo>
                  <a:lnTo>
                    <a:pt x="10" y="193"/>
                  </a:lnTo>
                  <a:lnTo>
                    <a:pt x="10" y="198"/>
                  </a:lnTo>
                  <a:lnTo>
                    <a:pt x="8" y="203"/>
                  </a:lnTo>
                  <a:lnTo>
                    <a:pt x="8" y="208"/>
                  </a:lnTo>
                  <a:lnTo>
                    <a:pt x="6" y="211"/>
                  </a:lnTo>
                  <a:lnTo>
                    <a:pt x="6" y="215"/>
                  </a:lnTo>
                  <a:lnTo>
                    <a:pt x="5" y="218"/>
                  </a:lnTo>
                  <a:lnTo>
                    <a:pt x="5" y="222"/>
                  </a:lnTo>
                  <a:lnTo>
                    <a:pt x="5" y="223"/>
                  </a:lnTo>
                  <a:lnTo>
                    <a:pt x="3" y="228"/>
                  </a:lnTo>
                  <a:lnTo>
                    <a:pt x="1" y="233"/>
                  </a:lnTo>
                  <a:lnTo>
                    <a:pt x="0" y="240"/>
                  </a:lnTo>
                  <a:lnTo>
                    <a:pt x="0" y="247"/>
                  </a:lnTo>
                  <a:lnTo>
                    <a:pt x="0" y="254"/>
                  </a:lnTo>
                  <a:lnTo>
                    <a:pt x="1" y="261"/>
                  </a:lnTo>
                  <a:lnTo>
                    <a:pt x="5" y="267"/>
                  </a:lnTo>
                  <a:lnTo>
                    <a:pt x="6" y="267"/>
                  </a:lnTo>
                  <a:lnTo>
                    <a:pt x="6" y="271"/>
                  </a:lnTo>
                  <a:lnTo>
                    <a:pt x="6" y="274"/>
                  </a:lnTo>
                  <a:lnTo>
                    <a:pt x="6" y="277"/>
                  </a:lnTo>
                  <a:lnTo>
                    <a:pt x="6" y="281"/>
                  </a:lnTo>
                  <a:lnTo>
                    <a:pt x="6" y="284"/>
                  </a:lnTo>
                  <a:lnTo>
                    <a:pt x="6" y="286"/>
                  </a:lnTo>
                  <a:lnTo>
                    <a:pt x="6" y="288"/>
                  </a:lnTo>
                  <a:lnTo>
                    <a:pt x="8" y="289"/>
                  </a:lnTo>
                  <a:lnTo>
                    <a:pt x="8" y="293"/>
                  </a:lnTo>
                  <a:lnTo>
                    <a:pt x="10" y="296"/>
                  </a:lnTo>
                  <a:lnTo>
                    <a:pt x="10" y="299"/>
                  </a:lnTo>
                  <a:lnTo>
                    <a:pt x="10" y="305"/>
                  </a:lnTo>
                  <a:lnTo>
                    <a:pt x="10" y="308"/>
                  </a:lnTo>
                  <a:lnTo>
                    <a:pt x="6" y="311"/>
                  </a:lnTo>
                  <a:lnTo>
                    <a:pt x="6" y="313"/>
                  </a:lnTo>
                  <a:lnTo>
                    <a:pt x="6" y="315"/>
                  </a:lnTo>
                  <a:lnTo>
                    <a:pt x="6" y="320"/>
                  </a:lnTo>
                  <a:lnTo>
                    <a:pt x="6" y="323"/>
                  </a:lnTo>
                  <a:lnTo>
                    <a:pt x="6" y="328"/>
                  </a:lnTo>
                  <a:lnTo>
                    <a:pt x="8" y="333"/>
                  </a:lnTo>
                  <a:lnTo>
                    <a:pt x="10" y="337"/>
                  </a:lnTo>
                  <a:lnTo>
                    <a:pt x="15" y="340"/>
                  </a:lnTo>
                  <a:lnTo>
                    <a:pt x="116" y="318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421" name="Group 177"/>
            <p:cNvGrpSpPr>
              <a:grpSpLocks/>
            </p:cNvGrpSpPr>
            <p:nvPr/>
          </p:nvGrpSpPr>
          <p:grpSpPr bwMode="auto">
            <a:xfrm>
              <a:off x="3502" y="2791"/>
              <a:ext cx="368" cy="598"/>
              <a:chOff x="3720" y="2429"/>
              <a:chExt cx="378" cy="616"/>
            </a:xfrm>
          </p:grpSpPr>
          <p:sp>
            <p:nvSpPr>
              <p:cNvPr id="433" name="Freeform 178"/>
              <p:cNvSpPr>
                <a:spLocks/>
              </p:cNvSpPr>
              <p:nvPr/>
            </p:nvSpPr>
            <p:spPr bwMode="auto">
              <a:xfrm>
                <a:off x="3720" y="2429"/>
                <a:ext cx="378" cy="616"/>
              </a:xfrm>
              <a:custGeom>
                <a:avLst/>
                <a:gdLst>
                  <a:gd name="T0" fmla="*/ 51 w 378"/>
                  <a:gd name="T1" fmla="*/ 607 h 616"/>
                  <a:gd name="T2" fmla="*/ 54 w 378"/>
                  <a:gd name="T3" fmla="*/ 592 h 616"/>
                  <a:gd name="T4" fmla="*/ 75 w 378"/>
                  <a:gd name="T5" fmla="*/ 548 h 616"/>
                  <a:gd name="T6" fmla="*/ 97 w 378"/>
                  <a:gd name="T7" fmla="*/ 605 h 616"/>
                  <a:gd name="T8" fmla="*/ 92 w 378"/>
                  <a:gd name="T9" fmla="*/ 607 h 616"/>
                  <a:gd name="T10" fmla="*/ 81 w 378"/>
                  <a:gd name="T11" fmla="*/ 611 h 616"/>
                  <a:gd name="T12" fmla="*/ 73 w 378"/>
                  <a:gd name="T13" fmla="*/ 614 h 616"/>
                  <a:gd name="T14" fmla="*/ 70 w 378"/>
                  <a:gd name="T15" fmla="*/ 616 h 616"/>
                  <a:gd name="T16" fmla="*/ 83 w 378"/>
                  <a:gd name="T17" fmla="*/ 614 h 616"/>
                  <a:gd name="T18" fmla="*/ 98 w 378"/>
                  <a:gd name="T19" fmla="*/ 611 h 616"/>
                  <a:gd name="T20" fmla="*/ 110 w 378"/>
                  <a:gd name="T21" fmla="*/ 607 h 616"/>
                  <a:gd name="T22" fmla="*/ 115 w 378"/>
                  <a:gd name="T23" fmla="*/ 607 h 616"/>
                  <a:gd name="T24" fmla="*/ 114 w 378"/>
                  <a:gd name="T25" fmla="*/ 604 h 616"/>
                  <a:gd name="T26" fmla="*/ 112 w 378"/>
                  <a:gd name="T27" fmla="*/ 600 h 616"/>
                  <a:gd name="T28" fmla="*/ 122 w 378"/>
                  <a:gd name="T29" fmla="*/ 590 h 616"/>
                  <a:gd name="T30" fmla="*/ 125 w 378"/>
                  <a:gd name="T31" fmla="*/ 585 h 616"/>
                  <a:gd name="T32" fmla="*/ 125 w 378"/>
                  <a:gd name="T33" fmla="*/ 582 h 616"/>
                  <a:gd name="T34" fmla="*/ 125 w 378"/>
                  <a:gd name="T35" fmla="*/ 582 h 616"/>
                  <a:gd name="T36" fmla="*/ 125 w 378"/>
                  <a:gd name="T37" fmla="*/ 580 h 616"/>
                  <a:gd name="T38" fmla="*/ 125 w 378"/>
                  <a:gd name="T39" fmla="*/ 577 h 616"/>
                  <a:gd name="T40" fmla="*/ 124 w 378"/>
                  <a:gd name="T41" fmla="*/ 572 h 616"/>
                  <a:gd name="T42" fmla="*/ 124 w 378"/>
                  <a:gd name="T43" fmla="*/ 570 h 616"/>
                  <a:gd name="T44" fmla="*/ 127 w 378"/>
                  <a:gd name="T45" fmla="*/ 558 h 616"/>
                  <a:gd name="T46" fmla="*/ 119 w 378"/>
                  <a:gd name="T47" fmla="*/ 548 h 616"/>
                  <a:gd name="T48" fmla="*/ 109 w 378"/>
                  <a:gd name="T49" fmla="*/ 539 h 616"/>
                  <a:gd name="T50" fmla="*/ 103 w 378"/>
                  <a:gd name="T51" fmla="*/ 538 h 616"/>
                  <a:gd name="T52" fmla="*/ 378 w 378"/>
                  <a:gd name="T53" fmla="*/ 489 h 616"/>
                  <a:gd name="T54" fmla="*/ 361 w 378"/>
                  <a:gd name="T55" fmla="*/ 455 h 616"/>
                  <a:gd name="T56" fmla="*/ 361 w 378"/>
                  <a:gd name="T57" fmla="*/ 445 h 616"/>
                  <a:gd name="T58" fmla="*/ 361 w 378"/>
                  <a:gd name="T59" fmla="*/ 431 h 616"/>
                  <a:gd name="T60" fmla="*/ 359 w 378"/>
                  <a:gd name="T61" fmla="*/ 421 h 616"/>
                  <a:gd name="T62" fmla="*/ 354 w 378"/>
                  <a:gd name="T63" fmla="*/ 413 h 616"/>
                  <a:gd name="T64" fmla="*/ 349 w 378"/>
                  <a:gd name="T65" fmla="*/ 399 h 616"/>
                  <a:gd name="T66" fmla="*/ 349 w 378"/>
                  <a:gd name="T67" fmla="*/ 385 h 616"/>
                  <a:gd name="T68" fmla="*/ 351 w 378"/>
                  <a:gd name="T69" fmla="*/ 377 h 616"/>
                  <a:gd name="T70" fmla="*/ 351 w 378"/>
                  <a:gd name="T71" fmla="*/ 367 h 616"/>
                  <a:gd name="T72" fmla="*/ 351 w 378"/>
                  <a:gd name="T73" fmla="*/ 355 h 616"/>
                  <a:gd name="T74" fmla="*/ 352 w 378"/>
                  <a:gd name="T75" fmla="*/ 348 h 616"/>
                  <a:gd name="T76" fmla="*/ 354 w 378"/>
                  <a:gd name="T77" fmla="*/ 345 h 616"/>
                  <a:gd name="T78" fmla="*/ 361 w 378"/>
                  <a:gd name="T79" fmla="*/ 336 h 616"/>
                  <a:gd name="T80" fmla="*/ 364 w 378"/>
                  <a:gd name="T81" fmla="*/ 328 h 616"/>
                  <a:gd name="T82" fmla="*/ 361 w 378"/>
                  <a:gd name="T83" fmla="*/ 323 h 616"/>
                  <a:gd name="T84" fmla="*/ 357 w 378"/>
                  <a:gd name="T85" fmla="*/ 321 h 616"/>
                  <a:gd name="T86" fmla="*/ 356 w 378"/>
                  <a:gd name="T87" fmla="*/ 314 h 616"/>
                  <a:gd name="T88" fmla="*/ 352 w 378"/>
                  <a:gd name="T89" fmla="*/ 304 h 616"/>
                  <a:gd name="T90" fmla="*/ 349 w 378"/>
                  <a:gd name="T91" fmla="*/ 297 h 616"/>
                  <a:gd name="T92" fmla="*/ 347 w 378"/>
                  <a:gd name="T93" fmla="*/ 296 h 616"/>
                  <a:gd name="T94" fmla="*/ 329 w 378"/>
                  <a:gd name="T95" fmla="*/ 257 h 616"/>
                  <a:gd name="T96" fmla="*/ 257 w 378"/>
                  <a:gd name="T97" fmla="*/ 0 h 616"/>
                  <a:gd name="T98" fmla="*/ 0 w 378"/>
                  <a:gd name="T99" fmla="*/ 414 h 616"/>
                  <a:gd name="T100" fmla="*/ 44 w 378"/>
                  <a:gd name="T101" fmla="*/ 599 h 61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w 378"/>
                  <a:gd name="T154" fmla="*/ 0 h 616"/>
                  <a:gd name="T155" fmla="*/ 378 w 378"/>
                  <a:gd name="T156" fmla="*/ 616 h 616"/>
                </a:gdLst>
                <a:ahLst/>
                <a:cxnLst>
                  <a:cxn ang="T102">
                    <a:pos x="T0" y="T1"/>
                  </a:cxn>
                  <a:cxn ang="T103">
                    <a:pos x="T2" y="T3"/>
                  </a:cxn>
                  <a:cxn ang="T104">
                    <a:pos x="T4" y="T5"/>
                  </a:cxn>
                  <a:cxn ang="T105">
                    <a:pos x="T6" y="T7"/>
                  </a:cxn>
                  <a:cxn ang="T106">
                    <a:pos x="T8" y="T9"/>
                  </a:cxn>
                  <a:cxn ang="T107">
                    <a:pos x="T10" y="T11"/>
                  </a:cxn>
                  <a:cxn ang="T108">
                    <a:pos x="T12" y="T13"/>
                  </a:cxn>
                  <a:cxn ang="T109">
                    <a:pos x="T14" y="T15"/>
                  </a:cxn>
                  <a:cxn ang="T110">
                    <a:pos x="T16" y="T17"/>
                  </a:cxn>
                  <a:cxn ang="T111">
                    <a:pos x="T18" y="T19"/>
                  </a:cxn>
                  <a:cxn ang="T112">
                    <a:pos x="T20" y="T21"/>
                  </a:cxn>
                  <a:cxn ang="T113">
                    <a:pos x="T22" y="T23"/>
                  </a:cxn>
                  <a:cxn ang="T114">
                    <a:pos x="T24" y="T25"/>
                  </a:cxn>
                  <a:cxn ang="T115">
                    <a:pos x="T26" y="T27"/>
                  </a:cxn>
                  <a:cxn ang="T116">
                    <a:pos x="T28" y="T29"/>
                  </a:cxn>
                  <a:cxn ang="T117">
                    <a:pos x="T30" y="T31"/>
                  </a:cxn>
                  <a:cxn ang="T118">
                    <a:pos x="T32" y="T33"/>
                  </a:cxn>
                  <a:cxn ang="T119">
                    <a:pos x="T34" y="T35"/>
                  </a:cxn>
                  <a:cxn ang="T120">
                    <a:pos x="T36" y="T37"/>
                  </a:cxn>
                  <a:cxn ang="T121">
                    <a:pos x="T38" y="T39"/>
                  </a:cxn>
                  <a:cxn ang="T122">
                    <a:pos x="T40" y="T41"/>
                  </a:cxn>
                  <a:cxn ang="T123">
                    <a:pos x="T42" y="T43"/>
                  </a:cxn>
                  <a:cxn ang="T124">
                    <a:pos x="T44" y="T45"/>
                  </a:cxn>
                  <a:cxn ang="T125">
                    <a:pos x="T46" y="T47"/>
                  </a:cxn>
                  <a:cxn ang="T126">
                    <a:pos x="T48" y="T49"/>
                  </a:cxn>
                  <a:cxn ang="T127">
                    <a:pos x="T50" y="T51"/>
                  </a:cxn>
                  <a:cxn ang="T128">
                    <a:pos x="T52" y="T53"/>
                  </a:cxn>
                  <a:cxn ang="T129">
                    <a:pos x="T54" y="T55"/>
                  </a:cxn>
                  <a:cxn ang="T130">
                    <a:pos x="T56" y="T57"/>
                  </a:cxn>
                  <a:cxn ang="T131">
                    <a:pos x="T58" y="T59"/>
                  </a:cxn>
                  <a:cxn ang="T132">
                    <a:pos x="T60" y="T61"/>
                  </a:cxn>
                  <a:cxn ang="T133">
                    <a:pos x="T62" y="T63"/>
                  </a:cxn>
                  <a:cxn ang="T134">
                    <a:pos x="T64" y="T65"/>
                  </a:cxn>
                  <a:cxn ang="T135">
                    <a:pos x="T66" y="T67"/>
                  </a:cxn>
                  <a:cxn ang="T136">
                    <a:pos x="T68" y="T69"/>
                  </a:cxn>
                  <a:cxn ang="T137">
                    <a:pos x="T70" y="T71"/>
                  </a:cxn>
                  <a:cxn ang="T138">
                    <a:pos x="T72" y="T73"/>
                  </a:cxn>
                  <a:cxn ang="T139">
                    <a:pos x="T74" y="T75"/>
                  </a:cxn>
                  <a:cxn ang="T140">
                    <a:pos x="T76" y="T77"/>
                  </a:cxn>
                  <a:cxn ang="T141">
                    <a:pos x="T78" y="T79"/>
                  </a:cxn>
                  <a:cxn ang="T142">
                    <a:pos x="T80" y="T81"/>
                  </a:cxn>
                  <a:cxn ang="T143">
                    <a:pos x="T82" y="T83"/>
                  </a:cxn>
                  <a:cxn ang="T144">
                    <a:pos x="T84" y="T85"/>
                  </a:cxn>
                  <a:cxn ang="T145">
                    <a:pos x="T86" y="T87"/>
                  </a:cxn>
                  <a:cxn ang="T146">
                    <a:pos x="T88" y="T89"/>
                  </a:cxn>
                  <a:cxn ang="T147">
                    <a:pos x="T90" y="T91"/>
                  </a:cxn>
                  <a:cxn ang="T148">
                    <a:pos x="T92" y="T93"/>
                  </a:cxn>
                  <a:cxn ang="T149">
                    <a:pos x="T94" y="T95"/>
                  </a:cxn>
                  <a:cxn ang="T150">
                    <a:pos x="T96" y="T97"/>
                  </a:cxn>
                  <a:cxn ang="T151">
                    <a:pos x="T98" y="T99"/>
                  </a:cxn>
                  <a:cxn ang="T152">
                    <a:pos x="T100" y="T101"/>
                  </a:cxn>
                </a:cxnLst>
                <a:rect l="T153" t="T154" r="T155" b="T156"/>
                <a:pathLst>
                  <a:path w="378" h="616">
                    <a:moveTo>
                      <a:pt x="44" y="599"/>
                    </a:moveTo>
                    <a:lnTo>
                      <a:pt x="51" y="607"/>
                    </a:lnTo>
                    <a:lnTo>
                      <a:pt x="58" y="600"/>
                    </a:lnTo>
                    <a:lnTo>
                      <a:pt x="54" y="592"/>
                    </a:lnTo>
                    <a:lnTo>
                      <a:pt x="61" y="550"/>
                    </a:lnTo>
                    <a:lnTo>
                      <a:pt x="75" y="548"/>
                    </a:lnTo>
                    <a:lnTo>
                      <a:pt x="73" y="587"/>
                    </a:lnTo>
                    <a:lnTo>
                      <a:pt x="97" y="605"/>
                    </a:lnTo>
                    <a:lnTo>
                      <a:pt x="95" y="605"/>
                    </a:lnTo>
                    <a:lnTo>
                      <a:pt x="92" y="607"/>
                    </a:lnTo>
                    <a:lnTo>
                      <a:pt x="87" y="609"/>
                    </a:lnTo>
                    <a:lnTo>
                      <a:pt x="81" y="611"/>
                    </a:lnTo>
                    <a:lnTo>
                      <a:pt x="76" y="612"/>
                    </a:lnTo>
                    <a:lnTo>
                      <a:pt x="73" y="614"/>
                    </a:lnTo>
                    <a:lnTo>
                      <a:pt x="70" y="616"/>
                    </a:lnTo>
                    <a:lnTo>
                      <a:pt x="76" y="616"/>
                    </a:lnTo>
                    <a:lnTo>
                      <a:pt x="83" y="614"/>
                    </a:lnTo>
                    <a:lnTo>
                      <a:pt x="92" y="612"/>
                    </a:lnTo>
                    <a:lnTo>
                      <a:pt x="98" y="611"/>
                    </a:lnTo>
                    <a:lnTo>
                      <a:pt x="105" y="609"/>
                    </a:lnTo>
                    <a:lnTo>
                      <a:pt x="110" y="607"/>
                    </a:lnTo>
                    <a:lnTo>
                      <a:pt x="114" y="607"/>
                    </a:lnTo>
                    <a:lnTo>
                      <a:pt x="115" y="607"/>
                    </a:lnTo>
                    <a:lnTo>
                      <a:pt x="115" y="605"/>
                    </a:lnTo>
                    <a:lnTo>
                      <a:pt x="114" y="604"/>
                    </a:lnTo>
                    <a:lnTo>
                      <a:pt x="112" y="602"/>
                    </a:lnTo>
                    <a:lnTo>
                      <a:pt x="112" y="600"/>
                    </a:lnTo>
                    <a:lnTo>
                      <a:pt x="117" y="595"/>
                    </a:lnTo>
                    <a:lnTo>
                      <a:pt x="122" y="590"/>
                    </a:lnTo>
                    <a:lnTo>
                      <a:pt x="124" y="587"/>
                    </a:lnTo>
                    <a:lnTo>
                      <a:pt x="125" y="585"/>
                    </a:lnTo>
                    <a:lnTo>
                      <a:pt x="125" y="583"/>
                    </a:lnTo>
                    <a:lnTo>
                      <a:pt x="125" y="582"/>
                    </a:lnTo>
                    <a:lnTo>
                      <a:pt x="125" y="580"/>
                    </a:lnTo>
                    <a:lnTo>
                      <a:pt x="125" y="578"/>
                    </a:lnTo>
                    <a:lnTo>
                      <a:pt x="125" y="577"/>
                    </a:lnTo>
                    <a:lnTo>
                      <a:pt x="124" y="573"/>
                    </a:lnTo>
                    <a:lnTo>
                      <a:pt x="124" y="572"/>
                    </a:lnTo>
                    <a:lnTo>
                      <a:pt x="124" y="570"/>
                    </a:lnTo>
                    <a:lnTo>
                      <a:pt x="127" y="565"/>
                    </a:lnTo>
                    <a:lnTo>
                      <a:pt x="127" y="558"/>
                    </a:lnTo>
                    <a:lnTo>
                      <a:pt x="124" y="553"/>
                    </a:lnTo>
                    <a:lnTo>
                      <a:pt x="119" y="548"/>
                    </a:lnTo>
                    <a:lnTo>
                      <a:pt x="114" y="545"/>
                    </a:lnTo>
                    <a:lnTo>
                      <a:pt x="109" y="539"/>
                    </a:lnTo>
                    <a:lnTo>
                      <a:pt x="105" y="538"/>
                    </a:lnTo>
                    <a:lnTo>
                      <a:pt x="103" y="538"/>
                    </a:lnTo>
                    <a:lnTo>
                      <a:pt x="102" y="516"/>
                    </a:lnTo>
                    <a:lnTo>
                      <a:pt x="378" y="489"/>
                    </a:lnTo>
                    <a:lnTo>
                      <a:pt x="361" y="457"/>
                    </a:lnTo>
                    <a:lnTo>
                      <a:pt x="361" y="455"/>
                    </a:lnTo>
                    <a:lnTo>
                      <a:pt x="361" y="450"/>
                    </a:lnTo>
                    <a:lnTo>
                      <a:pt x="361" y="445"/>
                    </a:lnTo>
                    <a:lnTo>
                      <a:pt x="361" y="438"/>
                    </a:lnTo>
                    <a:lnTo>
                      <a:pt x="361" y="431"/>
                    </a:lnTo>
                    <a:lnTo>
                      <a:pt x="359" y="424"/>
                    </a:lnTo>
                    <a:lnTo>
                      <a:pt x="359" y="421"/>
                    </a:lnTo>
                    <a:lnTo>
                      <a:pt x="359" y="418"/>
                    </a:lnTo>
                    <a:lnTo>
                      <a:pt x="354" y="413"/>
                    </a:lnTo>
                    <a:lnTo>
                      <a:pt x="351" y="406"/>
                    </a:lnTo>
                    <a:lnTo>
                      <a:pt x="349" y="399"/>
                    </a:lnTo>
                    <a:lnTo>
                      <a:pt x="349" y="391"/>
                    </a:lnTo>
                    <a:lnTo>
                      <a:pt x="349" y="385"/>
                    </a:lnTo>
                    <a:lnTo>
                      <a:pt x="349" y="380"/>
                    </a:lnTo>
                    <a:lnTo>
                      <a:pt x="351" y="377"/>
                    </a:lnTo>
                    <a:lnTo>
                      <a:pt x="351" y="374"/>
                    </a:lnTo>
                    <a:lnTo>
                      <a:pt x="351" y="367"/>
                    </a:lnTo>
                    <a:lnTo>
                      <a:pt x="351" y="360"/>
                    </a:lnTo>
                    <a:lnTo>
                      <a:pt x="351" y="355"/>
                    </a:lnTo>
                    <a:lnTo>
                      <a:pt x="352" y="350"/>
                    </a:lnTo>
                    <a:lnTo>
                      <a:pt x="352" y="348"/>
                    </a:lnTo>
                    <a:lnTo>
                      <a:pt x="352" y="345"/>
                    </a:lnTo>
                    <a:lnTo>
                      <a:pt x="354" y="345"/>
                    </a:lnTo>
                    <a:lnTo>
                      <a:pt x="354" y="343"/>
                    </a:lnTo>
                    <a:lnTo>
                      <a:pt x="361" y="336"/>
                    </a:lnTo>
                    <a:lnTo>
                      <a:pt x="364" y="331"/>
                    </a:lnTo>
                    <a:lnTo>
                      <a:pt x="364" y="328"/>
                    </a:lnTo>
                    <a:lnTo>
                      <a:pt x="364" y="325"/>
                    </a:lnTo>
                    <a:lnTo>
                      <a:pt x="361" y="323"/>
                    </a:lnTo>
                    <a:lnTo>
                      <a:pt x="359" y="323"/>
                    </a:lnTo>
                    <a:lnTo>
                      <a:pt x="357" y="321"/>
                    </a:lnTo>
                    <a:lnTo>
                      <a:pt x="356" y="319"/>
                    </a:lnTo>
                    <a:lnTo>
                      <a:pt x="356" y="314"/>
                    </a:lnTo>
                    <a:lnTo>
                      <a:pt x="356" y="308"/>
                    </a:lnTo>
                    <a:lnTo>
                      <a:pt x="352" y="304"/>
                    </a:lnTo>
                    <a:lnTo>
                      <a:pt x="351" y="301"/>
                    </a:lnTo>
                    <a:lnTo>
                      <a:pt x="349" y="297"/>
                    </a:lnTo>
                    <a:lnTo>
                      <a:pt x="347" y="296"/>
                    </a:lnTo>
                    <a:lnTo>
                      <a:pt x="345" y="294"/>
                    </a:lnTo>
                    <a:lnTo>
                      <a:pt x="329" y="257"/>
                    </a:lnTo>
                    <a:lnTo>
                      <a:pt x="256" y="0"/>
                    </a:lnTo>
                    <a:lnTo>
                      <a:pt x="257" y="0"/>
                    </a:lnTo>
                    <a:lnTo>
                      <a:pt x="5" y="22"/>
                    </a:lnTo>
                    <a:lnTo>
                      <a:pt x="0" y="414"/>
                    </a:lnTo>
                    <a:lnTo>
                      <a:pt x="24" y="599"/>
                    </a:lnTo>
                    <a:lnTo>
                      <a:pt x="44" y="59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34" name="Freeform 179"/>
              <p:cNvSpPr>
                <a:spLocks/>
              </p:cNvSpPr>
              <p:nvPr/>
            </p:nvSpPr>
            <p:spPr bwMode="auto">
              <a:xfrm>
                <a:off x="3720" y="2429"/>
                <a:ext cx="378" cy="616"/>
              </a:xfrm>
              <a:custGeom>
                <a:avLst/>
                <a:gdLst>
                  <a:gd name="T0" fmla="*/ 51 w 378"/>
                  <a:gd name="T1" fmla="*/ 607 h 616"/>
                  <a:gd name="T2" fmla="*/ 54 w 378"/>
                  <a:gd name="T3" fmla="*/ 592 h 616"/>
                  <a:gd name="T4" fmla="*/ 75 w 378"/>
                  <a:gd name="T5" fmla="*/ 548 h 616"/>
                  <a:gd name="T6" fmla="*/ 97 w 378"/>
                  <a:gd name="T7" fmla="*/ 605 h 616"/>
                  <a:gd name="T8" fmla="*/ 95 w 378"/>
                  <a:gd name="T9" fmla="*/ 605 h 616"/>
                  <a:gd name="T10" fmla="*/ 87 w 378"/>
                  <a:gd name="T11" fmla="*/ 609 h 616"/>
                  <a:gd name="T12" fmla="*/ 76 w 378"/>
                  <a:gd name="T13" fmla="*/ 612 h 616"/>
                  <a:gd name="T14" fmla="*/ 70 w 378"/>
                  <a:gd name="T15" fmla="*/ 616 h 616"/>
                  <a:gd name="T16" fmla="*/ 70 w 378"/>
                  <a:gd name="T17" fmla="*/ 616 h 616"/>
                  <a:gd name="T18" fmla="*/ 83 w 378"/>
                  <a:gd name="T19" fmla="*/ 614 h 616"/>
                  <a:gd name="T20" fmla="*/ 98 w 378"/>
                  <a:gd name="T21" fmla="*/ 611 h 616"/>
                  <a:gd name="T22" fmla="*/ 110 w 378"/>
                  <a:gd name="T23" fmla="*/ 607 h 616"/>
                  <a:gd name="T24" fmla="*/ 115 w 378"/>
                  <a:gd name="T25" fmla="*/ 607 h 616"/>
                  <a:gd name="T26" fmla="*/ 115 w 378"/>
                  <a:gd name="T27" fmla="*/ 605 h 616"/>
                  <a:gd name="T28" fmla="*/ 112 w 378"/>
                  <a:gd name="T29" fmla="*/ 602 h 616"/>
                  <a:gd name="T30" fmla="*/ 112 w 378"/>
                  <a:gd name="T31" fmla="*/ 600 h 616"/>
                  <a:gd name="T32" fmla="*/ 122 w 378"/>
                  <a:gd name="T33" fmla="*/ 590 h 616"/>
                  <a:gd name="T34" fmla="*/ 125 w 378"/>
                  <a:gd name="T35" fmla="*/ 585 h 616"/>
                  <a:gd name="T36" fmla="*/ 125 w 378"/>
                  <a:gd name="T37" fmla="*/ 582 h 616"/>
                  <a:gd name="T38" fmla="*/ 125 w 378"/>
                  <a:gd name="T39" fmla="*/ 582 h 616"/>
                  <a:gd name="T40" fmla="*/ 125 w 378"/>
                  <a:gd name="T41" fmla="*/ 582 h 616"/>
                  <a:gd name="T42" fmla="*/ 125 w 378"/>
                  <a:gd name="T43" fmla="*/ 578 h 616"/>
                  <a:gd name="T44" fmla="*/ 124 w 378"/>
                  <a:gd name="T45" fmla="*/ 573 h 616"/>
                  <a:gd name="T46" fmla="*/ 124 w 378"/>
                  <a:gd name="T47" fmla="*/ 570 h 616"/>
                  <a:gd name="T48" fmla="*/ 124 w 378"/>
                  <a:gd name="T49" fmla="*/ 570 h 616"/>
                  <a:gd name="T50" fmla="*/ 127 w 378"/>
                  <a:gd name="T51" fmla="*/ 558 h 616"/>
                  <a:gd name="T52" fmla="*/ 119 w 378"/>
                  <a:gd name="T53" fmla="*/ 548 h 616"/>
                  <a:gd name="T54" fmla="*/ 109 w 378"/>
                  <a:gd name="T55" fmla="*/ 539 h 616"/>
                  <a:gd name="T56" fmla="*/ 103 w 378"/>
                  <a:gd name="T57" fmla="*/ 538 h 616"/>
                  <a:gd name="T58" fmla="*/ 378 w 378"/>
                  <a:gd name="T59" fmla="*/ 489 h 616"/>
                  <a:gd name="T60" fmla="*/ 361 w 378"/>
                  <a:gd name="T61" fmla="*/ 457 h 616"/>
                  <a:gd name="T62" fmla="*/ 361 w 378"/>
                  <a:gd name="T63" fmla="*/ 450 h 616"/>
                  <a:gd name="T64" fmla="*/ 361 w 378"/>
                  <a:gd name="T65" fmla="*/ 438 h 616"/>
                  <a:gd name="T66" fmla="*/ 359 w 378"/>
                  <a:gd name="T67" fmla="*/ 424 h 616"/>
                  <a:gd name="T68" fmla="*/ 359 w 378"/>
                  <a:gd name="T69" fmla="*/ 418 h 616"/>
                  <a:gd name="T70" fmla="*/ 354 w 378"/>
                  <a:gd name="T71" fmla="*/ 413 h 616"/>
                  <a:gd name="T72" fmla="*/ 349 w 378"/>
                  <a:gd name="T73" fmla="*/ 399 h 616"/>
                  <a:gd name="T74" fmla="*/ 349 w 378"/>
                  <a:gd name="T75" fmla="*/ 385 h 616"/>
                  <a:gd name="T76" fmla="*/ 351 w 378"/>
                  <a:gd name="T77" fmla="*/ 377 h 616"/>
                  <a:gd name="T78" fmla="*/ 351 w 378"/>
                  <a:gd name="T79" fmla="*/ 374 h 616"/>
                  <a:gd name="T80" fmla="*/ 351 w 378"/>
                  <a:gd name="T81" fmla="*/ 360 h 616"/>
                  <a:gd name="T82" fmla="*/ 352 w 378"/>
                  <a:gd name="T83" fmla="*/ 350 h 616"/>
                  <a:gd name="T84" fmla="*/ 352 w 378"/>
                  <a:gd name="T85" fmla="*/ 345 h 616"/>
                  <a:gd name="T86" fmla="*/ 354 w 378"/>
                  <a:gd name="T87" fmla="*/ 343 h 616"/>
                  <a:gd name="T88" fmla="*/ 361 w 378"/>
                  <a:gd name="T89" fmla="*/ 336 h 616"/>
                  <a:gd name="T90" fmla="*/ 364 w 378"/>
                  <a:gd name="T91" fmla="*/ 328 h 616"/>
                  <a:gd name="T92" fmla="*/ 361 w 378"/>
                  <a:gd name="T93" fmla="*/ 323 h 616"/>
                  <a:gd name="T94" fmla="*/ 357 w 378"/>
                  <a:gd name="T95" fmla="*/ 321 h 616"/>
                  <a:gd name="T96" fmla="*/ 356 w 378"/>
                  <a:gd name="T97" fmla="*/ 319 h 616"/>
                  <a:gd name="T98" fmla="*/ 356 w 378"/>
                  <a:gd name="T99" fmla="*/ 308 h 616"/>
                  <a:gd name="T100" fmla="*/ 351 w 378"/>
                  <a:gd name="T101" fmla="*/ 301 h 616"/>
                  <a:gd name="T102" fmla="*/ 347 w 378"/>
                  <a:gd name="T103" fmla="*/ 296 h 616"/>
                  <a:gd name="T104" fmla="*/ 345 w 378"/>
                  <a:gd name="T105" fmla="*/ 294 h 616"/>
                  <a:gd name="T106" fmla="*/ 256 w 378"/>
                  <a:gd name="T107" fmla="*/ 0 h 616"/>
                  <a:gd name="T108" fmla="*/ 5 w 378"/>
                  <a:gd name="T109" fmla="*/ 22 h 616"/>
                  <a:gd name="T110" fmla="*/ 24 w 378"/>
                  <a:gd name="T111" fmla="*/ 599 h 61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378"/>
                  <a:gd name="T169" fmla="*/ 0 h 616"/>
                  <a:gd name="T170" fmla="*/ 378 w 378"/>
                  <a:gd name="T171" fmla="*/ 616 h 616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378" h="616">
                    <a:moveTo>
                      <a:pt x="44" y="599"/>
                    </a:moveTo>
                    <a:lnTo>
                      <a:pt x="51" y="607"/>
                    </a:lnTo>
                    <a:lnTo>
                      <a:pt x="58" y="600"/>
                    </a:lnTo>
                    <a:lnTo>
                      <a:pt x="54" y="592"/>
                    </a:lnTo>
                    <a:lnTo>
                      <a:pt x="61" y="550"/>
                    </a:lnTo>
                    <a:lnTo>
                      <a:pt x="75" y="548"/>
                    </a:lnTo>
                    <a:lnTo>
                      <a:pt x="73" y="587"/>
                    </a:lnTo>
                    <a:lnTo>
                      <a:pt x="97" y="605"/>
                    </a:lnTo>
                    <a:lnTo>
                      <a:pt x="95" y="605"/>
                    </a:lnTo>
                    <a:lnTo>
                      <a:pt x="92" y="607"/>
                    </a:lnTo>
                    <a:lnTo>
                      <a:pt x="87" y="609"/>
                    </a:lnTo>
                    <a:lnTo>
                      <a:pt x="81" y="611"/>
                    </a:lnTo>
                    <a:lnTo>
                      <a:pt x="76" y="612"/>
                    </a:lnTo>
                    <a:lnTo>
                      <a:pt x="73" y="614"/>
                    </a:lnTo>
                    <a:lnTo>
                      <a:pt x="70" y="616"/>
                    </a:lnTo>
                    <a:lnTo>
                      <a:pt x="76" y="616"/>
                    </a:lnTo>
                    <a:lnTo>
                      <a:pt x="83" y="614"/>
                    </a:lnTo>
                    <a:lnTo>
                      <a:pt x="92" y="612"/>
                    </a:lnTo>
                    <a:lnTo>
                      <a:pt x="98" y="611"/>
                    </a:lnTo>
                    <a:lnTo>
                      <a:pt x="105" y="609"/>
                    </a:lnTo>
                    <a:lnTo>
                      <a:pt x="110" y="607"/>
                    </a:lnTo>
                    <a:lnTo>
                      <a:pt x="114" y="607"/>
                    </a:lnTo>
                    <a:lnTo>
                      <a:pt x="115" y="607"/>
                    </a:lnTo>
                    <a:lnTo>
                      <a:pt x="115" y="605"/>
                    </a:lnTo>
                    <a:lnTo>
                      <a:pt x="114" y="604"/>
                    </a:lnTo>
                    <a:lnTo>
                      <a:pt x="112" y="602"/>
                    </a:lnTo>
                    <a:lnTo>
                      <a:pt x="112" y="600"/>
                    </a:lnTo>
                    <a:lnTo>
                      <a:pt x="117" y="595"/>
                    </a:lnTo>
                    <a:lnTo>
                      <a:pt x="122" y="590"/>
                    </a:lnTo>
                    <a:lnTo>
                      <a:pt x="124" y="587"/>
                    </a:lnTo>
                    <a:lnTo>
                      <a:pt x="125" y="585"/>
                    </a:lnTo>
                    <a:lnTo>
                      <a:pt x="125" y="583"/>
                    </a:lnTo>
                    <a:lnTo>
                      <a:pt x="125" y="582"/>
                    </a:lnTo>
                    <a:lnTo>
                      <a:pt x="125" y="580"/>
                    </a:lnTo>
                    <a:lnTo>
                      <a:pt x="125" y="578"/>
                    </a:lnTo>
                    <a:lnTo>
                      <a:pt x="125" y="577"/>
                    </a:lnTo>
                    <a:lnTo>
                      <a:pt x="124" y="573"/>
                    </a:lnTo>
                    <a:lnTo>
                      <a:pt x="124" y="572"/>
                    </a:lnTo>
                    <a:lnTo>
                      <a:pt x="124" y="570"/>
                    </a:lnTo>
                    <a:lnTo>
                      <a:pt x="127" y="565"/>
                    </a:lnTo>
                    <a:lnTo>
                      <a:pt x="127" y="558"/>
                    </a:lnTo>
                    <a:lnTo>
                      <a:pt x="124" y="553"/>
                    </a:lnTo>
                    <a:lnTo>
                      <a:pt x="119" y="548"/>
                    </a:lnTo>
                    <a:lnTo>
                      <a:pt x="114" y="545"/>
                    </a:lnTo>
                    <a:lnTo>
                      <a:pt x="109" y="539"/>
                    </a:lnTo>
                    <a:lnTo>
                      <a:pt x="105" y="538"/>
                    </a:lnTo>
                    <a:lnTo>
                      <a:pt x="103" y="538"/>
                    </a:lnTo>
                    <a:lnTo>
                      <a:pt x="102" y="516"/>
                    </a:lnTo>
                    <a:lnTo>
                      <a:pt x="378" y="489"/>
                    </a:lnTo>
                    <a:lnTo>
                      <a:pt x="361" y="457"/>
                    </a:lnTo>
                    <a:lnTo>
                      <a:pt x="361" y="455"/>
                    </a:lnTo>
                    <a:lnTo>
                      <a:pt x="361" y="450"/>
                    </a:lnTo>
                    <a:lnTo>
                      <a:pt x="361" y="445"/>
                    </a:lnTo>
                    <a:lnTo>
                      <a:pt x="361" y="438"/>
                    </a:lnTo>
                    <a:lnTo>
                      <a:pt x="361" y="431"/>
                    </a:lnTo>
                    <a:lnTo>
                      <a:pt x="359" y="424"/>
                    </a:lnTo>
                    <a:lnTo>
                      <a:pt x="359" y="421"/>
                    </a:lnTo>
                    <a:lnTo>
                      <a:pt x="359" y="418"/>
                    </a:lnTo>
                    <a:lnTo>
                      <a:pt x="354" y="413"/>
                    </a:lnTo>
                    <a:lnTo>
                      <a:pt x="351" y="406"/>
                    </a:lnTo>
                    <a:lnTo>
                      <a:pt x="349" y="399"/>
                    </a:lnTo>
                    <a:lnTo>
                      <a:pt x="349" y="391"/>
                    </a:lnTo>
                    <a:lnTo>
                      <a:pt x="349" y="385"/>
                    </a:lnTo>
                    <a:lnTo>
                      <a:pt x="349" y="380"/>
                    </a:lnTo>
                    <a:lnTo>
                      <a:pt x="351" y="377"/>
                    </a:lnTo>
                    <a:lnTo>
                      <a:pt x="351" y="374"/>
                    </a:lnTo>
                    <a:lnTo>
                      <a:pt x="351" y="367"/>
                    </a:lnTo>
                    <a:lnTo>
                      <a:pt x="351" y="360"/>
                    </a:lnTo>
                    <a:lnTo>
                      <a:pt x="351" y="355"/>
                    </a:lnTo>
                    <a:lnTo>
                      <a:pt x="352" y="350"/>
                    </a:lnTo>
                    <a:lnTo>
                      <a:pt x="352" y="348"/>
                    </a:lnTo>
                    <a:lnTo>
                      <a:pt x="352" y="345"/>
                    </a:lnTo>
                    <a:lnTo>
                      <a:pt x="354" y="345"/>
                    </a:lnTo>
                    <a:lnTo>
                      <a:pt x="354" y="343"/>
                    </a:lnTo>
                    <a:lnTo>
                      <a:pt x="361" y="336"/>
                    </a:lnTo>
                    <a:lnTo>
                      <a:pt x="364" y="331"/>
                    </a:lnTo>
                    <a:lnTo>
                      <a:pt x="364" y="328"/>
                    </a:lnTo>
                    <a:lnTo>
                      <a:pt x="364" y="325"/>
                    </a:lnTo>
                    <a:lnTo>
                      <a:pt x="361" y="323"/>
                    </a:lnTo>
                    <a:lnTo>
                      <a:pt x="359" y="323"/>
                    </a:lnTo>
                    <a:lnTo>
                      <a:pt x="357" y="321"/>
                    </a:lnTo>
                    <a:lnTo>
                      <a:pt x="356" y="319"/>
                    </a:lnTo>
                    <a:lnTo>
                      <a:pt x="356" y="314"/>
                    </a:lnTo>
                    <a:lnTo>
                      <a:pt x="356" y="308"/>
                    </a:lnTo>
                    <a:lnTo>
                      <a:pt x="352" y="304"/>
                    </a:lnTo>
                    <a:lnTo>
                      <a:pt x="351" y="301"/>
                    </a:lnTo>
                    <a:lnTo>
                      <a:pt x="349" y="297"/>
                    </a:lnTo>
                    <a:lnTo>
                      <a:pt x="347" y="296"/>
                    </a:lnTo>
                    <a:lnTo>
                      <a:pt x="345" y="294"/>
                    </a:lnTo>
                    <a:lnTo>
                      <a:pt x="329" y="257"/>
                    </a:lnTo>
                    <a:lnTo>
                      <a:pt x="256" y="0"/>
                    </a:lnTo>
                    <a:lnTo>
                      <a:pt x="257" y="0"/>
                    </a:lnTo>
                    <a:lnTo>
                      <a:pt x="5" y="22"/>
                    </a:lnTo>
                    <a:lnTo>
                      <a:pt x="0" y="414"/>
                    </a:lnTo>
                    <a:lnTo>
                      <a:pt x="24" y="599"/>
                    </a:lnTo>
                    <a:lnTo>
                      <a:pt x="44" y="599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422" name="Group 180"/>
            <p:cNvGrpSpPr>
              <a:grpSpLocks/>
            </p:cNvGrpSpPr>
            <p:nvPr/>
          </p:nvGrpSpPr>
          <p:grpSpPr bwMode="auto">
            <a:xfrm>
              <a:off x="3751" y="2759"/>
              <a:ext cx="502" cy="541"/>
              <a:chOff x="3976" y="2396"/>
              <a:chExt cx="516" cy="557"/>
            </a:xfrm>
          </p:grpSpPr>
          <p:sp>
            <p:nvSpPr>
              <p:cNvPr id="431" name="Freeform 181"/>
              <p:cNvSpPr>
                <a:spLocks/>
              </p:cNvSpPr>
              <p:nvPr/>
            </p:nvSpPr>
            <p:spPr bwMode="auto">
              <a:xfrm>
                <a:off x="3976" y="2396"/>
                <a:ext cx="516" cy="557"/>
              </a:xfrm>
              <a:custGeom>
                <a:avLst/>
                <a:gdLst>
                  <a:gd name="T0" fmla="*/ 490 w 516"/>
                  <a:gd name="T1" fmla="*/ 488 h 557"/>
                  <a:gd name="T2" fmla="*/ 490 w 516"/>
                  <a:gd name="T3" fmla="*/ 464 h 557"/>
                  <a:gd name="T4" fmla="*/ 487 w 516"/>
                  <a:gd name="T5" fmla="*/ 468 h 557"/>
                  <a:gd name="T6" fmla="*/ 485 w 516"/>
                  <a:gd name="T7" fmla="*/ 464 h 557"/>
                  <a:gd name="T8" fmla="*/ 480 w 516"/>
                  <a:gd name="T9" fmla="*/ 444 h 557"/>
                  <a:gd name="T10" fmla="*/ 489 w 516"/>
                  <a:gd name="T11" fmla="*/ 451 h 557"/>
                  <a:gd name="T12" fmla="*/ 485 w 516"/>
                  <a:gd name="T13" fmla="*/ 425 h 557"/>
                  <a:gd name="T14" fmla="*/ 494 w 516"/>
                  <a:gd name="T15" fmla="*/ 427 h 557"/>
                  <a:gd name="T16" fmla="*/ 497 w 516"/>
                  <a:gd name="T17" fmla="*/ 418 h 557"/>
                  <a:gd name="T18" fmla="*/ 497 w 516"/>
                  <a:gd name="T19" fmla="*/ 400 h 557"/>
                  <a:gd name="T20" fmla="*/ 504 w 516"/>
                  <a:gd name="T21" fmla="*/ 398 h 557"/>
                  <a:gd name="T22" fmla="*/ 507 w 516"/>
                  <a:gd name="T23" fmla="*/ 391 h 557"/>
                  <a:gd name="T24" fmla="*/ 499 w 516"/>
                  <a:gd name="T25" fmla="*/ 386 h 557"/>
                  <a:gd name="T26" fmla="*/ 499 w 516"/>
                  <a:gd name="T27" fmla="*/ 380 h 557"/>
                  <a:gd name="T28" fmla="*/ 501 w 516"/>
                  <a:gd name="T29" fmla="*/ 371 h 557"/>
                  <a:gd name="T30" fmla="*/ 506 w 516"/>
                  <a:gd name="T31" fmla="*/ 354 h 557"/>
                  <a:gd name="T32" fmla="*/ 509 w 516"/>
                  <a:gd name="T33" fmla="*/ 344 h 557"/>
                  <a:gd name="T34" fmla="*/ 502 w 516"/>
                  <a:gd name="T35" fmla="*/ 324 h 557"/>
                  <a:gd name="T36" fmla="*/ 502 w 516"/>
                  <a:gd name="T37" fmla="*/ 319 h 557"/>
                  <a:gd name="T38" fmla="*/ 502 w 516"/>
                  <a:gd name="T39" fmla="*/ 312 h 557"/>
                  <a:gd name="T40" fmla="*/ 490 w 516"/>
                  <a:gd name="T41" fmla="*/ 280 h 557"/>
                  <a:gd name="T42" fmla="*/ 467 w 516"/>
                  <a:gd name="T43" fmla="*/ 259 h 557"/>
                  <a:gd name="T44" fmla="*/ 453 w 516"/>
                  <a:gd name="T45" fmla="*/ 224 h 557"/>
                  <a:gd name="T46" fmla="*/ 430 w 516"/>
                  <a:gd name="T47" fmla="*/ 212 h 557"/>
                  <a:gd name="T48" fmla="*/ 419 w 516"/>
                  <a:gd name="T49" fmla="*/ 204 h 557"/>
                  <a:gd name="T50" fmla="*/ 402 w 516"/>
                  <a:gd name="T51" fmla="*/ 187 h 557"/>
                  <a:gd name="T52" fmla="*/ 389 w 516"/>
                  <a:gd name="T53" fmla="*/ 163 h 557"/>
                  <a:gd name="T54" fmla="*/ 374 w 516"/>
                  <a:gd name="T55" fmla="*/ 160 h 557"/>
                  <a:gd name="T56" fmla="*/ 367 w 516"/>
                  <a:gd name="T57" fmla="*/ 153 h 557"/>
                  <a:gd name="T58" fmla="*/ 355 w 516"/>
                  <a:gd name="T59" fmla="*/ 134 h 557"/>
                  <a:gd name="T60" fmla="*/ 343 w 516"/>
                  <a:gd name="T61" fmla="*/ 132 h 557"/>
                  <a:gd name="T62" fmla="*/ 328 w 516"/>
                  <a:gd name="T63" fmla="*/ 124 h 557"/>
                  <a:gd name="T64" fmla="*/ 318 w 516"/>
                  <a:gd name="T65" fmla="*/ 107 h 557"/>
                  <a:gd name="T66" fmla="*/ 301 w 516"/>
                  <a:gd name="T67" fmla="*/ 88 h 557"/>
                  <a:gd name="T68" fmla="*/ 287 w 516"/>
                  <a:gd name="T69" fmla="*/ 65 h 557"/>
                  <a:gd name="T70" fmla="*/ 282 w 516"/>
                  <a:gd name="T71" fmla="*/ 61 h 557"/>
                  <a:gd name="T72" fmla="*/ 262 w 516"/>
                  <a:gd name="T73" fmla="*/ 56 h 557"/>
                  <a:gd name="T74" fmla="*/ 252 w 516"/>
                  <a:gd name="T75" fmla="*/ 50 h 557"/>
                  <a:gd name="T76" fmla="*/ 235 w 516"/>
                  <a:gd name="T77" fmla="*/ 34 h 557"/>
                  <a:gd name="T78" fmla="*/ 252 w 516"/>
                  <a:gd name="T79" fmla="*/ 2 h 557"/>
                  <a:gd name="T80" fmla="*/ 73 w 516"/>
                  <a:gd name="T81" fmla="*/ 290 h 557"/>
                  <a:gd name="T82" fmla="*/ 93 w 516"/>
                  <a:gd name="T83" fmla="*/ 330 h 557"/>
                  <a:gd name="T84" fmla="*/ 100 w 516"/>
                  <a:gd name="T85" fmla="*/ 347 h 557"/>
                  <a:gd name="T86" fmla="*/ 105 w 516"/>
                  <a:gd name="T87" fmla="*/ 356 h 557"/>
                  <a:gd name="T88" fmla="*/ 105 w 516"/>
                  <a:gd name="T89" fmla="*/ 369 h 557"/>
                  <a:gd name="T90" fmla="*/ 96 w 516"/>
                  <a:gd name="T91" fmla="*/ 381 h 557"/>
                  <a:gd name="T92" fmla="*/ 95 w 516"/>
                  <a:gd name="T93" fmla="*/ 400 h 557"/>
                  <a:gd name="T94" fmla="*/ 93 w 516"/>
                  <a:gd name="T95" fmla="*/ 418 h 557"/>
                  <a:gd name="T96" fmla="*/ 98 w 516"/>
                  <a:gd name="T97" fmla="*/ 446 h 557"/>
                  <a:gd name="T98" fmla="*/ 105 w 516"/>
                  <a:gd name="T99" fmla="*/ 464 h 557"/>
                  <a:gd name="T100" fmla="*/ 105 w 516"/>
                  <a:gd name="T101" fmla="*/ 488 h 557"/>
                  <a:gd name="T102" fmla="*/ 418 w 516"/>
                  <a:gd name="T103" fmla="*/ 535 h 557"/>
                  <a:gd name="T104" fmla="*/ 441 w 516"/>
                  <a:gd name="T105" fmla="*/ 552 h 557"/>
                  <a:gd name="T106" fmla="*/ 440 w 516"/>
                  <a:gd name="T107" fmla="*/ 534 h 557"/>
                  <a:gd name="T108" fmla="*/ 435 w 516"/>
                  <a:gd name="T109" fmla="*/ 512 h 557"/>
                  <a:gd name="T110" fmla="*/ 443 w 516"/>
                  <a:gd name="T111" fmla="*/ 498 h 557"/>
                  <a:gd name="T112" fmla="*/ 462 w 516"/>
                  <a:gd name="T113" fmla="*/ 503 h 557"/>
                  <a:gd name="T114" fmla="*/ 485 w 516"/>
                  <a:gd name="T115" fmla="*/ 506 h 557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516"/>
                  <a:gd name="T175" fmla="*/ 0 h 557"/>
                  <a:gd name="T176" fmla="*/ 516 w 516"/>
                  <a:gd name="T177" fmla="*/ 557 h 557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516" h="557">
                    <a:moveTo>
                      <a:pt x="492" y="498"/>
                    </a:moveTo>
                    <a:lnTo>
                      <a:pt x="487" y="493"/>
                    </a:lnTo>
                    <a:lnTo>
                      <a:pt x="485" y="490"/>
                    </a:lnTo>
                    <a:lnTo>
                      <a:pt x="490" y="488"/>
                    </a:lnTo>
                    <a:lnTo>
                      <a:pt x="492" y="474"/>
                    </a:lnTo>
                    <a:lnTo>
                      <a:pt x="489" y="474"/>
                    </a:lnTo>
                    <a:lnTo>
                      <a:pt x="489" y="471"/>
                    </a:lnTo>
                    <a:lnTo>
                      <a:pt x="490" y="464"/>
                    </a:lnTo>
                    <a:lnTo>
                      <a:pt x="485" y="462"/>
                    </a:lnTo>
                    <a:lnTo>
                      <a:pt x="487" y="464"/>
                    </a:lnTo>
                    <a:lnTo>
                      <a:pt x="487" y="466"/>
                    </a:lnTo>
                    <a:lnTo>
                      <a:pt x="487" y="468"/>
                    </a:lnTo>
                    <a:lnTo>
                      <a:pt x="487" y="469"/>
                    </a:lnTo>
                    <a:lnTo>
                      <a:pt x="487" y="468"/>
                    </a:lnTo>
                    <a:lnTo>
                      <a:pt x="485" y="464"/>
                    </a:lnTo>
                    <a:lnTo>
                      <a:pt x="482" y="457"/>
                    </a:lnTo>
                    <a:lnTo>
                      <a:pt x="480" y="449"/>
                    </a:lnTo>
                    <a:lnTo>
                      <a:pt x="480" y="446"/>
                    </a:lnTo>
                    <a:lnTo>
                      <a:pt x="480" y="444"/>
                    </a:lnTo>
                    <a:lnTo>
                      <a:pt x="482" y="444"/>
                    </a:lnTo>
                    <a:lnTo>
                      <a:pt x="485" y="446"/>
                    </a:lnTo>
                    <a:lnTo>
                      <a:pt x="487" y="449"/>
                    </a:lnTo>
                    <a:lnTo>
                      <a:pt x="489" y="451"/>
                    </a:lnTo>
                    <a:lnTo>
                      <a:pt x="489" y="432"/>
                    </a:lnTo>
                    <a:lnTo>
                      <a:pt x="485" y="425"/>
                    </a:lnTo>
                    <a:lnTo>
                      <a:pt x="487" y="427"/>
                    </a:lnTo>
                    <a:lnTo>
                      <a:pt x="489" y="427"/>
                    </a:lnTo>
                    <a:lnTo>
                      <a:pt x="490" y="427"/>
                    </a:lnTo>
                    <a:lnTo>
                      <a:pt x="494" y="427"/>
                    </a:lnTo>
                    <a:lnTo>
                      <a:pt x="496" y="427"/>
                    </a:lnTo>
                    <a:lnTo>
                      <a:pt x="497" y="427"/>
                    </a:lnTo>
                    <a:lnTo>
                      <a:pt x="497" y="418"/>
                    </a:lnTo>
                    <a:lnTo>
                      <a:pt x="497" y="412"/>
                    </a:lnTo>
                    <a:lnTo>
                      <a:pt x="497" y="407"/>
                    </a:lnTo>
                    <a:lnTo>
                      <a:pt x="497" y="403"/>
                    </a:lnTo>
                    <a:lnTo>
                      <a:pt x="497" y="400"/>
                    </a:lnTo>
                    <a:lnTo>
                      <a:pt x="499" y="398"/>
                    </a:lnTo>
                    <a:lnTo>
                      <a:pt x="504" y="398"/>
                    </a:lnTo>
                    <a:lnTo>
                      <a:pt x="506" y="396"/>
                    </a:lnTo>
                    <a:lnTo>
                      <a:pt x="507" y="395"/>
                    </a:lnTo>
                    <a:lnTo>
                      <a:pt x="507" y="393"/>
                    </a:lnTo>
                    <a:lnTo>
                      <a:pt x="507" y="391"/>
                    </a:lnTo>
                    <a:lnTo>
                      <a:pt x="506" y="391"/>
                    </a:lnTo>
                    <a:lnTo>
                      <a:pt x="506" y="390"/>
                    </a:lnTo>
                    <a:lnTo>
                      <a:pt x="504" y="390"/>
                    </a:lnTo>
                    <a:lnTo>
                      <a:pt x="499" y="386"/>
                    </a:lnTo>
                    <a:lnTo>
                      <a:pt x="497" y="385"/>
                    </a:lnTo>
                    <a:lnTo>
                      <a:pt x="496" y="383"/>
                    </a:lnTo>
                    <a:lnTo>
                      <a:pt x="497" y="381"/>
                    </a:lnTo>
                    <a:lnTo>
                      <a:pt x="499" y="380"/>
                    </a:lnTo>
                    <a:lnTo>
                      <a:pt x="501" y="380"/>
                    </a:lnTo>
                    <a:lnTo>
                      <a:pt x="502" y="380"/>
                    </a:lnTo>
                    <a:lnTo>
                      <a:pt x="504" y="378"/>
                    </a:lnTo>
                    <a:lnTo>
                      <a:pt x="501" y="371"/>
                    </a:lnTo>
                    <a:lnTo>
                      <a:pt x="501" y="364"/>
                    </a:lnTo>
                    <a:lnTo>
                      <a:pt x="502" y="361"/>
                    </a:lnTo>
                    <a:lnTo>
                      <a:pt x="504" y="356"/>
                    </a:lnTo>
                    <a:lnTo>
                      <a:pt x="506" y="354"/>
                    </a:lnTo>
                    <a:lnTo>
                      <a:pt x="507" y="352"/>
                    </a:lnTo>
                    <a:lnTo>
                      <a:pt x="509" y="352"/>
                    </a:lnTo>
                    <a:lnTo>
                      <a:pt x="509" y="351"/>
                    </a:lnTo>
                    <a:lnTo>
                      <a:pt x="509" y="344"/>
                    </a:lnTo>
                    <a:lnTo>
                      <a:pt x="516" y="339"/>
                    </a:lnTo>
                    <a:lnTo>
                      <a:pt x="514" y="330"/>
                    </a:lnTo>
                    <a:lnTo>
                      <a:pt x="506" y="329"/>
                    </a:lnTo>
                    <a:lnTo>
                      <a:pt x="502" y="324"/>
                    </a:lnTo>
                    <a:lnTo>
                      <a:pt x="504" y="324"/>
                    </a:lnTo>
                    <a:lnTo>
                      <a:pt x="504" y="322"/>
                    </a:lnTo>
                    <a:lnTo>
                      <a:pt x="502" y="320"/>
                    </a:lnTo>
                    <a:lnTo>
                      <a:pt x="502" y="319"/>
                    </a:lnTo>
                    <a:lnTo>
                      <a:pt x="502" y="317"/>
                    </a:lnTo>
                    <a:lnTo>
                      <a:pt x="502" y="315"/>
                    </a:lnTo>
                    <a:lnTo>
                      <a:pt x="502" y="314"/>
                    </a:lnTo>
                    <a:lnTo>
                      <a:pt x="502" y="312"/>
                    </a:lnTo>
                    <a:lnTo>
                      <a:pt x="501" y="298"/>
                    </a:lnTo>
                    <a:lnTo>
                      <a:pt x="496" y="288"/>
                    </a:lnTo>
                    <a:lnTo>
                      <a:pt x="490" y="280"/>
                    </a:lnTo>
                    <a:lnTo>
                      <a:pt x="484" y="271"/>
                    </a:lnTo>
                    <a:lnTo>
                      <a:pt x="477" y="266"/>
                    </a:lnTo>
                    <a:lnTo>
                      <a:pt x="470" y="263"/>
                    </a:lnTo>
                    <a:lnTo>
                      <a:pt x="467" y="259"/>
                    </a:lnTo>
                    <a:lnTo>
                      <a:pt x="465" y="258"/>
                    </a:lnTo>
                    <a:lnTo>
                      <a:pt x="463" y="242"/>
                    </a:lnTo>
                    <a:lnTo>
                      <a:pt x="460" y="232"/>
                    </a:lnTo>
                    <a:lnTo>
                      <a:pt x="453" y="224"/>
                    </a:lnTo>
                    <a:lnTo>
                      <a:pt x="446" y="219"/>
                    </a:lnTo>
                    <a:lnTo>
                      <a:pt x="440" y="215"/>
                    </a:lnTo>
                    <a:lnTo>
                      <a:pt x="435" y="214"/>
                    </a:lnTo>
                    <a:lnTo>
                      <a:pt x="430" y="212"/>
                    </a:lnTo>
                    <a:lnTo>
                      <a:pt x="428" y="212"/>
                    </a:lnTo>
                    <a:lnTo>
                      <a:pt x="428" y="210"/>
                    </a:lnTo>
                    <a:lnTo>
                      <a:pt x="424" y="209"/>
                    </a:lnTo>
                    <a:lnTo>
                      <a:pt x="419" y="204"/>
                    </a:lnTo>
                    <a:lnTo>
                      <a:pt x="414" y="200"/>
                    </a:lnTo>
                    <a:lnTo>
                      <a:pt x="409" y="195"/>
                    </a:lnTo>
                    <a:lnTo>
                      <a:pt x="406" y="190"/>
                    </a:lnTo>
                    <a:lnTo>
                      <a:pt x="402" y="187"/>
                    </a:lnTo>
                    <a:lnTo>
                      <a:pt x="401" y="183"/>
                    </a:lnTo>
                    <a:lnTo>
                      <a:pt x="397" y="175"/>
                    </a:lnTo>
                    <a:lnTo>
                      <a:pt x="392" y="168"/>
                    </a:lnTo>
                    <a:lnTo>
                      <a:pt x="389" y="163"/>
                    </a:lnTo>
                    <a:lnTo>
                      <a:pt x="384" y="161"/>
                    </a:lnTo>
                    <a:lnTo>
                      <a:pt x="380" y="160"/>
                    </a:lnTo>
                    <a:lnTo>
                      <a:pt x="377" y="160"/>
                    </a:lnTo>
                    <a:lnTo>
                      <a:pt x="374" y="160"/>
                    </a:lnTo>
                    <a:lnTo>
                      <a:pt x="372" y="158"/>
                    </a:lnTo>
                    <a:lnTo>
                      <a:pt x="370" y="154"/>
                    </a:lnTo>
                    <a:lnTo>
                      <a:pt x="367" y="153"/>
                    </a:lnTo>
                    <a:lnTo>
                      <a:pt x="365" y="149"/>
                    </a:lnTo>
                    <a:lnTo>
                      <a:pt x="362" y="143"/>
                    </a:lnTo>
                    <a:lnTo>
                      <a:pt x="358" y="138"/>
                    </a:lnTo>
                    <a:lnTo>
                      <a:pt x="355" y="134"/>
                    </a:lnTo>
                    <a:lnTo>
                      <a:pt x="352" y="132"/>
                    </a:lnTo>
                    <a:lnTo>
                      <a:pt x="348" y="131"/>
                    </a:lnTo>
                    <a:lnTo>
                      <a:pt x="347" y="132"/>
                    </a:lnTo>
                    <a:lnTo>
                      <a:pt x="343" y="132"/>
                    </a:lnTo>
                    <a:lnTo>
                      <a:pt x="336" y="131"/>
                    </a:lnTo>
                    <a:lnTo>
                      <a:pt x="331" y="129"/>
                    </a:lnTo>
                    <a:lnTo>
                      <a:pt x="328" y="124"/>
                    </a:lnTo>
                    <a:lnTo>
                      <a:pt x="325" y="119"/>
                    </a:lnTo>
                    <a:lnTo>
                      <a:pt x="321" y="114"/>
                    </a:lnTo>
                    <a:lnTo>
                      <a:pt x="320" y="110"/>
                    </a:lnTo>
                    <a:lnTo>
                      <a:pt x="318" y="107"/>
                    </a:lnTo>
                    <a:lnTo>
                      <a:pt x="318" y="105"/>
                    </a:lnTo>
                    <a:lnTo>
                      <a:pt x="313" y="102"/>
                    </a:lnTo>
                    <a:lnTo>
                      <a:pt x="306" y="95"/>
                    </a:lnTo>
                    <a:lnTo>
                      <a:pt x="301" y="88"/>
                    </a:lnTo>
                    <a:lnTo>
                      <a:pt x="296" y="82"/>
                    </a:lnTo>
                    <a:lnTo>
                      <a:pt x="292" y="75"/>
                    </a:lnTo>
                    <a:lnTo>
                      <a:pt x="291" y="68"/>
                    </a:lnTo>
                    <a:lnTo>
                      <a:pt x="287" y="65"/>
                    </a:lnTo>
                    <a:lnTo>
                      <a:pt x="287" y="63"/>
                    </a:lnTo>
                    <a:lnTo>
                      <a:pt x="287" y="61"/>
                    </a:lnTo>
                    <a:lnTo>
                      <a:pt x="284" y="61"/>
                    </a:lnTo>
                    <a:lnTo>
                      <a:pt x="282" y="61"/>
                    </a:lnTo>
                    <a:lnTo>
                      <a:pt x="281" y="60"/>
                    </a:lnTo>
                    <a:lnTo>
                      <a:pt x="274" y="60"/>
                    </a:lnTo>
                    <a:lnTo>
                      <a:pt x="267" y="58"/>
                    </a:lnTo>
                    <a:lnTo>
                      <a:pt x="262" y="56"/>
                    </a:lnTo>
                    <a:lnTo>
                      <a:pt x="259" y="55"/>
                    </a:lnTo>
                    <a:lnTo>
                      <a:pt x="255" y="53"/>
                    </a:lnTo>
                    <a:lnTo>
                      <a:pt x="254" y="51"/>
                    </a:lnTo>
                    <a:lnTo>
                      <a:pt x="252" y="50"/>
                    </a:lnTo>
                    <a:lnTo>
                      <a:pt x="240" y="48"/>
                    </a:lnTo>
                    <a:lnTo>
                      <a:pt x="235" y="43"/>
                    </a:lnTo>
                    <a:lnTo>
                      <a:pt x="235" y="34"/>
                    </a:lnTo>
                    <a:lnTo>
                      <a:pt x="237" y="24"/>
                    </a:lnTo>
                    <a:lnTo>
                      <a:pt x="242" y="16"/>
                    </a:lnTo>
                    <a:lnTo>
                      <a:pt x="248" y="7"/>
                    </a:lnTo>
                    <a:lnTo>
                      <a:pt x="252" y="2"/>
                    </a:lnTo>
                    <a:lnTo>
                      <a:pt x="254" y="0"/>
                    </a:lnTo>
                    <a:lnTo>
                      <a:pt x="130" y="19"/>
                    </a:lnTo>
                    <a:lnTo>
                      <a:pt x="0" y="33"/>
                    </a:lnTo>
                    <a:lnTo>
                      <a:pt x="73" y="290"/>
                    </a:lnTo>
                    <a:lnTo>
                      <a:pt x="89" y="327"/>
                    </a:lnTo>
                    <a:lnTo>
                      <a:pt x="91" y="329"/>
                    </a:lnTo>
                    <a:lnTo>
                      <a:pt x="93" y="330"/>
                    </a:lnTo>
                    <a:lnTo>
                      <a:pt x="95" y="334"/>
                    </a:lnTo>
                    <a:lnTo>
                      <a:pt x="96" y="337"/>
                    </a:lnTo>
                    <a:lnTo>
                      <a:pt x="100" y="341"/>
                    </a:lnTo>
                    <a:lnTo>
                      <a:pt x="100" y="347"/>
                    </a:lnTo>
                    <a:lnTo>
                      <a:pt x="100" y="352"/>
                    </a:lnTo>
                    <a:lnTo>
                      <a:pt x="101" y="354"/>
                    </a:lnTo>
                    <a:lnTo>
                      <a:pt x="103" y="356"/>
                    </a:lnTo>
                    <a:lnTo>
                      <a:pt x="105" y="356"/>
                    </a:lnTo>
                    <a:lnTo>
                      <a:pt x="108" y="358"/>
                    </a:lnTo>
                    <a:lnTo>
                      <a:pt x="108" y="361"/>
                    </a:lnTo>
                    <a:lnTo>
                      <a:pt x="108" y="364"/>
                    </a:lnTo>
                    <a:lnTo>
                      <a:pt x="105" y="369"/>
                    </a:lnTo>
                    <a:lnTo>
                      <a:pt x="98" y="376"/>
                    </a:lnTo>
                    <a:lnTo>
                      <a:pt x="98" y="378"/>
                    </a:lnTo>
                    <a:lnTo>
                      <a:pt x="96" y="378"/>
                    </a:lnTo>
                    <a:lnTo>
                      <a:pt x="96" y="381"/>
                    </a:lnTo>
                    <a:lnTo>
                      <a:pt x="96" y="383"/>
                    </a:lnTo>
                    <a:lnTo>
                      <a:pt x="95" y="388"/>
                    </a:lnTo>
                    <a:lnTo>
                      <a:pt x="95" y="393"/>
                    </a:lnTo>
                    <a:lnTo>
                      <a:pt x="95" y="400"/>
                    </a:lnTo>
                    <a:lnTo>
                      <a:pt x="95" y="407"/>
                    </a:lnTo>
                    <a:lnTo>
                      <a:pt x="95" y="410"/>
                    </a:lnTo>
                    <a:lnTo>
                      <a:pt x="93" y="413"/>
                    </a:lnTo>
                    <a:lnTo>
                      <a:pt x="93" y="418"/>
                    </a:lnTo>
                    <a:lnTo>
                      <a:pt x="93" y="424"/>
                    </a:lnTo>
                    <a:lnTo>
                      <a:pt x="93" y="432"/>
                    </a:lnTo>
                    <a:lnTo>
                      <a:pt x="95" y="439"/>
                    </a:lnTo>
                    <a:lnTo>
                      <a:pt x="98" y="446"/>
                    </a:lnTo>
                    <a:lnTo>
                      <a:pt x="103" y="451"/>
                    </a:lnTo>
                    <a:lnTo>
                      <a:pt x="103" y="454"/>
                    </a:lnTo>
                    <a:lnTo>
                      <a:pt x="103" y="457"/>
                    </a:lnTo>
                    <a:lnTo>
                      <a:pt x="105" y="464"/>
                    </a:lnTo>
                    <a:lnTo>
                      <a:pt x="105" y="471"/>
                    </a:lnTo>
                    <a:lnTo>
                      <a:pt x="105" y="478"/>
                    </a:lnTo>
                    <a:lnTo>
                      <a:pt x="105" y="483"/>
                    </a:lnTo>
                    <a:lnTo>
                      <a:pt x="105" y="488"/>
                    </a:lnTo>
                    <a:lnTo>
                      <a:pt x="105" y="490"/>
                    </a:lnTo>
                    <a:lnTo>
                      <a:pt x="122" y="522"/>
                    </a:lnTo>
                    <a:lnTo>
                      <a:pt x="139" y="554"/>
                    </a:lnTo>
                    <a:lnTo>
                      <a:pt x="418" y="535"/>
                    </a:lnTo>
                    <a:lnTo>
                      <a:pt x="428" y="557"/>
                    </a:lnTo>
                    <a:lnTo>
                      <a:pt x="443" y="557"/>
                    </a:lnTo>
                    <a:lnTo>
                      <a:pt x="443" y="556"/>
                    </a:lnTo>
                    <a:lnTo>
                      <a:pt x="441" y="552"/>
                    </a:lnTo>
                    <a:lnTo>
                      <a:pt x="441" y="549"/>
                    </a:lnTo>
                    <a:lnTo>
                      <a:pt x="441" y="544"/>
                    </a:lnTo>
                    <a:lnTo>
                      <a:pt x="440" y="539"/>
                    </a:lnTo>
                    <a:lnTo>
                      <a:pt x="440" y="534"/>
                    </a:lnTo>
                    <a:lnTo>
                      <a:pt x="440" y="530"/>
                    </a:lnTo>
                    <a:lnTo>
                      <a:pt x="440" y="528"/>
                    </a:lnTo>
                    <a:lnTo>
                      <a:pt x="435" y="520"/>
                    </a:lnTo>
                    <a:lnTo>
                      <a:pt x="435" y="512"/>
                    </a:lnTo>
                    <a:lnTo>
                      <a:pt x="435" y="506"/>
                    </a:lnTo>
                    <a:lnTo>
                      <a:pt x="438" y="503"/>
                    </a:lnTo>
                    <a:lnTo>
                      <a:pt x="441" y="500"/>
                    </a:lnTo>
                    <a:lnTo>
                      <a:pt x="443" y="498"/>
                    </a:lnTo>
                    <a:lnTo>
                      <a:pt x="446" y="498"/>
                    </a:lnTo>
                    <a:lnTo>
                      <a:pt x="448" y="498"/>
                    </a:lnTo>
                    <a:lnTo>
                      <a:pt x="453" y="501"/>
                    </a:lnTo>
                    <a:lnTo>
                      <a:pt x="462" y="503"/>
                    </a:lnTo>
                    <a:lnTo>
                      <a:pt x="468" y="505"/>
                    </a:lnTo>
                    <a:lnTo>
                      <a:pt x="475" y="506"/>
                    </a:lnTo>
                    <a:lnTo>
                      <a:pt x="482" y="506"/>
                    </a:lnTo>
                    <a:lnTo>
                      <a:pt x="485" y="506"/>
                    </a:lnTo>
                    <a:lnTo>
                      <a:pt x="489" y="506"/>
                    </a:lnTo>
                    <a:lnTo>
                      <a:pt x="490" y="506"/>
                    </a:lnTo>
                    <a:lnTo>
                      <a:pt x="492" y="49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32" name="Freeform 182"/>
              <p:cNvSpPr>
                <a:spLocks/>
              </p:cNvSpPr>
              <p:nvPr/>
            </p:nvSpPr>
            <p:spPr bwMode="auto">
              <a:xfrm>
                <a:off x="3976" y="2396"/>
                <a:ext cx="516" cy="557"/>
              </a:xfrm>
              <a:custGeom>
                <a:avLst/>
                <a:gdLst>
                  <a:gd name="T0" fmla="*/ 492 w 516"/>
                  <a:gd name="T1" fmla="*/ 474 h 557"/>
                  <a:gd name="T2" fmla="*/ 485 w 516"/>
                  <a:gd name="T3" fmla="*/ 462 h 557"/>
                  <a:gd name="T4" fmla="*/ 487 w 516"/>
                  <a:gd name="T5" fmla="*/ 469 h 557"/>
                  <a:gd name="T6" fmla="*/ 480 w 516"/>
                  <a:gd name="T7" fmla="*/ 449 h 557"/>
                  <a:gd name="T8" fmla="*/ 487 w 516"/>
                  <a:gd name="T9" fmla="*/ 449 h 557"/>
                  <a:gd name="T10" fmla="*/ 485 w 516"/>
                  <a:gd name="T11" fmla="*/ 425 h 557"/>
                  <a:gd name="T12" fmla="*/ 494 w 516"/>
                  <a:gd name="T13" fmla="*/ 427 h 557"/>
                  <a:gd name="T14" fmla="*/ 497 w 516"/>
                  <a:gd name="T15" fmla="*/ 418 h 557"/>
                  <a:gd name="T16" fmla="*/ 499 w 516"/>
                  <a:gd name="T17" fmla="*/ 398 h 557"/>
                  <a:gd name="T18" fmla="*/ 506 w 516"/>
                  <a:gd name="T19" fmla="*/ 396 h 557"/>
                  <a:gd name="T20" fmla="*/ 506 w 516"/>
                  <a:gd name="T21" fmla="*/ 390 h 557"/>
                  <a:gd name="T22" fmla="*/ 496 w 516"/>
                  <a:gd name="T23" fmla="*/ 383 h 557"/>
                  <a:gd name="T24" fmla="*/ 504 w 516"/>
                  <a:gd name="T25" fmla="*/ 378 h 557"/>
                  <a:gd name="T26" fmla="*/ 504 w 516"/>
                  <a:gd name="T27" fmla="*/ 356 h 557"/>
                  <a:gd name="T28" fmla="*/ 509 w 516"/>
                  <a:gd name="T29" fmla="*/ 344 h 557"/>
                  <a:gd name="T30" fmla="*/ 504 w 516"/>
                  <a:gd name="T31" fmla="*/ 324 h 557"/>
                  <a:gd name="T32" fmla="*/ 502 w 516"/>
                  <a:gd name="T33" fmla="*/ 317 h 557"/>
                  <a:gd name="T34" fmla="*/ 502 w 516"/>
                  <a:gd name="T35" fmla="*/ 312 h 557"/>
                  <a:gd name="T36" fmla="*/ 477 w 516"/>
                  <a:gd name="T37" fmla="*/ 266 h 557"/>
                  <a:gd name="T38" fmla="*/ 463 w 516"/>
                  <a:gd name="T39" fmla="*/ 242 h 557"/>
                  <a:gd name="T40" fmla="*/ 435 w 516"/>
                  <a:gd name="T41" fmla="*/ 214 h 557"/>
                  <a:gd name="T42" fmla="*/ 424 w 516"/>
                  <a:gd name="T43" fmla="*/ 209 h 557"/>
                  <a:gd name="T44" fmla="*/ 402 w 516"/>
                  <a:gd name="T45" fmla="*/ 187 h 557"/>
                  <a:gd name="T46" fmla="*/ 389 w 516"/>
                  <a:gd name="T47" fmla="*/ 163 h 557"/>
                  <a:gd name="T48" fmla="*/ 374 w 516"/>
                  <a:gd name="T49" fmla="*/ 160 h 557"/>
                  <a:gd name="T50" fmla="*/ 365 w 516"/>
                  <a:gd name="T51" fmla="*/ 149 h 557"/>
                  <a:gd name="T52" fmla="*/ 352 w 516"/>
                  <a:gd name="T53" fmla="*/ 132 h 557"/>
                  <a:gd name="T54" fmla="*/ 343 w 516"/>
                  <a:gd name="T55" fmla="*/ 132 h 557"/>
                  <a:gd name="T56" fmla="*/ 321 w 516"/>
                  <a:gd name="T57" fmla="*/ 114 h 557"/>
                  <a:gd name="T58" fmla="*/ 313 w 516"/>
                  <a:gd name="T59" fmla="*/ 102 h 557"/>
                  <a:gd name="T60" fmla="*/ 291 w 516"/>
                  <a:gd name="T61" fmla="*/ 68 h 557"/>
                  <a:gd name="T62" fmla="*/ 284 w 516"/>
                  <a:gd name="T63" fmla="*/ 61 h 557"/>
                  <a:gd name="T64" fmla="*/ 267 w 516"/>
                  <a:gd name="T65" fmla="*/ 58 h 557"/>
                  <a:gd name="T66" fmla="*/ 252 w 516"/>
                  <a:gd name="T67" fmla="*/ 50 h 557"/>
                  <a:gd name="T68" fmla="*/ 235 w 516"/>
                  <a:gd name="T69" fmla="*/ 34 h 557"/>
                  <a:gd name="T70" fmla="*/ 254 w 516"/>
                  <a:gd name="T71" fmla="*/ 0 h 557"/>
                  <a:gd name="T72" fmla="*/ 89 w 516"/>
                  <a:gd name="T73" fmla="*/ 327 h 557"/>
                  <a:gd name="T74" fmla="*/ 96 w 516"/>
                  <a:gd name="T75" fmla="*/ 337 h 557"/>
                  <a:gd name="T76" fmla="*/ 101 w 516"/>
                  <a:gd name="T77" fmla="*/ 354 h 557"/>
                  <a:gd name="T78" fmla="*/ 108 w 516"/>
                  <a:gd name="T79" fmla="*/ 364 h 557"/>
                  <a:gd name="T80" fmla="*/ 96 w 516"/>
                  <a:gd name="T81" fmla="*/ 378 h 557"/>
                  <a:gd name="T82" fmla="*/ 95 w 516"/>
                  <a:gd name="T83" fmla="*/ 400 h 557"/>
                  <a:gd name="T84" fmla="*/ 93 w 516"/>
                  <a:gd name="T85" fmla="*/ 418 h 557"/>
                  <a:gd name="T86" fmla="*/ 103 w 516"/>
                  <a:gd name="T87" fmla="*/ 451 h 557"/>
                  <a:gd name="T88" fmla="*/ 105 w 516"/>
                  <a:gd name="T89" fmla="*/ 471 h 557"/>
                  <a:gd name="T90" fmla="*/ 122 w 516"/>
                  <a:gd name="T91" fmla="*/ 522 h 557"/>
                  <a:gd name="T92" fmla="*/ 443 w 516"/>
                  <a:gd name="T93" fmla="*/ 557 h 557"/>
                  <a:gd name="T94" fmla="*/ 440 w 516"/>
                  <a:gd name="T95" fmla="*/ 539 h 557"/>
                  <a:gd name="T96" fmla="*/ 435 w 516"/>
                  <a:gd name="T97" fmla="*/ 520 h 557"/>
                  <a:gd name="T98" fmla="*/ 443 w 516"/>
                  <a:gd name="T99" fmla="*/ 498 h 557"/>
                  <a:gd name="T100" fmla="*/ 462 w 516"/>
                  <a:gd name="T101" fmla="*/ 503 h 557"/>
                  <a:gd name="T102" fmla="*/ 489 w 516"/>
                  <a:gd name="T103" fmla="*/ 506 h 557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w 516"/>
                  <a:gd name="T157" fmla="*/ 0 h 557"/>
                  <a:gd name="T158" fmla="*/ 516 w 516"/>
                  <a:gd name="T159" fmla="*/ 557 h 557"/>
                </a:gdLst>
                <a:ahLst/>
                <a:cxnLst>
                  <a:cxn ang="T104">
                    <a:pos x="T0" y="T1"/>
                  </a:cxn>
                  <a:cxn ang="T105">
                    <a:pos x="T2" y="T3"/>
                  </a:cxn>
                  <a:cxn ang="T106">
                    <a:pos x="T4" y="T5"/>
                  </a:cxn>
                  <a:cxn ang="T107">
                    <a:pos x="T6" y="T7"/>
                  </a:cxn>
                  <a:cxn ang="T108">
                    <a:pos x="T8" y="T9"/>
                  </a:cxn>
                  <a:cxn ang="T109">
                    <a:pos x="T10" y="T11"/>
                  </a:cxn>
                  <a:cxn ang="T110">
                    <a:pos x="T12" y="T13"/>
                  </a:cxn>
                  <a:cxn ang="T111">
                    <a:pos x="T14" y="T15"/>
                  </a:cxn>
                  <a:cxn ang="T112">
                    <a:pos x="T16" y="T17"/>
                  </a:cxn>
                  <a:cxn ang="T113">
                    <a:pos x="T18" y="T19"/>
                  </a:cxn>
                  <a:cxn ang="T114">
                    <a:pos x="T20" y="T21"/>
                  </a:cxn>
                  <a:cxn ang="T115">
                    <a:pos x="T22" y="T23"/>
                  </a:cxn>
                  <a:cxn ang="T116">
                    <a:pos x="T24" y="T25"/>
                  </a:cxn>
                  <a:cxn ang="T117">
                    <a:pos x="T26" y="T27"/>
                  </a:cxn>
                  <a:cxn ang="T118">
                    <a:pos x="T28" y="T29"/>
                  </a:cxn>
                  <a:cxn ang="T119">
                    <a:pos x="T30" y="T31"/>
                  </a:cxn>
                  <a:cxn ang="T120">
                    <a:pos x="T32" y="T33"/>
                  </a:cxn>
                  <a:cxn ang="T121">
                    <a:pos x="T34" y="T35"/>
                  </a:cxn>
                  <a:cxn ang="T122">
                    <a:pos x="T36" y="T37"/>
                  </a:cxn>
                  <a:cxn ang="T123">
                    <a:pos x="T38" y="T39"/>
                  </a:cxn>
                  <a:cxn ang="T124">
                    <a:pos x="T40" y="T41"/>
                  </a:cxn>
                  <a:cxn ang="T125">
                    <a:pos x="T42" y="T43"/>
                  </a:cxn>
                  <a:cxn ang="T126">
                    <a:pos x="T44" y="T45"/>
                  </a:cxn>
                  <a:cxn ang="T127">
                    <a:pos x="T46" y="T47"/>
                  </a:cxn>
                  <a:cxn ang="T128">
                    <a:pos x="T48" y="T49"/>
                  </a:cxn>
                  <a:cxn ang="T129">
                    <a:pos x="T50" y="T51"/>
                  </a:cxn>
                  <a:cxn ang="T130">
                    <a:pos x="T52" y="T53"/>
                  </a:cxn>
                  <a:cxn ang="T131">
                    <a:pos x="T54" y="T55"/>
                  </a:cxn>
                  <a:cxn ang="T132">
                    <a:pos x="T56" y="T57"/>
                  </a:cxn>
                  <a:cxn ang="T133">
                    <a:pos x="T58" y="T59"/>
                  </a:cxn>
                  <a:cxn ang="T134">
                    <a:pos x="T60" y="T61"/>
                  </a:cxn>
                  <a:cxn ang="T135">
                    <a:pos x="T62" y="T63"/>
                  </a:cxn>
                  <a:cxn ang="T136">
                    <a:pos x="T64" y="T65"/>
                  </a:cxn>
                  <a:cxn ang="T137">
                    <a:pos x="T66" y="T67"/>
                  </a:cxn>
                  <a:cxn ang="T138">
                    <a:pos x="T68" y="T69"/>
                  </a:cxn>
                  <a:cxn ang="T139">
                    <a:pos x="T70" y="T71"/>
                  </a:cxn>
                  <a:cxn ang="T140">
                    <a:pos x="T72" y="T73"/>
                  </a:cxn>
                  <a:cxn ang="T141">
                    <a:pos x="T74" y="T75"/>
                  </a:cxn>
                  <a:cxn ang="T142">
                    <a:pos x="T76" y="T77"/>
                  </a:cxn>
                  <a:cxn ang="T143">
                    <a:pos x="T78" y="T79"/>
                  </a:cxn>
                  <a:cxn ang="T144">
                    <a:pos x="T80" y="T81"/>
                  </a:cxn>
                  <a:cxn ang="T145">
                    <a:pos x="T82" y="T83"/>
                  </a:cxn>
                  <a:cxn ang="T146">
                    <a:pos x="T84" y="T85"/>
                  </a:cxn>
                  <a:cxn ang="T147">
                    <a:pos x="T86" y="T87"/>
                  </a:cxn>
                  <a:cxn ang="T148">
                    <a:pos x="T88" y="T89"/>
                  </a:cxn>
                  <a:cxn ang="T149">
                    <a:pos x="T90" y="T91"/>
                  </a:cxn>
                  <a:cxn ang="T150">
                    <a:pos x="T92" y="T93"/>
                  </a:cxn>
                  <a:cxn ang="T151">
                    <a:pos x="T94" y="T95"/>
                  </a:cxn>
                  <a:cxn ang="T152">
                    <a:pos x="T96" y="T97"/>
                  </a:cxn>
                  <a:cxn ang="T153">
                    <a:pos x="T98" y="T99"/>
                  </a:cxn>
                  <a:cxn ang="T154">
                    <a:pos x="T100" y="T101"/>
                  </a:cxn>
                  <a:cxn ang="T155">
                    <a:pos x="T102" y="T103"/>
                  </a:cxn>
                </a:cxnLst>
                <a:rect l="T156" t="T157" r="T158" b="T159"/>
                <a:pathLst>
                  <a:path w="516" h="557">
                    <a:moveTo>
                      <a:pt x="492" y="498"/>
                    </a:moveTo>
                    <a:lnTo>
                      <a:pt x="487" y="493"/>
                    </a:lnTo>
                    <a:lnTo>
                      <a:pt x="485" y="490"/>
                    </a:lnTo>
                    <a:lnTo>
                      <a:pt x="490" y="488"/>
                    </a:lnTo>
                    <a:lnTo>
                      <a:pt x="492" y="474"/>
                    </a:lnTo>
                    <a:lnTo>
                      <a:pt x="489" y="474"/>
                    </a:lnTo>
                    <a:lnTo>
                      <a:pt x="489" y="471"/>
                    </a:lnTo>
                    <a:lnTo>
                      <a:pt x="490" y="464"/>
                    </a:lnTo>
                    <a:lnTo>
                      <a:pt x="485" y="462"/>
                    </a:lnTo>
                    <a:lnTo>
                      <a:pt x="487" y="464"/>
                    </a:lnTo>
                    <a:lnTo>
                      <a:pt x="487" y="466"/>
                    </a:lnTo>
                    <a:lnTo>
                      <a:pt x="487" y="468"/>
                    </a:lnTo>
                    <a:lnTo>
                      <a:pt x="487" y="469"/>
                    </a:lnTo>
                    <a:lnTo>
                      <a:pt x="487" y="468"/>
                    </a:lnTo>
                    <a:lnTo>
                      <a:pt x="485" y="464"/>
                    </a:lnTo>
                    <a:lnTo>
                      <a:pt x="482" y="457"/>
                    </a:lnTo>
                    <a:lnTo>
                      <a:pt x="480" y="449"/>
                    </a:lnTo>
                    <a:lnTo>
                      <a:pt x="480" y="446"/>
                    </a:lnTo>
                    <a:lnTo>
                      <a:pt x="480" y="444"/>
                    </a:lnTo>
                    <a:lnTo>
                      <a:pt x="482" y="444"/>
                    </a:lnTo>
                    <a:lnTo>
                      <a:pt x="485" y="446"/>
                    </a:lnTo>
                    <a:lnTo>
                      <a:pt x="487" y="449"/>
                    </a:lnTo>
                    <a:lnTo>
                      <a:pt x="489" y="451"/>
                    </a:lnTo>
                    <a:lnTo>
                      <a:pt x="489" y="432"/>
                    </a:lnTo>
                    <a:lnTo>
                      <a:pt x="485" y="425"/>
                    </a:lnTo>
                    <a:lnTo>
                      <a:pt x="487" y="427"/>
                    </a:lnTo>
                    <a:lnTo>
                      <a:pt x="489" y="427"/>
                    </a:lnTo>
                    <a:lnTo>
                      <a:pt x="490" y="427"/>
                    </a:lnTo>
                    <a:lnTo>
                      <a:pt x="494" y="427"/>
                    </a:lnTo>
                    <a:lnTo>
                      <a:pt x="496" y="427"/>
                    </a:lnTo>
                    <a:lnTo>
                      <a:pt x="497" y="427"/>
                    </a:lnTo>
                    <a:lnTo>
                      <a:pt x="497" y="418"/>
                    </a:lnTo>
                    <a:lnTo>
                      <a:pt x="497" y="412"/>
                    </a:lnTo>
                    <a:lnTo>
                      <a:pt x="497" y="407"/>
                    </a:lnTo>
                    <a:lnTo>
                      <a:pt x="497" y="403"/>
                    </a:lnTo>
                    <a:lnTo>
                      <a:pt x="497" y="400"/>
                    </a:lnTo>
                    <a:lnTo>
                      <a:pt x="499" y="398"/>
                    </a:lnTo>
                    <a:lnTo>
                      <a:pt x="504" y="398"/>
                    </a:lnTo>
                    <a:lnTo>
                      <a:pt x="506" y="396"/>
                    </a:lnTo>
                    <a:lnTo>
                      <a:pt x="507" y="395"/>
                    </a:lnTo>
                    <a:lnTo>
                      <a:pt x="507" y="393"/>
                    </a:lnTo>
                    <a:lnTo>
                      <a:pt x="507" y="391"/>
                    </a:lnTo>
                    <a:lnTo>
                      <a:pt x="506" y="391"/>
                    </a:lnTo>
                    <a:lnTo>
                      <a:pt x="506" y="390"/>
                    </a:lnTo>
                    <a:lnTo>
                      <a:pt x="504" y="390"/>
                    </a:lnTo>
                    <a:lnTo>
                      <a:pt x="499" y="386"/>
                    </a:lnTo>
                    <a:lnTo>
                      <a:pt x="497" y="385"/>
                    </a:lnTo>
                    <a:lnTo>
                      <a:pt x="496" y="383"/>
                    </a:lnTo>
                    <a:lnTo>
                      <a:pt x="497" y="381"/>
                    </a:lnTo>
                    <a:lnTo>
                      <a:pt x="499" y="380"/>
                    </a:lnTo>
                    <a:lnTo>
                      <a:pt x="501" y="380"/>
                    </a:lnTo>
                    <a:lnTo>
                      <a:pt x="502" y="380"/>
                    </a:lnTo>
                    <a:lnTo>
                      <a:pt x="504" y="378"/>
                    </a:lnTo>
                    <a:lnTo>
                      <a:pt x="501" y="371"/>
                    </a:lnTo>
                    <a:lnTo>
                      <a:pt x="501" y="364"/>
                    </a:lnTo>
                    <a:lnTo>
                      <a:pt x="502" y="361"/>
                    </a:lnTo>
                    <a:lnTo>
                      <a:pt x="504" y="356"/>
                    </a:lnTo>
                    <a:lnTo>
                      <a:pt x="506" y="354"/>
                    </a:lnTo>
                    <a:lnTo>
                      <a:pt x="507" y="352"/>
                    </a:lnTo>
                    <a:lnTo>
                      <a:pt x="509" y="352"/>
                    </a:lnTo>
                    <a:lnTo>
                      <a:pt x="509" y="351"/>
                    </a:lnTo>
                    <a:lnTo>
                      <a:pt x="509" y="344"/>
                    </a:lnTo>
                    <a:lnTo>
                      <a:pt x="516" y="339"/>
                    </a:lnTo>
                    <a:lnTo>
                      <a:pt x="514" y="330"/>
                    </a:lnTo>
                    <a:lnTo>
                      <a:pt x="506" y="329"/>
                    </a:lnTo>
                    <a:lnTo>
                      <a:pt x="502" y="324"/>
                    </a:lnTo>
                    <a:lnTo>
                      <a:pt x="504" y="324"/>
                    </a:lnTo>
                    <a:lnTo>
                      <a:pt x="504" y="322"/>
                    </a:lnTo>
                    <a:lnTo>
                      <a:pt x="502" y="320"/>
                    </a:lnTo>
                    <a:lnTo>
                      <a:pt x="502" y="319"/>
                    </a:lnTo>
                    <a:lnTo>
                      <a:pt x="502" y="317"/>
                    </a:lnTo>
                    <a:lnTo>
                      <a:pt x="502" y="315"/>
                    </a:lnTo>
                    <a:lnTo>
                      <a:pt x="502" y="314"/>
                    </a:lnTo>
                    <a:lnTo>
                      <a:pt x="502" y="312"/>
                    </a:lnTo>
                    <a:lnTo>
                      <a:pt x="501" y="298"/>
                    </a:lnTo>
                    <a:lnTo>
                      <a:pt x="496" y="288"/>
                    </a:lnTo>
                    <a:lnTo>
                      <a:pt x="490" y="280"/>
                    </a:lnTo>
                    <a:lnTo>
                      <a:pt x="484" y="271"/>
                    </a:lnTo>
                    <a:lnTo>
                      <a:pt x="477" y="266"/>
                    </a:lnTo>
                    <a:lnTo>
                      <a:pt x="470" y="263"/>
                    </a:lnTo>
                    <a:lnTo>
                      <a:pt x="467" y="259"/>
                    </a:lnTo>
                    <a:lnTo>
                      <a:pt x="465" y="258"/>
                    </a:lnTo>
                    <a:lnTo>
                      <a:pt x="463" y="242"/>
                    </a:lnTo>
                    <a:lnTo>
                      <a:pt x="460" y="232"/>
                    </a:lnTo>
                    <a:lnTo>
                      <a:pt x="453" y="224"/>
                    </a:lnTo>
                    <a:lnTo>
                      <a:pt x="446" y="219"/>
                    </a:lnTo>
                    <a:lnTo>
                      <a:pt x="440" y="215"/>
                    </a:lnTo>
                    <a:lnTo>
                      <a:pt x="435" y="214"/>
                    </a:lnTo>
                    <a:lnTo>
                      <a:pt x="430" y="212"/>
                    </a:lnTo>
                    <a:lnTo>
                      <a:pt x="428" y="212"/>
                    </a:lnTo>
                    <a:lnTo>
                      <a:pt x="428" y="210"/>
                    </a:lnTo>
                    <a:lnTo>
                      <a:pt x="424" y="209"/>
                    </a:lnTo>
                    <a:lnTo>
                      <a:pt x="419" y="204"/>
                    </a:lnTo>
                    <a:lnTo>
                      <a:pt x="414" y="200"/>
                    </a:lnTo>
                    <a:lnTo>
                      <a:pt x="409" y="195"/>
                    </a:lnTo>
                    <a:lnTo>
                      <a:pt x="406" y="190"/>
                    </a:lnTo>
                    <a:lnTo>
                      <a:pt x="402" y="187"/>
                    </a:lnTo>
                    <a:lnTo>
                      <a:pt x="401" y="183"/>
                    </a:lnTo>
                    <a:lnTo>
                      <a:pt x="397" y="175"/>
                    </a:lnTo>
                    <a:lnTo>
                      <a:pt x="392" y="168"/>
                    </a:lnTo>
                    <a:lnTo>
                      <a:pt x="389" y="163"/>
                    </a:lnTo>
                    <a:lnTo>
                      <a:pt x="384" y="161"/>
                    </a:lnTo>
                    <a:lnTo>
                      <a:pt x="380" y="160"/>
                    </a:lnTo>
                    <a:lnTo>
                      <a:pt x="377" y="160"/>
                    </a:lnTo>
                    <a:lnTo>
                      <a:pt x="374" y="160"/>
                    </a:lnTo>
                    <a:lnTo>
                      <a:pt x="372" y="158"/>
                    </a:lnTo>
                    <a:lnTo>
                      <a:pt x="370" y="154"/>
                    </a:lnTo>
                    <a:lnTo>
                      <a:pt x="367" y="153"/>
                    </a:lnTo>
                    <a:lnTo>
                      <a:pt x="365" y="149"/>
                    </a:lnTo>
                    <a:lnTo>
                      <a:pt x="362" y="143"/>
                    </a:lnTo>
                    <a:lnTo>
                      <a:pt x="358" y="138"/>
                    </a:lnTo>
                    <a:lnTo>
                      <a:pt x="355" y="134"/>
                    </a:lnTo>
                    <a:lnTo>
                      <a:pt x="352" y="132"/>
                    </a:lnTo>
                    <a:lnTo>
                      <a:pt x="348" y="131"/>
                    </a:lnTo>
                    <a:lnTo>
                      <a:pt x="347" y="132"/>
                    </a:lnTo>
                    <a:lnTo>
                      <a:pt x="343" y="132"/>
                    </a:lnTo>
                    <a:lnTo>
                      <a:pt x="336" y="131"/>
                    </a:lnTo>
                    <a:lnTo>
                      <a:pt x="331" y="129"/>
                    </a:lnTo>
                    <a:lnTo>
                      <a:pt x="328" y="124"/>
                    </a:lnTo>
                    <a:lnTo>
                      <a:pt x="325" y="119"/>
                    </a:lnTo>
                    <a:lnTo>
                      <a:pt x="321" y="114"/>
                    </a:lnTo>
                    <a:lnTo>
                      <a:pt x="320" y="110"/>
                    </a:lnTo>
                    <a:lnTo>
                      <a:pt x="318" y="107"/>
                    </a:lnTo>
                    <a:lnTo>
                      <a:pt x="318" y="105"/>
                    </a:lnTo>
                    <a:lnTo>
                      <a:pt x="313" y="102"/>
                    </a:lnTo>
                    <a:lnTo>
                      <a:pt x="306" y="95"/>
                    </a:lnTo>
                    <a:lnTo>
                      <a:pt x="301" y="88"/>
                    </a:lnTo>
                    <a:lnTo>
                      <a:pt x="296" y="82"/>
                    </a:lnTo>
                    <a:lnTo>
                      <a:pt x="292" y="75"/>
                    </a:lnTo>
                    <a:lnTo>
                      <a:pt x="291" y="68"/>
                    </a:lnTo>
                    <a:lnTo>
                      <a:pt x="287" y="65"/>
                    </a:lnTo>
                    <a:lnTo>
                      <a:pt x="287" y="63"/>
                    </a:lnTo>
                    <a:lnTo>
                      <a:pt x="287" y="61"/>
                    </a:lnTo>
                    <a:lnTo>
                      <a:pt x="284" y="61"/>
                    </a:lnTo>
                    <a:lnTo>
                      <a:pt x="282" y="61"/>
                    </a:lnTo>
                    <a:lnTo>
                      <a:pt x="281" y="60"/>
                    </a:lnTo>
                    <a:lnTo>
                      <a:pt x="274" y="60"/>
                    </a:lnTo>
                    <a:lnTo>
                      <a:pt x="267" y="58"/>
                    </a:lnTo>
                    <a:lnTo>
                      <a:pt x="262" y="56"/>
                    </a:lnTo>
                    <a:lnTo>
                      <a:pt x="259" y="55"/>
                    </a:lnTo>
                    <a:lnTo>
                      <a:pt x="255" y="53"/>
                    </a:lnTo>
                    <a:lnTo>
                      <a:pt x="254" y="51"/>
                    </a:lnTo>
                    <a:lnTo>
                      <a:pt x="252" y="50"/>
                    </a:lnTo>
                    <a:lnTo>
                      <a:pt x="240" y="48"/>
                    </a:lnTo>
                    <a:lnTo>
                      <a:pt x="235" y="43"/>
                    </a:lnTo>
                    <a:lnTo>
                      <a:pt x="235" y="34"/>
                    </a:lnTo>
                    <a:lnTo>
                      <a:pt x="237" y="24"/>
                    </a:lnTo>
                    <a:lnTo>
                      <a:pt x="242" y="16"/>
                    </a:lnTo>
                    <a:lnTo>
                      <a:pt x="248" y="7"/>
                    </a:lnTo>
                    <a:lnTo>
                      <a:pt x="252" y="2"/>
                    </a:lnTo>
                    <a:lnTo>
                      <a:pt x="254" y="0"/>
                    </a:lnTo>
                    <a:lnTo>
                      <a:pt x="130" y="19"/>
                    </a:lnTo>
                    <a:lnTo>
                      <a:pt x="0" y="33"/>
                    </a:lnTo>
                    <a:lnTo>
                      <a:pt x="73" y="290"/>
                    </a:lnTo>
                    <a:lnTo>
                      <a:pt x="89" y="327"/>
                    </a:lnTo>
                    <a:lnTo>
                      <a:pt x="91" y="329"/>
                    </a:lnTo>
                    <a:lnTo>
                      <a:pt x="93" y="330"/>
                    </a:lnTo>
                    <a:lnTo>
                      <a:pt x="95" y="334"/>
                    </a:lnTo>
                    <a:lnTo>
                      <a:pt x="96" y="337"/>
                    </a:lnTo>
                    <a:lnTo>
                      <a:pt x="100" y="341"/>
                    </a:lnTo>
                    <a:lnTo>
                      <a:pt x="100" y="347"/>
                    </a:lnTo>
                    <a:lnTo>
                      <a:pt x="100" y="352"/>
                    </a:lnTo>
                    <a:lnTo>
                      <a:pt x="101" y="354"/>
                    </a:lnTo>
                    <a:lnTo>
                      <a:pt x="103" y="356"/>
                    </a:lnTo>
                    <a:lnTo>
                      <a:pt x="105" y="356"/>
                    </a:lnTo>
                    <a:lnTo>
                      <a:pt x="108" y="358"/>
                    </a:lnTo>
                    <a:lnTo>
                      <a:pt x="108" y="361"/>
                    </a:lnTo>
                    <a:lnTo>
                      <a:pt x="108" y="364"/>
                    </a:lnTo>
                    <a:lnTo>
                      <a:pt x="105" y="369"/>
                    </a:lnTo>
                    <a:lnTo>
                      <a:pt x="98" y="376"/>
                    </a:lnTo>
                    <a:lnTo>
                      <a:pt x="98" y="378"/>
                    </a:lnTo>
                    <a:lnTo>
                      <a:pt x="96" y="378"/>
                    </a:lnTo>
                    <a:lnTo>
                      <a:pt x="96" y="381"/>
                    </a:lnTo>
                    <a:lnTo>
                      <a:pt x="96" y="383"/>
                    </a:lnTo>
                    <a:lnTo>
                      <a:pt x="95" y="388"/>
                    </a:lnTo>
                    <a:lnTo>
                      <a:pt x="95" y="393"/>
                    </a:lnTo>
                    <a:lnTo>
                      <a:pt x="95" y="400"/>
                    </a:lnTo>
                    <a:lnTo>
                      <a:pt x="95" y="407"/>
                    </a:lnTo>
                    <a:lnTo>
                      <a:pt x="95" y="410"/>
                    </a:lnTo>
                    <a:lnTo>
                      <a:pt x="93" y="413"/>
                    </a:lnTo>
                    <a:lnTo>
                      <a:pt x="93" y="418"/>
                    </a:lnTo>
                    <a:lnTo>
                      <a:pt x="93" y="424"/>
                    </a:lnTo>
                    <a:lnTo>
                      <a:pt x="93" y="432"/>
                    </a:lnTo>
                    <a:lnTo>
                      <a:pt x="95" y="439"/>
                    </a:lnTo>
                    <a:lnTo>
                      <a:pt x="98" y="446"/>
                    </a:lnTo>
                    <a:lnTo>
                      <a:pt x="103" y="451"/>
                    </a:lnTo>
                    <a:lnTo>
                      <a:pt x="103" y="454"/>
                    </a:lnTo>
                    <a:lnTo>
                      <a:pt x="103" y="457"/>
                    </a:lnTo>
                    <a:lnTo>
                      <a:pt x="105" y="464"/>
                    </a:lnTo>
                    <a:lnTo>
                      <a:pt x="105" y="471"/>
                    </a:lnTo>
                    <a:lnTo>
                      <a:pt x="105" y="478"/>
                    </a:lnTo>
                    <a:lnTo>
                      <a:pt x="105" y="483"/>
                    </a:lnTo>
                    <a:lnTo>
                      <a:pt x="105" y="488"/>
                    </a:lnTo>
                    <a:lnTo>
                      <a:pt x="105" y="490"/>
                    </a:lnTo>
                    <a:lnTo>
                      <a:pt x="122" y="522"/>
                    </a:lnTo>
                    <a:lnTo>
                      <a:pt x="139" y="554"/>
                    </a:lnTo>
                    <a:lnTo>
                      <a:pt x="418" y="535"/>
                    </a:lnTo>
                    <a:lnTo>
                      <a:pt x="428" y="557"/>
                    </a:lnTo>
                    <a:lnTo>
                      <a:pt x="443" y="557"/>
                    </a:lnTo>
                    <a:lnTo>
                      <a:pt x="443" y="556"/>
                    </a:lnTo>
                    <a:lnTo>
                      <a:pt x="441" y="552"/>
                    </a:lnTo>
                    <a:lnTo>
                      <a:pt x="441" y="549"/>
                    </a:lnTo>
                    <a:lnTo>
                      <a:pt x="441" y="544"/>
                    </a:lnTo>
                    <a:lnTo>
                      <a:pt x="440" y="539"/>
                    </a:lnTo>
                    <a:lnTo>
                      <a:pt x="440" y="534"/>
                    </a:lnTo>
                    <a:lnTo>
                      <a:pt x="440" y="530"/>
                    </a:lnTo>
                    <a:lnTo>
                      <a:pt x="440" y="528"/>
                    </a:lnTo>
                    <a:lnTo>
                      <a:pt x="435" y="520"/>
                    </a:lnTo>
                    <a:lnTo>
                      <a:pt x="435" y="512"/>
                    </a:lnTo>
                    <a:lnTo>
                      <a:pt x="435" y="506"/>
                    </a:lnTo>
                    <a:lnTo>
                      <a:pt x="438" y="503"/>
                    </a:lnTo>
                    <a:lnTo>
                      <a:pt x="441" y="500"/>
                    </a:lnTo>
                    <a:lnTo>
                      <a:pt x="443" y="498"/>
                    </a:lnTo>
                    <a:lnTo>
                      <a:pt x="446" y="498"/>
                    </a:lnTo>
                    <a:lnTo>
                      <a:pt x="448" y="498"/>
                    </a:lnTo>
                    <a:lnTo>
                      <a:pt x="453" y="501"/>
                    </a:lnTo>
                    <a:lnTo>
                      <a:pt x="462" y="503"/>
                    </a:lnTo>
                    <a:lnTo>
                      <a:pt x="468" y="505"/>
                    </a:lnTo>
                    <a:lnTo>
                      <a:pt x="475" y="506"/>
                    </a:lnTo>
                    <a:lnTo>
                      <a:pt x="482" y="506"/>
                    </a:lnTo>
                    <a:lnTo>
                      <a:pt x="485" y="506"/>
                    </a:lnTo>
                    <a:lnTo>
                      <a:pt x="489" y="506"/>
                    </a:lnTo>
                    <a:lnTo>
                      <a:pt x="490" y="506"/>
                    </a:lnTo>
                    <a:lnTo>
                      <a:pt x="492" y="498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423" name="Group 183"/>
            <p:cNvGrpSpPr>
              <a:grpSpLocks/>
            </p:cNvGrpSpPr>
            <p:nvPr/>
          </p:nvGrpSpPr>
          <p:grpSpPr bwMode="auto">
            <a:xfrm>
              <a:off x="4720" y="1593"/>
              <a:ext cx="332" cy="182"/>
              <a:chOff x="4972" y="1195"/>
              <a:chExt cx="342" cy="188"/>
            </a:xfrm>
          </p:grpSpPr>
          <p:sp>
            <p:nvSpPr>
              <p:cNvPr id="426" name="Freeform 184"/>
              <p:cNvSpPr>
                <a:spLocks/>
              </p:cNvSpPr>
              <p:nvPr/>
            </p:nvSpPr>
            <p:spPr bwMode="auto">
              <a:xfrm>
                <a:off x="5289" y="1356"/>
                <a:ext cx="25" cy="17"/>
              </a:xfrm>
              <a:custGeom>
                <a:avLst/>
                <a:gdLst>
                  <a:gd name="T0" fmla="*/ 0 w 25"/>
                  <a:gd name="T1" fmla="*/ 17 h 17"/>
                  <a:gd name="T2" fmla="*/ 2 w 25"/>
                  <a:gd name="T3" fmla="*/ 17 h 17"/>
                  <a:gd name="T4" fmla="*/ 7 w 25"/>
                  <a:gd name="T5" fmla="*/ 17 h 17"/>
                  <a:gd name="T6" fmla="*/ 12 w 25"/>
                  <a:gd name="T7" fmla="*/ 17 h 17"/>
                  <a:gd name="T8" fmla="*/ 19 w 25"/>
                  <a:gd name="T9" fmla="*/ 15 h 17"/>
                  <a:gd name="T10" fmla="*/ 24 w 25"/>
                  <a:gd name="T11" fmla="*/ 13 h 17"/>
                  <a:gd name="T12" fmla="*/ 25 w 25"/>
                  <a:gd name="T13" fmla="*/ 10 h 17"/>
                  <a:gd name="T14" fmla="*/ 24 w 25"/>
                  <a:gd name="T15" fmla="*/ 6 h 17"/>
                  <a:gd name="T16" fmla="*/ 19 w 25"/>
                  <a:gd name="T17" fmla="*/ 1 h 17"/>
                  <a:gd name="T18" fmla="*/ 19 w 25"/>
                  <a:gd name="T19" fmla="*/ 0 h 17"/>
                  <a:gd name="T20" fmla="*/ 17 w 25"/>
                  <a:gd name="T21" fmla="*/ 0 h 17"/>
                  <a:gd name="T22" fmla="*/ 15 w 25"/>
                  <a:gd name="T23" fmla="*/ 3 h 17"/>
                  <a:gd name="T24" fmla="*/ 15 w 25"/>
                  <a:gd name="T25" fmla="*/ 8 h 17"/>
                  <a:gd name="T26" fmla="*/ 13 w 25"/>
                  <a:gd name="T27" fmla="*/ 8 h 17"/>
                  <a:gd name="T28" fmla="*/ 12 w 25"/>
                  <a:gd name="T29" fmla="*/ 8 h 17"/>
                  <a:gd name="T30" fmla="*/ 8 w 25"/>
                  <a:gd name="T31" fmla="*/ 8 h 17"/>
                  <a:gd name="T32" fmla="*/ 7 w 25"/>
                  <a:gd name="T33" fmla="*/ 8 h 17"/>
                  <a:gd name="T34" fmla="*/ 3 w 25"/>
                  <a:gd name="T35" fmla="*/ 10 h 17"/>
                  <a:gd name="T36" fmla="*/ 0 w 25"/>
                  <a:gd name="T37" fmla="*/ 12 h 17"/>
                  <a:gd name="T38" fmla="*/ 0 w 25"/>
                  <a:gd name="T39" fmla="*/ 13 h 17"/>
                  <a:gd name="T40" fmla="*/ 0 w 25"/>
                  <a:gd name="T41" fmla="*/ 17 h 17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25"/>
                  <a:gd name="T64" fmla="*/ 0 h 17"/>
                  <a:gd name="T65" fmla="*/ 25 w 25"/>
                  <a:gd name="T66" fmla="*/ 17 h 17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25" h="17">
                    <a:moveTo>
                      <a:pt x="0" y="17"/>
                    </a:moveTo>
                    <a:lnTo>
                      <a:pt x="2" y="17"/>
                    </a:lnTo>
                    <a:lnTo>
                      <a:pt x="7" y="17"/>
                    </a:lnTo>
                    <a:lnTo>
                      <a:pt x="12" y="17"/>
                    </a:lnTo>
                    <a:lnTo>
                      <a:pt x="19" y="15"/>
                    </a:lnTo>
                    <a:lnTo>
                      <a:pt x="24" y="13"/>
                    </a:lnTo>
                    <a:lnTo>
                      <a:pt x="25" y="10"/>
                    </a:lnTo>
                    <a:lnTo>
                      <a:pt x="24" y="6"/>
                    </a:lnTo>
                    <a:lnTo>
                      <a:pt x="19" y="1"/>
                    </a:lnTo>
                    <a:lnTo>
                      <a:pt x="19" y="0"/>
                    </a:lnTo>
                    <a:lnTo>
                      <a:pt x="17" y="0"/>
                    </a:lnTo>
                    <a:lnTo>
                      <a:pt x="15" y="3"/>
                    </a:lnTo>
                    <a:lnTo>
                      <a:pt x="15" y="8"/>
                    </a:lnTo>
                    <a:lnTo>
                      <a:pt x="13" y="8"/>
                    </a:lnTo>
                    <a:lnTo>
                      <a:pt x="12" y="8"/>
                    </a:lnTo>
                    <a:lnTo>
                      <a:pt x="8" y="8"/>
                    </a:lnTo>
                    <a:lnTo>
                      <a:pt x="7" y="8"/>
                    </a:lnTo>
                    <a:lnTo>
                      <a:pt x="3" y="10"/>
                    </a:lnTo>
                    <a:lnTo>
                      <a:pt x="0" y="12"/>
                    </a:lnTo>
                    <a:lnTo>
                      <a:pt x="0" y="13"/>
                    </a:lnTo>
                    <a:lnTo>
                      <a:pt x="0" y="1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27" name="Freeform 185"/>
              <p:cNvSpPr>
                <a:spLocks/>
              </p:cNvSpPr>
              <p:nvPr/>
            </p:nvSpPr>
            <p:spPr bwMode="auto">
              <a:xfrm>
                <a:off x="5289" y="1356"/>
                <a:ext cx="25" cy="17"/>
              </a:xfrm>
              <a:custGeom>
                <a:avLst/>
                <a:gdLst>
                  <a:gd name="T0" fmla="*/ 0 w 25"/>
                  <a:gd name="T1" fmla="*/ 17 h 17"/>
                  <a:gd name="T2" fmla="*/ 0 w 25"/>
                  <a:gd name="T3" fmla="*/ 17 h 17"/>
                  <a:gd name="T4" fmla="*/ 2 w 25"/>
                  <a:gd name="T5" fmla="*/ 17 h 17"/>
                  <a:gd name="T6" fmla="*/ 7 w 25"/>
                  <a:gd name="T7" fmla="*/ 17 h 17"/>
                  <a:gd name="T8" fmla="*/ 12 w 25"/>
                  <a:gd name="T9" fmla="*/ 17 h 17"/>
                  <a:gd name="T10" fmla="*/ 19 w 25"/>
                  <a:gd name="T11" fmla="*/ 15 h 17"/>
                  <a:gd name="T12" fmla="*/ 24 w 25"/>
                  <a:gd name="T13" fmla="*/ 13 h 17"/>
                  <a:gd name="T14" fmla="*/ 25 w 25"/>
                  <a:gd name="T15" fmla="*/ 10 h 17"/>
                  <a:gd name="T16" fmla="*/ 24 w 25"/>
                  <a:gd name="T17" fmla="*/ 6 h 17"/>
                  <a:gd name="T18" fmla="*/ 19 w 25"/>
                  <a:gd name="T19" fmla="*/ 1 h 17"/>
                  <a:gd name="T20" fmla="*/ 19 w 25"/>
                  <a:gd name="T21" fmla="*/ 1 h 17"/>
                  <a:gd name="T22" fmla="*/ 19 w 25"/>
                  <a:gd name="T23" fmla="*/ 0 h 17"/>
                  <a:gd name="T24" fmla="*/ 17 w 25"/>
                  <a:gd name="T25" fmla="*/ 0 h 17"/>
                  <a:gd name="T26" fmla="*/ 15 w 25"/>
                  <a:gd name="T27" fmla="*/ 3 h 17"/>
                  <a:gd name="T28" fmla="*/ 15 w 25"/>
                  <a:gd name="T29" fmla="*/ 8 h 17"/>
                  <a:gd name="T30" fmla="*/ 15 w 25"/>
                  <a:gd name="T31" fmla="*/ 8 h 17"/>
                  <a:gd name="T32" fmla="*/ 13 w 25"/>
                  <a:gd name="T33" fmla="*/ 8 h 17"/>
                  <a:gd name="T34" fmla="*/ 12 w 25"/>
                  <a:gd name="T35" fmla="*/ 8 h 17"/>
                  <a:gd name="T36" fmla="*/ 8 w 25"/>
                  <a:gd name="T37" fmla="*/ 8 h 17"/>
                  <a:gd name="T38" fmla="*/ 7 w 25"/>
                  <a:gd name="T39" fmla="*/ 8 h 17"/>
                  <a:gd name="T40" fmla="*/ 3 w 25"/>
                  <a:gd name="T41" fmla="*/ 10 h 17"/>
                  <a:gd name="T42" fmla="*/ 0 w 25"/>
                  <a:gd name="T43" fmla="*/ 12 h 17"/>
                  <a:gd name="T44" fmla="*/ 0 w 25"/>
                  <a:gd name="T45" fmla="*/ 13 h 17"/>
                  <a:gd name="T46" fmla="*/ 0 w 25"/>
                  <a:gd name="T47" fmla="*/ 17 h 17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25"/>
                  <a:gd name="T73" fmla="*/ 0 h 17"/>
                  <a:gd name="T74" fmla="*/ 25 w 25"/>
                  <a:gd name="T75" fmla="*/ 17 h 17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25" h="17">
                    <a:moveTo>
                      <a:pt x="0" y="17"/>
                    </a:moveTo>
                    <a:lnTo>
                      <a:pt x="0" y="17"/>
                    </a:lnTo>
                    <a:lnTo>
                      <a:pt x="2" y="17"/>
                    </a:lnTo>
                    <a:lnTo>
                      <a:pt x="7" y="17"/>
                    </a:lnTo>
                    <a:lnTo>
                      <a:pt x="12" y="17"/>
                    </a:lnTo>
                    <a:lnTo>
                      <a:pt x="19" y="15"/>
                    </a:lnTo>
                    <a:lnTo>
                      <a:pt x="24" y="13"/>
                    </a:lnTo>
                    <a:lnTo>
                      <a:pt x="25" y="10"/>
                    </a:lnTo>
                    <a:lnTo>
                      <a:pt x="24" y="6"/>
                    </a:lnTo>
                    <a:lnTo>
                      <a:pt x="19" y="1"/>
                    </a:lnTo>
                    <a:lnTo>
                      <a:pt x="19" y="0"/>
                    </a:lnTo>
                    <a:lnTo>
                      <a:pt x="17" y="0"/>
                    </a:lnTo>
                    <a:lnTo>
                      <a:pt x="15" y="3"/>
                    </a:lnTo>
                    <a:lnTo>
                      <a:pt x="15" y="8"/>
                    </a:lnTo>
                    <a:lnTo>
                      <a:pt x="13" y="8"/>
                    </a:lnTo>
                    <a:lnTo>
                      <a:pt x="12" y="8"/>
                    </a:lnTo>
                    <a:lnTo>
                      <a:pt x="8" y="8"/>
                    </a:lnTo>
                    <a:lnTo>
                      <a:pt x="7" y="8"/>
                    </a:lnTo>
                    <a:lnTo>
                      <a:pt x="3" y="10"/>
                    </a:lnTo>
                    <a:lnTo>
                      <a:pt x="0" y="12"/>
                    </a:lnTo>
                    <a:lnTo>
                      <a:pt x="0" y="13"/>
                    </a:lnTo>
                    <a:lnTo>
                      <a:pt x="0" y="1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28" name="Freeform 186"/>
              <p:cNvSpPr>
                <a:spLocks/>
              </p:cNvSpPr>
              <p:nvPr/>
            </p:nvSpPr>
            <p:spPr bwMode="auto">
              <a:xfrm>
                <a:off x="5235" y="1357"/>
                <a:ext cx="29" cy="26"/>
              </a:xfrm>
              <a:custGeom>
                <a:avLst/>
                <a:gdLst>
                  <a:gd name="T0" fmla="*/ 0 w 29"/>
                  <a:gd name="T1" fmla="*/ 19 h 26"/>
                  <a:gd name="T2" fmla="*/ 3 w 29"/>
                  <a:gd name="T3" fmla="*/ 26 h 26"/>
                  <a:gd name="T4" fmla="*/ 5 w 29"/>
                  <a:gd name="T5" fmla="*/ 26 h 26"/>
                  <a:gd name="T6" fmla="*/ 7 w 29"/>
                  <a:gd name="T7" fmla="*/ 24 h 26"/>
                  <a:gd name="T8" fmla="*/ 8 w 29"/>
                  <a:gd name="T9" fmla="*/ 21 h 26"/>
                  <a:gd name="T10" fmla="*/ 12 w 29"/>
                  <a:gd name="T11" fmla="*/ 19 h 26"/>
                  <a:gd name="T12" fmla="*/ 17 w 29"/>
                  <a:gd name="T13" fmla="*/ 16 h 26"/>
                  <a:gd name="T14" fmla="*/ 20 w 29"/>
                  <a:gd name="T15" fmla="*/ 12 h 26"/>
                  <a:gd name="T16" fmla="*/ 25 w 29"/>
                  <a:gd name="T17" fmla="*/ 12 h 26"/>
                  <a:gd name="T18" fmla="*/ 29 w 29"/>
                  <a:gd name="T19" fmla="*/ 11 h 26"/>
                  <a:gd name="T20" fmla="*/ 29 w 29"/>
                  <a:gd name="T21" fmla="*/ 9 h 26"/>
                  <a:gd name="T22" fmla="*/ 29 w 29"/>
                  <a:gd name="T23" fmla="*/ 5 h 26"/>
                  <a:gd name="T24" fmla="*/ 27 w 29"/>
                  <a:gd name="T25" fmla="*/ 4 h 26"/>
                  <a:gd name="T26" fmla="*/ 22 w 29"/>
                  <a:gd name="T27" fmla="*/ 4 h 26"/>
                  <a:gd name="T28" fmla="*/ 20 w 29"/>
                  <a:gd name="T29" fmla="*/ 4 h 26"/>
                  <a:gd name="T30" fmla="*/ 18 w 29"/>
                  <a:gd name="T31" fmla="*/ 2 h 26"/>
                  <a:gd name="T32" fmla="*/ 15 w 29"/>
                  <a:gd name="T33" fmla="*/ 0 h 26"/>
                  <a:gd name="T34" fmla="*/ 13 w 29"/>
                  <a:gd name="T35" fmla="*/ 0 h 26"/>
                  <a:gd name="T36" fmla="*/ 10 w 29"/>
                  <a:gd name="T37" fmla="*/ 4 h 26"/>
                  <a:gd name="T38" fmla="*/ 10 w 29"/>
                  <a:gd name="T39" fmla="*/ 7 h 26"/>
                  <a:gd name="T40" fmla="*/ 8 w 29"/>
                  <a:gd name="T41" fmla="*/ 11 h 26"/>
                  <a:gd name="T42" fmla="*/ 8 w 29"/>
                  <a:gd name="T43" fmla="*/ 14 h 26"/>
                  <a:gd name="T44" fmla="*/ 3 w 29"/>
                  <a:gd name="T45" fmla="*/ 17 h 26"/>
                  <a:gd name="T46" fmla="*/ 0 w 29"/>
                  <a:gd name="T47" fmla="*/ 19 h 2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29"/>
                  <a:gd name="T73" fmla="*/ 0 h 26"/>
                  <a:gd name="T74" fmla="*/ 29 w 29"/>
                  <a:gd name="T75" fmla="*/ 26 h 26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29" h="26">
                    <a:moveTo>
                      <a:pt x="0" y="19"/>
                    </a:moveTo>
                    <a:lnTo>
                      <a:pt x="3" y="26"/>
                    </a:lnTo>
                    <a:lnTo>
                      <a:pt x="5" y="26"/>
                    </a:lnTo>
                    <a:lnTo>
                      <a:pt x="7" y="24"/>
                    </a:lnTo>
                    <a:lnTo>
                      <a:pt x="8" y="21"/>
                    </a:lnTo>
                    <a:lnTo>
                      <a:pt x="12" y="19"/>
                    </a:lnTo>
                    <a:lnTo>
                      <a:pt x="17" y="16"/>
                    </a:lnTo>
                    <a:lnTo>
                      <a:pt x="20" y="12"/>
                    </a:lnTo>
                    <a:lnTo>
                      <a:pt x="25" y="12"/>
                    </a:lnTo>
                    <a:lnTo>
                      <a:pt x="29" y="11"/>
                    </a:lnTo>
                    <a:lnTo>
                      <a:pt x="29" y="9"/>
                    </a:lnTo>
                    <a:lnTo>
                      <a:pt x="29" y="5"/>
                    </a:lnTo>
                    <a:lnTo>
                      <a:pt x="27" y="4"/>
                    </a:lnTo>
                    <a:lnTo>
                      <a:pt x="22" y="4"/>
                    </a:lnTo>
                    <a:lnTo>
                      <a:pt x="20" y="4"/>
                    </a:lnTo>
                    <a:lnTo>
                      <a:pt x="18" y="2"/>
                    </a:lnTo>
                    <a:lnTo>
                      <a:pt x="15" y="0"/>
                    </a:lnTo>
                    <a:lnTo>
                      <a:pt x="13" y="0"/>
                    </a:lnTo>
                    <a:lnTo>
                      <a:pt x="10" y="4"/>
                    </a:lnTo>
                    <a:lnTo>
                      <a:pt x="10" y="7"/>
                    </a:lnTo>
                    <a:lnTo>
                      <a:pt x="8" y="11"/>
                    </a:lnTo>
                    <a:lnTo>
                      <a:pt x="8" y="14"/>
                    </a:lnTo>
                    <a:lnTo>
                      <a:pt x="3" y="17"/>
                    </a:lnTo>
                    <a:lnTo>
                      <a:pt x="0" y="1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29" name="Freeform 187"/>
              <p:cNvSpPr>
                <a:spLocks/>
              </p:cNvSpPr>
              <p:nvPr/>
            </p:nvSpPr>
            <p:spPr bwMode="auto">
              <a:xfrm>
                <a:off x="5235" y="1357"/>
                <a:ext cx="29" cy="26"/>
              </a:xfrm>
              <a:custGeom>
                <a:avLst/>
                <a:gdLst>
                  <a:gd name="T0" fmla="*/ 0 w 29"/>
                  <a:gd name="T1" fmla="*/ 19 h 26"/>
                  <a:gd name="T2" fmla="*/ 3 w 29"/>
                  <a:gd name="T3" fmla="*/ 26 h 26"/>
                  <a:gd name="T4" fmla="*/ 3 w 29"/>
                  <a:gd name="T5" fmla="*/ 26 h 26"/>
                  <a:gd name="T6" fmla="*/ 5 w 29"/>
                  <a:gd name="T7" fmla="*/ 26 h 26"/>
                  <a:gd name="T8" fmla="*/ 7 w 29"/>
                  <a:gd name="T9" fmla="*/ 24 h 26"/>
                  <a:gd name="T10" fmla="*/ 8 w 29"/>
                  <a:gd name="T11" fmla="*/ 21 h 26"/>
                  <a:gd name="T12" fmla="*/ 12 w 29"/>
                  <a:gd name="T13" fmla="*/ 19 h 26"/>
                  <a:gd name="T14" fmla="*/ 17 w 29"/>
                  <a:gd name="T15" fmla="*/ 16 h 26"/>
                  <a:gd name="T16" fmla="*/ 20 w 29"/>
                  <a:gd name="T17" fmla="*/ 12 h 26"/>
                  <a:gd name="T18" fmla="*/ 25 w 29"/>
                  <a:gd name="T19" fmla="*/ 12 h 26"/>
                  <a:gd name="T20" fmla="*/ 29 w 29"/>
                  <a:gd name="T21" fmla="*/ 11 h 26"/>
                  <a:gd name="T22" fmla="*/ 29 w 29"/>
                  <a:gd name="T23" fmla="*/ 11 h 26"/>
                  <a:gd name="T24" fmla="*/ 29 w 29"/>
                  <a:gd name="T25" fmla="*/ 9 h 26"/>
                  <a:gd name="T26" fmla="*/ 29 w 29"/>
                  <a:gd name="T27" fmla="*/ 5 h 26"/>
                  <a:gd name="T28" fmla="*/ 27 w 29"/>
                  <a:gd name="T29" fmla="*/ 4 h 26"/>
                  <a:gd name="T30" fmla="*/ 22 w 29"/>
                  <a:gd name="T31" fmla="*/ 4 h 26"/>
                  <a:gd name="T32" fmla="*/ 22 w 29"/>
                  <a:gd name="T33" fmla="*/ 4 h 26"/>
                  <a:gd name="T34" fmla="*/ 20 w 29"/>
                  <a:gd name="T35" fmla="*/ 4 h 26"/>
                  <a:gd name="T36" fmla="*/ 18 w 29"/>
                  <a:gd name="T37" fmla="*/ 2 h 26"/>
                  <a:gd name="T38" fmla="*/ 15 w 29"/>
                  <a:gd name="T39" fmla="*/ 0 h 26"/>
                  <a:gd name="T40" fmla="*/ 13 w 29"/>
                  <a:gd name="T41" fmla="*/ 0 h 26"/>
                  <a:gd name="T42" fmla="*/ 10 w 29"/>
                  <a:gd name="T43" fmla="*/ 4 h 26"/>
                  <a:gd name="T44" fmla="*/ 10 w 29"/>
                  <a:gd name="T45" fmla="*/ 7 h 26"/>
                  <a:gd name="T46" fmla="*/ 8 w 29"/>
                  <a:gd name="T47" fmla="*/ 11 h 26"/>
                  <a:gd name="T48" fmla="*/ 8 w 29"/>
                  <a:gd name="T49" fmla="*/ 14 h 26"/>
                  <a:gd name="T50" fmla="*/ 3 w 29"/>
                  <a:gd name="T51" fmla="*/ 17 h 26"/>
                  <a:gd name="T52" fmla="*/ 0 w 29"/>
                  <a:gd name="T53" fmla="*/ 19 h 2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w 29"/>
                  <a:gd name="T82" fmla="*/ 0 h 26"/>
                  <a:gd name="T83" fmla="*/ 29 w 29"/>
                  <a:gd name="T84" fmla="*/ 26 h 2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T81" t="T82" r="T83" b="T84"/>
                <a:pathLst>
                  <a:path w="29" h="26">
                    <a:moveTo>
                      <a:pt x="0" y="19"/>
                    </a:moveTo>
                    <a:lnTo>
                      <a:pt x="3" y="26"/>
                    </a:lnTo>
                    <a:lnTo>
                      <a:pt x="5" y="26"/>
                    </a:lnTo>
                    <a:lnTo>
                      <a:pt x="7" y="24"/>
                    </a:lnTo>
                    <a:lnTo>
                      <a:pt x="8" y="21"/>
                    </a:lnTo>
                    <a:lnTo>
                      <a:pt x="12" y="19"/>
                    </a:lnTo>
                    <a:lnTo>
                      <a:pt x="17" y="16"/>
                    </a:lnTo>
                    <a:lnTo>
                      <a:pt x="20" y="12"/>
                    </a:lnTo>
                    <a:lnTo>
                      <a:pt x="25" y="12"/>
                    </a:lnTo>
                    <a:lnTo>
                      <a:pt x="29" y="11"/>
                    </a:lnTo>
                    <a:lnTo>
                      <a:pt x="29" y="9"/>
                    </a:lnTo>
                    <a:lnTo>
                      <a:pt x="29" y="5"/>
                    </a:lnTo>
                    <a:lnTo>
                      <a:pt x="27" y="4"/>
                    </a:lnTo>
                    <a:lnTo>
                      <a:pt x="22" y="4"/>
                    </a:lnTo>
                    <a:lnTo>
                      <a:pt x="20" y="4"/>
                    </a:lnTo>
                    <a:lnTo>
                      <a:pt x="18" y="2"/>
                    </a:lnTo>
                    <a:lnTo>
                      <a:pt x="15" y="0"/>
                    </a:lnTo>
                    <a:lnTo>
                      <a:pt x="13" y="0"/>
                    </a:lnTo>
                    <a:lnTo>
                      <a:pt x="10" y="4"/>
                    </a:lnTo>
                    <a:lnTo>
                      <a:pt x="10" y="7"/>
                    </a:lnTo>
                    <a:lnTo>
                      <a:pt x="8" y="11"/>
                    </a:lnTo>
                    <a:lnTo>
                      <a:pt x="8" y="14"/>
                    </a:lnTo>
                    <a:lnTo>
                      <a:pt x="3" y="17"/>
                    </a:lnTo>
                    <a:lnTo>
                      <a:pt x="0" y="19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430" name="Freeform 188"/>
              <p:cNvSpPr>
                <a:spLocks/>
              </p:cNvSpPr>
              <p:nvPr/>
            </p:nvSpPr>
            <p:spPr bwMode="auto">
              <a:xfrm>
                <a:off x="4972" y="1195"/>
                <a:ext cx="329" cy="167"/>
              </a:xfrm>
              <a:custGeom>
                <a:avLst/>
                <a:gdLst>
                  <a:gd name="T0" fmla="*/ 2 w 329"/>
                  <a:gd name="T1" fmla="*/ 69 h 167"/>
                  <a:gd name="T2" fmla="*/ 17 w 329"/>
                  <a:gd name="T3" fmla="*/ 68 h 167"/>
                  <a:gd name="T4" fmla="*/ 43 w 329"/>
                  <a:gd name="T5" fmla="*/ 61 h 167"/>
                  <a:gd name="T6" fmla="*/ 63 w 329"/>
                  <a:gd name="T7" fmla="*/ 56 h 167"/>
                  <a:gd name="T8" fmla="*/ 171 w 329"/>
                  <a:gd name="T9" fmla="*/ 32 h 167"/>
                  <a:gd name="T10" fmla="*/ 182 w 329"/>
                  <a:gd name="T11" fmla="*/ 20 h 167"/>
                  <a:gd name="T12" fmla="*/ 197 w 329"/>
                  <a:gd name="T13" fmla="*/ 3 h 167"/>
                  <a:gd name="T14" fmla="*/ 210 w 329"/>
                  <a:gd name="T15" fmla="*/ 0 h 167"/>
                  <a:gd name="T16" fmla="*/ 210 w 329"/>
                  <a:gd name="T17" fmla="*/ 2 h 167"/>
                  <a:gd name="T18" fmla="*/ 215 w 329"/>
                  <a:gd name="T19" fmla="*/ 13 h 167"/>
                  <a:gd name="T20" fmla="*/ 227 w 329"/>
                  <a:gd name="T21" fmla="*/ 22 h 167"/>
                  <a:gd name="T22" fmla="*/ 232 w 329"/>
                  <a:gd name="T23" fmla="*/ 27 h 167"/>
                  <a:gd name="T24" fmla="*/ 220 w 329"/>
                  <a:gd name="T25" fmla="*/ 41 h 167"/>
                  <a:gd name="T26" fmla="*/ 217 w 329"/>
                  <a:gd name="T27" fmla="*/ 52 h 167"/>
                  <a:gd name="T28" fmla="*/ 214 w 329"/>
                  <a:gd name="T29" fmla="*/ 73 h 167"/>
                  <a:gd name="T30" fmla="*/ 242 w 329"/>
                  <a:gd name="T31" fmla="*/ 78 h 167"/>
                  <a:gd name="T32" fmla="*/ 254 w 329"/>
                  <a:gd name="T33" fmla="*/ 91 h 167"/>
                  <a:gd name="T34" fmla="*/ 259 w 329"/>
                  <a:gd name="T35" fmla="*/ 107 h 167"/>
                  <a:gd name="T36" fmla="*/ 268 w 329"/>
                  <a:gd name="T37" fmla="*/ 107 h 167"/>
                  <a:gd name="T38" fmla="*/ 268 w 329"/>
                  <a:gd name="T39" fmla="*/ 112 h 167"/>
                  <a:gd name="T40" fmla="*/ 280 w 329"/>
                  <a:gd name="T41" fmla="*/ 120 h 167"/>
                  <a:gd name="T42" fmla="*/ 305 w 329"/>
                  <a:gd name="T43" fmla="*/ 120 h 167"/>
                  <a:gd name="T44" fmla="*/ 319 w 329"/>
                  <a:gd name="T45" fmla="*/ 105 h 167"/>
                  <a:gd name="T46" fmla="*/ 312 w 329"/>
                  <a:gd name="T47" fmla="*/ 91 h 167"/>
                  <a:gd name="T48" fmla="*/ 298 w 329"/>
                  <a:gd name="T49" fmla="*/ 81 h 167"/>
                  <a:gd name="T50" fmla="*/ 293 w 329"/>
                  <a:gd name="T51" fmla="*/ 85 h 167"/>
                  <a:gd name="T52" fmla="*/ 292 w 329"/>
                  <a:gd name="T53" fmla="*/ 78 h 167"/>
                  <a:gd name="T54" fmla="*/ 310 w 329"/>
                  <a:gd name="T55" fmla="*/ 81 h 167"/>
                  <a:gd name="T56" fmla="*/ 329 w 329"/>
                  <a:gd name="T57" fmla="*/ 113 h 167"/>
                  <a:gd name="T58" fmla="*/ 329 w 329"/>
                  <a:gd name="T59" fmla="*/ 122 h 167"/>
                  <a:gd name="T60" fmla="*/ 329 w 329"/>
                  <a:gd name="T61" fmla="*/ 125 h 167"/>
                  <a:gd name="T62" fmla="*/ 322 w 329"/>
                  <a:gd name="T63" fmla="*/ 123 h 167"/>
                  <a:gd name="T64" fmla="*/ 308 w 329"/>
                  <a:gd name="T65" fmla="*/ 132 h 167"/>
                  <a:gd name="T66" fmla="*/ 297 w 329"/>
                  <a:gd name="T67" fmla="*/ 135 h 167"/>
                  <a:gd name="T68" fmla="*/ 286 w 329"/>
                  <a:gd name="T69" fmla="*/ 147 h 167"/>
                  <a:gd name="T70" fmla="*/ 273 w 329"/>
                  <a:gd name="T71" fmla="*/ 157 h 167"/>
                  <a:gd name="T72" fmla="*/ 270 w 329"/>
                  <a:gd name="T73" fmla="*/ 134 h 167"/>
                  <a:gd name="T74" fmla="*/ 259 w 329"/>
                  <a:gd name="T75" fmla="*/ 130 h 167"/>
                  <a:gd name="T76" fmla="*/ 258 w 329"/>
                  <a:gd name="T77" fmla="*/ 152 h 167"/>
                  <a:gd name="T78" fmla="*/ 258 w 329"/>
                  <a:gd name="T79" fmla="*/ 145 h 167"/>
                  <a:gd name="T80" fmla="*/ 246 w 329"/>
                  <a:gd name="T81" fmla="*/ 151 h 167"/>
                  <a:gd name="T82" fmla="*/ 246 w 329"/>
                  <a:gd name="T83" fmla="*/ 159 h 167"/>
                  <a:gd name="T84" fmla="*/ 232 w 329"/>
                  <a:gd name="T85" fmla="*/ 167 h 167"/>
                  <a:gd name="T86" fmla="*/ 229 w 329"/>
                  <a:gd name="T87" fmla="*/ 161 h 167"/>
                  <a:gd name="T88" fmla="*/ 227 w 329"/>
                  <a:gd name="T89" fmla="*/ 156 h 167"/>
                  <a:gd name="T90" fmla="*/ 200 w 329"/>
                  <a:gd name="T91" fmla="*/ 129 h 167"/>
                  <a:gd name="T92" fmla="*/ 154 w 329"/>
                  <a:gd name="T93" fmla="*/ 122 h 167"/>
                  <a:gd name="T94" fmla="*/ 66 w 329"/>
                  <a:gd name="T95" fmla="*/ 144 h 167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w 329"/>
                  <a:gd name="T145" fmla="*/ 0 h 167"/>
                  <a:gd name="T146" fmla="*/ 329 w 329"/>
                  <a:gd name="T147" fmla="*/ 167 h 167"/>
                </a:gdLst>
                <a:ahLst/>
                <a:cxnLst>
                  <a:cxn ang="T96">
                    <a:pos x="T0" y="T1"/>
                  </a:cxn>
                  <a:cxn ang="T97">
                    <a:pos x="T2" y="T3"/>
                  </a:cxn>
                  <a:cxn ang="T98">
                    <a:pos x="T4" y="T5"/>
                  </a:cxn>
                  <a:cxn ang="T99">
                    <a:pos x="T6" y="T7"/>
                  </a:cxn>
                  <a:cxn ang="T100">
                    <a:pos x="T8" y="T9"/>
                  </a:cxn>
                  <a:cxn ang="T101">
                    <a:pos x="T10" y="T11"/>
                  </a:cxn>
                  <a:cxn ang="T102">
                    <a:pos x="T12" y="T13"/>
                  </a:cxn>
                  <a:cxn ang="T103">
                    <a:pos x="T14" y="T15"/>
                  </a:cxn>
                  <a:cxn ang="T104">
                    <a:pos x="T16" y="T17"/>
                  </a:cxn>
                  <a:cxn ang="T105">
                    <a:pos x="T18" y="T19"/>
                  </a:cxn>
                  <a:cxn ang="T106">
                    <a:pos x="T20" y="T21"/>
                  </a:cxn>
                  <a:cxn ang="T107">
                    <a:pos x="T22" y="T23"/>
                  </a:cxn>
                  <a:cxn ang="T108">
                    <a:pos x="T24" y="T25"/>
                  </a:cxn>
                  <a:cxn ang="T109">
                    <a:pos x="T26" y="T27"/>
                  </a:cxn>
                  <a:cxn ang="T110">
                    <a:pos x="T28" y="T29"/>
                  </a:cxn>
                  <a:cxn ang="T111">
                    <a:pos x="T30" y="T31"/>
                  </a:cxn>
                  <a:cxn ang="T112">
                    <a:pos x="T32" y="T33"/>
                  </a:cxn>
                  <a:cxn ang="T113">
                    <a:pos x="T34" y="T35"/>
                  </a:cxn>
                  <a:cxn ang="T114">
                    <a:pos x="T36" y="T37"/>
                  </a:cxn>
                  <a:cxn ang="T115">
                    <a:pos x="T38" y="T39"/>
                  </a:cxn>
                  <a:cxn ang="T116">
                    <a:pos x="T40" y="T41"/>
                  </a:cxn>
                  <a:cxn ang="T117">
                    <a:pos x="T42" y="T43"/>
                  </a:cxn>
                  <a:cxn ang="T118">
                    <a:pos x="T44" y="T45"/>
                  </a:cxn>
                  <a:cxn ang="T119">
                    <a:pos x="T46" y="T47"/>
                  </a:cxn>
                  <a:cxn ang="T120">
                    <a:pos x="T48" y="T49"/>
                  </a:cxn>
                  <a:cxn ang="T121">
                    <a:pos x="T50" y="T51"/>
                  </a:cxn>
                  <a:cxn ang="T122">
                    <a:pos x="T52" y="T53"/>
                  </a:cxn>
                  <a:cxn ang="T123">
                    <a:pos x="T54" y="T55"/>
                  </a:cxn>
                  <a:cxn ang="T124">
                    <a:pos x="T56" y="T57"/>
                  </a:cxn>
                  <a:cxn ang="T125">
                    <a:pos x="T58" y="T59"/>
                  </a:cxn>
                  <a:cxn ang="T126">
                    <a:pos x="T60" y="T61"/>
                  </a:cxn>
                  <a:cxn ang="T127">
                    <a:pos x="T62" y="T63"/>
                  </a:cxn>
                  <a:cxn ang="T128">
                    <a:pos x="T64" y="T65"/>
                  </a:cxn>
                  <a:cxn ang="T129">
                    <a:pos x="T66" y="T67"/>
                  </a:cxn>
                  <a:cxn ang="T130">
                    <a:pos x="T68" y="T69"/>
                  </a:cxn>
                  <a:cxn ang="T131">
                    <a:pos x="T70" y="T71"/>
                  </a:cxn>
                  <a:cxn ang="T132">
                    <a:pos x="T72" y="T73"/>
                  </a:cxn>
                  <a:cxn ang="T133">
                    <a:pos x="T74" y="T75"/>
                  </a:cxn>
                  <a:cxn ang="T134">
                    <a:pos x="T76" y="T77"/>
                  </a:cxn>
                  <a:cxn ang="T135">
                    <a:pos x="T78" y="T79"/>
                  </a:cxn>
                  <a:cxn ang="T136">
                    <a:pos x="T80" y="T81"/>
                  </a:cxn>
                  <a:cxn ang="T137">
                    <a:pos x="T82" y="T83"/>
                  </a:cxn>
                  <a:cxn ang="T138">
                    <a:pos x="T84" y="T85"/>
                  </a:cxn>
                  <a:cxn ang="T139">
                    <a:pos x="T86" y="T87"/>
                  </a:cxn>
                  <a:cxn ang="T140">
                    <a:pos x="T88" y="T89"/>
                  </a:cxn>
                  <a:cxn ang="T141">
                    <a:pos x="T90" y="T91"/>
                  </a:cxn>
                  <a:cxn ang="T142">
                    <a:pos x="T92" y="T93"/>
                  </a:cxn>
                  <a:cxn ang="T143">
                    <a:pos x="T94" y="T95"/>
                  </a:cxn>
                </a:cxnLst>
                <a:rect l="T144" t="T145" r="T146" b="T147"/>
                <a:pathLst>
                  <a:path w="329" h="167">
                    <a:moveTo>
                      <a:pt x="6" y="157"/>
                    </a:moveTo>
                    <a:lnTo>
                      <a:pt x="0" y="157"/>
                    </a:lnTo>
                    <a:lnTo>
                      <a:pt x="2" y="71"/>
                    </a:lnTo>
                    <a:lnTo>
                      <a:pt x="2" y="69"/>
                    </a:lnTo>
                    <a:lnTo>
                      <a:pt x="6" y="69"/>
                    </a:lnTo>
                    <a:lnTo>
                      <a:pt x="9" y="69"/>
                    </a:lnTo>
                    <a:lnTo>
                      <a:pt x="12" y="68"/>
                    </a:lnTo>
                    <a:lnTo>
                      <a:pt x="17" y="68"/>
                    </a:lnTo>
                    <a:lnTo>
                      <a:pt x="24" y="66"/>
                    </a:lnTo>
                    <a:lnTo>
                      <a:pt x="29" y="64"/>
                    </a:lnTo>
                    <a:lnTo>
                      <a:pt x="36" y="63"/>
                    </a:lnTo>
                    <a:lnTo>
                      <a:pt x="43" y="61"/>
                    </a:lnTo>
                    <a:lnTo>
                      <a:pt x="48" y="59"/>
                    </a:lnTo>
                    <a:lnTo>
                      <a:pt x="55" y="57"/>
                    </a:lnTo>
                    <a:lnTo>
                      <a:pt x="60" y="56"/>
                    </a:lnTo>
                    <a:lnTo>
                      <a:pt x="63" y="56"/>
                    </a:lnTo>
                    <a:lnTo>
                      <a:pt x="66" y="54"/>
                    </a:lnTo>
                    <a:lnTo>
                      <a:pt x="68" y="54"/>
                    </a:lnTo>
                    <a:lnTo>
                      <a:pt x="70" y="54"/>
                    </a:lnTo>
                    <a:lnTo>
                      <a:pt x="171" y="32"/>
                    </a:lnTo>
                    <a:lnTo>
                      <a:pt x="178" y="25"/>
                    </a:lnTo>
                    <a:lnTo>
                      <a:pt x="180" y="25"/>
                    </a:lnTo>
                    <a:lnTo>
                      <a:pt x="180" y="22"/>
                    </a:lnTo>
                    <a:lnTo>
                      <a:pt x="182" y="20"/>
                    </a:lnTo>
                    <a:lnTo>
                      <a:pt x="183" y="19"/>
                    </a:lnTo>
                    <a:lnTo>
                      <a:pt x="187" y="12"/>
                    </a:lnTo>
                    <a:lnTo>
                      <a:pt x="192" y="7"/>
                    </a:lnTo>
                    <a:lnTo>
                      <a:pt x="197" y="3"/>
                    </a:lnTo>
                    <a:lnTo>
                      <a:pt x="202" y="0"/>
                    </a:lnTo>
                    <a:lnTo>
                      <a:pt x="205" y="0"/>
                    </a:lnTo>
                    <a:lnTo>
                      <a:pt x="209" y="0"/>
                    </a:lnTo>
                    <a:lnTo>
                      <a:pt x="210" y="0"/>
                    </a:lnTo>
                    <a:lnTo>
                      <a:pt x="212" y="0"/>
                    </a:lnTo>
                    <a:lnTo>
                      <a:pt x="210" y="0"/>
                    </a:lnTo>
                    <a:lnTo>
                      <a:pt x="210" y="2"/>
                    </a:lnTo>
                    <a:lnTo>
                      <a:pt x="210" y="3"/>
                    </a:lnTo>
                    <a:lnTo>
                      <a:pt x="212" y="7"/>
                    </a:lnTo>
                    <a:lnTo>
                      <a:pt x="214" y="10"/>
                    </a:lnTo>
                    <a:lnTo>
                      <a:pt x="215" y="13"/>
                    </a:lnTo>
                    <a:lnTo>
                      <a:pt x="220" y="17"/>
                    </a:lnTo>
                    <a:lnTo>
                      <a:pt x="226" y="22"/>
                    </a:lnTo>
                    <a:lnTo>
                      <a:pt x="227" y="22"/>
                    </a:lnTo>
                    <a:lnTo>
                      <a:pt x="231" y="22"/>
                    </a:lnTo>
                    <a:lnTo>
                      <a:pt x="232" y="24"/>
                    </a:lnTo>
                    <a:lnTo>
                      <a:pt x="234" y="24"/>
                    </a:lnTo>
                    <a:lnTo>
                      <a:pt x="232" y="27"/>
                    </a:lnTo>
                    <a:lnTo>
                      <a:pt x="229" y="30"/>
                    </a:lnTo>
                    <a:lnTo>
                      <a:pt x="220" y="35"/>
                    </a:lnTo>
                    <a:lnTo>
                      <a:pt x="220" y="37"/>
                    </a:lnTo>
                    <a:lnTo>
                      <a:pt x="220" y="41"/>
                    </a:lnTo>
                    <a:lnTo>
                      <a:pt x="220" y="46"/>
                    </a:lnTo>
                    <a:lnTo>
                      <a:pt x="219" y="47"/>
                    </a:lnTo>
                    <a:lnTo>
                      <a:pt x="217" y="52"/>
                    </a:lnTo>
                    <a:lnTo>
                      <a:pt x="214" y="57"/>
                    </a:lnTo>
                    <a:lnTo>
                      <a:pt x="212" y="64"/>
                    </a:lnTo>
                    <a:lnTo>
                      <a:pt x="212" y="69"/>
                    </a:lnTo>
                    <a:lnTo>
                      <a:pt x="214" y="73"/>
                    </a:lnTo>
                    <a:lnTo>
                      <a:pt x="219" y="73"/>
                    </a:lnTo>
                    <a:lnTo>
                      <a:pt x="227" y="71"/>
                    </a:lnTo>
                    <a:lnTo>
                      <a:pt x="234" y="73"/>
                    </a:lnTo>
                    <a:lnTo>
                      <a:pt x="242" y="78"/>
                    </a:lnTo>
                    <a:lnTo>
                      <a:pt x="248" y="86"/>
                    </a:lnTo>
                    <a:lnTo>
                      <a:pt x="253" y="86"/>
                    </a:lnTo>
                    <a:lnTo>
                      <a:pt x="253" y="88"/>
                    </a:lnTo>
                    <a:lnTo>
                      <a:pt x="254" y="91"/>
                    </a:lnTo>
                    <a:lnTo>
                      <a:pt x="254" y="95"/>
                    </a:lnTo>
                    <a:lnTo>
                      <a:pt x="256" y="100"/>
                    </a:lnTo>
                    <a:lnTo>
                      <a:pt x="258" y="103"/>
                    </a:lnTo>
                    <a:lnTo>
                      <a:pt x="259" y="107"/>
                    </a:lnTo>
                    <a:lnTo>
                      <a:pt x="261" y="107"/>
                    </a:lnTo>
                    <a:lnTo>
                      <a:pt x="264" y="105"/>
                    </a:lnTo>
                    <a:lnTo>
                      <a:pt x="266" y="105"/>
                    </a:lnTo>
                    <a:lnTo>
                      <a:pt x="268" y="107"/>
                    </a:lnTo>
                    <a:lnTo>
                      <a:pt x="268" y="108"/>
                    </a:lnTo>
                    <a:lnTo>
                      <a:pt x="268" y="110"/>
                    </a:lnTo>
                    <a:lnTo>
                      <a:pt x="268" y="112"/>
                    </a:lnTo>
                    <a:lnTo>
                      <a:pt x="270" y="113"/>
                    </a:lnTo>
                    <a:lnTo>
                      <a:pt x="271" y="115"/>
                    </a:lnTo>
                    <a:lnTo>
                      <a:pt x="275" y="118"/>
                    </a:lnTo>
                    <a:lnTo>
                      <a:pt x="280" y="120"/>
                    </a:lnTo>
                    <a:lnTo>
                      <a:pt x="288" y="122"/>
                    </a:lnTo>
                    <a:lnTo>
                      <a:pt x="298" y="122"/>
                    </a:lnTo>
                    <a:lnTo>
                      <a:pt x="302" y="120"/>
                    </a:lnTo>
                    <a:lnTo>
                      <a:pt x="305" y="120"/>
                    </a:lnTo>
                    <a:lnTo>
                      <a:pt x="308" y="117"/>
                    </a:lnTo>
                    <a:lnTo>
                      <a:pt x="314" y="113"/>
                    </a:lnTo>
                    <a:lnTo>
                      <a:pt x="317" y="110"/>
                    </a:lnTo>
                    <a:lnTo>
                      <a:pt x="319" y="105"/>
                    </a:lnTo>
                    <a:lnTo>
                      <a:pt x="319" y="101"/>
                    </a:lnTo>
                    <a:lnTo>
                      <a:pt x="315" y="96"/>
                    </a:lnTo>
                    <a:lnTo>
                      <a:pt x="314" y="95"/>
                    </a:lnTo>
                    <a:lnTo>
                      <a:pt x="312" y="91"/>
                    </a:lnTo>
                    <a:lnTo>
                      <a:pt x="308" y="90"/>
                    </a:lnTo>
                    <a:lnTo>
                      <a:pt x="305" y="85"/>
                    </a:lnTo>
                    <a:lnTo>
                      <a:pt x="302" y="83"/>
                    </a:lnTo>
                    <a:lnTo>
                      <a:pt x="298" y="81"/>
                    </a:lnTo>
                    <a:lnTo>
                      <a:pt x="297" y="81"/>
                    </a:lnTo>
                    <a:lnTo>
                      <a:pt x="293" y="85"/>
                    </a:lnTo>
                    <a:lnTo>
                      <a:pt x="292" y="86"/>
                    </a:lnTo>
                    <a:lnTo>
                      <a:pt x="292" y="78"/>
                    </a:lnTo>
                    <a:lnTo>
                      <a:pt x="295" y="76"/>
                    </a:lnTo>
                    <a:lnTo>
                      <a:pt x="298" y="76"/>
                    </a:lnTo>
                    <a:lnTo>
                      <a:pt x="305" y="78"/>
                    </a:lnTo>
                    <a:lnTo>
                      <a:pt x="310" y="81"/>
                    </a:lnTo>
                    <a:lnTo>
                      <a:pt x="317" y="88"/>
                    </a:lnTo>
                    <a:lnTo>
                      <a:pt x="324" y="98"/>
                    </a:lnTo>
                    <a:lnTo>
                      <a:pt x="329" y="113"/>
                    </a:lnTo>
                    <a:lnTo>
                      <a:pt x="329" y="115"/>
                    </a:lnTo>
                    <a:lnTo>
                      <a:pt x="329" y="117"/>
                    </a:lnTo>
                    <a:lnTo>
                      <a:pt x="329" y="120"/>
                    </a:lnTo>
                    <a:lnTo>
                      <a:pt x="329" y="122"/>
                    </a:lnTo>
                    <a:lnTo>
                      <a:pt x="329" y="123"/>
                    </a:lnTo>
                    <a:lnTo>
                      <a:pt x="329" y="125"/>
                    </a:lnTo>
                    <a:lnTo>
                      <a:pt x="327" y="125"/>
                    </a:lnTo>
                    <a:lnTo>
                      <a:pt x="325" y="123"/>
                    </a:lnTo>
                    <a:lnTo>
                      <a:pt x="324" y="123"/>
                    </a:lnTo>
                    <a:lnTo>
                      <a:pt x="322" y="123"/>
                    </a:lnTo>
                    <a:lnTo>
                      <a:pt x="319" y="125"/>
                    </a:lnTo>
                    <a:lnTo>
                      <a:pt x="314" y="127"/>
                    </a:lnTo>
                    <a:lnTo>
                      <a:pt x="310" y="130"/>
                    </a:lnTo>
                    <a:lnTo>
                      <a:pt x="308" y="132"/>
                    </a:lnTo>
                    <a:lnTo>
                      <a:pt x="307" y="132"/>
                    </a:lnTo>
                    <a:lnTo>
                      <a:pt x="303" y="132"/>
                    </a:lnTo>
                    <a:lnTo>
                      <a:pt x="300" y="134"/>
                    </a:lnTo>
                    <a:lnTo>
                      <a:pt x="297" y="135"/>
                    </a:lnTo>
                    <a:lnTo>
                      <a:pt x="293" y="139"/>
                    </a:lnTo>
                    <a:lnTo>
                      <a:pt x="290" y="142"/>
                    </a:lnTo>
                    <a:lnTo>
                      <a:pt x="286" y="145"/>
                    </a:lnTo>
                    <a:lnTo>
                      <a:pt x="286" y="147"/>
                    </a:lnTo>
                    <a:lnTo>
                      <a:pt x="285" y="147"/>
                    </a:lnTo>
                    <a:lnTo>
                      <a:pt x="283" y="147"/>
                    </a:lnTo>
                    <a:lnTo>
                      <a:pt x="283" y="149"/>
                    </a:lnTo>
                    <a:lnTo>
                      <a:pt x="273" y="157"/>
                    </a:lnTo>
                    <a:lnTo>
                      <a:pt x="268" y="154"/>
                    </a:lnTo>
                    <a:lnTo>
                      <a:pt x="270" y="140"/>
                    </a:lnTo>
                    <a:lnTo>
                      <a:pt x="270" y="137"/>
                    </a:lnTo>
                    <a:lnTo>
                      <a:pt x="270" y="134"/>
                    </a:lnTo>
                    <a:lnTo>
                      <a:pt x="268" y="132"/>
                    </a:lnTo>
                    <a:lnTo>
                      <a:pt x="264" y="129"/>
                    </a:lnTo>
                    <a:lnTo>
                      <a:pt x="263" y="129"/>
                    </a:lnTo>
                    <a:lnTo>
                      <a:pt x="259" y="130"/>
                    </a:lnTo>
                    <a:lnTo>
                      <a:pt x="258" y="135"/>
                    </a:lnTo>
                    <a:lnTo>
                      <a:pt x="258" y="142"/>
                    </a:lnTo>
                    <a:lnTo>
                      <a:pt x="258" y="151"/>
                    </a:lnTo>
                    <a:lnTo>
                      <a:pt x="258" y="152"/>
                    </a:lnTo>
                    <a:lnTo>
                      <a:pt x="258" y="154"/>
                    </a:lnTo>
                    <a:lnTo>
                      <a:pt x="258" y="152"/>
                    </a:lnTo>
                    <a:lnTo>
                      <a:pt x="258" y="149"/>
                    </a:lnTo>
                    <a:lnTo>
                      <a:pt x="258" y="145"/>
                    </a:lnTo>
                    <a:lnTo>
                      <a:pt x="258" y="144"/>
                    </a:lnTo>
                    <a:lnTo>
                      <a:pt x="258" y="142"/>
                    </a:lnTo>
                    <a:lnTo>
                      <a:pt x="249" y="151"/>
                    </a:lnTo>
                    <a:lnTo>
                      <a:pt x="246" y="151"/>
                    </a:lnTo>
                    <a:lnTo>
                      <a:pt x="246" y="152"/>
                    </a:lnTo>
                    <a:lnTo>
                      <a:pt x="246" y="156"/>
                    </a:lnTo>
                    <a:lnTo>
                      <a:pt x="246" y="159"/>
                    </a:lnTo>
                    <a:lnTo>
                      <a:pt x="244" y="162"/>
                    </a:lnTo>
                    <a:lnTo>
                      <a:pt x="241" y="166"/>
                    </a:lnTo>
                    <a:lnTo>
                      <a:pt x="237" y="167"/>
                    </a:lnTo>
                    <a:lnTo>
                      <a:pt x="232" y="167"/>
                    </a:lnTo>
                    <a:lnTo>
                      <a:pt x="231" y="167"/>
                    </a:lnTo>
                    <a:lnTo>
                      <a:pt x="231" y="166"/>
                    </a:lnTo>
                    <a:lnTo>
                      <a:pt x="231" y="164"/>
                    </a:lnTo>
                    <a:lnTo>
                      <a:pt x="229" y="161"/>
                    </a:lnTo>
                    <a:lnTo>
                      <a:pt x="227" y="159"/>
                    </a:lnTo>
                    <a:lnTo>
                      <a:pt x="227" y="157"/>
                    </a:lnTo>
                    <a:lnTo>
                      <a:pt x="227" y="156"/>
                    </a:lnTo>
                    <a:lnTo>
                      <a:pt x="220" y="151"/>
                    </a:lnTo>
                    <a:lnTo>
                      <a:pt x="212" y="145"/>
                    </a:lnTo>
                    <a:lnTo>
                      <a:pt x="205" y="144"/>
                    </a:lnTo>
                    <a:lnTo>
                      <a:pt x="200" y="129"/>
                    </a:lnTo>
                    <a:lnTo>
                      <a:pt x="193" y="129"/>
                    </a:lnTo>
                    <a:lnTo>
                      <a:pt x="188" y="115"/>
                    </a:lnTo>
                    <a:lnTo>
                      <a:pt x="154" y="123"/>
                    </a:lnTo>
                    <a:lnTo>
                      <a:pt x="154" y="122"/>
                    </a:lnTo>
                    <a:lnTo>
                      <a:pt x="70" y="144"/>
                    </a:lnTo>
                    <a:lnTo>
                      <a:pt x="72" y="147"/>
                    </a:lnTo>
                    <a:lnTo>
                      <a:pt x="66" y="149"/>
                    </a:lnTo>
                    <a:lnTo>
                      <a:pt x="66" y="144"/>
                    </a:lnTo>
                    <a:lnTo>
                      <a:pt x="6" y="15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424" name="Freeform 189"/>
            <p:cNvSpPr>
              <a:spLocks/>
            </p:cNvSpPr>
            <p:nvPr/>
          </p:nvSpPr>
          <p:spPr bwMode="auto">
            <a:xfrm>
              <a:off x="4725" y="1711"/>
              <a:ext cx="165" cy="162"/>
            </a:xfrm>
            <a:custGeom>
              <a:avLst/>
              <a:gdLst>
                <a:gd name="T0" fmla="*/ 114 w 169"/>
                <a:gd name="T1" fmla="*/ 57 h 167"/>
                <a:gd name="T2" fmla="*/ 112 w 169"/>
                <a:gd name="T3" fmla="*/ 58 h 167"/>
                <a:gd name="T4" fmla="*/ 110 w 169"/>
                <a:gd name="T5" fmla="*/ 59 h 167"/>
                <a:gd name="T6" fmla="*/ 105 w 169"/>
                <a:gd name="T7" fmla="*/ 60 h 167"/>
                <a:gd name="T8" fmla="*/ 101 w 169"/>
                <a:gd name="T9" fmla="*/ 63 h 167"/>
                <a:gd name="T10" fmla="*/ 97 w 169"/>
                <a:gd name="T11" fmla="*/ 65 h 167"/>
                <a:gd name="T12" fmla="*/ 93 w 169"/>
                <a:gd name="T13" fmla="*/ 66 h 167"/>
                <a:gd name="T14" fmla="*/ 90 w 169"/>
                <a:gd name="T15" fmla="*/ 68 h 167"/>
                <a:gd name="T16" fmla="*/ 89 w 169"/>
                <a:gd name="T17" fmla="*/ 68 h 167"/>
                <a:gd name="T18" fmla="*/ 82 w 169"/>
                <a:gd name="T19" fmla="*/ 71 h 167"/>
                <a:gd name="T20" fmla="*/ 75 w 169"/>
                <a:gd name="T21" fmla="*/ 73 h 167"/>
                <a:gd name="T22" fmla="*/ 66 w 169"/>
                <a:gd name="T23" fmla="*/ 76 h 167"/>
                <a:gd name="T24" fmla="*/ 60 w 169"/>
                <a:gd name="T25" fmla="*/ 77 h 167"/>
                <a:gd name="T26" fmla="*/ 57 w 169"/>
                <a:gd name="T27" fmla="*/ 77 h 167"/>
                <a:gd name="T28" fmla="*/ 54 w 169"/>
                <a:gd name="T29" fmla="*/ 79 h 167"/>
                <a:gd name="T30" fmla="*/ 53 w 169"/>
                <a:gd name="T31" fmla="*/ 79 h 167"/>
                <a:gd name="T32" fmla="*/ 53 w 169"/>
                <a:gd name="T33" fmla="*/ 79 h 167"/>
                <a:gd name="T34" fmla="*/ 30 w 169"/>
                <a:gd name="T35" fmla="*/ 93 h 167"/>
                <a:gd name="T36" fmla="*/ 28 w 169"/>
                <a:gd name="T37" fmla="*/ 93 h 167"/>
                <a:gd name="T38" fmla="*/ 20 w 169"/>
                <a:gd name="T39" fmla="*/ 106 h 167"/>
                <a:gd name="T40" fmla="*/ 13 w 169"/>
                <a:gd name="T41" fmla="*/ 109 h 167"/>
                <a:gd name="T42" fmla="*/ 13 w 169"/>
                <a:gd name="T43" fmla="*/ 109 h 167"/>
                <a:gd name="T44" fmla="*/ 6 w 169"/>
                <a:gd name="T45" fmla="*/ 102 h 167"/>
                <a:gd name="T46" fmla="*/ 20 w 169"/>
                <a:gd name="T47" fmla="*/ 91 h 167"/>
                <a:gd name="T48" fmla="*/ 13 w 169"/>
                <a:gd name="T49" fmla="*/ 84 h 167"/>
                <a:gd name="T50" fmla="*/ 0 w 169"/>
                <a:gd name="T51" fmla="*/ 21 h 167"/>
                <a:gd name="T52" fmla="*/ 46 w 169"/>
                <a:gd name="T53" fmla="*/ 16 h 167"/>
                <a:gd name="T54" fmla="*/ 46 w 169"/>
                <a:gd name="T55" fmla="*/ 16 h 167"/>
                <a:gd name="T56" fmla="*/ 50 w 169"/>
                <a:gd name="T57" fmla="*/ 16 h 167"/>
                <a:gd name="T58" fmla="*/ 49 w 169"/>
                <a:gd name="T59" fmla="*/ 16 h 167"/>
                <a:gd name="T60" fmla="*/ 105 w 169"/>
                <a:gd name="T61" fmla="*/ 0 h 167"/>
                <a:gd name="T62" fmla="*/ 105 w 169"/>
                <a:gd name="T63" fmla="*/ 1 h 167"/>
                <a:gd name="T64" fmla="*/ 121 w 169"/>
                <a:gd name="T65" fmla="*/ 47 h 167"/>
                <a:gd name="T66" fmla="*/ 117 w 169"/>
                <a:gd name="T67" fmla="*/ 49 h 167"/>
                <a:gd name="T68" fmla="*/ 117 w 169"/>
                <a:gd name="T69" fmla="*/ 49 h 167"/>
                <a:gd name="T70" fmla="*/ 117 w 169"/>
                <a:gd name="T71" fmla="*/ 50 h 167"/>
                <a:gd name="T72" fmla="*/ 117 w 169"/>
                <a:gd name="T73" fmla="*/ 51 h 167"/>
                <a:gd name="T74" fmla="*/ 117 w 169"/>
                <a:gd name="T75" fmla="*/ 53 h 167"/>
                <a:gd name="T76" fmla="*/ 117 w 169"/>
                <a:gd name="T77" fmla="*/ 55 h 167"/>
                <a:gd name="T78" fmla="*/ 117 w 169"/>
                <a:gd name="T79" fmla="*/ 57 h 167"/>
                <a:gd name="T80" fmla="*/ 117 w 169"/>
                <a:gd name="T81" fmla="*/ 57 h 167"/>
                <a:gd name="T82" fmla="*/ 118 w 169"/>
                <a:gd name="T83" fmla="*/ 58 h 167"/>
                <a:gd name="T84" fmla="*/ 114 w 169"/>
                <a:gd name="T85" fmla="*/ 57 h 167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169"/>
                <a:gd name="T130" fmla="*/ 0 h 167"/>
                <a:gd name="T131" fmla="*/ 169 w 169"/>
                <a:gd name="T132" fmla="*/ 167 h 167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169" h="167">
                  <a:moveTo>
                    <a:pt x="159" y="86"/>
                  </a:moveTo>
                  <a:lnTo>
                    <a:pt x="157" y="88"/>
                  </a:lnTo>
                  <a:lnTo>
                    <a:pt x="154" y="89"/>
                  </a:lnTo>
                  <a:lnTo>
                    <a:pt x="148" y="91"/>
                  </a:lnTo>
                  <a:lnTo>
                    <a:pt x="142" y="95"/>
                  </a:lnTo>
                  <a:lnTo>
                    <a:pt x="135" y="98"/>
                  </a:lnTo>
                  <a:lnTo>
                    <a:pt x="130" y="100"/>
                  </a:lnTo>
                  <a:lnTo>
                    <a:pt x="125" y="103"/>
                  </a:lnTo>
                  <a:lnTo>
                    <a:pt x="123" y="103"/>
                  </a:lnTo>
                  <a:lnTo>
                    <a:pt x="113" y="108"/>
                  </a:lnTo>
                  <a:lnTo>
                    <a:pt x="103" y="111"/>
                  </a:lnTo>
                  <a:lnTo>
                    <a:pt x="94" y="115"/>
                  </a:lnTo>
                  <a:lnTo>
                    <a:pt x="86" y="117"/>
                  </a:lnTo>
                  <a:lnTo>
                    <a:pt x="79" y="118"/>
                  </a:lnTo>
                  <a:lnTo>
                    <a:pt x="74" y="120"/>
                  </a:lnTo>
                  <a:lnTo>
                    <a:pt x="72" y="120"/>
                  </a:lnTo>
                  <a:lnTo>
                    <a:pt x="71" y="120"/>
                  </a:lnTo>
                  <a:lnTo>
                    <a:pt x="44" y="142"/>
                  </a:lnTo>
                  <a:lnTo>
                    <a:pt x="42" y="142"/>
                  </a:lnTo>
                  <a:lnTo>
                    <a:pt x="20" y="162"/>
                  </a:lnTo>
                  <a:lnTo>
                    <a:pt x="13" y="167"/>
                  </a:lnTo>
                  <a:lnTo>
                    <a:pt x="6" y="155"/>
                  </a:lnTo>
                  <a:lnTo>
                    <a:pt x="20" y="139"/>
                  </a:lnTo>
                  <a:lnTo>
                    <a:pt x="13" y="130"/>
                  </a:lnTo>
                  <a:lnTo>
                    <a:pt x="0" y="35"/>
                  </a:lnTo>
                  <a:lnTo>
                    <a:pt x="60" y="22"/>
                  </a:lnTo>
                  <a:lnTo>
                    <a:pt x="60" y="27"/>
                  </a:lnTo>
                  <a:lnTo>
                    <a:pt x="66" y="25"/>
                  </a:lnTo>
                  <a:lnTo>
                    <a:pt x="64" y="22"/>
                  </a:lnTo>
                  <a:lnTo>
                    <a:pt x="148" y="0"/>
                  </a:lnTo>
                  <a:lnTo>
                    <a:pt x="148" y="1"/>
                  </a:lnTo>
                  <a:lnTo>
                    <a:pt x="169" y="73"/>
                  </a:lnTo>
                  <a:lnTo>
                    <a:pt x="164" y="76"/>
                  </a:lnTo>
                  <a:lnTo>
                    <a:pt x="164" y="78"/>
                  </a:lnTo>
                  <a:lnTo>
                    <a:pt x="164" y="79"/>
                  </a:lnTo>
                  <a:lnTo>
                    <a:pt x="164" y="81"/>
                  </a:lnTo>
                  <a:lnTo>
                    <a:pt x="164" y="83"/>
                  </a:lnTo>
                  <a:lnTo>
                    <a:pt x="164" y="86"/>
                  </a:lnTo>
                  <a:lnTo>
                    <a:pt x="165" y="88"/>
                  </a:lnTo>
                  <a:lnTo>
                    <a:pt x="159" y="86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425" name="Freeform 190"/>
            <p:cNvSpPr>
              <a:spLocks/>
            </p:cNvSpPr>
            <p:nvPr/>
          </p:nvSpPr>
          <p:spPr bwMode="auto">
            <a:xfrm>
              <a:off x="4869" y="1704"/>
              <a:ext cx="76" cy="93"/>
            </a:xfrm>
            <a:custGeom>
              <a:avLst/>
              <a:gdLst>
                <a:gd name="T0" fmla="*/ 19 w 78"/>
                <a:gd name="T1" fmla="*/ 61 h 95"/>
                <a:gd name="T2" fmla="*/ 16 w 78"/>
                <a:gd name="T3" fmla="*/ 63 h 95"/>
                <a:gd name="T4" fmla="*/ 16 w 78"/>
                <a:gd name="T5" fmla="*/ 63 h 95"/>
                <a:gd name="T6" fmla="*/ 16 w 78"/>
                <a:gd name="T7" fmla="*/ 63 h 95"/>
                <a:gd name="T8" fmla="*/ 16 w 78"/>
                <a:gd name="T9" fmla="*/ 64 h 95"/>
                <a:gd name="T10" fmla="*/ 16 w 78"/>
                <a:gd name="T11" fmla="*/ 64 h 95"/>
                <a:gd name="T12" fmla="*/ 16 w 78"/>
                <a:gd name="T13" fmla="*/ 65 h 95"/>
                <a:gd name="T14" fmla="*/ 16 w 78"/>
                <a:gd name="T15" fmla="*/ 66 h 95"/>
                <a:gd name="T16" fmla="*/ 16 w 78"/>
                <a:gd name="T17" fmla="*/ 68 h 95"/>
                <a:gd name="T18" fmla="*/ 16 w 78"/>
                <a:gd name="T19" fmla="*/ 68 h 95"/>
                <a:gd name="T20" fmla="*/ 17 w 78"/>
                <a:gd name="T21" fmla="*/ 69 h 95"/>
                <a:gd name="T22" fmla="*/ 17 w 78"/>
                <a:gd name="T23" fmla="*/ 69 h 95"/>
                <a:gd name="T24" fmla="*/ 19 w 78"/>
                <a:gd name="T25" fmla="*/ 69 h 95"/>
                <a:gd name="T26" fmla="*/ 19 w 78"/>
                <a:gd name="T27" fmla="*/ 68 h 95"/>
                <a:gd name="T28" fmla="*/ 19 w 78"/>
                <a:gd name="T29" fmla="*/ 66 h 95"/>
                <a:gd name="T30" fmla="*/ 22 w 78"/>
                <a:gd name="T31" fmla="*/ 64 h 95"/>
                <a:gd name="T32" fmla="*/ 25 w 78"/>
                <a:gd name="T33" fmla="*/ 63 h 95"/>
                <a:gd name="T34" fmla="*/ 27 w 78"/>
                <a:gd name="T35" fmla="*/ 61 h 95"/>
                <a:gd name="T36" fmla="*/ 29 w 78"/>
                <a:gd name="T37" fmla="*/ 60 h 95"/>
                <a:gd name="T38" fmla="*/ 30 w 78"/>
                <a:gd name="T39" fmla="*/ 59 h 95"/>
                <a:gd name="T40" fmla="*/ 36 w 78"/>
                <a:gd name="T41" fmla="*/ 59 h 95"/>
                <a:gd name="T42" fmla="*/ 36 w 78"/>
                <a:gd name="T43" fmla="*/ 50 h 95"/>
                <a:gd name="T44" fmla="*/ 25 w 78"/>
                <a:gd name="T45" fmla="*/ 23 h 95"/>
                <a:gd name="T46" fmla="*/ 34 w 78"/>
                <a:gd name="T47" fmla="*/ 23 h 95"/>
                <a:gd name="T48" fmla="*/ 41 w 78"/>
                <a:gd name="T49" fmla="*/ 23 h 95"/>
                <a:gd name="T50" fmla="*/ 44 w 78"/>
                <a:gd name="T51" fmla="*/ 23 h 95"/>
                <a:gd name="T52" fmla="*/ 44 w 78"/>
                <a:gd name="T53" fmla="*/ 23 h 95"/>
                <a:gd name="T54" fmla="*/ 45 w 78"/>
                <a:gd name="T55" fmla="*/ 23 h 95"/>
                <a:gd name="T56" fmla="*/ 45 w 78"/>
                <a:gd name="T57" fmla="*/ 23 h 95"/>
                <a:gd name="T58" fmla="*/ 47 w 78"/>
                <a:gd name="T59" fmla="*/ 25 h 95"/>
                <a:gd name="T60" fmla="*/ 48 w 78"/>
                <a:gd name="T61" fmla="*/ 28 h 95"/>
                <a:gd name="T62" fmla="*/ 48 w 78"/>
                <a:gd name="T63" fmla="*/ 28 h 95"/>
                <a:gd name="T64" fmla="*/ 49 w 78"/>
                <a:gd name="T65" fmla="*/ 38 h 95"/>
                <a:gd name="T66" fmla="*/ 51 w 78"/>
                <a:gd name="T67" fmla="*/ 44 h 95"/>
                <a:gd name="T68" fmla="*/ 51 w 78"/>
                <a:gd name="T69" fmla="*/ 47 h 95"/>
                <a:gd name="T70" fmla="*/ 52 w 78"/>
                <a:gd name="T71" fmla="*/ 45 h 95"/>
                <a:gd name="T72" fmla="*/ 53 w 78"/>
                <a:gd name="T73" fmla="*/ 44 h 95"/>
                <a:gd name="T74" fmla="*/ 53 w 78"/>
                <a:gd name="T75" fmla="*/ 40 h 95"/>
                <a:gd name="T76" fmla="*/ 54 w 78"/>
                <a:gd name="T77" fmla="*/ 38 h 95"/>
                <a:gd name="T78" fmla="*/ 54 w 78"/>
                <a:gd name="T79" fmla="*/ 37 h 95"/>
                <a:gd name="T80" fmla="*/ 54 w 78"/>
                <a:gd name="T81" fmla="*/ 38 h 95"/>
                <a:gd name="T82" fmla="*/ 54 w 78"/>
                <a:gd name="T83" fmla="*/ 38 h 95"/>
                <a:gd name="T84" fmla="*/ 53 w 78"/>
                <a:gd name="T85" fmla="*/ 38 h 95"/>
                <a:gd name="T86" fmla="*/ 53 w 78"/>
                <a:gd name="T87" fmla="*/ 37 h 95"/>
                <a:gd name="T88" fmla="*/ 53 w 78"/>
                <a:gd name="T89" fmla="*/ 35 h 95"/>
                <a:gd name="T90" fmla="*/ 52 w 78"/>
                <a:gd name="T91" fmla="*/ 32 h 95"/>
                <a:gd name="T92" fmla="*/ 51 w 78"/>
                <a:gd name="T93" fmla="*/ 30 h 95"/>
                <a:gd name="T94" fmla="*/ 51 w 78"/>
                <a:gd name="T95" fmla="*/ 28 h 95"/>
                <a:gd name="T96" fmla="*/ 51 w 78"/>
                <a:gd name="T97" fmla="*/ 27 h 95"/>
                <a:gd name="T98" fmla="*/ 51 w 78"/>
                <a:gd name="T99" fmla="*/ 27 h 95"/>
                <a:gd name="T100" fmla="*/ 48 w 78"/>
                <a:gd name="T101" fmla="*/ 23 h 95"/>
                <a:gd name="T102" fmla="*/ 44 w 78"/>
                <a:gd name="T103" fmla="*/ 23 h 95"/>
                <a:gd name="T104" fmla="*/ 37 w 78"/>
                <a:gd name="T105" fmla="*/ 23 h 95"/>
                <a:gd name="T106" fmla="*/ 32 w 78"/>
                <a:gd name="T107" fmla="*/ 14 h 95"/>
                <a:gd name="T108" fmla="*/ 25 w 78"/>
                <a:gd name="T109" fmla="*/ 14 h 95"/>
                <a:gd name="T110" fmla="*/ 20 w 78"/>
                <a:gd name="T111" fmla="*/ 0 h 95"/>
                <a:gd name="T112" fmla="*/ 0 w 78"/>
                <a:gd name="T113" fmla="*/ 8 h 95"/>
                <a:gd name="T114" fmla="*/ 19 w 78"/>
                <a:gd name="T115" fmla="*/ 61 h 95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78"/>
                <a:gd name="T175" fmla="*/ 0 h 95"/>
                <a:gd name="T176" fmla="*/ 78 w 78"/>
                <a:gd name="T177" fmla="*/ 95 h 95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78" h="95">
                  <a:moveTo>
                    <a:pt x="21" y="80"/>
                  </a:moveTo>
                  <a:lnTo>
                    <a:pt x="16" y="83"/>
                  </a:lnTo>
                  <a:lnTo>
                    <a:pt x="16" y="85"/>
                  </a:lnTo>
                  <a:lnTo>
                    <a:pt x="16" y="86"/>
                  </a:lnTo>
                  <a:lnTo>
                    <a:pt x="16" y="88"/>
                  </a:lnTo>
                  <a:lnTo>
                    <a:pt x="16" y="90"/>
                  </a:lnTo>
                  <a:lnTo>
                    <a:pt x="16" y="93"/>
                  </a:lnTo>
                  <a:lnTo>
                    <a:pt x="17" y="95"/>
                  </a:lnTo>
                  <a:lnTo>
                    <a:pt x="22" y="95"/>
                  </a:lnTo>
                  <a:lnTo>
                    <a:pt x="28" y="93"/>
                  </a:lnTo>
                  <a:lnTo>
                    <a:pt x="31" y="90"/>
                  </a:lnTo>
                  <a:lnTo>
                    <a:pt x="36" y="86"/>
                  </a:lnTo>
                  <a:lnTo>
                    <a:pt x="39" y="83"/>
                  </a:lnTo>
                  <a:lnTo>
                    <a:pt x="41" y="80"/>
                  </a:lnTo>
                  <a:lnTo>
                    <a:pt x="43" y="78"/>
                  </a:lnTo>
                  <a:lnTo>
                    <a:pt x="44" y="76"/>
                  </a:lnTo>
                  <a:lnTo>
                    <a:pt x="50" y="76"/>
                  </a:lnTo>
                  <a:lnTo>
                    <a:pt x="50" y="64"/>
                  </a:lnTo>
                  <a:lnTo>
                    <a:pt x="39" y="30"/>
                  </a:lnTo>
                  <a:lnTo>
                    <a:pt x="48" y="29"/>
                  </a:lnTo>
                  <a:lnTo>
                    <a:pt x="55" y="36"/>
                  </a:lnTo>
                  <a:lnTo>
                    <a:pt x="58" y="36"/>
                  </a:lnTo>
                  <a:lnTo>
                    <a:pt x="60" y="36"/>
                  </a:lnTo>
                  <a:lnTo>
                    <a:pt x="61" y="37"/>
                  </a:lnTo>
                  <a:lnTo>
                    <a:pt x="65" y="39"/>
                  </a:lnTo>
                  <a:lnTo>
                    <a:pt x="66" y="42"/>
                  </a:lnTo>
                  <a:lnTo>
                    <a:pt x="68" y="52"/>
                  </a:lnTo>
                  <a:lnTo>
                    <a:pt x="72" y="58"/>
                  </a:lnTo>
                  <a:lnTo>
                    <a:pt x="73" y="61"/>
                  </a:lnTo>
                  <a:lnTo>
                    <a:pt x="75" y="59"/>
                  </a:lnTo>
                  <a:lnTo>
                    <a:pt x="77" y="58"/>
                  </a:lnTo>
                  <a:lnTo>
                    <a:pt x="77" y="54"/>
                  </a:lnTo>
                  <a:lnTo>
                    <a:pt x="78" y="52"/>
                  </a:lnTo>
                  <a:lnTo>
                    <a:pt x="78" y="51"/>
                  </a:lnTo>
                  <a:lnTo>
                    <a:pt x="78" y="52"/>
                  </a:lnTo>
                  <a:lnTo>
                    <a:pt x="77" y="52"/>
                  </a:lnTo>
                  <a:lnTo>
                    <a:pt x="77" y="51"/>
                  </a:lnTo>
                  <a:lnTo>
                    <a:pt x="77" y="49"/>
                  </a:lnTo>
                  <a:lnTo>
                    <a:pt x="75" y="46"/>
                  </a:lnTo>
                  <a:lnTo>
                    <a:pt x="73" y="44"/>
                  </a:lnTo>
                  <a:lnTo>
                    <a:pt x="73" y="42"/>
                  </a:lnTo>
                  <a:lnTo>
                    <a:pt x="73" y="41"/>
                  </a:lnTo>
                  <a:lnTo>
                    <a:pt x="66" y="36"/>
                  </a:lnTo>
                  <a:lnTo>
                    <a:pt x="58" y="30"/>
                  </a:lnTo>
                  <a:lnTo>
                    <a:pt x="51" y="29"/>
                  </a:lnTo>
                  <a:lnTo>
                    <a:pt x="46" y="14"/>
                  </a:lnTo>
                  <a:lnTo>
                    <a:pt x="39" y="14"/>
                  </a:lnTo>
                  <a:lnTo>
                    <a:pt x="34" y="0"/>
                  </a:lnTo>
                  <a:lnTo>
                    <a:pt x="0" y="8"/>
                  </a:lnTo>
                  <a:lnTo>
                    <a:pt x="21" y="80"/>
                  </a:lnTo>
                </a:path>
              </a:pathLst>
            </a:custGeom>
            <a:solidFill>
              <a:srgbClr val="DDDDDD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</p:grpSp>
      <p:grpSp>
        <p:nvGrpSpPr>
          <p:cNvPr id="554" name="Group 5" descr="Map of the US showing the three Public Reporting States in 2004. "/>
          <p:cNvGrpSpPr>
            <a:grpSpLocks noChangeAspect="1"/>
          </p:cNvGrpSpPr>
          <p:nvPr/>
        </p:nvGrpSpPr>
        <p:grpSpPr bwMode="auto">
          <a:xfrm>
            <a:off x="8602295" y="2619265"/>
            <a:ext cx="2171700" cy="1461681"/>
            <a:chOff x="192" y="850"/>
            <a:chExt cx="4988" cy="3134"/>
          </a:xfrm>
        </p:grpSpPr>
        <p:sp>
          <p:nvSpPr>
            <p:cNvPr id="555" name="Freeform 9"/>
            <p:cNvSpPr>
              <a:spLocks/>
            </p:cNvSpPr>
            <p:nvPr/>
          </p:nvSpPr>
          <p:spPr bwMode="auto">
            <a:xfrm>
              <a:off x="4479" y="2181"/>
              <a:ext cx="22" cy="24"/>
            </a:xfrm>
            <a:custGeom>
              <a:avLst/>
              <a:gdLst>
                <a:gd name="T0" fmla="*/ 0 w 22"/>
                <a:gd name="T1" fmla="*/ 7 h 25"/>
                <a:gd name="T2" fmla="*/ 9 w 22"/>
                <a:gd name="T3" fmla="*/ 0 h 25"/>
                <a:gd name="T4" fmla="*/ 22 w 22"/>
                <a:gd name="T5" fmla="*/ 10 h 25"/>
                <a:gd name="T6" fmla="*/ 12 w 22"/>
                <a:gd name="T7" fmla="*/ 12 h 25"/>
                <a:gd name="T8" fmla="*/ 12 w 22"/>
                <a:gd name="T9" fmla="*/ 12 h 25"/>
                <a:gd name="T10" fmla="*/ 12 w 22"/>
                <a:gd name="T11" fmla="*/ 12 h 25"/>
                <a:gd name="T12" fmla="*/ 12 w 22"/>
                <a:gd name="T13" fmla="*/ 12 h 25"/>
                <a:gd name="T14" fmla="*/ 12 w 22"/>
                <a:gd name="T15" fmla="*/ 12 h 25"/>
                <a:gd name="T16" fmla="*/ 11 w 22"/>
                <a:gd name="T17" fmla="*/ 12 h 25"/>
                <a:gd name="T18" fmla="*/ 9 w 22"/>
                <a:gd name="T19" fmla="*/ 12 h 25"/>
                <a:gd name="T20" fmla="*/ 7 w 22"/>
                <a:gd name="T21" fmla="*/ 12 h 25"/>
                <a:gd name="T22" fmla="*/ 2 w 22"/>
                <a:gd name="T23" fmla="*/ 8 h 25"/>
                <a:gd name="T24" fmla="*/ 2 w 22"/>
                <a:gd name="T25" fmla="*/ 8 h 25"/>
                <a:gd name="T26" fmla="*/ 0 w 22"/>
                <a:gd name="T27" fmla="*/ 8 h 25"/>
                <a:gd name="T28" fmla="*/ 0 w 22"/>
                <a:gd name="T29" fmla="*/ 7 h 25"/>
                <a:gd name="T30" fmla="*/ 0 w 22"/>
                <a:gd name="T31" fmla="*/ 7 h 25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w 22"/>
                <a:gd name="T49" fmla="*/ 0 h 25"/>
                <a:gd name="T50" fmla="*/ 22 w 22"/>
                <a:gd name="T51" fmla="*/ 25 h 25"/>
              </a:gdLst>
              <a:ahLst/>
              <a:cxnLst>
                <a:cxn ang="T32">
                  <a:pos x="T0" y="T1"/>
                </a:cxn>
                <a:cxn ang="T33">
                  <a:pos x="T2" y="T3"/>
                </a:cxn>
                <a:cxn ang="T34">
                  <a:pos x="T4" y="T5"/>
                </a:cxn>
                <a:cxn ang="T35">
                  <a:pos x="T6" y="T7"/>
                </a:cxn>
                <a:cxn ang="T36">
                  <a:pos x="T8" y="T9"/>
                </a:cxn>
                <a:cxn ang="T37">
                  <a:pos x="T10" y="T11"/>
                </a:cxn>
                <a:cxn ang="T38">
                  <a:pos x="T12" y="T13"/>
                </a:cxn>
                <a:cxn ang="T39">
                  <a:pos x="T14" y="T15"/>
                </a:cxn>
                <a:cxn ang="T40">
                  <a:pos x="T16" y="T17"/>
                </a:cxn>
                <a:cxn ang="T41">
                  <a:pos x="T18" y="T19"/>
                </a:cxn>
                <a:cxn ang="T42">
                  <a:pos x="T20" y="T21"/>
                </a:cxn>
                <a:cxn ang="T43">
                  <a:pos x="T22" y="T23"/>
                </a:cxn>
                <a:cxn ang="T44">
                  <a:pos x="T24" y="T25"/>
                </a:cxn>
                <a:cxn ang="T45">
                  <a:pos x="T26" y="T27"/>
                </a:cxn>
                <a:cxn ang="T46">
                  <a:pos x="T28" y="T29"/>
                </a:cxn>
                <a:cxn ang="T47">
                  <a:pos x="T30" y="T31"/>
                </a:cxn>
              </a:cxnLst>
              <a:rect l="T48" t="T49" r="T50" b="T51"/>
              <a:pathLst>
                <a:path w="22" h="25">
                  <a:moveTo>
                    <a:pt x="0" y="7"/>
                  </a:moveTo>
                  <a:lnTo>
                    <a:pt x="9" y="0"/>
                  </a:lnTo>
                  <a:lnTo>
                    <a:pt x="22" y="10"/>
                  </a:lnTo>
                  <a:lnTo>
                    <a:pt x="12" y="25"/>
                  </a:lnTo>
                  <a:lnTo>
                    <a:pt x="12" y="23"/>
                  </a:lnTo>
                  <a:lnTo>
                    <a:pt x="12" y="22"/>
                  </a:lnTo>
                  <a:lnTo>
                    <a:pt x="12" y="20"/>
                  </a:lnTo>
                  <a:lnTo>
                    <a:pt x="12" y="18"/>
                  </a:lnTo>
                  <a:lnTo>
                    <a:pt x="11" y="17"/>
                  </a:lnTo>
                  <a:lnTo>
                    <a:pt x="9" y="13"/>
                  </a:lnTo>
                  <a:lnTo>
                    <a:pt x="7" y="12"/>
                  </a:lnTo>
                  <a:lnTo>
                    <a:pt x="2" y="8"/>
                  </a:lnTo>
                  <a:lnTo>
                    <a:pt x="0" y="8"/>
                  </a:lnTo>
                  <a:lnTo>
                    <a:pt x="0" y="7"/>
                  </a:lnTo>
                  <a:close/>
                </a:path>
              </a:pathLst>
            </a:custGeom>
            <a:solidFill>
              <a:sysClr val="windowText" lastClr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556" name="Group 10"/>
            <p:cNvGrpSpPr>
              <a:grpSpLocks/>
            </p:cNvGrpSpPr>
            <p:nvPr/>
          </p:nvGrpSpPr>
          <p:grpSpPr bwMode="auto">
            <a:xfrm>
              <a:off x="4431" y="2166"/>
              <a:ext cx="169" cy="106"/>
              <a:chOff x="4655" y="1801"/>
              <a:chExt cx="172" cy="109"/>
            </a:xfrm>
          </p:grpSpPr>
          <p:sp>
            <p:nvSpPr>
              <p:cNvPr id="734" name="Freeform 11"/>
              <p:cNvSpPr>
                <a:spLocks/>
              </p:cNvSpPr>
              <p:nvPr/>
            </p:nvSpPr>
            <p:spPr bwMode="auto">
              <a:xfrm>
                <a:off x="4725" y="1801"/>
                <a:ext cx="22" cy="25"/>
              </a:xfrm>
              <a:custGeom>
                <a:avLst/>
                <a:gdLst>
                  <a:gd name="T0" fmla="*/ 0 w 22"/>
                  <a:gd name="T1" fmla="*/ 7 h 25"/>
                  <a:gd name="T2" fmla="*/ 9 w 22"/>
                  <a:gd name="T3" fmla="*/ 0 h 25"/>
                  <a:gd name="T4" fmla="*/ 22 w 22"/>
                  <a:gd name="T5" fmla="*/ 10 h 25"/>
                  <a:gd name="T6" fmla="*/ 12 w 22"/>
                  <a:gd name="T7" fmla="*/ 25 h 25"/>
                  <a:gd name="T8" fmla="*/ 12 w 22"/>
                  <a:gd name="T9" fmla="*/ 25 h 25"/>
                  <a:gd name="T10" fmla="*/ 12 w 22"/>
                  <a:gd name="T11" fmla="*/ 23 h 25"/>
                  <a:gd name="T12" fmla="*/ 12 w 22"/>
                  <a:gd name="T13" fmla="*/ 22 h 25"/>
                  <a:gd name="T14" fmla="*/ 12 w 22"/>
                  <a:gd name="T15" fmla="*/ 20 h 25"/>
                  <a:gd name="T16" fmla="*/ 12 w 22"/>
                  <a:gd name="T17" fmla="*/ 18 h 25"/>
                  <a:gd name="T18" fmla="*/ 11 w 22"/>
                  <a:gd name="T19" fmla="*/ 17 h 25"/>
                  <a:gd name="T20" fmla="*/ 9 w 22"/>
                  <a:gd name="T21" fmla="*/ 13 h 25"/>
                  <a:gd name="T22" fmla="*/ 7 w 22"/>
                  <a:gd name="T23" fmla="*/ 12 h 25"/>
                  <a:gd name="T24" fmla="*/ 2 w 22"/>
                  <a:gd name="T25" fmla="*/ 8 h 25"/>
                  <a:gd name="T26" fmla="*/ 2 w 22"/>
                  <a:gd name="T27" fmla="*/ 8 h 25"/>
                  <a:gd name="T28" fmla="*/ 2 w 22"/>
                  <a:gd name="T29" fmla="*/ 8 h 25"/>
                  <a:gd name="T30" fmla="*/ 0 w 22"/>
                  <a:gd name="T31" fmla="*/ 8 h 25"/>
                  <a:gd name="T32" fmla="*/ 0 w 22"/>
                  <a:gd name="T33" fmla="*/ 7 h 25"/>
                  <a:gd name="T34" fmla="*/ 0 w 22"/>
                  <a:gd name="T35" fmla="*/ 7 h 25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w 22"/>
                  <a:gd name="T55" fmla="*/ 0 h 25"/>
                  <a:gd name="T56" fmla="*/ 22 w 22"/>
                  <a:gd name="T57" fmla="*/ 25 h 25"/>
                </a:gdLst>
                <a:ahLst/>
                <a:cxnLst>
                  <a:cxn ang="T36">
                    <a:pos x="T0" y="T1"/>
                  </a:cxn>
                  <a:cxn ang="T37">
                    <a:pos x="T2" y="T3"/>
                  </a:cxn>
                  <a:cxn ang="T38">
                    <a:pos x="T4" y="T5"/>
                  </a:cxn>
                  <a:cxn ang="T39">
                    <a:pos x="T6" y="T7"/>
                  </a:cxn>
                  <a:cxn ang="T40">
                    <a:pos x="T8" y="T9"/>
                  </a:cxn>
                  <a:cxn ang="T41">
                    <a:pos x="T10" y="T11"/>
                  </a:cxn>
                  <a:cxn ang="T42">
                    <a:pos x="T12" y="T13"/>
                  </a:cxn>
                  <a:cxn ang="T43">
                    <a:pos x="T14" y="T15"/>
                  </a:cxn>
                  <a:cxn ang="T44">
                    <a:pos x="T16" y="T17"/>
                  </a:cxn>
                  <a:cxn ang="T45">
                    <a:pos x="T18" y="T19"/>
                  </a:cxn>
                  <a:cxn ang="T46">
                    <a:pos x="T20" y="T21"/>
                  </a:cxn>
                  <a:cxn ang="T47">
                    <a:pos x="T22" y="T23"/>
                  </a:cxn>
                  <a:cxn ang="T48">
                    <a:pos x="T24" y="T25"/>
                  </a:cxn>
                  <a:cxn ang="T49">
                    <a:pos x="T26" y="T27"/>
                  </a:cxn>
                  <a:cxn ang="T50">
                    <a:pos x="T28" y="T29"/>
                  </a:cxn>
                  <a:cxn ang="T51">
                    <a:pos x="T30" y="T31"/>
                  </a:cxn>
                  <a:cxn ang="T52">
                    <a:pos x="T32" y="T33"/>
                  </a:cxn>
                  <a:cxn ang="T53">
                    <a:pos x="T34" y="T35"/>
                  </a:cxn>
                </a:cxnLst>
                <a:rect l="T54" t="T55" r="T56" b="T57"/>
                <a:pathLst>
                  <a:path w="22" h="25">
                    <a:moveTo>
                      <a:pt x="0" y="7"/>
                    </a:moveTo>
                    <a:lnTo>
                      <a:pt x="9" y="0"/>
                    </a:lnTo>
                    <a:lnTo>
                      <a:pt x="22" y="10"/>
                    </a:lnTo>
                    <a:lnTo>
                      <a:pt x="12" y="25"/>
                    </a:lnTo>
                    <a:lnTo>
                      <a:pt x="12" y="23"/>
                    </a:lnTo>
                    <a:lnTo>
                      <a:pt x="12" y="22"/>
                    </a:lnTo>
                    <a:lnTo>
                      <a:pt x="12" y="20"/>
                    </a:lnTo>
                    <a:lnTo>
                      <a:pt x="12" y="18"/>
                    </a:lnTo>
                    <a:lnTo>
                      <a:pt x="11" y="17"/>
                    </a:lnTo>
                    <a:lnTo>
                      <a:pt x="9" y="13"/>
                    </a:lnTo>
                    <a:lnTo>
                      <a:pt x="7" y="12"/>
                    </a:lnTo>
                    <a:lnTo>
                      <a:pt x="2" y="8"/>
                    </a:lnTo>
                    <a:lnTo>
                      <a:pt x="0" y="8"/>
                    </a:lnTo>
                    <a:lnTo>
                      <a:pt x="0" y="7"/>
                    </a:lnTo>
                  </a:path>
                </a:pathLst>
              </a:custGeom>
              <a:solidFill>
                <a:sysClr val="windowText" lastClr="000000"/>
              </a:solidFill>
              <a:ln w="3175">
                <a:solidFill>
                  <a:srgbClr val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735" name="Rectangle 12"/>
              <p:cNvSpPr>
                <a:spLocks noChangeArrowheads="1"/>
              </p:cNvSpPr>
              <p:nvPr/>
            </p:nvSpPr>
            <p:spPr bwMode="auto">
              <a:xfrm>
                <a:off x="4655" y="1804"/>
                <a:ext cx="172" cy="106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wrap="none" lIns="0" tIns="0" rIns="0" bIns="0">
                <a:spAutoFit/>
              </a:bodyPr>
              <a:lstStyle/>
              <a:p>
                <a:pPr defTabSz="571486">
                  <a:defRPr/>
                </a:pPr>
                <a:r>
                  <a:rPr lang="en-US" sz="313" b="1" kern="0" dirty="0">
                    <a:solidFill>
                      <a:srgbClr val="FFFFFF"/>
                    </a:solidFill>
                    <a:latin typeface="Helvetica" pitchFamily="34" charset="0"/>
                  </a:rPr>
                  <a:t>DC*</a:t>
                </a:r>
                <a:endParaRPr lang="en-US" sz="313" b="1" kern="0" dirty="0">
                  <a:solidFill>
                    <a:srgbClr val="FFFFFF"/>
                  </a:solidFill>
                  <a:latin typeface="Times New Roman" pitchFamily="18" charset="0"/>
                </a:endParaRPr>
              </a:p>
            </p:txBody>
          </p:sp>
        </p:grpSp>
        <p:sp>
          <p:nvSpPr>
            <p:cNvPr id="557" name="Freeform 13"/>
            <p:cNvSpPr>
              <a:spLocks/>
            </p:cNvSpPr>
            <p:nvPr/>
          </p:nvSpPr>
          <p:spPr bwMode="auto">
            <a:xfrm>
              <a:off x="3980" y="2710"/>
              <a:ext cx="478" cy="363"/>
            </a:xfrm>
            <a:custGeom>
              <a:avLst/>
              <a:gdLst>
                <a:gd name="T0" fmla="*/ 178 w 492"/>
                <a:gd name="T1" fmla="*/ 243 h 374"/>
                <a:gd name="T2" fmla="*/ 178 w 492"/>
                <a:gd name="T3" fmla="*/ 240 h 374"/>
                <a:gd name="T4" fmla="*/ 178 w 492"/>
                <a:gd name="T5" fmla="*/ 239 h 374"/>
                <a:gd name="T6" fmla="*/ 171 w 492"/>
                <a:gd name="T7" fmla="*/ 217 h 374"/>
                <a:gd name="T8" fmla="*/ 157 w 492"/>
                <a:gd name="T9" fmla="*/ 207 h 374"/>
                <a:gd name="T10" fmla="*/ 153 w 492"/>
                <a:gd name="T11" fmla="*/ 192 h 374"/>
                <a:gd name="T12" fmla="*/ 142 w 492"/>
                <a:gd name="T13" fmla="*/ 177 h 374"/>
                <a:gd name="T14" fmla="*/ 130 w 492"/>
                <a:gd name="T15" fmla="*/ 173 h 374"/>
                <a:gd name="T16" fmla="*/ 126 w 492"/>
                <a:gd name="T17" fmla="*/ 171 h 374"/>
                <a:gd name="T18" fmla="*/ 116 w 492"/>
                <a:gd name="T19" fmla="*/ 162 h 374"/>
                <a:gd name="T20" fmla="*/ 111 w 492"/>
                <a:gd name="T21" fmla="*/ 153 h 374"/>
                <a:gd name="T22" fmla="*/ 104 w 492"/>
                <a:gd name="T23" fmla="*/ 141 h 374"/>
                <a:gd name="T24" fmla="*/ 95 w 492"/>
                <a:gd name="T25" fmla="*/ 139 h 374"/>
                <a:gd name="T26" fmla="*/ 91 w 492"/>
                <a:gd name="T27" fmla="*/ 137 h 374"/>
                <a:gd name="T28" fmla="*/ 86 w 492"/>
                <a:gd name="T29" fmla="*/ 132 h 374"/>
                <a:gd name="T30" fmla="*/ 81 w 492"/>
                <a:gd name="T31" fmla="*/ 121 h 374"/>
                <a:gd name="T32" fmla="*/ 75 w 492"/>
                <a:gd name="T33" fmla="*/ 120 h 374"/>
                <a:gd name="T34" fmla="*/ 68 w 492"/>
                <a:gd name="T35" fmla="*/ 119 h 374"/>
                <a:gd name="T36" fmla="*/ 61 w 492"/>
                <a:gd name="T37" fmla="*/ 111 h 374"/>
                <a:gd name="T38" fmla="*/ 55 w 492"/>
                <a:gd name="T39" fmla="*/ 104 h 374"/>
                <a:gd name="T40" fmla="*/ 47 w 492"/>
                <a:gd name="T41" fmla="*/ 96 h 374"/>
                <a:gd name="T42" fmla="*/ 40 w 492"/>
                <a:gd name="T43" fmla="*/ 82 h 374"/>
                <a:gd name="T44" fmla="*/ 38 w 492"/>
                <a:gd name="T45" fmla="*/ 75 h 374"/>
                <a:gd name="T46" fmla="*/ 33 w 492"/>
                <a:gd name="T47" fmla="*/ 74 h 374"/>
                <a:gd name="T48" fmla="*/ 18 w 492"/>
                <a:gd name="T49" fmla="*/ 72 h 374"/>
                <a:gd name="T50" fmla="*/ 17 w 492"/>
                <a:gd name="T51" fmla="*/ 69 h 374"/>
                <a:gd name="T52" fmla="*/ 17 w 492"/>
                <a:gd name="T53" fmla="*/ 67 h 374"/>
                <a:gd name="T54" fmla="*/ 0 w 492"/>
                <a:gd name="T55" fmla="*/ 56 h 374"/>
                <a:gd name="T56" fmla="*/ 13 w 492"/>
                <a:gd name="T57" fmla="*/ 39 h 374"/>
                <a:gd name="T58" fmla="*/ 17 w 492"/>
                <a:gd name="T59" fmla="*/ 37 h 374"/>
                <a:gd name="T60" fmla="*/ 17 w 492"/>
                <a:gd name="T61" fmla="*/ 35 h 374"/>
                <a:gd name="T62" fmla="*/ 21 w 492"/>
                <a:gd name="T63" fmla="*/ 25 h 374"/>
                <a:gd name="T64" fmla="*/ 38 w 492"/>
                <a:gd name="T65" fmla="*/ 17 h 374"/>
                <a:gd name="T66" fmla="*/ 50 w 492"/>
                <a:gd name="T67" fmla="*/ 17 h 374"/>
                <a:gd name="T68" fmla="*/ 71 w 492"/>
                <a:gd name="T69" fmla="*/ 10 h 374"/>
                <a:gd name="T70" fmla="*/ 139 w 492"/>
                <a:gd name="T71" fmla="*/ 1 h 374"/>
                <a:gd name="T72" fmla="*/ 149 w 492"/>
                <a:gd name="T73" fmla="*/ 0 h 374"/>
                <a:gd name="T74" fmla="*/ 162 w 492"/>
                <a:gd name="T75" fmla="*/ 12 h 374"/>
                <a:gd name="T76" fmla="*/ 242 w 492"/>
                <a:gd name="T77" fmla="*/ 17 h 374"/>
                <a:gd name="T78" fmla="*/ 328 w 492"/>
                <a:gd name="T79" fmla="*/ 77 h 374"/>
                <a:gd name="T80" fmla="*/ 323 w 492"/>
                <a:gd name="T81" fmla="*/ 81 h 374"/>
                <a:gd name="T82" fmla="*/ 315 w 492"/>
                <a:gd name="T83" fmla="*/ 87 h 374"/>
                <a:gd name="T84" fmla="*/ 306 w 492"/>
                <a:gd name="T85" fmla="*/ 100 h 374"/>
                <a:gd name="T86" fmla="*/ 298 w 492"/>
                <a:gd name="T87" fmla="*/ 114 h 374"/>
                <a:gd name="T88" fmla="*/ 293 w 492"/>
                <a:gd name="T89" fmla="*/ 126 h 374"/>
                <a:gd name="T90" fmla="*/ 290 w 492"/>
                <a:gd name="T91" fmla="*/ 123 h 374"/>
                <a:gd name="T92" fmla="*/ 288 w 492"/>
                <a:gd name="T93" fmla="*/ 126 h 374"/>
                <a:gd name="T94" fmla="*/ 289 w 492"/>
                <a:gd name="T95" fmla="*/ 132 h 374"/>
                <a:gd name="T96" fmla="*/ 294 w 492"/>
                <a:gd name="T97" fmla="*/ 134 h 374"/>
                <a:gd name="T98" fmla="*/ 295 w 492"/>
                <a:gd name="T99" fmla="*/ 139 h 374"/>
                <a:gd name="T100" fmla="*/ 292 w 492"/>
                <a:gd name="T101" fmla="*/ 145 h 374"/>
                <a:gd name="T102" fmla="*/ 286 w 492"/>
                <a:gd name="T103" fmla="*/ 148 h 374"/>
                <a:gd name="T104" fmla="*/ 276 w 492"/>
                <a:gd name="T105" fmla="*/ 154 h 374"/>
                <a:gd name="T106" fmla="*/ 266 w 492"/>
                <a:gd name="T107" fmla="*/ 171 h 374"/>
                <a:gd name="T108" fmla="*/ 263 w 492"/>
                <a:gd name="T109" fmla="*/ 173 h 374"/>
                <a:gd name="T110" fmla="*/ 259 w 492"/>
                <a:gd name="T111" fmla="*/ 177 h 374"/>
                <a:gd name="T112" fmla="*/ 251 w 492"/>
                <a:gd name="T113" fmla="*/ 179 h 374"/>
                <a:gd name="T114" fmla="*/ 240 w 492"/>
                <a:gd name="T115" fmla="*/ 196 h 374"/>
                <a:gd name="T116" fmla="*/ 236 w 492"/>
                <a:gd name="T117" fmla="*/ 201 h 374"/>
                <a:gd name="T118" fmla="*/ 214 w 492"/>
                <a:gd name="T119" fmla="*/ 207 h 374"/>
                <a:gd name="T120" fmla="*/ 194 w 492"/>
                <a:gd name="T121" fmla="*/ 221 h 374"/>
                <a:gd name="T122" fmla="*/ 187 w 492"/>
                <a:gd name="T123" fmla="*/ 245 h 374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w 492"/>
                <a:gd name="T187" fmla="*/ 0 h 374"/>
                <a:gd name="T188" fmla="*/ 492 w 492"/>
                <a:gd name="T189" fmla="*/ 374 h 374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T186" t="T187" r="T188" b="T189"/>
              <a:pathLst>
                <a:path w="492" h="374">
                  <a:moveTo>
                    <a:pt x="269" y="374"/>
                  </a:moveTo>
                  <a:lnTo>
                    <a:pt x="269" y="372"/>
                  </a:lnTo>
                  <a:lnTo>
                    <a:pt x="267" y="370"/>
                  </a:lnTo>
                  <a:lnTo>
                    <a:pt x="267" y="369"/>
                  </a:lnTo>
                  <a:lnTo>
                    <a:pt x="267" y="367"/>
                  </a:lnTo>
                  <a:lnTo>
                    <a:pt x="267" y="365"/>
                  </a:lnTo>
                  <a:lnTo>
                    <a:pt x="267" y="364"/>
                  </a:lnTo>
                  <a:lnTo>
                    <a:pt x="267" y="362"/>
                  </a:lnTo>
                  <a:lnTo>
                    <a:pt x="266" y="348"/>
                  </a:lnTo>
                  <a:lnTo>
                    <a:pt x="261" y="338"/>
                  </a:lnTo>
                  <a:lnTo>
                    <a:pt x="255" y="330"/>
                  </a:lnTo>
                  <a:lnTo>
                    <a:pt x="249" y="321"/>
                  </a:lnTo>
                  <a:lnTo>
                    <a:pt x="242" y="316"/>
                  </a:lnTo>
                  <a:lnTo>
                    <a:pt x="235" y="313"/>
                  </a:lnTo>
                  <a:lnTo>
                    <a:pt x="232" y="309"/>
                  </a:lnTo>
                  <a:lnTo>
                    <a:pt x="230" y="308"/>
                  </a:lnTo>
                  <a:lnTo>
                    <a:pt x="228" y="292"/>
                  </a:lnTo>
                  <a:lnTo>
                    <a:pt x="225" y="282"/>
                  </a:lnTo>
                  <a:lnTo>
                    <a:pt x="218" y="274"/>
                  </a:lnTo>
                  <a:lnTo>
                    <a:pt x="211" y="269"/>
                  </a:lnTo>
                  <a:lnTo>
                    <a:pt x="205" y="265"/>
                  </a:lnTo>
                  <a:lnTo>
                    <a:pt x="200" y="264"/>
                  </a:lnTo>
                  <a:lnTo>
                    <a:pt x="195" y="262"/>
                  </a:lnTo>
                  <a:lnTo>
                    <a:pt x="193" y="262"/>
                  </a:lnTo>
                  <a:lnTo>
                    <a:pt x="193" y="260"/>
                  </a:lnTo>
                  <a:lnTo>
                    <a:pt x="189" y="259"/>
                  </a:lnTo>
                  <a:lnTo>
                    <a:pt x="184" y="254"/>
                  </a:lnTo>
                  <a:lnTo>
                    <a:pt x="179" y="250"/>
                  </a:lnTo>
                  <a:lnTo>
                    <a:pt x="174" y="245"/>
                  </a:lnTo>
                  <a:lnTo>
                    <a:pt x="171" y="240"/>
                  </a:lnTo>
                  <a:lnTo>
                    <a:pt x="167" y="237"/>
                  </a:lnTo>
                  <a:lnTo>
                    <a:pt x="166" y="233"/>
                  </a:lnTo>
                  <a:lnTo>
                    <a:pt x="162" y="225"/>
                  </a:lnTo>
                  <a:lnTo>
                    <a:pt x="157" y="218"/>
                  </a:lnTo>
                  <a:lnTo>
                    <a:pt x="154" y="213"/>
                  </a:lnTo>
                  <a:lnTo>
                    <a:pt x="149" y="211"/>
                  </a:lnTo>
                  <a:lnTo>
                    <a:pt x="145" y="210"/>
                  </a:lnTo>
                  <a:lnTo>
                    <a:pt x="142" y="210"/>
                  </a:lnTo>
                  <a:lnTo>
                    <a:pt x="139" y="210"/>
                  </a:lnTo>
                  <a:lnTo>
                    <a:pt x="137" y="208"/>
                  </a:lnTo>
                  <a:lnTo>
                    <a:pt x="135" y="204"/>
                  </a:lnTo>
                  <a:lnTo>
                    <a:pt x="132" y="203"/>
                  </a:lnTo>
                  <a:lnTo>
                    <a:pt x="130" y="199"/>
                  </a:lnTo>
                  <a:lnTo>
                    <a:pt x="127" y="193"/>
                  </a:lnTo>
                  <a:lnTo>
                    <a:pt x="123" y="188"/>
                  </a:lnTo>
                  <a:lnTo>
                    <a:pt x="120" y="184"/>
                  </a:lnTo>
                  <a:lnTo>
                    <a:pt x="117" y="182"/>
                  </a:lnTo>
                  <a:lnTo>
                    <a:pt x="113" y="181"/>
                  </a:lnTo>
                  <a:lnTo>
                    <a:pt x="112" y="182"/>
                  </a:lnTo>
                  <a:lnTo>
                    <a:pt x="108" y="182"/>
                  </a:lnTo>
                  <a:lnTo>
                    <a:pt x="101" y="181"/>
                  </a:lnTo>
                  <a:lnTo>
                    <a:pt x="96" y="179"/>
                  </a:lnTo>
                  <a:lnTo>
                    <a:pt x="93" y="174"/>
                  </a:lnTo>
                  <a:lnTo>
                    <a:pt x="90" y="169"/>
                  </a:lnTo>
                  <a:lnTo>
                    <a:pt x="86" y="164"/>
                  </a:lnTo>
                  <a:lnTo>
                    <a:pt x="85" y="160"/>
                  </a:lnTo>
                  <a:lnTo>
                    <a:pt x="83" y="157"/>
                  </a:lnTo>
                  <a:lnTo>
                    <a:pt x="83" y="155"/>
                  </a:lnTo>
                  <a:lnTo>
                    <a:pt x="78" y="152"/>
                  </a:lnTo>
                  <a:lnTo>
                    <a:pt x="71" y="145"/>
                  </a:lnTo>
                  <a:lnTo>
                    <a:pt x="66" y="138"/>
                  </a:lnTo>
                  <a:lnTo>
                    <a:pt x="61" y="132"/>
                  </a:lnTo>
                  <a:lnTo>
                    <a:pt x="57" y="125"/>
                  </a:lnTo>
                  <a:lnTo>
                    <a:pt x="56" y="118"/>
                  </a:lnTo>
                  <a:lnTo>
                    <a:pt x="52" y="115"/>
                  </a:lnTo>
                  <a:lnTo>
                    <a:pt x="52" y="113"/>
                  </a:lnTo>
                  <a:lnTo>
                    <a:pt x="52" y="111"/>
                  </a:lnTo>
                  <a:lnTo>
                    <a:pt x="49" y="111"/>
                  </a:lnTo>
                  <a:lnTo>
                    <a:pt x="47" y="111"/>
                  </a:lnTo>
                  <a:lnTo>
                    <a:pt x="46" y="110"/>
                  </a:lnTo>
                  <a:lnTo>
                    <a:pt x="39" y="110"/>
                  </a:lnTo>
                  <a:lnTo>
                    <a:pt x="32" y="108"/>
                  </a:lnTo>
                  <a:lnTo>
                    <a:pt x="27" y="106"/>
                  </a:lnTo>
                  <a:lnTo>
                    <a:pt x="24" y="105"/>
                  </a:lnTo>
                  <a:lnTo>
                    <a:pt x="20" y="103"/>
                  </a:lnTo>
                  <a:lnTo>
                    <a:pt x="19" y="101"/>
                  </a:lnTo>
                  <a:lnTo>
                    <a:pt x="17" y="100"/>
                  </a:lnTo>
                  <a:lnTo>
                    <a:pt x="5" y="98"/>
                  </a:lnTo>
                  <a:lnTo>
                    <a:pt x="0" y="93"/>
                  </a:lnTo>
                  <a:lnTo>
                    <a:pt x="0" y="84"/>
                  </a:lnTo>
                  <a:lnTo>
                    <a:pt x="2" y="74"/>
                  </a:lnTo>
                  <a:lnTo>
                    <a:pt x="7" y="66"/>
                  </a:lnTo>
                  <a:lnTo>
                    <a:pt x="13" y="57"/>
                  </a:lnTo>
                  <a:lnTo>
                    <a:pt x="17" y="52"/>
                  </a:lnTo>
                  <a:lnTo>
                    <a:pt x="19" y="50"/>
                  </a:lnTo>
                  <a:lnTo>
                    <a:pt x="20" y="52"/>
                  </a:lnTo>
                  <a:lnTo>
                    <a:pt x="22" y="50"/>
                  </a:lnTo>
                  <a:lnTo>
                    <a:pt x="24" y="49"/>
                  </a:lnTo>
                  <a:lnTo>
                    <a:pt x="27" y="45"/>
                  </a:lnTo>
                  <a:lnTo>
                    <a:pt x="30" y="42"/>
                  </a:lnTo>
                  <a:lnTo>
                    <a:pt x="35" y="39"/>
                  </a:lnTo>
                  <a:lnTo>
                    <a:pt x="41" y="35"/>
                  </a:lnTo>
                  <a:lnTo>
                    <a:pt x="47" y="32"/>
                  </a:lnTo>
                  <a:lnTo>
                    <a:pt x="52" y="28"/>
                  </a:lnTo>
                  <a:lnTo>
                    <a:pt x="61" y="23"/>
                  </a:lnTo>
                  <a:lnTo>
                    <a:pt x="68" y="20"/>
                  </a:lnTo>
                  <a:lnTo>
                    <a:pt x="76" y="17"/>
                  </a:lnTo>
                  <a:lnTo>
                    <a:pt x="85" y="15"/>
                  </a:lnTo>
                  <a:lnTo>
                    <a:pt x="95" y="13"/>
                  </a:lnTo>
                  <a:lnTo>
                    <a:pt x="105" y="10"/>
                  </a:lnTo>
                  <a:lnTo>
                    <a:pt x="113" y="10"/>
                  </a:lnTo>
                  <a:lnTo>
                    <a:pt x="206" y="1"/>
                  </a:lnTo>
                  <a:lnTo>
                    <a:pt x="208" y="1"/>
                  </a:lnTo>
                  <a:lnTo>
                    <a:pt x="210" y="0"/>
                  </a:lnTo>
                  <a:lnTo>
                    <a:pt x="215" y="0"/>
                  </a:lnTo>
                  <a:lnTo>
                    <a:pt x="222" y="0"/>
                  </a:lnTo>
                  <a:lnTo>
                    <a:pt x="228" y="1"/>
                  </a:lnTo>
                  <a:lnTo>
                    <a:pt x="235" y="5"/>
                  </a:lnTo>
                  <a:lnTo>
                    <a:pt x="242" y="12"/>
                  </a:lnTo>
                  <a:lnTo>
                    <a:pt x="250" y="23"/>
                  </a:lnTo>
                  <a:lnTo>
                    <a:pt x="254" y="37"/>
                  </a:lnTo>
                  <a:lnTo>
                    <a:pt x="362" y="20"/>
                  </a:lnTo>
                  <a:lnTo>
                    <a:pt x="492" y="115"/>
                  </a:lnTo>
                  <a:lnTo>
                    <a:pt x="491" y="115"/>
                  </a:lnTo>
                  <a:lnTo>
                    <a:pt x="489" y="118"/>
                  </a:lnTo>
                  <a:lnTo>
                    <a:pt x="486" y="120"/>
                  </a:lnTo>
                  <a:lnTo>
                    <a:pt x="484" y="122"/>
                  </a:lnTo>
                  <a:lnTo>
                    <a:pt x="481" y="125"/>
                  </a:lnTo>
                  <a:lnTo>
                    <a:pt x="475" y="130"/>
                  </a:lnTo>
                  <a:lnTo>
                    <a:pt x="472" y="133"/>
                  </a:lnTo>
                  <a:lnTo>
                    <a:pt x="467" y="140"/>
                  </a:lnTo>
                  <a:lnTo>
                    <a:pt x="464" y="145"/>
                  </a:lnTo>
                  <a:lnTo>
                    <a:pt x="459" y="150"/>
                  </a:lnTo>
                  <a:lnTo>
                    <a:pt x="455" y="159"/>
                  </a:lnTo>
                  <a:lnTo>
                    <a:pt x="450" y="166"/>
                  </a:lnTo>
                  <a:lnTo>
                    <a:pt x="447" y="174"/>
                  </a:lnTo>
                  <a:lnTo>
                    <a:pt x="443" y="182"/>
                  </a:lnTo>
                  <a:lnTo>
                    <a:pt x="440" y="191"/>
                  </a:lnTo>
                  <a:lnTo>
                    <a:pt x="437" y="189"/>
                  </a:lnTo>
                  <a:lnTo>
                    <a:pt x="435" y="188"/>
                  </a:lnTo>
                  <a:lnTo>
                    <a:pt x="435" y="186"/>
                  </a:lnTo>
                  <a:lnTo>
                    <a:pt x="433" y="186"/>
                  </a:lnTo>
                  <a:lnTo>
                    <a:pt x="433" y="188"/>
                  </a:lnTo>
                  <a:lnTo>
                    <a:pt x="431" y="191"/>
                  </a:lnTo>
                  <a:lnTo>
                    <a:pt x="431" y="194"/>
                  </a:lnTo>
                  <a:lnTo>
                    <a:pt x="431" y="198"/>
                  </a:lnTo>
                  <a:lnTo>
                    <a:pt x="433" y="199"/>
                  </a:lnTo>
                  <a:lnTo>
                    <a:pt x="435" y="201"/>
                  </a:lnTo>
                  <a:lnTo>
                    <a:pt x="440" y="203"/>
                  </a:lnTo>
                  <a:lnTo>
                    <a:pt x="442" y="203"/>
                  </a:lnTo>
                  <a:lnTo>
                    <a:pt x="442" y="204"/>
                  </a:lnTo>
                  <a:lnTo>
                    <a:pt x="443" y="206"/>
                  </a:lnTo>
                  <a:lnTo>
                    <a:pt x="443" y="210"/>
                  </a:lnTo>
                  <a:lnTo>
                    <a:pt x="443" y="213"/>
                  </a:lnTo>
                  <a:lnTo>
                    <a:pt x="440" y="216"/>
                  </a:lnTo>
                  <a:lnTo>
                    <a:pt x="437" y="221"/>
                  </a:lnTo>
                  <a:lnTo>
                    <a:pt x="431" y="225"/>
                  </a:lnTo>
                  <a:lnTo>
                    <a:pt x="430" y="225"/>
                  </a:lnTo>
                  <a:lnTo>
                    <a:pt x="428" y="225"/>
                  </a:lnTo>
                  <a:lnTo>
                    <a:pt x="423" y="228"/>
                  </a:lnTo>
                  <a:lnTo>
                    <a:pt x="418" y="230"/>
                  </a:lnTo>
                  <a:lnTo>
                    <a:pt x="413" y="235"/>
                  </a:lnTo>
                  <a:lnTo>
                    <a:pt x="408" y="240"/>
                  </a:lnTo>
                  <a:lnTo>
                    <a:pt x="403" y="248"/>
                  </a:lnTo>
                  <a:lnTo>
                    <a:pt x="398" y="259"/>
                  </a:lnTo>
                  <a:lnTo>
                    <a:pt x="396" y="260"/>
                  </a:lnTo>
                  <a:lnTo>
                    <a:pt x="394" y="262"/>
                  </a:lnTo>
                  <a:lnTo>
                    <a:pt x="393" y="265"/>
                  </a:lnTo>
                  <a:lnTo>
                    <a:pt x="391" y="267"/>
                  </a:lnTo>
                  <a:lnTo>
                    <a:pt x="389" y="269"/>
                  </a:lnTo>
                  <a:lnTo>
                    <a:pt x="387" y="270"/>
                  </a:lnTo>
                  <a:lnTo>
                    <a:pt x="376" y="272"/>
                  </a:lnTo>
                  <a:lnTo>
                    <a:pt x="376" y="277"/>
                  </a:lnTo>
                  <a:lnTo>
                    <a:pt x="384" y="279"/>
                  </a:lnTo>
                  <a:lnTo>
                    <a:pt x="359" y="299"/>
                  </a:lnTo>
                  <a:lnTo>
                    <a:pt x="354" y="291"/>
                  </a:lnTo>
                  <a:lnTo>
                    <a:pt x="349" y="299"/>
                  </a:lnTo>
                  <a:lnTo>
                    <a:pt x="354" y="304"/>
                  </a:lnTo>
                  <a:lnTo>
                    <a:pt x="343" y="316"/>
                  </a:lnTo>
                  <a:lnTo>
                    <a:pt x="335" y="314"/>
                  </a:lnTo>
                  <a:lnTo>
                    <a:pt x="320" y="314"/>
                  </a:lnTo>
                  <a:lnTo>
                    <a:pt x="305" y="316"/>
                  </a:lnTo>
                  <a:lnTo>
                    <a:pt x="296" y="320"/>
                  </a:lnTo>
                  <a:lnTo>
                    <a:pt x="291" y="336"/>
                  </a:lnTo>
                  <a:lnTo>
                    <a:pt x="303" y="348"/>
                  </a:lnTo>
                  <a:lnTo>
                    <a:pt x="289" y="374"/>
                  </a:lnTo>
                  <a:lnTo>
                    <a:pt x="281" y="372"/>
                  </a:lnTo>
                  <a:lnTo>
                    <a:pt x="269" y="374"/>
                  </a:lnTo>
                  <a:close/>
                </a:path>
              </a:pathLst>
            </a:custGeom>
            <a:solidFill>
              <a:srgbClr val="0033CC"/>
            </a:solidFill>
            <a:ln w="9525">
              <a:solidFill>
                <a:sysClr val="window" lastClr="FFFFFF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58" name="Freeform 14"/>
            <p:cNvSpPr>
              <a:spLocks/>
            </p:cNvSpPr>
            <p:nvPr/>
          </p:nvSpPr>
          <p:spPr bwMode="auto">
            <a:xfrm>
              <a:off x="4869" y="1704"/>
              <a:ext cx="76" cy="93"/>
            </a:xfrm>
            <a:custGeom>
              <a:avLst/>
              <a:gdLst>
                <a:gd name="T0" fmla="*/ 19 w 78"/>
                <a:gd name="T1" fmla="*/ 61 h 95"/>
                <a:gd name="T2" fmla="*/ 16 w 78"/>
                <a:gd name="T3" fmla="*/ 63 h 95"/>
                <a:gd name="T4" fmla="*/ 16 w 78"/>
                <a:gd name="T5" fmla="*/ 63 h 95"/>
                <a:gd name="T6" fmla="*/ 16 w 78"/>
                <a:gd name="T7" fmla="*/ 64 h 95"/>
                <a:gd name="T8" fmla="*/ 16 w 78"/>
                <a:gd name="T9" fmla="*/ 64 h 95"/>
                <a:gd name="T10" fmla="*/ 16 w 78"/>
                <a:gd name="T11" fmla="*/ 65 h 95"/>
                <a:gd name="T12" fmla="*/ 16 w 78"/>
                <a:gd name="T13" fmla="*/ 66 h 95"/>
                <a:gd name="T14" fmla="*/ 16 w 78"/>
                <a:gd name="T15" fmla="*/ 68 h 95"/>
                <a:gd name="T16" fmla="*/ 16 w 78"/>
                <a:gd name="T17" fmla="*/ 68 h 95"/>
                <a:gd name="T18" fmla="*/ 17 w 78"/>
                <a:gd name="T19" fmla="*/ 69 h 95"/>
                <a:gd name="T20" fmla="*/ 19 w 78"/>
                <a:gd name="T21" fmla="*/ 69 h 95"/>
                <a:gd name="T22" fmla="*/ 19 w 78"/>
                <a:gd name="T23" fmla="*/ 68 h 95"/>
                <a:gd name="T24" fmla="*/ 19 w 78"/>
                <a:gd name="T25" fmla="*/ 66 h 95"/>
                <a:gd name="T26" fmla="*/ 22 w 78"/>
                <a:gd name="T27" fmla="*/ 64 h 95"/>
                <a:gd name="T28" fmla="*/ 25 w 78"/>
                <a:gd name="T29" fmla="*/ 63 h 95"/>
                <a:gd name="T30" fmla="*/ 27 w 78"/>
                <a:gd name="T31" fmla="*/ 61 h 95"/>
                <a:gd name="T32" fmla="*/ 29 w 78"/>
                <a:gd name="T33" fmla="*/ 60 h 95"/>
                <a:gd name="T34" fmla="*/ 30 w 78"/>
                <a:gd name="T35" fmla="*/ 59 h 95"/>
                <a:gd name="T36" fmla="*/ 36 w 78"/>
                <a:gd name="T37" fmla="*/ 59 h 95"/>
                <a:gd name="T38" fmla="*/ 36 w 78"/>
                <a:gd name="T39" fmla="*/ 50 h 95"/>
                <a:gd name="T40" fmla="*/ 25 w 78"/>
                <a:gd name="T41" fmla="*/ 23 h 95"/>
                <a:gd name="T42" fmla="*/ 34 w 78"/>
                <a:gd name="T43" fmla="*/ 23 h 95"/>
                <a:gd name="T44" fmla="*/ 41 w 78"/>
                <a:gd name="T45" fmla="*/ 23 h 95"/>
                <a:gd name="T46" fmla="*/ 44 w 78"/>
                <a:gd name="T47" fmla="*/ 23 h 95"/>
                <a:gd name="T48" fmla="*/ 45 w 78"/>
                <a:gd name="T49" fmla="*/ 23 h 95"/>
                <a:gd name="T50" fmla="*/ 45 w 78"/>
                <a:gd name="T51" fmla="*/ 23 h 95"/>
                <a:gd name="T52" fmla="*/ 47 w 78"/>
                <a:gd name="T53" fmla="*/ 25 h 95"/>
                <a:gd name="T54" fmla="*/ 48 w 78"/>
                <a:gd name="T55" fmla="*/ 28 h 95"/>
                <a:gd name="T56" fmla="*/ 49 w 78"/>
                <a:gd name="T57" fmla="*/ 38 h 95"/>
                <a:gd name="T58" fmla="*/ 51 w 78"/>
                <a:gd name="T59" fmla="*/ 44 h 95"/>
                <a:gd name="T60" fmla="*/ 51 w 78"/>
                <a:gd name="T61" fmla="*/ 47 h 95"/>
                <a:gd name="T62" fmla="*/ 52 w 78"/>
                <a:gd name="T63" fmla="*/ 45 h 95"/>
                <a:gd name="T64" fmla="*/ 53 w 78"/>
                <a:gd name="T65" fmla="*/ 44 h 95"/>
                <a:gd name="T66" fmla="*/ 53 w 78"/>
                <a:gd name="T67" fmla="*/ 40 h 95"/>
                <a:gd name="T68" fmla="*/ 54 w 78"/>
                <a:gd name="T69" fmla="*/ 38 h 95"/>
                <a:gd name="T70" fmla="*/ 54 w 78"/>
                <a:gd name="T71" fmla="*/ 37 h 95"/>
                <a:gd name="T72" fmla="*/ 54 w 78"/>
                <a:gd name="T73" fmla="*/ 38 h 95"/>
                <a:gd name="T74" fmla="*/ 53 w 78"/>
                <a:gd name="T75" fmla="*/ 38 h 95"/>
                <a:gd name="T76" fmla="*/ 53 w 78"/>
                <a:gd name="T77" fmla="*/ 37 h 95"/>
                <a:gd name="T78" fmla="*/ 53 w 78"/>
                <a:gd name="T79" fmla="*/ 35 h 95"/>
                <a:gd name="T80" fmla="*/ 52 w 78"/>
                <a:gd name="T81" fmla="*/ 32 h 95"/>
                <a:gd name="T82" fmla="*/ 51 w 78"/>
                <a:gd name="T83" fmla="*/ 30 h 95"/>
                <a:gd name="T84" fmla="*/ 51 w 78"/>
                <a:gd name="T85" fmla="*/ 28 h 95"/>
                <a:gd name="T86" fmla="*/ 51 w 78"/>
                <a:gd name="T87" fmla="*/ 27 h 95"/>
                <a:gd name="T88" fmla="*/ 51 w 78"/>
                <a:gd name="T89" fmla="*/ 27 h 95"/>
                <a:gd name="T90" fmla="*/ 48 w 78"/>
                <a:gd name="T91" fmla="*/ 23 h 95"/>
                <a:gd name="T92" fmla="*/ 44 w 78"/>
                <a:gd name="T93" fmla="*/ 23 h 95"/>
                <a:gd name="T94" fmla="*/ 37 w 78"/>
                <a:gd name="T95" fmla="*/ 23 h 95"/>
                <a:gd name="T96" fmla="*/ 32 w 78"/>
                <a:gd name="T97" fmla="*/ 14 h 95"/>
                <a:gd name="T98" fmla="*/ 25 w 78"/>
                <a:gd name="T99" fmla="*/ 14 h 95"/>
                <a:gd name="T100" fmla="*/ 20 w 78"/>
                <a:gd name="T101" fmla="*/ 0 h 95"/>
                <a:gd name="T102" fmla="*/ 0 w 78"/>
                <a:gd name="T103" fmla="*/ 8 h 95"/>
                <a:gd name="T104" fmla="*/ 19 w 78"/>
                <a:gd name="T105" fmla="*/ 61 h 95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w 78"/>
                <a:gd name="T160" fmla="*/ 0 h 95"/>
                <a:gd name="T161" fmla="*/ 78 w 78"/>
                <a:gd name="T162" fmla="*/ 95 h 95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T159" t="T160" r="T161" b="T162"/>
              <a:pathLst>
                <a:path w="78" h="95">
                  <a:moveTo>
                    <a:pt x="21" y="80"/>
                  </a:moveTo>
                  <a:lnTo>
                    <a:pt x="16" y="83"/>
                  </a:lnTo>
                  <a:lnTo>
                    <a:pt x="16" y="85"/>
                  </a:lnTo>
                  <a:lnTo>
                    <a:pt x="16" y="86"/>
                  </a:lnTo>
                  <a:lnTo>
                    <a:pt x="16" y="88"/>
                  </a:lnTo>
                  <a:lnTo>
                    <a:pt x="16" y="90"/>
                  </a:lnTo>
                  <a:lnTo>
                    <a:pt x="16" y="93"/>
                  </a:lnTo>
                  <a:lnTo>
                    <a:pt x="17" y="95"/>
                  </a:lnTo>
                  <a:lnTo>
                    <a:pt x="22" y="95"/>
                  </a:lnTo>
                  <a:lnTo>
                    <a:pt x="28" y="93"/>
                  </a:lnTo>
                  <a:lnTo>
                    <a:pt x="31" y="90"/>
                  </a:lnTo>
                  <a:lnTo>
                    <a:pt x="36" y="86"/>
                  </a:lnTo>
                  <a:lnTo>
                    <a:pt x="39" y="83"/>
                  </a:lnTo>
                  <a:lnTo>
                    <a:pt x="41" y="80"/>
                  </a:lnTo>
                  <a:lnTo>
                    <a:pt x="43" y="78"/>
                  </a:lnTo>
                  <a:lnTo>
                    <a:pt x="44" y="76"/>
                  </a:lnTo>
                  <a:lnTo>
                    <a:pt x="50" y="76"/>
                  </a:lnTo>
                  <a:lnTo>
                    <a:pt x="50" y="64"/>
                  </a:lnTo>
                  <a:lnTo>
                    <a:pt x="39" y="30"/>
                  </a:lnTo>
                  <a:lnTo>
                    <a:pt x="48" y="29"/>
                  </a:lnTo>
                  <a:lnTo>
                    <a:pt x="55" y="36"/>
                  </a:lnTo>
                  <a:lnTo>
                    <a:pt x="58" y="36"/>
                  </a:lnTo>
                  <a:lnTo>
                    <a:pt x="60" y="36"/>
                  </a:lnTo>
                  <a:lnTo>
                    <a:pt x="61" y="37"/>
                  </a:lnTo>
                  <a:lnTo>
                    <a:pt x="65" y="39"/>
                  </a:lnTo>
                  <a:lnTo>
                    <a:pt x="66" y="42"/>
                  </a:lnTo>
                  <a:lnTo>
                    <a:pt x="68" y="52"/>
                  </a:lnTo>
                  <a:lnTo>
                    <a:pt x="72" y="58"/>
                  </a:lnTo>
                  <a:lnTo>
                    <a:pt x="73" y="61"/>
                  </a:lnTo>
                  <a:lnTo>
                    <a:pt x="75" y="59"/>
                  </a:lnTo>
                  <a:lnTo>
                    <a:pt x="77" y="58"/>
                  </a:lnTo>
                  <a:lnTo>
                    <a:pt x="77" y="54"/>
                  </a:lnTo>
                  <a:lnTo>
                    <a:pt x="78" y="52"/>
                  </a:lnTo>
                  <a:lnTo>
                    <a:pt x="78" y="51"/>
                  </a:lnTo>
                  <a:lnTo>
                    <a:pt x="78" y="52"/>
                  </a:lnTo>
                  <a:lnTo>
                    <a:pt x="77" y="52"/>
                  </a:lnTo>
                  <a:lnTo>
                    <a:pt x="77" y="51"/>
                  </a:lnTo>
                  <a:lnTo>
                    <a:pt x="77" y="49"/>
                  </a:lnTo>
                  <a:lnTo>
                    <a:pt x="75" y="46"/>
                  </a:lnTo>
                  <a:lnTo>
                    <a:pt x="73" y="44"/>
                  </a:lnTo>
                  <a:lnTo>
                    <a:pt x="73" y="42"/>
                  </a:lnTo>
                  <a:lnTo>
                    <a:pt x="73" y="41"/>
                  </a:lnTo>
                  <a:lnTo>
                    <a:pt x="66" y="36"/>
                  </a:lnTo>
                  <a:lnTo>
                    <a:pt x="58" y="30"/>
                  </a:lnTo>
                  <a:lnTo>
                    <a:pt x="51" y="29"/>
                  </a:lnTo>
                  <a:lnTo>
                    <a:pt x="46" y="14"/>
                  </a:lnTo>
                  <a:lnTo>
                    <a:pt x="39" y="14"/>
                  </a:lnTo>
                  <a:lnTo>
                    <a:pt x="34" y="0"/>
                  </a:lnTo>
                  <a:lnTo>
                    <a:pt x="0" y="8"/>
                  </a:lnTo>
                  <a:lnTo>
                    <a:pt x="21" y="80"/>
                  </a:lnTo>
                  <a:close/>
                </a:path>
              </a:pathLst>
            </a:custGeom>
            <a:solidFill>
              <a:srgbClr val="00FF00"/>
            </a:solidFill>
            <a:ln w="9525">
              <a:solidFill>
                <a:sysClr val="window" lastClr="FFFFFF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559" name="Group 15"/>
            <p:cNvGrpSpPr>
              <a:grpSpLocks/>
            </p:cNvGrpSpPr>
            <p:nvPr/>
          </p:nvGrpSpPr>
          <p:grpSpPr bwMode="auto">
            <a:xfrm>
              <a:off x="2752" y="1791"/>
              <a:ext cx="1909" cy="2193"/>
              <a:chOff x="2691" y="1840"/>
              <a:chExt cx="1909" cy="2193"/>
            </a:xfrm>
          </p:grpSpPr>
          <p:grpSp>
            <p:nvGrpSpPr>
              <p:cNvPr id="700" name="Group 16"/>
              <p:cNvGrpSpPr>
                <a:grpSpLocks/>
              </p:cNvGrpSpPr>
              <p:nvPr/>
            </p:nvGrpSpPr>
            <p:grpSpPr bwMode="auto">
              <a:xfrm>
                <a:off x="3537" y="3290"/>
                <a:ext cx="873" cy="743"/>
                <a:chOff x="3822" y="2894"/>
                <a:chExt cx="897" cy="765"/>
              </a:xfrm>
            </p:grpSpPr>
            <p:sp>
              <p:nvSpPr>
                <p:cNvPr id="706" name="Freeform 17"/>
                <p:cNvSpPr>
                  <a:spLocks/>
                </p:cNvSpPr>
                <p:nvPr/>
              </p:nvSpPr>
              <p:spPr bwMode="auto">
                <a:xfrm>
                  <a:off x="3822" y="2894"/>
                  <a:ext cx="890" cy="684"/>
                </a:xfrm>
                <a:custGeom>
                  <a:avLst/>
                  <a:gdLst>
                    <a:gd name="T0" fmla="*/ 641 w 890"/>
                    <a:gd name="T1" fmla="*/ 49 h 684"/>
                    <a:gd name="T2" fmla="*/ 641 w 890"/>
                    <a:gd name="T3" fmla="*/ 69 h 684"/>
                    <a:gd name="T4" fmla="*/ 682 w 890"/>
                    <a:gd name="T5" fmla="*/ 112 h 684"/>
                    <a:gd name="T6" fmla="*/ 717 w 890"/>
                    <a:gd name="T7" fmla="*/ 161 h 684"/>
                    <a:gd name="T8" fmla="*/ 732 w 890"/>
                    <a:gd name="T9" fmla="*/ 190 h 684"/>
                    <a:gd name="T10" fmla="*/ 721 w 890"/>
                    <a:gd name="T11" fmla="*/ 183 h 684"/>
                    <a:gd name="T12" fmla="*/ 758 w 890"/>
                    <a:gd name="T13" fmla="*/ 235 h 684"/>
                    <a:gd name="T14" fmla="*/ 773 w 890"/>
                    <a:gd name="T15" fmla="*/ 279 h 684"/>
                    <a:gd name="T16" fmla="*/ 832 w 890"/>
                    <a:gd name="T17" fmla="*/ 381 h 684"/>
                    <a:gd name="T18" fmla="*/ 856 w 890"/>
                    <a:gd name="T19" fmla="*/ 420 h 684"/>
                    <a:gd name="T20" fmla="*/ 875 w 890"/>
                    <a:gd name="T21" fmla="*/ 450 h 684"/>
                    <a:gd name="T22" fmla="*/ 888 w 890"/>
                    <a:gd name="T23" fmla="*/ 479 h 684"/>
                    <a:gd name="T24" fmla="*/ 890 w 890"/>
                    <a:gd name="T25" fmla="*/ 564 h 684"/>
                    <a:gd name="T26" fmla="*/ 876 w 890"/>
                    <a:gd name="T27" fmla="*/ 609 h 684"/>
                    <a:gd name="T28" fmla="*/ 878 w 890"/>
                    <a:gd name="T29" fmla="*/ 641 h 684"/>
                    <a:gd name="T30" fmla="*/ 842 w 890"/>
                    <a:gd name="T31" fmla="*/ 674 h 684"/>
                    <a:gd name="T32" fmla="*/ 800 w 890"/>
                    <a:gd name="T33" fmla="*/ 684 h 684"/>
                    <a:gd name="T34" fmla="*/ 798 w 890"/>
                    <a:gd name="T35" fmla="*/ 668 h 684"/>
                    <a:gd name="T36" fmla="*/ 807 w 890"/>
                    <a:gd name="T37" fmla="*/ 635 h 684"/>
                    <a:gd name="T38" fmla="*/ 797 w 890"/>
                    <a:gd name="T39" fmla="*/ 653 h 684"/>
                    <a:gd name="T40" fmla="*/ 749 w 890"/>
                    <a:gd name="T41" fmla="*/ 606 h 684"/>
                    <a:gd name="T42" fmla="*/ 714 w 890"/>
                    <a:gd name="T43" fmla="*/ 597 h 684"/>
                    <a:gd name="T44" fmla="*/ 697 w 890"/>
                    <a:gd name="T45" fmla="*/ 564 h 684"/>
                    <a:gd name="T46" fmla="*/ 661 w 890"/>
                    <a:gd name="T47" fmla="*/ 498 h 684"/>
                    <a:gd name="T48" fmla="*/ 633 w 890"/>
                    <a:gd name="T49" fmla="*/ 472 h 684"/>
                    <a:gd name="T50" fmla="*/ 631 w 890"/>
                    <a:gd name="T51" fmla="*/ 491 h 684"/>
                    <a:gd name="T52" fmla="*/ 584 w 890"/>
                    <a:gd name="T53" fmla="*/ 425 h 684"/>
                    <a:gd name="T54" fmla="*/ 587 w 890"/>
                    <a:gd name="T55" fmla="*/ 408 h 684"/>
                    <a:gd name="T56" fmla="*/ 578 w 890"/>
                    <a:gd name="T57" fmla="*/ 359 h 684"/>
                    <a:gd name="T58" fmla="*/ 575 w 890"/>
                    <a:gd name="T59" fmla="*/ 399 h 684"/>
                    <a:gd name="T60" fmla="*/ 556 w 890"/>
                    <a:gd name="T61" fmla="*/ 374 h 684"/>
                    <a:gd name="T62" fmla="*/ 562 w 890"/>
                    <a:gd name="T63" fmla="*/ 316 h 684"/>
                    <a:gd name="T64" fmla="*/ 560 w 890"/>
                    <a:gd name="T65" fmla="*/ 267 h 684"/>
                    <a:gd name="T66" fmla="*/ 555 w 890"/>
                    <a:gd name="T67" fmla="*/ 247 h 684"/>
                    <a:gd name="T68" fmla="*/ 521 w 890"/>
                    <a:gd name="T69" fmla="*/ 222 h 684"/>
                    <a:gd name="T70" fmla="*/ 467 w 890"/>
                    <a:gd name="T71" fmla="*/ 179 h 684"/>
                    <a:gd name="T72" fmla="*/ 424 w 890"/>
                    <a:gd name="T73" fmla="*/ 139 h 684"/>
                    <a:gd name="T74" fmla="*/ 355 w 890"/>
                    <a:gd name="T75" fmla="*/ 132 h 684"/>
                    <a:gd name="T76" fmla="*/ 320 w 890"/>
                    <a:gd name="T77" fmla="*/ 164 h 684"/>
                    <a:gd name="T78" fmla="*/ 308 w 890"/>
                    <a:gd name="T79" fmla="*/ 168 h 684"/>
                    <a:gd name="T80" fmla="*/ 277 w 890"/>
                    <a:gd name="T81" fmla="*/ 181 h 684"/>
                    <a:gd name="T82" fmla="*/ 245 w 890"/>
                    <a:gd name="T83" fmla="*/ 179 h 684"/>
                    <a:gd name="T84" fmla="*/ 238 w 890"/>
                    <a:gd name="T85" fmla="*/ 142 h 684"/>
                    <a:gd name="T86" fmla="*/ 206 w 890"/>
                    <a:gd name="T87" fmla="*/ 125 h 684"/>
                    <a:gd name="T88" fmla="*/ 172 w 890"/>
                    <a:gd name="T89" fmla="*/ 118 h 684"/>
                    <a:gd name="T90" fmla="*/ 127 w 890"/>
                    <a:gd name="T91" fmla="*/ 113 h 684"/>
                    <a:gd name="T92" fmla="*/ 157 w 890"/>
                    <a:gd name="T93" fmla="*/ 110 h 684"/>
                    <a:gd name="T94" fmla="*/ 101 w 890"/>
                    <a:gd name="T95" fmla="*/ 113 h 684"/>
                    <a:gd name="T96" fmla="*/ 52 w 890"/>
                    <a:gd name="T97" fmla="*/ 125 h 684"/>
                    <a:gd name="T98" fmla="*/ 67 w 890"/>
                    <a:gd name="T99" fmla="*/ 105 h 684"/>
                    <a:gd name="T100" fmla="*/ 51 w 890"/>
                    <a:gd name="T101" fmla="*/ 113 h 684"/>
                    <a:gd name="T102" fmla="*/ 22 w 890"/>
                    <a:gd name="T103" fmla="*/ 137 h 684"/>
                    <a:gd name="T104" fmla="*/ 23 w 890"/>
                    <a:gd name="T105" fmla="*/ 117 h 684"/>
                    <a:gd name="T106" fmla="*/ 25 w 890"/>
                    <a:gd name="T107" fmla="*/ 93 h 684"/>
                    <a:gd name="T108" fmla="*/ 572 w 890"/>
                    <a:gd name="T109" fmla="*/ 37 h 684"/>
                    <a:gd name="T110" fmla="*/ 594 w 890"/>
                    <a:gd name="T111" fmla="*/ 30 h 684"/>
                    <a:gd name="T112" fmla="*/ 616 w 890"/>
                    <a:gd name="T113" fmla="*/ 5 h 684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w 890"/>
                    <a:gd name="T172" fmla="*/ 0 h 684"/>
                    <a:gd name="T173" fmla="*/ 890 w 890"/>
                    <a:gd name="T174" fmla="*/ 684 h 684"/>
                  </a:gdLst>
                  <a:ahLst/>
                  <a:cxnLst>
                    <a:cxn ang="T114">
                      <a:pos x="T0" y="T1"/>
                    </a:cxn>
                    <a:cxn ang="T115">
                      <a:pos x="T2" y="T3"/>
                    </a:cxn>
                    <a:cxn ang="T116">
                      <a:pos x="T4" y="T5"/>
                    </a:cxn>
                    <a:cxn ang="T117">
                      <a:pos x="T6" y="T7"/>
                    </a:cxn>
                    <a:cxn ang="T118">
                      <a:pos x="T8" y="T9"/>
                    </a:cxn>
                    <a:cxn ang="T119">
                      <a:pos x="T10" y="T11"/>
                    </a:cxn>
                    <a:cxn ang="T120">
                      <a:pos x="T12" y="T13"/>
                    </a:cxn>
                    <a:cxn ang="T121">
                      <a:pos x="T14" y="T15"/>
                    </a:cxn>
                    <a:cxn ang="T122">
                      <a:pos x="T16" y="T17"/>
                    </a:cxn>
                    <a:cxn ang="T123">
                      <a:pos x="T18" y="T19"/>
                    </a:cxn>
                    <a:cxn ang="T124">
                      <a:pos x="T20" y="T21"/>
                    </a:cxn>
                    <a:cxn ang="T125">
                      <a:pos x="T22" y="T23"/>
                    </a:cxn>
                    <a:cxn ang="T126">
                      <a:pos x="T24" y="T25"/>
                    </a:cxn>
                    <a:cxn ang="T127">
                      <a:pos x="T26" y="T27"/>
                    </a:cxn>
                    <a:cxn ang="T128">
                      <a:pos x="T28" y="T29"/>
                    </a:cxn>
                    <a:cxn ang="T129">
                      <a:pos x="T30" y="T31"/>
                    </a:cxn>
                    <a:cxn ang="T130">
                      <a:pos x="T32" y="T33"/>
                    </a:cxn>
                    <a:cxn ang="T131">
                      <a:pos x="T34" y="T35"/>
                    </a:cxn>
                    <a:cxn ang="T132">
                      <a:pos x="T36" y="T37"/>
                    </a:cxn>
                    <a:cxn ang="T133">
                      <a:pos x="T38" y="T39"/>
                    </a:cxn>
                    <a:cxn ang="T134">
                      <a:pos x="T40" y="T41"/>
                    </a:cxn>
                    <a:cxn ang="T135">
                      <a:pos x="T42" y="T43"/>
                    </a:cxn>
                    <a:cxn ang="T136">
                      <a:pos x="T44" y="T45"/>
                    </a:cxn>
                    <a:cxn ang="T137">
                      <a:pos x="T46" y="T47"/>
                    </a:cxn>
                    <a:cxn ang="T138">
                      <a:pos x="T48" y="T49"/>
                    </a:cxn>
                    <a:cxn ang="T139">
                      <a:pos x="T50" y="T51"/>
                    </a:cxn>
                    <a:cxn ang="T140">
                      <a:pos x="T52" y="T53"/>
                    </a:cxn>
                    <a:cxn ang="T141">
                      <a:pos x="T54" y="T55"/>
                    </a:cxn>
                    <a:cxn ang="T142">
                      <a:pos x="T56" y="T57"/>
                    </a:cxn>
                    <a:cxn ang="T143">
                      <a:pos x="T58" y="T59"/>
                    </a:cxn>
                    <a:cxn ang="T144">
                      <a:pos x="T60" y="T61"/>
                    </a:cxn>
                    <a:cxn ang="T145">
                      <a:pos x="T62" y="T63"/>
                    </a:cxn>
                    <a:cxn ang="T146">
                      <a:pos x="T64" y="T65"/>
                    </a:cxn>
                    <a:cxn ang="T147">
                      <a:pos x="T66" y="T67"/>
                    </a:cxn>
                    <a:cxn ang="T148">
                      <a:pos x="T68" y="T69"/>
                    </a:cxn>
                    <a:cxn ang="T149">
                      <a:pos x="T70" y="T71"/>
                    </a:cxn>
                    <a:cxn ang="T150">
                      <a:pos x="T72" y="T73"/>
                    </a:cxn>
                    <a:cxn ang="T151">
                      <a:pos x="T74" y="T75"/>
                    </a:cxn>
                    <a:cxn ang="T152">
                      <a:pos x="T76" y="T77"/>
                    </a:cxn>
                    <a:cxn ang="T153">
                      <a:pos x="T78" y="T79"/>
                    </a:cxn>
                    <a:cxn ang="T154">
                      <a:pos x="T80" y="T81"/>
                    </a:cxn>
                    <a:cxn ang="T155">
                      <a:pos x="T82" y="T83"/>
                    </a:cxn>
                    <a:cxn ang="T156">
                      <a:pos x="T84" y="T85"/>
                    </a:cxn>
                    <a:cxn ang="T157">
                      <a:pos x="T86" y="T87"/>
                    </a:cxn>
                    <a:cxn ang="T158">
                      <a:pos x="T88" y="T89"/>
                    </a:cxn>
                    <a:cxn ang="T159">
                      <a:pos x="T90" y="T91"/>
                    </a:cxn>
                    <a:cxn ang="T160">
                      <a:pos x="T92" y="T93"/>
                    </a:cxn>
                    <a:cxn ang="T161">
                      <a:pos x="T94" y="T95"/>
                    </a:cxn>
                    <a:cxn ang="T162">
                      <a:pos x="T96" y="T97"/>
                    </a:cxn>
                    <a:cxn ang="T163">
                      <a:pos x="T98" y="T99"/>
                    </a:cxn>
                    <a:cxn ang="T164">
                      <a:pos x="T100" y="T101"/>
                    </a:cxn>
                    <a:cxn ang="T165">
                      <a:pos x="T102" y="T103"/>
                    </a:cxn>
                    <a:cxn ang="T166">
                      <a:pos x="T104" y="T105"/>
                    </a:cxn>
                    <a:cxn ang="T167">
                      <a:pos x="T106" y="T107"/>
                    </a:cxn>
                    <a:cxn ang="T168">
                      <a:pos x="T108" y="T109"/>
                    </a:cxn>
                    <a:cxn ang="T169">
                      <a:pos x="T110" y="T111"/>
                    </a:cxn>
                    <a:cxn ang="T170">
                      <a:pos x="T112" y="T113"/>
                    </a:cxn>
                  </a:cxnLst>
                  <a:rect l="T171" t="T172" r="T173" b="T174"/>
                  <a:pathLst>
                    <a:path w="890" h="684">
                      <a:moveTo>
                        <a:pt x="650" y="14"/>
                      </a:moveTo>
                      <a:lnTo>
                        <a:pt x="650" y="32"/>
                      </a:lnTo>
                      <a:lnTo>
                        <a:pt x="655" y="32"/>
                      </a:lnTo>
                      <a:lnTo>
                        <a:pt x="656" y="42"/>
                      </a:lnTo>
                      <a:lnTo>
                        <a:pt x="655" y="42"/>
                      </a:lnTo>
                      <a:lnTo>
                        <a:pt x="653" y="44"/>
                      </a:lnTo>
                      <a:lnTo>
                        <a:pt x="651" y="44"/>
                      </a:lnTo>
                      <a:lnTo>
                        <a:pt x="648" y="46"/>
                      </a:lnTo>
                      <a:lnTo>
                        <a:pt x="643" y="46"/>
                      </a:lnTo>
                      <a:lnTo>
                        <a:pt x="641" y="49"/>
                      </a:lnTo>
                      <a:lnTo>
                        <a:pt x="638" y="52"/>
                      </a:lnTo>
                      <a:lnTo>
                        <a:pt x="636" y="58"/>
                      </a:lnTo>
                      <a:lnTo>
                        <a:pt x="636" y="63"/>
                      </a:lnTo>
                      <a:lnTo>
                        <a:pt x="636" y="68"/>
                      </a:lnTo>
                      <a:lnTo>
                        <a:pt x="636" y="69"/>
                      </a:lnTo>
                      <a:lnTo>
                        <a:pt x="636" y="71"/>
                      </a:lnTo>
                      <a:lnTo>
                        <a:pt x="638" y="71"/>
                      </a:lnTo>
                      <a:lnTo>
                        <a:pt x="641" y="71"/>
                      </a:lnTo>
                      <a:lnTo>
                        <a:pt x="641" y="69"/>
                      </a:lnTo>
                      <a:lnTo>
                        <a:pt x="643" y="61"/>
                      </a:lnTo>
                      <a:lnTo>
                        <a:pt x="644" y="54"/>
                      </a:lnTo>
                      <a:lnTo>
                        <a:pt x="648" y="51"/>
                      </a:lnTo>
                      <a:lnTo>
                        <a:pt x="651" y="47"/>
                      </a:lnTo>
                      <a:lnTo>
                        <a:pt x="656" y="47"/>
                      </a:lnTo>
                      <a:lnTo>
                        <a:pt x="660" y="47"/>
                      </a:lnTo>
                      <a:lnTo>
                        <a:pt x="661" y="47"/>
                      </a:lnTo>
                      <a:lnTo>
                        <a:pt x="663" y="49"/>
                      </a:lnTo>
                      <a:lnTo>
                        <a:pt x="683" y="95"/>
                      </a:lnTo>
                      <a:lnTo>
                        <a:pt x="682" y="112"/>
                      </a:lnTo>
                      <a:lnTo>
                        <a:pt x="692" y="132"/>
                      </a:lnTo>
                      <a:lnTo>
                        <a:pt x="697" y="127"/>
                      </a:lnTo>
                      <a:lnTo>
                        <a:pt x="699" y="129"/>
                      </a:lnTo>
                      <a:lnTo>
                        <a:pt x="700" y="132"/>
                      </a:lnTo>
                      <a:lnTo>
                        <a:pt x="704" y="137"/>
                      </a:lnTo>
                      <a:lnTo>
                        <a:pt x="707" y="144"/>
                      </a:lnTo>
                      <a:lnTo>
                        <a:pt x="710" y="149"/>
                      </a:lnTo>
                      <a:lnTo>
                        <a:pt x="714" y="154"/>
                      </a:lnTo>
                      <a:lnTo>
                        <a:pt x="716" y="159"/>
                      </a:lnTo>
                      <a:lnTo>
                        <a:pt x="717" y="161"/>
                      </a:lnTo>
                      <a:lnTo>
                        <a:pt x="726" y="174"/>
                      </a:lnTo>
                      <a:lnTo>
                        <a:pt x="732" y="184"/>
                      </a:lnTo>
                      <a:lnTo>
                        <a:pt x="738" y="191"/>
                      </a:lnTo>
                      <a:lnTo>
                        <a:pt x="741" y="196"/>
                      </a:lnTo>
                      <a:lnTo>
                        <a:pt x="741" y="200"/>
                      </a:lnTo>
                      <a:lnTo>
                        <a:pt x="738" y="196"/>
                      </a:lnTo>
                      <a:lnTo>
                        <a:pt x="736" y="193"/>
                      </a:lnTo>
                      <a:lnTo>
                        <a:pt x="732" y="190"/>
                      </a:lnTo>
                      <a:lnTo>
                        <a:pt x="729" y="186"/>
                      </a:lnTo>
                      <a:lnTo>
                        <a:pt x="726" y="181"/>
                      </a:lnTo>
                      <a:lnTo>
                        <a:pt x="722" y="178"/>
                      </a:lnTo>
                      <a:lnTo>
                        <a:pt x="721" y="174"/>
                      </a:lnTo>
                      <a:lnTo>
                        <a:pt x="719" y="173"/>
                      </a:lnTo>
                      <a:lnTo>
                        <a:pt x="714" y="174"/>
                      </a:lnTo>
                      <a:lnTo>
                        <a:pt x="716" y="174"/>
                      </a:lnTo>
                      <a:lnTo>
                        <a:pt x="717" y="178"/>
                      </a:lnTo>
                      <a:lnTo>
                        <a:pt x="721" y="183"/>
                      </a:lnTo>
                      <a:lnTo>
                        <a:pt x="724" y="188"/>
                      </a:lnTo>
                      <a:lnTo>
                        <a:pt x="729" y="195"/>
                      </a:lnTo>
                      <a:lnTo>
                        <a:pt x="732" y="200"/>
                      </a:lnTo>
                      <a:lnTo>
                        <a:pt x="734" y="203"/>
                      </a:lnTo>
                      <a:lnTo>
                        <a:pt x="736" y="205"/>
                      </a:lnTo>
                      <a:lnTo>
                        <a:pt x="748" y="217"/>
                      </a:lnTo>
                      <a:lnTo>
                        <a:pt x="754" y="225"/>
                      </a:lnTo>
                      <a:lnTo>
                        <a:pt x="760" y="232"/>
                      </a:lnTo>
                      <a:lnTo>
                        <a:pt x="760" y="235"/>
                      </a:lnTo>
                      <a:lnTo>
                        <a:pt x="758" y="235"/>
                      </a:lnTo>
                      <a:lnTo>
                        <a:pt x="756" y="235"/>
                      </a:lnTo>
                      <a:lnTo>
                        <a:pt x="754" y="235"/>
                      </a:lnTo>
                      <a:lnTo>
                        <a:pt x="753" y="235"/>
                      </a:lnTo>
                      <a:lnTo>
                        <a:pt x="754" y="235"/>
                      </a:lnTo>
                      <a:lnTo>
                        <a:pt x="760" y="250"/>
                      </a:lnTo>
                      <a:lnTo>
                        <a:pt x="766" y="266"/>
                      </a:lnTo>
                      <a:lnTo>
                        <a:pt x="773" y="279"/>
                      </a:lnTo>
                      <a:lnTo>
                        <a:pt x="780" y="293"/>
                      </a:lnTo>
                      <a:lnTo>
                        <a:pt x="787" y="305"/>
                      </a:lnTo>
                      <a:lnTo>
                        <a:pt x="793" y="318"/>
                      </a:lnTo>
                      <a:lnTo>
                        <a:pt x="800" y="328"/>
                      </a:lnTo>
                      <a:lnTo>
                        <a:pt x="805" y="338"/>
                      </a:lnTo>
                      <a:lnTo>
                        <a:pt x="812" y="349"/>
                      </a:lnTo>
                      <a:lnTo>
                        <a:pt x="817" y="357"/>
                      </a:lnTo>
                      <a:lnTo>
                        <a:pt x="822" y="366"/>
                      </a:lnTo>
                      <a:lnTo>
                        <a:pt x="827" y="374"/>
                      </a:lnTo>
                      <a:lnTo>
                        <a:pt x="832" y="381"/>
                      </a:lnTo>
                      <a:lnTo>
                        <a:pt x="836" y="386"/>
                      </a:lnTo>
                      <a:lnTo>
                        <a:pt x="837" y="391"/>
                      </a:lnTo>
                      <a:lnTo>
                        <a:pt x="839" y="394"/>
                      </a:lnTo>
                      <a:lnTo>
                        <a:pt x="842" y="398"/>
                      </a:lnTo>
                      <a:lnTo>
                        <a:pt x="846" y="403"/>
                      </a:lnTo>
                      <a:lnTo>
                        <a:pt x="849" y="406"/>
                      </a:lnTo>
                      <a:lnTo>
                        <a:pt x="851" y="411"/>
                      </a:lnTo>
                      <a:lnTo>
                        <a:pt x="853" y="415"/>
                      </a:lnTo>
                      <a:lnTo>
                        <a:pt x="854" y="418"/>
                      </a:lnTo>
                      <a:lnTo>
                        <a:pt x="856" y="420"/>
                      </a:lnTo>
                      <a:lnTo>
                        <a:pt x="858" y="420"/>
                      </a:lnTo>
                      <a:lnTo>
                        <a:pt x="863" y="425"/>
                      </a:lnTo>
                      <a:lnTo>
                        <a:pt x="868" y="428"/>
                      </a:lnTo>
                      <a:lnTo>
                        <a:pt x="870" y="432"/>
                      </a:lnTo>
                      <a:lnTo>
                        <a:pt x="871" y="435"/>
                      </a:lnTo>
                      <a:lnTo>
                        <a:pt x="871" y="438"/>
                      </a:lnTo>
                      <a:lnTo>
                        <a:pt x="870" y="442"/>
                      </a:lnTo>
                      <a:lnTo>
                        <a:pt x="870" y="443"/>
                      </a:lnTo>
                      <a:lnTo>
                        <a:pt x="870" y="445"/>
                      </a:lnTo>
                      <a:lnTo>
                        <a:pt x="875" y="450"/>
                      </a:lnTo>
                      <a:lnTo>
                        <a:pt x="878" y="454"/>
                      </a:lnTo>
                      <a:lnTo>
                        <a:pt x="880" y="457"/>
                      </a:lnTo>
                      <a:lnTo>
                        <a:pt x="880" y="460"/>
                      </a:lnTo>
                      <a:lnTo>
                        <a:pt x="880" y="462"/>
                      </a:lnTo>
                      <a:lnTo>
                        <a:pt x="880" y="464"/>
                      </a:lnTo>
                      <a:lnTo>
                        <a:pt x="878" y="464"/>
                      </a:lnTo>
                      <a:lnTo>
                        <a:pt x="888" y="474"/>
                      </a:lnTo>
                      <a:lnTo>
                        <a:pt x="888" y="476"/>
                      </a:lnTo>
                      <a:lnTo>
                        <a:pt x="888" y="479"/>
                      </a:lnTo>
                      <a:lnTo>
                        <a:pt x="890" y="484"/>
                      </a:lnTo>
                      <a:lnTo>
                        <a:pt x="890" y="491"/>
                      </a:lnTo>
                      <a:lnTo>
                        <a:pt x="890" y="498"/>
                      </a:lnTo>
                      <a:lnTo>
                        <a:pt x="890" y="508"/>
                      </a:lnTo>
                      <a:lnTo>
                        <a:pt x="890" y="518"/>
                      </a:lnTo>
                      <a:lnTo>
                        <a:pt x="890" y="526"/>
                      </a:lnTo>
                      <a:lnTo>
                        <a:pt x="890" y="536"/>
                      </a:lnTo>
                      <a:lnTo>
                        <a:pt x="890" y="547"/>
                      </a:lnTo>
                      <a:lnTo>
                        <a:pt x="890" y="555"/>
                      </a:lnTo>
                      <a:lnTo>
                        <a:pt x="890" y="564"/>
                      </a:lnTo>
                      <a:lnTo>
                        <a:pt x="890" y="570"/>
                      </a:lnTo>
                      <a:lnTo>
                        <a:pt x="890" y="575"/>
                      </a:lnTo>
                      <a:lnTo>
                        <a:pt x="890" y="580"/>
                      </a:lnTo>
                      <a:lnTo>
                        <a:pt x="886" y="586"/>
                      </a:lnTo>
                      <a:lnTo>
                        <a:pt x="883" y="589"/>
                      </a:lnTo>
                      <a:lnTo>
                        <a:pt x="881" y="594"/>
                      </a:lnTo>
                      <a:lnTo>
                        <a:pt x="880" y="599"/>
                      </a:lnTo>
                      <a:lnTo>
                        <a:pt x="878" y="604"/>
                      </a:lnTo>
                      <a:lnTo>
                        <a:pt x="876" y="609"/>
                      </a:lnTo>
                      <a:lnTo>
                        <a:pt x="876" y="614"/>
                      </a:lnTo>
                      <a:lnTo>
                        <a:pt x="876" y="619"/>
                      </a:lnTo>
                      <a:lnTo>
                        <a:pt x="876" y="623"/>
                      </a:lnTo>
                      <a:lnTo>
                        <a:pt x="876" y="628"/>
                      </a:lnTo>
                      <a:lnTo>
                        <a:pt x="876" y="631"/>
                      </a:lnTo>
                      <a:lnTo>
                        <a:pt x="876" y="635"/>
                      </a:lnTo>
                      <a:lnTo>
                        <a:pt x="876" y="638"/>
                      </a:lnTo>
                      <a:lnTo>
                        <a:pt x="876" y="640"/>
                      </a:lnTo>
                      <a:lnTo>
                        <a:pt x="878" y="641"/>
                      </a:lnTo>
                      <a:lnTo>
                        <a:pt x="876" y="650"/>
                      </a:lnTo>
                      <a:lnTo>
                        <a:pt x="875" y="657"/>
                      </a:lnTo>
                      <a:lnTo>
                        <a:pt x="871" y="660"/>
                      </a:lnTo>
                      <a:lnTo>
                        <a:pt x="868" y="662"/>
                      </a:lnTo>
                      <a:lnTo>
                        <a:pt x="864" y="663"/>
                      </a:lnTo>
                      <a:lnTo>
                        <a:pt x="861" y="663"/>
                      </a:lnTo>
                      <a:lnTo>
                        <a:pt x="858" y="663"/>
                      </a:lnTo>
                      <a:lnTo>
                        <a:pt x="856" y="663"/>
                      </a:lnTo>
                      <a:lnTo>
                        <a:pt x="849" y="668"/>
                      </a:lnTo>
                      <a:lnTo>
                        <a:pt x="842" y="674"/>
                      </a:lnTo>
                      <a:lnTo>
                        <a:pt x="837" y="675"/>
                      </a:lnTo>
                      <a:lnTo>
                        <a:pt x="834" y="675"/>
                      </a:lnTo>
                      <a:lnTo>
                        <a:pt x="831" y="675"/>
                      </a:lnTo>
                      <a:lnTo>
                        <a:pt x="827" y="674"/>
                      </a:lnTo>
                      <a:lnTo>
                        <a:pt x="826" y="674"/>
                      </a:lnTo>
                      <a:lnTo>
                        <a:pt x="817" y="680"/>
                      </a:lnTo>
                      <a:lnTo>
                        <a:pt x="810" y="684"/>
                      </a:lnTo>
                      <a:lnTo>
                        <a:pt x="805" y="684"/>
                      </a:lnTo>
                      <a:lnTo>
                        <a:pt x="800" y="684"/>
                      </a:lnTo>
                      <a:lnTo>
                        <a:pt x="797" y="684"/>
                      </a:lnTo>
                      <a:lnTo>
                        <a:pt x="793" y="680"/>
                      </a:lnTo>
                      <a:lnTo>
                        <a:pt x="792" y="680"/>
                      </a:lnTo>
                      <a:lnTo>
                        <a:pt x="792" y="679"/>
                      </a:lnTo>
                      <a:lnTo>
                        <a:pt x="787" y="670"/>
                      </a:lnTo>
                      <a:lnTo>
                        <a:pt x="787" y="667"/>
                      </a:lnTo>
                      <a:lnTo>
                        <a:pt x="788" y="663"/>
                      </a:lnTo>
                      <a:lnTo>
                        <a:pt x="790" y="665"/>
                      </a:lnTo>
                      <a:lnTo>
                        <a:pt x="795" y="667"/>
                      </a:lnTo>
                      <a:lnTo>
                        <a:pt x="798" y="668"/>
                      </a:lnTo>
                      <a:lnTo>
                        <a:pt x="802" y="670"/>
                      </a:lnTo>
                      <a:lnTo>
                        <a:pt x="802" y="672"/>
                      </a:lnTo>
                      <a:lnTo>
                        <a:pt x="820" y="665"/>
                      </a:lnTo>
                      <a:lnTo>
                        <a:pt x="810" y="653"/>
                      </a:lnTo>
                      <a:lnTo>
                        <a:pt x="812" y="652"/>
                      </a:lnTo>
                      <a:lnTo>
                        <a:pt x="814" y="650"/>
                      </a:lnTo>
                      <a:lnTo>
                        <a:pt x="815" y="648"/>
                      </a:lnTo>
                      <a:lnTo>
                        <a:pt x="810" y="640"/>
                      </a:lnTo>
                      <a:lnTo>
                        <a:pt x="807" y="635"/>
                      </a:lnTo>
                      <a:lnTo>
                        <a:pt x="804" y="633"/>
                      </a:lnTo>
                      <a:lnTo>
                        <a:pt x="802" y="631"/>
                      </a:lnTo>
                      <a:lnTo>
                        <a:pt x="800" y="633"/>
                      </a:lnTo>
                      <a:lnTo>
                        <a:pt x="798" y="635"/>
                      </a:lnTo>
                      <a:lnTo>
                        <a:pt x="798" y="636"/>
                      </a:lnTo>
                      <a:lnTo>
                        <a:pt x="798" y="638"/>
                      </a:lnTo>
                      <a:lnTo>
                        <a:pt x="802" y="645"/>
                      </a:lnTo>
                      <a:lnTo>
                        <a:pt x="802" y="650"/>
                      </a:lnTo>
                      <a:lnTo>
                        <a:pt x="800" y="652"/>
                      </a:lnTo>
                      <a:lnTo>
                        <a:pt x="797" y="653"/>
                      </a:lnTo>
                      <a:lnTo>
                        <a:pt x="793" y="653"/>
                      </a:lnTo>
                      <a:lnTo>
                        <a:pt x="790" y="653"/>
                      </a:lnTo>
                      <a:lnTo>
                        <a:pt x="788" y="652"/>
                      </a:lnTo>
                      <a:lnTo>
                        <a:pt x="787" y="652"/>
                      </a:lnTo>
                      <a:lnTo>
                        <a:pt x="780" y="640"/>
                      </a:lnTo>
                      <a:lnTo>
                        <a:pt x="775" y="630"/>
                      </a:lnTo>
                      <a:lnTo>
                        <a:pt x="768" y="621"/>
                      </a:lnTo>
                      <a:lnTo>
                        <a:pt x="763" y="614"/>
                      </a:lnTo>
                      <a:lnTo>
                        <a:pt x="756" y="609"/>
                      </a:lnTo>
                      <a:lnTo>
                        <a:pt x="749" y="606"/>
                      </a:lnTo>
                      <a:lnTo>
                        <a:pt x="744" y="602"/>
                      </a:lnTo>
                      <a:lnTo>
                        <a:pt x="739" y="599"/>
                      </a:lnTo>
                      <a:lnTo>
                        <a:pt x="734" y="597"/>
                      </a:lnTo>
                      <a:lnTo>
                        <a:pt x="729" y="597"/>
                      </a:lnTo>
                      <a:lnTo>
                        <a:pt x="724" y="597"/>
                      </a:lnTo>
                      <a:lnTo>
                        <a:pt x="721" y="597"/>
                      </a:lnTo>
                      <a:lnTo>
                        <a:pt x="719" y="597"/>
                      </a:lnTo>
                      <a:lnTo>
                        <a:pt x="716" y="597"/>
                      </a:lnTo>
                      <a:lnTo>
                        <a:pt x="714" y="597"/>
                      </a:lnTo>
                      <a:lnTo>
                        <a:pt x="714" y="599"/>
                      </a:lnTo>
                      <a:lnTo>
                        <a:pt x="712" y="597"/>
                      </a:lnTo>
                      <a:lnTo>
                        <a:pt x="710" y="594"/>
                      </a:lnTo>
                      <a:lnTo>
                        <a:pt x="707" y="592"/>
                      </a:lnTo>
                      <a:lnTo>
                        <a:pt x="705" y="589"/>
                      </a:lnTo>
                      <a:lnTo>
                        <a:pt x="704" y="586"/>
                      </a:lnTo>
                      <a:lnTo>
                        <a:pt x="702" y="584"/>
                      </a:lnTo>
                      <a:lnTo>
                        <a:pt x="700" y="580"/>
                      </a:lnTo>
                      <a:lnTo>
                        <a:pt x="697" y="564"/>
                      </a:lnTo>
                      <a:lnTo>
                        <a:pt x="692" y="550"/>
                      </a:lnTo>
                      <a:lnTo>
                        <a:pt x="687" y="542"/>
                      </a:lnTo>
                      <a:lnTo>
                        <a:pt x="683" y="536"/>
                      </a:lnTo>
                      <a:lnTo>
                        <a:pt x="680" y="535"/>
                      </a:lnTo>
                      <a:lnTo>
                        <a:pt x="677" y="535"/>
                      </a:lnTo>
                      <a:lnTo>
                        <a:pt x="675" y="535"/>
                      </a:lnTo>
                      <a:lnTo>
                        <a:pt x="666" y="526"/>
                      </a:lnTo>
                      <a:lnTo>
                        <a:pt x="661" y="514"/>
                      </a:lnTo>
                      <a:lnTo>
                        <a:pt x="661" y="498"/>
                      </a:lnTo>
                      <a:lnTo>
                        <a:pt x="653" y="486"/>
                      </a:lnTo>
                      <a:lnTo>
                        <a:pt x="661" y="472"/>
                      </a:lnTo>
                      <a:lnTo>
                        <a:pt x="646" y="481"/>
                      </a:lnTo>
                      <a:lnTo>
                        <a:pt x="646" y="479"/>
                      </a:lnTo>
                      <a:lnTo>
                        <a:pt x="644" y="479"/>
                      </a:lnTo>
                      <a:lnTo>
                        <a:pt x="641" y="477"/>
                      </a:lnTo>
                      <a:lnTo>
                        <a:pt x="639" y="476"/>
                      </a:lnTo>
                      <a:lnTo>
                        <a:pt x="636" y="474"/>
                      </a:lnTo>
                      <a:lnTo>
                        <a:pt x="634" y="474"/>
                      </a:lnTo>
                      <a:lnTo>
                        <a:pt x="633" y="472"/>
                      </a:lnTo>
                      <a:lnTo>
                        <a:pt x="633" y="474"/>
                      </a:lnTo>
                      <a:lnTo>
                        <a:pt x="638" y="482"/>
                      </a:lnTo>
                      <a:lnTo>
                        <a:pt x="643" y="489"/>
                      </a:lnTo>
                      <a:lnTo>
                        <a:pt x="644" y="494"/>
                      </a:lnTo>
                      <a:lnTo>
                        <a:pt x="644" y="498"/>
                      </a:lnTo>
                      <a:lnTo>
                        <a:pt x="643" y="498"/>
                      </a:lnTo>
                      <a:lnTo>
                        <a:pt x="641" y="498"/>
                      </a:lnTo>
                      <a:lnTo>
                        <a:pt x="638" y="496"/>
                      </a:lnTo>
                      <a:lnTo>
                        <a:pt x="636" y="494"/>
                      </a:lnTo>
                      <a:lnTo>
                        <a:pt x="631" y="491"/>
                      </a:lnTo>
                      <a:lnTo>
                        <a:pt x="628" y="487"/>
                      </a:lnTo>
                      <a:lnTo>
                        <a:pt x="622" y="484"/>
                      </a:lnTo>
                      <a:lnTo>
                        <a:pt x="619" y="481"/>
                      </a:lnTo>
                      <a:lnTo>
                        <a:pt x="616" y="477"/>
                      </a:lnTo>
                      <a:lnTo>
                        <a:pt x="612" y="474"/>
                      </a:lnTo>
                      <a:lnTo>
                        <a:pt x="611" y="472"/>
                      </a:lnTo>
                      <a:lnTo>
                        <a:pt x="607" y="457"/>
                      </a:lnTo>
                      <a:lnTo>
                        <a:pt x="582" y="425"/>
                      </a:lnTo>
                      <a:lnTo>
                        <a:pt x="584" y="425"/>
                      </a:lnTo>
                      <a:lnTo>
                        <a:pt x="585" y="423"/>
                      </a:lnTo>
                      <a:lnTo>
                        <a:pt x="587" y="423"/>
                      </a:lnTo>
                      <a:lnTo>
                        <a:pt x="589" y="421"/>
                      </a:lnTo>
                      <a:lnTo>
                        <a:pt x="590" y="421"/>
                      </a:lnTo>
                      <a:lnTo>
                        <a:pt x="592" y="420"/>
                      </a:lnTo>
                      <a:lnTo>
                        <a:pt x="594" y="420"/>
                      </a:lnTo>
                      <a:lnTo>
                        <a:pt x="589" y="418"/>
                      </a:lnTo>
                      <a:lnTo>
                        <a:pt x="587" y="413"/>
                      </a:lnTo>
                      <a:lnTo>
                        <a:pt x="587" y="408"/>
                      </a:lnTo>
                      <a:lnTo>
                        <a:pt x="587" y="401"/>
                      </a:lnTo>
                      <a:lnTo>
                        <a:pt x="589" y="394"/>
                      </a:lnTo>
                      <a:lnTo>
                        <a:pt x="590" y="388"/>
                      </a:lnTo>
                      <a:lnTo>
                        <a:pt x="590" y="382"/>
                      </a:lnTo>
                      <a:lnTo>
                        <a:pt x="590" y="379"/>
                      </a:lnTo>
                      <a:lnTo>
                        <a:pt x="587" y="371"/>
                      </a:lnTo>
                      <a:lnTo>
                        <a:pt x="585" y="364"/>
                      </a:lnTo>
                      <a:lnTo>
                        <a:pt x="582" y="360"/>
                      </a:lnTo>
                      <a:lnTo>
                        <a:pt x="580" y="359"/>
                      </a:lnTo>
                      <a:lnTo>
                        <a:pt x="578" y="359"/>
                      </a:lnTo>
                      <a:lnTo>
                        <a:pt x="577" y="360"/>
                      </a:lnTo>
                      <a:lnTo>
                        <a:pt x="577" y="364"/>
                      </a:lnTo>
                      <a:lnTo>
                        <a:pt x="575" y="367"/>
                      </a:lnTo>
                      <a:lnTo>
                        <a:pt x="575" y="372"/>
                      </a:lnTo>
                      <a:lnTo>
                        <a:pt x="575" y="377"/>
                      </a:lnTo>
                      <a:lnTo>
                        <a:pt x="575" y="382"/>
                      </a:lnTo>
                      <a:lnTo>
                        <a:pt x="575" y="388"/>
                      </a:lnTo>
                      <a:lnTo>
                        <a:pt x="575" y="393"/>
                      </a:lnTo>
                      <a:lnTo>
                        <a:pt x="575" y="396"/>
                      </a:lnTo>
                      <a:lnTo>
                        <a:pt x="575" y="399"/>
                      </a:lnTo>
                      <a:lnTo>
                        <a:pt x="572" y="398"/>
                      </a:lnTo>
                      <a:lnTo>
                        <a:pt x="568" y="394"/>
                      </a:lnTo>
                      <a:lnTo>
                        <a:pt x="565" y="391"/>
                      </a:lnTo>
                      <a:lnTo>
                        <a:pt x="560" y="388"/>
                      </a:lnTo>
                      <a:lnTo>
                        <a:pt x="558" y="384"/>
                      </a:lnTo>
                      <a:lnTo>
                        <a:pt x="555" y="382"/>
                      </a:lnTo>
                      <a:lnTo>
                        <a:pt x="555" y="381"/>
                      </a:lnTo>
                      <a:lnTo>
                        <a:pt x="556" y="374"/>
                      </a:lnTo>
                      <a:lnTo>
                        <a:pt x="558" y="366"/>
                      </a:lnTo>
                      <a:lnTo>
                        <a:pt x="558" y="359"/>
                      </a:lnTo>
                      <a:lnTo>
                        <a:pt x="558" y="352"/>
                      </a:lnTo>
                      <a:lnTo>
                        <a:pt x="556" y="345"/>
                      </a:lnTo>
                      <a:lnTo>
                        <a:pt x="556" y="340"/>
                      </a:lnTo>
                      <a:lnTo>
                        <a:pt x="555" y="337"/>
                      </a:lnTo>
                      <a:lnTo>
                        <a:pt x="555" y="335"/>
                      </a:lnTo>
                      <a:lnTo>
                        <a:pt x="558" y="328"/>
                      </a:lnTo>
                      <a:lnTo>
                        <a:pt x="560" y="323"/>
                      </a:lnTo>
                      <a:lnTo>
                        <a:pt x="562" y="316"/>
                      </a:lnTo>
                      <a:lnTo>
                        <a:pt x="562" y="311"/>
                      </a:lnTo>
                      <a:lnTo>
                        <a:pt x="563" y="305"/>
                      </a:lnTo>
                      <a:lnTo>
                        <a:pt x="563" y="300"/>
                      </a:lnTo>
                      <a:lnTo>
                        <a:pt x="563" y="293"/>
                      </a:lnTo>
                      <a:lnTo>
                        <a:pt x="563" y="288"/>
                      </a:lnTo>
                      <a:lnTo>
                        <a:pt x="562" y="283"/>
                      </a:lnTo>
                      <a:lnTo>
                        <a:pt x="562" y="278"/>
                      </a:lnTo>
                      <a:lnTo>
                        <a:pt x="560" y="274"/>
                      </a:lnTo>
                      <a:lnTo>
                        <a:pt x="560" y="269"/>
                      </a:lnTo>
                      <a:lnTo>
                        <a:pt x="560" y="267"/>
                      </a:lnTo>
                      <a:lnTo>
                        <a:pt x="558" y="264"/>
                      </a:lnTo>
                      <a:lnTo>
                        <a:pt x="558" y="262"/>
                      </a:lnTo>
                      <a:lnTo>
                        <a:pt x="558" y="261"/>
                      </a:lnTo>
                      <a:lnTo>
                        <a:pt x="558" y="257"/>
                      </a:lnTo>
                      <a:lnTo>
                        <a:pt x="558" y="256"/>
                      </a:lnTo>
                      <a:lnTo>
                        <a:pt x="556" y="252"/>
                      </a:lnTo>
                      <a:lnTo>
                        <a:pt x="556" y="249"/>
                      </a:lnTo>
                      <a:lnTo>
                        <a:pt x="555" y="247"/>
                      </a:lnTo>
                      <a:lnTo>
                        <a:pt x="551" y="245"/>
                      </a:lnTo>
                      <a:lnTo>
                        <a:pt x="548" y="242"/>
                      </a:lnTo>
                      <a:lnTo>
                        <a:pt x="545" y="239"/>
                      </a:lnTo>
                      <a:lnTo>
                        <a:pt x="541" y="232"/>
                      </a:lnTo>
                      <a:lnTo>
                        <a:pt x="538" y="227"/>
                      </a:lnTo>
                      <a:lnTo>
                        <a:pt x="534" y="223"/>
                      </a:lnTo>
                      <a:lnTo>
                        <a:pt x="533" y="220"/>
                      </a:lnTo>
                      <a:lnTo>
                        <a:pt x="533" y="218"/>
                      </a:lnTo>
                      <a:lnTo>
                        <a:pt x="521" y="222"/>
                      </a:lnTo>
                      <a:lnTo>
                        <a:pt x="514" y="222"/>
                      </a:lnTo>
                      <a:lnTo>
                        <a:pt x="509" y="222"/>
                      </a:lnTo>
                      <a:lnTo>
                        <a:pt x="507" y="220"/>
                      </a:lnTo>
                      <a:lnTo>
                        <a:pt x="506" y="217"/>
                      </a:lnTo>
                      <a:lnTo>
                        <a:pt x="506" y="215"/>
                      </a:lnTo>
                      <a:lnTo>
                        <a:pt x="507" y="215"/>
                      </a:lnTo>
                      <a:lnTo>
                        <a:pt x="507" y="213"/>
                      </a:lnTo>
                      <a:lnTo>
                        <a:pt x="497" y="206"/>
                      </a:lnTo>
                      <a:lnTo>
                        <a:pt x="484" y="191"/>
                      </a:lnTo>
                      <a:lnTo>
                        <a:pt x="467" y="179"/>
                      </a:lnTo>
                      <a:lnTo>
                        <a:pt x="465" y="179"/>
                      </a:lnTo>
                      <a:lnTo>
                        <a:pt x="463" y="176"/>
                      </a:lnTo>
                      <a:lnTo>
                        <a:pt x="458" y="173"/>
                      </a:lnTo>
                      <a:lnTo>
                        <a:pt x="455" y="168"/>
                      </a:lnTo>
                      <a:lnTo>
                        <a:pt x="450" y="162"/>
                      </a:lnTo>
                      <a:lnTo>
                        <a:pt x="446" y="157"/>
                      </a:lnTo>
                      <a:lnTo>
                        <a:pt x="445" y="154"/>
                      </a:lnTo>
                      <a:lnTo>
                        <a:pt x="443" y="152"/>
                      </a:lnTo>
                      <a:lnTo>
                        <a:pt x="433" y="144"/>
                      </a:lnTo>
                      <a:lnTo>
                        <a:pt x="424" y="139"/>
                      </a:lnTo>
                      <a:lnTo>
                        <a:pt x="418" y="132"/>
                      </a:lnTo>
                      <a:lnTo>
                        <a:pt x="411" y="129"/>
                      </a:lnTo>
                      <a:lnTo>
                        <a:pt x="404" y="125"/>
                      </a:lnTo>
                      <a:lnTo>
                        <a:pt x="399" y="124"/>
                      </a:lnTo>
                      <a:lnTo>
                        <a:pt x="396" y="124"/>
                      </a:lnTo>
                      <a:lnTo>
                        <a:pt x="394" y="122"/>
                      </a:lnTo>
                      <a:lnTo>
                        <a:pt x="377" y="122"/>
                      </a:lnTo>
                      <a:lnTo>
                        <a:pt x="367" y="122"/>
                      </a:lnTo>
                      <a:lnTo>
                        <a:pt x="360" y="127"/>
                      </a:lnTo>
                      <a:lnTo>
                        <a:pt x="355" y="132"/>
                      </a:lnTo>
                      <a:lnTo>
                        <a:pt x="355" y="139"/>
                      </a:lnTo>
                      <a:lnTo>
                        <a:pt x="355" y="144"/>
                      </a:lnTo>
                      <a:lnTo>
                        <a:pt x="357" y="147"/>
                      </a:lnTo>
                      <a:lnTo>
                        <a:pt x="357" y="149"/>
                      </a:lnTo>
                      <a:lnTo>
                        <a:pt x="350" y="147"/>
                      </a:lnTo>
                      <a:lnTo>
                        <a:pt x="342" y="149"/>
                      </a:lnTo>
                      <a:lnTo>
                        <a:pt x="335" y="152"/>
                      </a:lnTo>
                      <a:lnTo>
                        <a:pt x="330" y="156"/>
                      </a:lnTo>
                      <a:lnTo>
                        <a:pt x="325" y="161"/>
                      </a:lnTo>
                      <a:lnTo>
                        <a:pt x="320" y="164"/>
                      </a:lnTo>
                      <a:lnTo>
                        <a:pt x="316" y="168"/>
                      </a:lnTo>
                      <a:lnTo>
                        <a:pt x="316" y="169"/>
                      </a:lnTo>
                      <a:lnTo>
                        <a:pt x="309" y="176"/>
                      </a:lnTo>
                      <a:lnTo>
                        <a:pt x="306" y="178"/>
                      </a:lnTo>
                      <a:lnTo>
                        <a:pt x="304" y="178"/>
                      </a:lnTo>
                      <a:lnTo>
                        <a:pt x="304" y="176"/>
                      </a:lnTo>
                      <a:lnTo>
                        <a:pt x="304" y="174"/>
                      </a:lnTo>
                      <a:lnTo>
                        <a:pt x="306" y="171"/>
                      </a:lnTo>
                      <a:lnTo>
                        <a:pt x="308" y="169"/>
                      </a:lnTo>
                      <a:lnTo>
                        <a:pt x="308" y="168"/>
                      </a:lnTo>
                      <a:lnTo>
                        <a:pt x="306" y="168"/>
                      </a:lnTo>
                      <a:lnTo>
                        <a:pt x="306" y="169"/>
                      </a:lnTo>
                      <a:lnTo>
                        <a:pt x="303" y="173"/>
                      </a:lnTo>
                      <a:lnTo>
                        <a:pt x="299" y="174"/>
                      </a:lnTo>
                      <a:lnTo>
                        <a:pt x="298" y="178"/>
                      </a:lnTo>
                      <a:lnTo>
                        <a:pt x="294" y="179"/>
                      </a:lnTo>
                      <a:lnTo>
                        <a:pt x="293" y="181"/>
                      </a:lnTo>
                      <a:lnTo>
                        <a:pt x="291" y="183"/>
                      </a:lnTo>
                      <a:lnTo>
                        <a:pt x="284" y="181"/>
                      </a:lnTo>
                      <a:lnTo>
                        <a:pt x="277" y="181"/>
                      </a:lnTo>
                      <a:lnTo>
                        <a:pt x="271" y="183"/>
                      </a:lnTo>
                      <a:lnTo>
                        <a:pt x="265" y="186"/>
                      </a:lnTo>
                      <a:lnTo>
                        <a:pt x="260" y="188"/>
                      </a:lnTo>
                      <a:lnTo>
                        <a:pt x="257" y="190"/>
                      </a:lnTo>
                      <a:lnTo>
                        <a:pt x="254" y="191"/>
                      </a:lnTo>
                      <a:lnTo>
                        <a:pt x="247" y="184"/>
                      </a:lnTo>
                      <a:lnTo>
                        <a:pt x="243" y="179"/>
                      </a:lnTo>
                      <a:lnTo>
                        <a:pt x="245" y="179"/>
                      </a:lnTo>
                      <a:lnTo>
                        <a:pt x="249" y="181"/>
                      </a:lnTo>
                      <a:lnTo>
                        <a:pt x="252" y="184"/>
                      </a:lnTo>
                      <a:lnTo>
                        <a:pt x="255" y="186"/>
                      </a:lnTo>
                      <a:lnTo>
                        <a:pt x="257" y="186"/>
                      </a:lnTo>
                      <a:lnTo>
                        <a:pt x="257" y="176"/>
                      </a:lnTo>
                      <a:lnTo>
                        <a:pt x="247" y="162"/>
                      </a:lnTo>
                      <a:lnTo>
                        <a:pt x="218" y="140"/>
                      </a:lnTo>
                      <a:lnTo>
                        <a:pt x="232" y="142"/>
                      </a:lnTo>
                      <a:lnTo>
                        <a:pt x="238" y="144"/>
                      </a:lnTo>
                      <a:lnTo>
                        <a:pt x="238" y="142"/>
                      </a:lnTo>
                      <a:lnTo>
                        <a:pt x="235" y="140"/>
                      </a:lnTo>
                      <a:lnTo>
                        <a:pt x="230" y="137"/>
                      </a:lnTo>
                      <a:lnTo>
                        <a:pt x="223" y="135"/>
                      </a:lnTo>
                      <a:lnTo>
                        <a:pt x="218" y="132"/>
                      </a:lnTo>
                      <a:lnTo>
                        <a:pt x="216" y="132"/>
                      </a:lnTo>
                      <a:lnTo>
                        <a:pt x="223" y="117"/>
                      </a:lnTo>
                      <a:lnTo>
                        <a:pt x="205" y="120"/>
                      </a:lnTo>
                      <a:lnTo>
                        <a:pt x="205" y="122"/>
                      </a:lnTo>
                      <a:lnTo>
                        <a:pt x="206" y="125"/>
                      </a:lnTo>
                      <a:lnTo>
                        <a:pt x="206" y="127"/>
                      </a:lnTo>
                      <a:lnTo>
                        <a:pt x="206" y="130"/>
                      </a:lnTo>
                      <a:lnTo>
                        <a:pt x="208" y="134"/>
                      </a:lnTo>
                      <a:lnTo>
                        <a:pt x="208" y="135"/>
                      </a:lnTo>
                      <a:lnTo>
                        <a:pt x="201" y="130"/>
                      </a:lnTo>
                      <a:lnTo>
                        <a:pt x="193" y="127"/>
                      </a:lnTo>
                      <a:lnTo>
                        <a:pt x="186" y="124"/>
                      </a:lnTo>
                      <a:lnTo>
                        <a:pt x="179" y="122"/>
                      </a:lnTo>
                      <a:lnTo>
                        <a:pt x="172" y="118"/>
                      </a:lnTo>
                      <a:lnTo>
                        <a:pt x="164" y="117"/>
                      </a:lnTo>
                      <a:lnTo>
                        <a:pt x="159" y="115"/>
                      </a:lnTo>
                      <a:lnTo>
                        <a:pt x="152" y="115"/>
                      </a:lnTo>
                      <a:lnTo>
                        <a:pt x="147" y="113"/>
                      </a:lnTo>
                      <a:lnTo>
                        <a:pt x="142" y="113"/>
                      </a:lnTo>
                      <a:lnTo>
                        <a:pt x="137" y="113"/>
                      </a:lnTo>
                      <a:lnTo>
                        <a:pt x="133" y="113"/>
                      </a:lnTo>
                      <a:lnTo>
                        <a:pt x="130" y="113"/>
                      </a:lnTo>
                      <a:lnTo>
                        <a:pt x="128" y="113"/>
                      </a:lnTo>
                      <a:lnTo>
                        <a:pt x="127" y="113"/>
                      </a:lnTo>
                      <a:lnTo>
                        <a:pt x="128" y="113"/>
                      </a:lnTo>
                      <a:lnTo>
                        <a:pt x="130" y="112"/>
                      </a:lnTo>
                      <a:lnTo>
                        <a:pt x="133" y="112"/>
                      </a:lnTo>
                      <a:lnTo>
                        <a:pt x="137" y="112"/>
                      </a:lnTo>
                      <a:lnTo>
                        <a:pt x="140" y="110"/>
                      </a:lnTo>
                      <a:lnTo>
                        <a:pt x="142" y="110"/>
                      </a:lnTo>
                      <a:lnTo>
                        <a:pt x="144" y="110"/>
                      </a:lnTo>
                      <a:lnTo>
                        <a:pt x="157" y="110"/>
                      </a:lnTo>
                      <a:lnTo>
                        <a:pt x="164" y="108"/>
                      </a:lnTo>
                      <a:lnTo>
                        <a:pt x="162" y="105"/>
                      </a:lnTo>
                      <a:lnTo>
                        <a:pt x="155" y="105"/>
                      </a:lnTo>
                      <a:lnTo>
                        <a:pt x="149" y="103"/>
                      </a:lnTo>
                      <a:lnTo>
                        <a:pt x="145" y="102"/>
                      </a:lnTo>
                      <a:lnTo>
                        <a:pt x="142" y="102"/>
                      </a:lnTo>
                      <a:lnTo>
                        <a:pt x="111" y="108"/>
                      </a:lnTo>
                      <a:lnTo>
                        <a:pt x="101" y="113"/>
                      </a:lnTo>
                      <a:lnTo>
                        <a:pt x="98" y="115"/>
                      </a:lnTo>
                      <a:lnTo>
                        <a:pt x="95" y="115"/>
                      </a:lnTo>
                      <a:lnTo>
                        <a:pt x="89" y="115"/>
                      </a:lnTo>
                      <a:lnTo>
                        <a:pt x="86" y="115"/>
                      </a:lnTo>
                      <a:lnTo>
                        <a:pt x="81" y="115"/>
                      </a:lnTo>
                      <a:lnTo>
                        <a:pt x="79" y="117"/>
                      </a:lnTo>
                      <a:lnTo>
                        <a:pt x="78" y="117"/>
                      </a:lnTo>
                      <a:lnTo>
                        <a:pt x="64" y="122"/>
                      </a:lnTo>
                      <a:lnTo>
                        <a:pt x="56" y="125"/>
                      </a:lnTo>
                      <a:lnTo>
                        <a:pt x="52" y="125"/>
                      </a:lnTo>
                      <a:lnTo>
                        <a:pt x="54" y="124"/>
                      </a:lnTo>
                      <a:lnTo>
                        <a:pt x="57" y="122"/>
                      </a:lnTo>
                      <a:lnTo>
                        <a:pt x="62" y="118"/>
                      </a:lnTo>
                      <a:lnTo>
                        <a:pt x="66" y="117"/>
                      </a:lnTo>
                      <a:lnTo>
                        <a:pt x="67" y="115"/>
                      </a:lnTo>
                      <a:lnTo>
                        <a:pt x="73" y="110"/>
                      </a:lnTo>
                      <a:lnTo>
                        <a:pt x="74" y="107"/>
                      </a:lnTo>
                      <a:lnTo>
                        <a:pt x="74" y="105"/>
                      </a:lnTo>
                      <a:lnTo>
                        <a:pt x="71" y="105"/>
                      </a:lnTo>
                      <a:lnTo>
                        <a:pt x="67" y="105"/>
                      </a:lnTo>
                      <a:lnTo>
                        <a:pt x="64" y="107"/>
                      </a:lnTo>
                      <a:lnTo>
                        <a:pt x="61" y="107"/>
                      </a:lnTo>
                      <a:lnTo>
                        <a:pt x="59" y="107"/>
                      </a:lnTo>
                      <a:lnTo>
                        <a:pt x="51" y="100"/>
                      </a:lnTo>
                      <a:lnTo>
                        <a:pt x="45" y="96"/>
                      </a:lnTo>
                      <a:lnTo>
                        <a:pt x="44" y="98"/>
                      </a:lnTo>
                      <a:lnTo>
                        <a:pt x="44" y="102"/>
                      </a:lnTo>
                      <a:lnTo>
                        <a:pt x="45" y="105"/>
                      </a:lnTo>
                      <a:lnTo>
                        <a:pt x="49" y="110"/>
                      </a:lnTo>
                      <a:lnTo>
                        <a:pt x="51" y="113"/>
                      </a:lnTo>
                      <a:lnTo>
                        <a:pt x="51" y="115"/>
                      </a:lnTo>
                      <a:lnTo>
                        <a:pt x="44" y="122"/>
                      </a:lnTo>
                      <a:lnTo>
                        <a:pt x="37" y="130"/>
                      </a:lnTo>
                      <a:lnTo>
                        <a:pt x="35" y="132"/>
                      </a:lnTo>
                      <a:lnTo>
                        <a:pt x="32" y="132"/>
                      </a:lnTo>
                      <a:lnTo>
                        <a:pt x="29" y="134"/>
                      </a:lnTo>
                      <a:lnTo>
                        <a:pt x="27" y="135"/>
                      </a:lnTo>
                      <a:lnTo>
                        <a:pt x="23" y="137"/>
                      </a:lnTo>
                      <a:lnTo>
                        <a:pt x="22" y="137"/>
                      </a:lnTo>
                      <a:lnTo>
                        <a:pt x="27" y="130"/>
                      </a:lnTo>
                      <a:lnTo>
                        <a:pt x="29" y="127"/>
                      </a:lnTo>
                      <a:lnTo>
                        <a:pt x="30" y="122"/>
                      </a:lnTo>
                      <a:lnTo>
                        <a:pt x="29" y="120"/>
                      </a:lnTo>
                      <a:lnTo>
                        <a:pt x="27" y="117"/>
                      </a:lnTo>
                      <a:lnTo>
                        <a:pt x="25" y="117"/>
                      </a:lnTo>
                      <a:lnTo>
                        <a:pt x="23" y="115"/>
                      </a:lnTo>
                      <a:lnTo>
                        <a:pt x="23" y="117"/>
                      </a:lnTo>
                      <a:lnTo>
                        <a:pt x="23" y="115"/>
                      </a:lnTo>
                      <a:lnTo>
                        <a:pt x="23" y="113"/>
                      </a:lnTo>
                      <a:lnTo>
                        <a:pt x="23" y="112"/>
                      </a:lnTo>
                      <a:lnTo>
                        <a:pt x="22" y="108"/>
                      </a:lnTo>
                      <a:lnTo>
                        <a:pt x="22" y="107"/>
                      </a:lnTo>
                      <a:lnTo>
                        <a:pt x="22" y="105"/>
                      </a:lnTo>
                      <a:lnTo>
                        <a:pt x="25" y="100"/>
                      </a:lnTo>
                      <a:lnTo>
                        <a:pt x="25" y="93"/>
                      </a:lnTo>
                      <a:lnTo>
                        <a:pt x="22" y="88"/>
                      </a:lnTo>
                      <a:lnTo>
                        <a:pt x="17" y="83"/>
                      </a:lnTo>
                      <a:lnTo>
                        <a:pt x="12" y="80"/>
                      </a:lnTo>
                      <a:lnTo>
                        <a:pt x="7" y="74"/>
                      </a:lnTo>
                      <a:lnTo>
                        <a:pt x="3" y="73"/>
                      </a:lnTo>
                      <a:lnTo>
                        <a:pt x="1" y="73"/>
                      </a:lnTo>
                      <a:lnTo>
                        <a:pt x="0" y="51"/>
                      </a:lnTo>
                      <a:lnTo>
                        <a:pt x="276" y="24"/>
                      </a:lnTo>
                      <a:lnTo>
                        <a:pt x="293" y="56"/>
                      </a:lnTo>
                      <a:lnTo>
                        <a:pt x="572" y="37"/>
                      </a:lnTo>
                      <a:lnTo>
                        <a:pt x="582" y="59"/>
                      </a:lnTo>
                      <a:lnTo>
                        <a:pt x="597" y="59"/>
                      </a:lnTo>
                      <a:lnTo>
                        <a:pt x="597" y="58"/>
                      </a:lnTo>
                      <a:lnTo>
                        <a:pt x="595" y="54"/>
                      </a:lnTo>
                      <a:lnTo>
                        <a:pt x="595" y="51"/>
                      </a:lnTo>
                      <a:lnTo>
                        <a:pt x="595" y="46"/>
                      </a:lnTo>
                      <a:lnTo>
                        <a:pt x="594" y="41"/>
                      </a:lnTo>
                      <a:lnTo>
                        <a:pt x="594" y="36"/>
                      </a:lnTo>
                      <a:lnTo>
                        <a:pt x="594" y="32"/>
                      </a:lnTo>
                      <a:lnTo>
                        <a:pt x="594" y="30"/>
                      </a:lnTo>
                      <a:lnTo>
                        <a:pt x="589" y="22"/>
                      </a:lnTo>
                      <a:lnTo>
                        <a:pt x="589" y="14"/>
                      </a:lnTo>
                      <a:lnTo>
                        <a:pt x="589" y="8"/>
                      </a:lnTo>
                      <a:lnTo>
                        <a:pt x="592" y="5"/>
                      </a:lnTo>
                      <a:lnTo>
                        <a:pt x="595" y="2"/>
                      </a:lnTo>
                      <a:lnTo>
                        <a:pt x="597" y="0"/>
                      </a:lnTo>
                      <a:lnTo>
                        <a:pt x="600" y="0"/>
                      </a:lnTo>
                      <a:lnTo>
                        <a:pt x="602" y="0"/>
                      </a:lnTo>
                      <a:lnTo>
                        <a:pt x="607" y="3"/>
                      </a:lnTo>
                      <a:lnTo>
                        <a:pt x="616" y="5"/>
                      </a:lnTo>
                      <a:lnTo>
                        <a:pt x="622" y="7"/>
                      </a:lnTo>
                      <a:lnTo>
                        <a:pt x="629" y="8"/>
                      </a:lnTo>
                      <a:lnTo>
                        <a:pt x="636" y="8"/>
                      </a:lnTo>
                      <a:lnTo>
                        <a:pt x="639" y="8"/>
                      </a:lnTo>
                      <a:lnTo>
                        <a:pt x="643" y="8"/>
                      </a:lnTo>
                      <a:lnTo>
                        <a:pt x="644" y="8"/>
                      </a:lnTo>
                      <a:lnTo>
                        <a:pt x="650" y="14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07" name="Freeform 18"/>
                <p:cNvSpPr>
                  <a:spLocks/>
                </p:cNvSpPr>
                <p:nvPr/>
              </p:nvSpPr>
              <p:spPr bwMode="auto">
                <a:xfrm>
                  <a:off x="3822" y="2894"/>
                  <a:ext cx="890" cy="684"/>
                </a:xfrm>
                <a:custGeom>
                  <a:avLst/>
                  <a:gdLst>
                    <a:gd name="T0" fmla="*/ 648 w 890"/>
                    <a:gd name="T1" fmla="*/ 46 h 684"/>
                    <a:gd name="T2" fmla="*/ 636 w 890"/>
                    <a:gd name="T3" fmla="*/ 71 h 684"/>
                    <a:gd name="T4" fmla="*/ 660 w 890"/>
                    <a:gd name="T5" fmla="*/ 47 h 684"/>
                    <a:gd name="T6" fmla="*/ 704 w 890"/>
                    <a:gd name="T7" fmla="*/ 137 h 684"/>
                    <a:gd name="T8" fmla="*/ 741 w 890"/>
                    <a:gd name="T9" fmla="*/ 196 h 684"/>
                    <a:gd name="T10" fmla="*/ 721 w 890"/>
                    <a:gd name="T11" fmla="*/ 174 h 684"/>
                    <a:gd name="T12" fmla="*/ 732 w 890"/>
                    <a:gd name="T13" fmla="*/ 200 h 684"/>
                    <a:gd name="T14" fmla="*/ 754 w 890"/>
                    <a:gd name="T15" fmla="*/ 235 h 684"/>
                    <a:gd name="T16" fmla="*/ 773 w 890"/>
                    <a:gd name="T17" fmla="*/ 279 h 684"/>
                    <a:gd name="T18" fmla="*/ 832 w 890"/>
                    <a:gd name="T19" fmla="*/ 381 h 684"/>
                    <a:gd name="T20" fmla="*/ 854 w 890"/>
                    <a:gd name="T21" fmla="*/ 418 h 684"/>
                    <a:gd name="T22" fmla="*/ 870 w 890"/>
                    <a:gd name="T23" fmla="*/ 443 h 684"/>
                    <a:gd name="T24" fmla="*/ 878 w 890"/>
                    <a:gd name="T25" fmla="*/ 464 h 684"/>
                    <a:gd name="T26" fmla="*/ 890 w 890"/>
                    <a:gd name="T27" fmla="*/ 526 h 684"/>
                    <a:gd name="T28" fmla="*/ 886 w 890"/>
                    <a:gd name="T29" fmla="*/ 586 h 684"/>
                    <a:gd name="T30" fmla="*/ 876 w 890"/>
                    <a:gd name="T31" fmla="*/ 631 h 684"/>
                    <a:gd name="T32" fmla="*/ 868 w 890"/>
                    <a:gd name="T33" fmla="*/ 662 h 684"/>
                    <a:gd name="T34" fmla="*/ 831 w 890"/>
                    <a:gd name="T35" fmla="*/ 675 h 684"/>
                    <a:gd name="T36" fmla="*/ 793 w 890"/>
                    <a:gd name="T37" fmla="*/ 680 h 684"/>
                    <a:gd name="T38" fmla="*/ 802 w 890"/>
                    <a:gd name="T39" fmla="*/ 670 h 684"/>
                    <a:gd name="T40" fmla="*/ 810 w 890"/>
                    <a:gd name="T41" fmla="*/ 640 h 684"/>
                    <a:gd name="T42" fmla="*/ 802 w 890"/>
                    <a:gd name="T43" fmla="*/ 650 h 684"/>
                    <a:gd name="T44" fmla="*/ 768 w 890"/>
                    <a:gd name="T45" fmla="*/ 621 h 684"/>
                    <a:gd name="T46" fmla="*/ 719 w 890"/>
                    <a:gd name="T47" fmla="*/ 597 h 684"/>
                    <a:gd name="T48" fmla="*/ 705 w 890"/>
                    <a:gd name="T49" fmla="*/ 589 h 684"/>
                    <a:gd name="T50" fmla="*/ 677 w 890"/>
                    <a:gd name="T51" fmla="*/ 535 h 684"/>
                    <a:gd name="T52" fmla="*/ 646 w 890"/>
                    <a:gd name="T53" fmla="*/ 479 h 684"/>
                    <a:gd name="T54" fmla="*/ 643 w 890"/>
                    <a:gd name="T55" fmla="*/ 489 h 684"/>
                    <a:gd name="T56" fmla="*/ 619 w 890"/>
                    <a:gd name="T57" fmla="*/ 481 h 684"/>
                    <a:gd name="T58" fmla="*/ 587 w 890"/>
                    <a:gd name="T59" fmla="*/ 423 h 684"/>
                    <a:gd name="T60" fmla="*/ 587 w 890"/>
                    <a:gd name="T61" fmla="*/ 401 h 684"/>
                    <a:gd name="T62" fmla="*/ 578 w 890"/>
                    <a:gd name="T63" fmla="*/ 359 h 684"/>
                    <a:gd name="T64" fmla="*/ 575 w 890"/>
                    <a:gd name="T65" fmla="*/ 399 h 684"/>
                    <a:gd name="T66" fmla="*/ 555 w 890"/>
                    <a:gd name="T67" fmla="*/ 381 h 684"/>
                    <a:gd name="T68" fmla="*/ 555 w 890"/>
                    <a:gd name="T69" fmla="*/ 335 h 684"/>
                    <a:gd name="T70" fmla="*/ 562 w 890"/>
                    <a:gd name="T71" fmla="*/ 278 h 684"/>
                    <a:gd name="T72" fmla="*/ 558 w 890"/>
                    <a:gd name="T73" fmla="*/ 257 h 684"/>
                    <a:gd name="T74" fmla="*/ 541 w 890"/>
                    <a:gd name="T75" fmla="*/ 232 h 684"/>
                    <a:gd name="T76" fmla="*/ 506 w 890"/>
                    <a:gd name="T77" fmla="*/ 217 h 684"/>
                    <a:gd name="T78" fmla="*/ 458 w 890"/>
                    <a:gd name="T79" fmla="*/ 173 h 684"/>
                    <a:gd name="T80" fmla="*/ 411 w 890"/>
                    <a:gd name="T81" fmla="*/ 129 h 684"/>
                    <a:gd name="T82" fmla="*/ 355 w 890"/>
                    <a:gd name="T83" fmla="*/ 139 h 684"/>
                    <a:gd name="T84" fmla="*/ 320 w 890"/>
                    <a:gd name="T85" fmla="*/ 164 h 684"/>
                    <a:gd name="T86" fmla="*/ 308 w 890"/>
                    <a:gd name="T87" fmla="*/ 169 h 684"/>
                    <a:gd name="T88" fmla="*/ 291 w 890"/>
                    <a:gd name="T89" fmla="*/ 183 h 684"/>
                    <a:gd name="T90" fmla="*/ 254 w 890"/>
                    <a:gd name="T91" fmla="*/ 191 h 684"/>
                    <a:gd name="T92" fmla="*/ 247 w 890"/>
                    <a:gd name="T93" fmla="*/ 162 h 684"/>
                    <a:gd name="T94" fmla="*/ 216 w 890"/>
                    <a:gd name="T95" fmla="*/ 132 h 684"/>
                    <a:gd name="T96" fmla="*/ 208 w 890"/>
                    <a:gd name="T97" fmla="*/ 135 h 684"/>
                    <a:gd name="T98" fmla="*/ 152 w 890"/>
                    <a:gd name="T99" fmla="*/ 115 h 684"/>
                    <a:gd name="T100" fmla="*/ 127 w 890"/>
                    <a:gd name="T101" fmla="*/ 113 h 684"/>
                    <a:gd name="T102" fmla="*/ 164 w 890"/>
                    <a:gd name="T103" fmla="*/ 108 h 684"/>
                    <a:gd name="T104" fmla="*/ 101 w 890"/>
                    <a:gd name="T105" fmla="*/ 113 h 684"/>
                    <a:gd name="T106" fmla="*/ 56 w 890"/>
                    <a:gd name="T107" fmla="*/ 125 h 684"/>
                    <a:gd name="T108" fmla="*/ 74 w 890"/>
                    <a:gd name="T109" fmla="*/ 105 h 684"/>
                    <a:gd name="T110" fmla="*/ 44 w 890"/>
                    <a:gd name="T111" fmla="*/ 102 h 684"/>
                    <a:gd name="T112" fmla="*/ 32 w 890"/>
                    <a:gd name="T113" fmla="*/ 132 h 684"/>
                    <a:gd name="T114" fmla="*/ 29 w 890"/>
                    <a:gd name="T115" fmla="*/ 120 h 684"/>
                    <a:gd name="T116" fmla="*/ 23 w 890"/>
                    <a:gd name="T117" fmla="*/ 112 h 684"/>
                    <a:gd name="T118" fmla="*/ 12 w 890"/>
                    <a:gd name="T119" fmla="*/ 80 h 684"/>
                    <a:gd name="T120" fmla="*/ 597 w 890"/>
                    <a:gd name="T121" fmla="*/ 59 h 684"/>
                    <a:gd name="T122" fmla="*/ 589 w 890"/>
                    <a:gd name="T123" fmla="*/ 22 h 684"/>
                    <a:gd name="T124" fmla="*/ 616 w 890"/>
                    <a:gd name="T125" fmla="*/ 5 h 684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60000 65536"/>
                    <a:gd name="T187" fmla="*/ 0 60000 65536"/>
                    <a:gd name="T188" fmla="*/ 0 60000 65536"/>
                    <a:gd name="T189" fmla="*/ 0 w 890"/>
                    <a:gd name="T190" fmla="*/ 0 h 684"/>
                    <a:gd name="T191" fmla="*/ 890 w 890"/>
                    <a:gd name="T192" fmla="*/ 684 h 684"/>
                  </a:gdLst>
                  <a:ahLst/>
                  <a:cxnLst>
                    <a:cxn ang="T126">
                      <a:pos x="T0" y="T1"/>
                    </a:cxn>
                    <a:cxn ang="T127">
                      <a:pos x="T2" y="T3"/>
                    </a:cxn>
                    <a:cxn ang="T128">
                      <a:pos x="T4" y="T5"/>
                    </a:cxn>
                    <a:cxn ang="T129">
                      <a:pos x="T6" y="T7"/>
                    </a:cxn>
                    <a:cxn ang="T130">
                      <a:pos x="T8" y="T9"/>
                    </a:cxn>
                    <a:cxn ang="T131">
                      <a:pos x="T10" y="T11"/>
                    </a:cxn>
                    <a:cxn ang="T132">
                      <a:pos x="T12" y="T13"/>
                    </a:cxn>
                    <a:cxn ang="T133">
                      <a:pos x="T14" y="T15"/>
                    </a:cxn>
                    <a:cxn ang="T134">
                      <a:pos x="T16" y="T17"/>
                    </a:cxn>
                    <a:cxn ang="T135">
                      <a:pos x="T18" y="T19"/>
                    </a:cxn>
                    <a:cxn ang="T136">
                      <a:pos x="T20" y="T21"/>
                    </a:cxn>
                    <a:cxn ang="T137">
                      <a:pos x="T22" y="T23"/>
                    </a:cxn>
                    <a:cxn ang="T138">
                      <a:pos x="T24" y="T25"/>
                    </a:cxn>
                    <a:cxn ang="T139">
                      <a:pos x="T26" y="T27"/>
                    </a:cxn>
                    <a:cxn ang="T140">
                      <a:pos x="T28" y="T29"/>
                    </a:cxn>
                    <a:cxn ang="T141">
                      <a:pos x="T30" y="T31"/>
                    </a:cxn>
                    <a:cxn ang="T142">
                      <a:pos x="T32" y="T33"/>
                    </a:cxn>
                    <a:cxn ang="T143">
                      <a:pos x="T34" y="T35"/>
                    </a:cxn>
                    <a:cxn ang="T144">
                      <a:pos x="T36" y="T37"/>
                    </a:cxn>
                    <a:cxn ang="T145">
                      <a:pos x="T38" y="T39"/>
                    </a:cxn>
                    <a:cxn ang="T146">
                      <a:pos x="T40" y="T41"/>
                    </a:cxn>
                    <a:cxn ang="T147">
                      <a:pos x="T42" y="T43"/>
                    </a:cxn>
                    <a:cxn ang="T148">
                      <a:pos x="T44" y="T45"/>
                    </a:cxn>
                    <a:cxn ang="T149">
                      <a:pos x="T46" y="T47"/>
                    </a:cxn>
                    <a:cxn ang="T150">
                      <a:pos x="T48" y="T49"/>
                    </a:cxn>
                    <a:cxn ang="T151">
                      <a:pos x="T50" y="T51"/>
                    </a:cxn>
                    <a:cxn ang="T152">
                      <a:pos x="T52" y="T53"/>
                    </a:cxn>
                    <a:cxn ang="T153">
                      <a:pos x="T54" y="T55"/>
                    </a:cxn>
                    <a:cxn ang="T154">
                      <a:pos x="T56" y="T57"/>
                    </a:cxn>
                    <a:cxn ang="T155">
                      <a:pos x="T58" y="T59"/>
                    </a:cxn>
                    <a:cxn ang="T156">
                      <a:pos x="T60" y="T61"/>
                    </a:cxn>
                    <a:cxn ang="T157">
                      <a:pos x="T62" y="T63"/>
                    </a:cxn>
                    <a:cxn ang="T158">
                      <a:pos x="T64" y="T65"/>
                    </a:cxn>
                    <a:cxn ang="T159">
                      <a:pos x="T66" y="T67"/>
                    </a:cxn>
                    <a:cxn ang="T160">
                      <a:pos x="T68" y="T69"/>
                    </a:cxn>
                    <a:cxn ang="T161">
                      <a:pos x="T70" y="T71"/>
                    </a:cxn>
                    <a:cxn ang="T162">
                      <a:pos x="T72" y="T73"/>
                    </a:cxn>
                    <a:cxn ang="T163">
                      <a:pos x="T74" y="T75"/>
                    </a:cxn>
                    <a:cxn ang="T164">
                      <a:pos x="T76" y="T77"/>
                    </a:cxn>
                    <a:cxn ang="T165">
                      <a:pos x="T78" y="T79"/>
                    </a:cxn>
                    <a:cxn ang="T166">
                      <a:pos x="T80" y="T81"/>
                    </a:cxn>
                    <a:cxn ang="T167">
                      <a:pos x="T82" y="T83"/>
                    </a:cxn>
                    <a:cxn ang="T168">
                      <a:pos x="T84" y="T85"/>
                    </a:cxn>
                    <a:cxn ang="T169">
                      <a:pos x="T86" y="T87"/>
                    </a:cxn>
                    <a:cxn ang="T170">
                      <a:pos x="T88" y="T89"/>
                    </a:cxn>
                    <a:cxn ang="T171">
                      <a:pos x="T90" y="T91"/>
                    </a:cxn>
                    <a:cxn ang="T172">
                      <a:pos x="T92" y="T93"/>
                    </a:cxn>
                    <a:cxn ang="T173">
                      <a:pos x="T94" y="T95"/>
                    </a:cxn>
                    <a:cxn ang="T174">
                      <a:pos x="T96" y="T97"/>
                    </a:cxn>
                    <a:cxn ang="T175">
                      <a:pos x="T98" y="T99"/>
                    </a:cxn>
                    <a:cxn ang="T176">
                      <a:pos x="T100" y="T101"/>
                    </a:cxn>
                    <a:cxn ang="T177">
                      <a:pos x="T102" y="T103"/>
                    </a:cxn>
                    <a:cxn ang="T178">
                      <a:pos x="T104" y="T105"/>
                    </a:cxn>
                    <a:cxn ang="T179">
                      <a:pos x="T106" y="T107"/>
                    </a:cxn>
                    <a:cxn ang="T180">
                      <a:pos x="T108" y="T109"/>
                    </a:cxn>
                    <a:cxn ang="T181">
                      <a:pos x="T110" y="T111"/>
                    </a:cxn>
                    <a:cxn ang="T182">
                      <a:pos x="T112" y="T113"/>
                    </a:cxn>
                    <a:cxn ang="T183">
                      <a:pos x="T114" y="T115"/>
                    </a:cxn>
                    <a:cxn ang="T184">
                      <a:pos x="T116" y="T117"/>
                    </a:cxn>
                    <a:cxn ang="T185">
                      <a:pos x="T118" y="T119"/>
                    </a:cxn>
                    <a:cxn ang="T186">
                      <a:pos x="T120" y="T121"/>
                    </a:cxn>
                    <a:cxn ang="T187">
                      <a:pos x="T122" y="T123"/>
                    </a:cxn>
                    <a:cxn ang="T188">
                      <a:pos x="T124" y="T125"/>
                    </a:cxn>
                  </a:cxnLst>
                  <a:rect l="T189" t="T190" r="T191" b="T192"/>
                  <a:pathLst>
                    <a:path w="890" h="684">
                      <a:moveTo>
                        <a:pt x="650" y="14"/>
                      </a:moveTo>
                      <a:lnTo>
                        <a:pt x="650" y="32"/>
                      </a:lnTo>
                      <a:lnTo>
                        <a:pt x="655" y="32"/>
                      </a:lnTo>
                      <a:lnTo>
                        <a:pt x="656" y="42"/>
                      </a:lnTo>
                      <a:lnTo>
                        <a:pt x="655" y="42"/>
                      </a:lnTo>
                      <a:lnTo>
                        <a:pt x="653" y="44"/>
                      </a:lnTo>
                      <a:lnTo>
                        <a:pt x="651" y="44"/>
                      </a:lnTo>
                      <a:lnTo>
                        <a:pt x="648" y="46"/>
                      </a:lnTo>
                      <a:lnTo>
                        <a:pt x="643" y="46"/>
                      </a:lnTo>
                      <a:lnTo>
                        <a:pt x="641" y="49"/>
                      </a:lnTo>
                      <a:lnTo>
                        <a:pt x="638" y="52"/>
                      </a:lnTo>
                      <a:lnTo>
                        <a:pt x="636" y="58"/>
                      </a:lnTo>
                      <a:lnTo>
                        <a:pt x="636" y="63"/>
                      </a:lnTo>
                      <a:lnTo>
                        <a:pt x="636" y="68"/>
                      </a:lnTo>
                      <a:lnTo>
                        <a:pt x="636" y="69"/>
                      </a:lnTo>
                      <a:lnTo>
                        <a:pt x="636" y="71"/>
                      </a:lnTo>
                      <a:lnTo>
                        <a:pt x="638" y="71"/>
                      </a:lnTo>
                      <a:lnTo>
                        <a:pt x="641" y="71"/>
                      </a:lnTo>
                      <a:lnTo>
                        <a:pt x="641" y="69"/>
                      </a:lnTo>
                      <a:lnTo>
                        <a:pt x="643" y="61"/>
                      </a:lnTo>
                      <a:lnTo>
                        <a:pt x="644" y="54"/>
                      </a:lnTo>
                      <a:lnTo>
                        <a:pt x="648" y="51"/>
                      </a:lnTo>
                      <a:lnTo>
                        <a:pt x="651" y="47"/>
                      </a:lnTo>
                      <a:lnTo>
                        <a:pt x="656" y="47"/>
                      </a:lnTo>
                      <a:lnTo>
                        <a:pt x="660" y="47"/>
                      </a:lnTo>
                      <a:lnTo>
                        <a:pt x="661" y="47"/>
                      </a:lnTo>
                      <a:lnTo>
                        <a:pt x="663" y="49"/>
                      </a:lnTo>
                      <a:lnTo>
                        <a:pt x="683" y="95"/>
                      </a:lnTo>
                      <a:lnTo>
                        <a:pt x="682" y="112"/>
                      </a:lnTo>
                      <a:lnTo>
                        <a:pt x="692" y="132"/>
                      </a:lnTo>
                      <a:lnTo>
                        <a:pt x="697" y="127"/>
                      </a:lnTo>
                      <a:lnTo>
                        <a:pt x="699" y="129"/>
                      </a:lnTo>
                      <a:lnTo>
                        <a:pt x="700" y="132"/>
                      </a:lnTo>
                      <a:lnTo>
                        <a:pt x="704" y="137"/>
                      </a:lnTo>
                      <a:lnTo>
                        <a:pt x="707" y="144"/>
                      </a:lnTo>
                      <a:lnTo>
                        <a:pt x="710" y="149"/>
                      </a:lnTo>
                      <a:lnTo>
                        <a:pt x="714" y="154"/>
                      </a:lnTo>
                      <a:lnTo>
                        <a:pt x="716" y="159"/>
                      </a:lnTo>
                      <a:lnTo>
                        <a:pt x="717" y="161"/>
                      </a:lnTo>
                      <a:lnTo>
                        <a:pt x="726" y="174"/>
                      </a:lnTo>
                      <a:lnTo>
                        <a:pt x="732" y="184"/>
                      </a:lnTo>
                      <a:lnTo>
                        <a:pt x="738" y="191"/>
                      </a:lnTo>
                      <a:lnTo>
                        <a:pt x="741" y="196"/>
                      </a:lnTo>
                      <a:lnTo>
                        <a:pt x="741" y="200"/>
                      </a:lnTo>
                      <a:lnTo>
                        <a:pt x="738" y="196"/>
                      </a:lnTo>
                      <a:lnTo>
                        <a:pt x="736" y="193"/>
                      </a:lnTo>
                      <a:lnTo>
                        <a:pt x="732" y="190"/>
                      </a:lnTo>
                      <a:lnTo>
                        <a:pt x="729" y="186"/>
                      </a:lnTo>
                      <a:lnTo>
                        <a:pt x="726" y="181"/>
                      </a:lnTo>
                      <a:lnTo>
                        <a:pt x="722" y="178"/>
                      </a:lnTo>
                      <a:lnTo>
                        <a:pt x="721" y="174"/>
                      </a:lnTo>
                      <a:lnTo>
                        <a:pt x="719" y="173"/>
                      </a:lnTo>
                      <a:lnTo>
                        <a:pt x="714" y="174"/>
                      </a:lnTo>
                      <a:lnTo>
                        <a:pt x="716" y="174"/>
                      </a:lnTo>
                      <a:lnTo>
                        <a:pt x="717" y="178"/>
                      </a:lnTo>
                      <a:lnTo>
                        <a:pt x="721" y="183"/>
                      </a:lnTo>
                      <a:lnTo>
                        <a:pt x="724" y="188"/>
                      </a:lnTo>
                      <a:lnTo>
                        <a:pt x="729" y="195"/>
                      </a:lnTo>
                      <a:lnTo>
                        <a:pt x="732" y="200"/>
                      </a:lnTo>
                      <a:lnTo>
                        <a:pt x="734" y="203"/>
                      </a:lnTo>
                      <a:lnTo>
                        <a:pt x="736" y="205"/>
                      </a:lnTo>
                      <a:lnTo>
                        <a:pt x="748" y="217"/>
                      </a:lnTo>
                      <a:lnTo>
                        <a:pt x="754" y="225"/>
                      </a:lnTo>
                      <a:lnTo>
                        <a:pt x="760" y="232"/>
                      </a:lnTo>
                      <a:lnTo>
                        <a:pt x="760" y="235"/>
                      </a:lnTo>
                      <a:lnTo>
                        <a:pt x="758" y="235"/>
                      </a:lnTo>
                      <a:lnTo>
                        <a:pt x="756" y="235"/>
                      </a:lnTo>
                      <a:lnTo>
                        <a:pt x="754" y="235"/>
                      </a:lnTo>
                      <a:lnTo>
                        <a:pt x="753" y="235"/>
                      </a:lnTo>
                      <a:lnTo>
                        <a:pt x="754" y="235"/>
                      </a:lnTo>
                      <a:lnTo>
                        <a:pt x="760" y="250"/>
                      </a:lnTo>
                      <a:lnTo>
                        <a:pt x="766" y="266"/>
                      </a:lnTo>
                      <a:lnTo>
                        <a:pt x="773" y="279"/>
                      </a:lnTo>
                      <a:lnTo>
                        <a:pt x="780" y="293"/>
                      </a:lnTo>
                      <a:lnTo>
                        <a:pt x="787" y="305"/>
                      </a:lnTo>
                      <a:lnTo>
                        <a:pt x="793" y="318"/>
                      </a:lnTo>
                      <a:lnTo>
                        <a:pt x="800" y="328"/>
                      </a:lnTo>
                      <a:lnTo>
                        <a:pt x="805" y="338"/>
                      </a:lnTo>
                      <a:lnTo>
                        <a:pt x="812" y="349"/>
                      </a:lnTo>
                      <a:lnTo>
                        <a:pt x="817" y="357"/>
                      </a:lnTo>
                      <a:lnTo>
                        <a:pt x="822" y="366"/>
                      </a:lnTo>
                      <a:lnTo>
                        <a:pt x="827" y="374"/>
                      </a:lnTo>
                      <a:lnTo>
                        <a:pt x="832" y="381"/>
                      </a:lnTo>
                      <a:lnTo>
                        <a:pt x="836" y="386"/>
                      </a:lnTo>
                      <a:lnTo>
                        <a:pt x="837" y="391"/>
                      </a:lnTo>
                      <a:lnTo>
                        <a:pt x="839" y="394"/>
                      </a:lnTo>
                      <a:lnTo>
                        <a:pt x="842" y="398"/>
                      </a:lnTo>
                      <a:lnTo>
                        <a:pt x="846" y="403"/>
                      </a:lnTo>
                      <a:lnTo>
                        <a:pt x="849" y="406"/>
                      </a:lnTo>
                      <a:lnTo>
                        <a:pt x="851" y="411"/>
                      </a:lnTo>
                      <a:lnTo>
                        <a:pt x="853" y="415"/>
                      </a:lnTo>
                      <a:lnTo>
                        <a:pt x="854" y="418"/>
                      </a:lnTo>
                      <a:lnTo>
                        <a:pt x="856" y="420"/>
                      </a:lnTo>
                      <a:lnTo>
                        <a:pt x="858" y="420"/>
                      </a:lnTo>
                      <a:lnTo>
                        <a:pt x="863" y="425"/>
                      </a:lnTo>
                      <a:lnTo>
                        <a:pt x="868" y="428"/>
                      </a:lnTo>
                      <a:lnTo>
                        <a:pt x="870" y="432"/>
                      </a:lnTo>
                      <a:lnTo>
                        <a:pt x="871" y="435"/>
                      </a:lnTo>
                      <a:lnTo>
                        <a:pt x="871" y="438"/>
                      </a:lnTo>
                      <a:lnTo>
                        <a:pt x="870" y="442"/>
                      </a:lnTo>
                      <a:lnTo>
                        <a:pt x="870" y="443"/>
                      </a:lnTo>
                      <a:lnTo>
                        <a:pt x="870" y="445"/>
                      </a:lnTo>
                      <a:lnTo>
                        <a:pt x="875" y="450"/>
                      </a:lnTo>
                      <a:lnTo>
                        <a:pt x="878" y="454"/>
                      </a:lnTo>
                      <a:lnTo>
                        <a:pt x="880" y="457"/>
                      </a:lnTo>
                      <a:lnTo>
                        <a:pt x="880" y="460"/>
                      </a:lnTo>
                      <a:lnTo>
                        <a:pt x="880" y="462"/>
                      </a:lnTo>
                      <a:lnTo>
                        <a:pt x="880" y="464"/>
                      </a:lnTo>
                      <a:lnTo>
                        <a:pt x="878" y="464"/>
                      </a:lnTo>
                      <a:lnTo>
                        <a:pt x="888" y="474"/>
                      </a:lnTo>
                      <a:lnTo>
                        <a:pt x="888" y="476"/>
                      </a:lnTo>
                      <a:lnTo>
                        <a:pt x="888" y="479"/>
                      </a:lnTo>
                      <a:lnTo>
                        <a:pt x="890" y="484"/>
                      </a:lnTo>
                      <a:lnTo>
                        <a:pt x="890" y="491"/>
                      </a:lnTo>
                      <a:lnTo>
                        <a:pt x="890" y="498"/>
                      </a:lnTo>
                      <a:lnTo>
                        <a:pt x="890" y="508"/>
                      </a:lnTo>
                      <a:lnTo>
                        <a:pt x="890" y="518"/>
                      </a:lnTo>
                      <a:lnTo>
                        <a:pt x="890" y="526"/>
                      </a:lnTo>
                      <a:lnTo>
                        <a:pt x="890" y="536"/>
                      </a:lnTo>
                      <a:lnTo>
                        <a:pt x="890" y="547"/>
                      </a:lnTo>
                      <a:lnTo>
                        <a:pt x="890" y="555"/>
                      </a:lnTo>
                      <a:lnTo>
                        <a:pt x="890" y="564"/>
                      </a:lnTo>
                      <a:lnTo>
                        <a:pt x="890" y="570"/>
                      </a:lnTo>
                      <a:lnTo>
                        <a:pt x="890" y="575"/>
                      </a:lnTo>
                      <a:lnTo>
                        <a:pt x="890" y="580"/>
                      </a:lnTo>
                      <a:lnTo>
                        <a:pt x="886" y="586"/>
                      </a:lnTo>
                      <a:lnTo>
                        <a:pt x="883" y="589"/>
                      </a:lnTo>
                      <a:lnTo>
                        <a:pt x="881" y="594"/>
                      </a:lnTo>
                      <a:lnTo>
                        <a:pt x="880" y="599"/>
                      </a:lnTo>
                      <a:lnTo>
                        <a:pt x="878" y="604"/>
                      </a:lnTo>
                      <a:lnTo>
                        <a:pt x="876" y="609"/>
                      </a:lnTo>
                      <a:lnTo>
                        <a:pt x="876" y="614"/>
                      </a:lnTo>
                      <a:lnTo>
                        <a:pt x="876" y="619"/>
                      </a:lnTo>
                      <a:lnTo>
                        <a:pt x="876" y="623"/>
                      </a:lnTo>
                      <a:lnTo>
                        <a:pt x="876" y="628"/>
                      </a:lnTo>
                      <a:lnTo>
                        <a:pt x="876" y="631"/>
                      </a:lnTo>
                      <a:lnTo>
                        <a:pt x="876" y="635"/>
                      </a:lnTo>
                      <a:lnTo>
                        <a:pt x="876" y="638"/>
                      </a:lnTo>
                      <a:lnTo>
                        <a:pt x="876" y="640"/>
                      </a:lnTo>
                      <a:lnTo>
                        <a:pt x="878" y="641"/>
                      </a:lnTo>
                      <a:lnTo>
                        <a:pt x="876" y="650"/>
                      </a:lnTo>
                      <a:lnTo>
                        <a:pt x="875" y="657"/>
                      </a:lnTo>
                      <a:lnTo>
                        <a:pt x="871" y="660"/>
                      </a:lnTo>
                      <a:lnTo>
                        <a:pt x="868" y="662"/>
                      </a:lnTo>
                      <a:lnTo>
                        <a:pt x="864" y="663"/>
                      </a:lnTo>
                      <a:lnTo>
                        <a:pt x="861" y="663"/>
                      </a:lnTo>
                      <a:lnTo>
                        <a:pt x="858" y="663"/>
                      </a:lnTo>
                      <a:lnTo>
                        <a:pt x="856" y="663"/>
                      </a:lnTo>
                      <a:lnTo>
                        <a:pt x="849" y="668"/>
                      </a:lnTo>
                      <a:lnTo>
                        <a:pt x="842" y="674"/>
                      </a:lnTo>
                      <a:lnTo>
                        <a:pt x="837" y="675"/>
                      </a:lnTo>
                      <a:lnTo>
                        <a:pt x="834" y="675"/>
                      </a:lnTo>
                      <a:lnTo>
                        <a:pt x="831" y="675"/>
                      </a:lnTo>
                      <a:lnTo>
                        <a:pt x="827" y="674"/>
                      </a:lnTo>
                      <a:lnTo>
                        <a:pt x="826" y="674"/>
                      </a:lnTo>
                      <a:lnTo>
                        <a:pt x="817" y="680"/>
                      </a:lnTo>
                      <a:lnTo>
                        <a:pt x="810" y="684"/>
                      </a:lnTo>
                      <a:lnTo>
                        <a:pt x="805" y="684"/>
                      </a:lnTo>
                      <a:lnTo>
                        <a:pt x="800" y="684"/>
                      </a:lnTo>
                      <a:lnTo>
                        <a:pt x="797" y="684"/>
                      </a:lnTo>
                      <a:lnTo>
                        <a:pt x="793" y="680"/>
                      </a:lnTo>
                      <a:lnTo>
                        <a:pt x="792" y="680"/>
                      </a:lnTo>
                      <a:lnTo>
                        <a:pt x="792" y="679"/>
                      </a:lnTo>
                      <a:lnTo>
                        <a:pt x="787" y="670"/>
                      </a:lnTo>
                      <a:lnTo>
                        <a:pt x="787" y="667"/>
                      </a:lnTo>
                      <a:lnTo>
                        <a:pt x="788" y="663"/>
                      </a:lnTo>
                      <a:lnTo>
                        <a:pt x="790" y="665"/>
                      </a:lnTo>
                      <a:lnTo>
                        <a:pt x="795" y="667"/>
                      </a:lnTo>
                      <a:lnTo>
                        <a:pt x="798" y="668"/>
                      </a:lnTo>
                      <a:lnTo>
                        <a:pt x="802" y="670"/>
                      </a:lnTo>
                      <a:lnTo>
                        <a:pt x="802" y="672"/>
                      </a:lnTo>
                      <a:lnTo>
                        <a:pt x="820" y="665"/>
                      </a:lnTo>
                      <a:lnTo>
                        <a:pt x="810" y="653"/>
                      </a:lnTo>
                      <a:lnTo>
                        <a:pt x="812" y="652"/>
                      </a:lnTo>
                      <a:lnTo>
                        <a:pt x="814" y="650"/>
                      </a:lnTo>
                      <a:lnTo>
                        <a:pt x="815" y="648"/>
                      </a:lnTo>
                      <a:lnTo>
                        <a:pt x="810" y="640"/>
                      </a:lnTo>
                      <a:lnTo>
                        <a:pt x="807" y="635"/>
                      </a:lnTo>
                      <a:lnTo>
                        <a:pt x="804" y="633"/>
                      </a:lnTo>
                      <a:lnTo>
                        <a:pt x="802" y="631"/>
                      </a:lnTo>
                      <a:lnTo>
                        <a:pt x="800" y="633"/>
                      </a:lnTo>
                      <a:lnTo>
                        <a:pt x="798" y="635"/>
                      </a:lnTo>
                      <a:lnTo>
                        <a:pt x="798" y="636"/>
                      </a:lnTo>
                      <a:lnTo>
                        <a:pt x="798" y="638"/>
                      </a:lnTo>
                      <a:lnTo>
                        <a:pt x="802" y="645"/>
                      </a:lnTo>
                      <a:lnTo>
                        <a:pt x="802" y="650"/>
                      </a:lnTo>
                      <a:lnTo>
                        <a:pt x="800" y="652"/>
                      </a:lnTo>
                      <a:lnTo>
                        <a:pt x="797" y="653"/>
                      </a:lnTo>
                      <a:lnTo>
                        <a:pt x="793" y="653"/>
                      </a:lnTo>
                      <a:lnTo>
                        <a:pt x="790" y="653"/>
                      </a:lnTo>
                      <a:lnTo>
                        <a:pt x="788" y="652"/>
                      </a:lnTo>
                      <a:lnTo>
                        <a:pt x="787" y="652"/>
                      </a:lnTo>
                      <a:lnTo>
                        <a:pt x="780" y="640"/>
                      </a:lnTo>
                      <a:lnTo>
                        <a:pt x="775" y="630"/>
                      </a:lnTo>
                      <a:lnTo>
                        <a:pt x="768" y="621"/>
                      </a:lnTo>
                      <a:lnTo>
                        <a:pt x="763" y="614"/>
                      </a:lnTo>
                      <a:lnTo>
                        <a:pt x="756" y="609"/>
                      </a:lnTo>
                      <a:lnTo>
                        <a:pt x="749" y="606"/>
                      </a:lnTo>
                      <a:lnTo>
                        <a:pt x="744" y="602"/>
                      </a:lnTo>
                      <a:lnTo>
                        <a:pt x="739" y="599"/>
                      </a:lnTo>
                      <a:lnTo>
                        <a:pt x="734" y="597"/>
                      </a:lnTo>
                      <a:lnTo>
                        <a:pt x="729" y="597"/>
                      </a:lnTo>
                      <a:lnTo>
                        <a:pt x="724" y="597"/>
                      </a:lnTo>
                      <a:lnTo>
                        <a:pt x="721" y="597"/>
                      </a:lnTo>
                      <a:lnTo>
                        <a:pt x="719" y="597"/>
                      </a:lnTo>
                      <a:lnTo>
                        <a:pt x="716" y="597"/>
                      </a:lnTo>
                      <a:lnTo>
                        <a:pt x="714" y="597"/>
                      </a:lnTo>
                      <a:lnTo>
                        <a:pt x="714" y="599"/>
                      </a:lnTo>
                      <a:lnTo>
                        <a:pt x="712" y="597"/>
                      </a:lnTo>
                      <a:lnTo>
                        <a:pt x="710" y="594"/>
                      </a:lnTo>
                      <a:lnTo>
                        <a:pt x="707" y="592"/>
                      </a:lnTo>
                      <a:lnTo>
                        <a:pt x="705" y="589"/>
                      </a:lnTo>
                      <a:lnTo>
                        <a:pt x="704" y="586"/>
                      </a:lnTo>
                      <a:lnTo>
                        <a:pt x="702" y="584"/>
                      </a:lnTo>
                      <a:lnTo>
                        <a:pt x="700" y="580"/>
                      </a:lnTo>
                      <a:lnTo>
                        <a:pt x="697" y="564"/>
                      </a:lnTo>
                      <a:lnTo>
                        <a:pt x="692" y="550"/>
                      </a:lnTo>
                      <a:lnTo>
                        <a:pt x="687" y="542"/>
                      </a:lnTo>
                      <a:lnTo>
                        <a:pt x="683" y="536"/>
                      </a:lnTo>
                      <a:lnTo>
                        <a:pt x="680" y="535"/>
                      </a:lnTo>
                      <a:lnTo>
                        <a:pt x="677" y="535"/>
                      </a:lnTo>
                      <a:lnTo>
                        <a:pt x="675" y="535"/>
                      </a:lnTo>
                      <a:lnTo>
                        <a:pt x="666" y="526"/>
                      </a:lnTo>
                      <a:lnTo>
                        <a:pt x="661" y="514"/>
                      </a:lnTo>
                      <a:lnTo>
                        <a:pt x="661" y="498"/>
                      </a:lnTo>
                      <a:lnTo>
                        <a:pt x="653" y="486"/>
                      </a:lnTo>
                      <a:lnTo>
                        <a:pt x="661" y="472"/>
                      </a:lnTo>
                      <a:lnTo>
                        <a:pt x="646" y="481"/>
                      </a:lnTo>
                      <a:lnTo>
                        <a:pt x="646" y="479"/>
                      </a:lnTo>
                      <a:lnTo>
                        <a:pt x="644" y="479"/>
                      </a:lnTo>
                      <a:lnTo>
                        <a:pt x="641" y="477"/>
                      </a:lnTo>
                      <a:lnTo>
                        <a:pt x="639" y="476"/>
                      </a:lnTo>
                      <a:lnTo>
                        <a:pt x="636" y="474"/>
                      </a:lnTo>
                      <a:lnTo>
                        <a:pt x="634" y="474"/>
                      </a:lnTo>
                      <a:lnTo>
                        <a:pt x="633" y="472"/>
                      </a:lnTo>
                      <a:lnTo>
                        <a:pt x="633" y="474"/>
                      </a:lnTo>
                      <a:lnTo>
                        <a:pt x="638" y="482"/>
                      </a:lnTo>
                      <a:lnTo>
                        <a:pt x="643" y="489"/>
                      </a:lnTo>
                      <a:lnTo>
                        <a:pt x="644" y="494"/>
                      </a:lnTo>
                      <a:lnTo>
                        <a:pt x="644" y="498"/>
                      </a:lnTo>
                      <a:lnTo>
                        <a:pt x="643" y="498"/>
                      </a:lnTo>
                      <a:lnTo>
                        <a:pt x="641" y="498"/>
                      </a:lnTo>
                      <a:lnTo>
                        <a:pt x="638" y="496"/>
                      </a:lnTo>
                      <a:lnTo>
                        <a:pt x="636" y="494"/>
                      </a:lnTo>
                      <a:lnTo>
                        <a:pt x="631" y="491"/>
                      </a:lnTo>
                      <a:lnTo>
                        <a:pt x="628" y="487"/>
                      </a:lnTo>
                      <a:lnTo>
                        <a:pt x="622" y="484"/>
                      </a:lnTo>
                      <a:lnTo>
                        <a:pt x="619" y="481"/>
                      </a:lnTo>
                      <a:lnTo>
                        <a:pt x="616" y="477"/>
                      </a:lnTo>
                      <a:lnTo>
                        <a:pt x="612" y="474"/>
                      </a:lnTo>
                      <a:lnTo>
                        <a:pt x="611" y="472"/>
                      </a:lnTo>
                      <a:lnTo>
                        <a:pt x="607" y="457"/>
                      </a:lnTo>
                      <a:lnTo>
                        <a:pt x="582" y="425"/>
                      </a:lnTo>
                      <a:lnTo>
                        <a:pt x="584" y="425"/>
                      </a:lnTo>
                      <a:lnTo>
                        <a:pt x="585" y="423"/>
                      </a:lnTo>
                      <a:lnTo>
                        <a:pt x="587" y="423"/>
                      </a:lnTo>
                      <a:lnTo>
                        <a:pt x="589" y="421"/>
                      </a:lnTo>
                      <a:lnTo>
                        <a:pt x="590" y="421"/>
                      </a:lnTo>
                      <a:lnTo>
                        <a:pt x="592" y="420"/>
                      </a:lnTo>
                      <a:lnTo>
                        <a:pt x="594" y="420"/>
                      </a:lnTo>
                      <a:lnTo>
                        <a:pt x="589" y="418"/>
                      </a:lnTo>
                      <a:lnTo>
                        <a:pt x="587" y="413"/>
                      </a:lnTo>
                      <a:lnTo>
                        <a:pt x="587" y="408"/>
                      </a:lnTo>
                      <a:lnTo>
                        <a:pt x="587" y="401"/>
                      </a:lnTo>
                      <a:lnTo>
                        <a:pt x="589" y="394"/>
                      </a:lnTo>
                      <a:lnTo>
                        <a:pt x="590" y="388"/>
                      </a:lnTo>
                      <a:lnTo>
                        <a:pt x="590" y="382"/>
                      </a:lnTo>
                      <a:lnTo>
                        <a:pt x="590" y="379"/>
                      </a:lnTo>
                      <a:lnTo>
                        <a:pt x="587" y="371"/>
                      </a:lnTo>
                      <a:lnTo>
                        <a:pt x="585" y="364"/>
                      </a:lnTo>
                      <a:lnTo>
                        <a:pt x="582" y="360"/>
                      </a:lnTo>
                      <a:lnTo>
                        <a:pt x="580" y="359"/>
                      </a:lnTo>
                      <a:lnTo>
                        <a:pt x="578" y="359"/>
                      </a:lnTo>
                      <a:lnTo>
                        <a:pt x="577" y="360"/>
                      </a:lnTo>
                      <a:lnTo>
                        <a:pt x="577" y="364"/>
                      </a:lnTo>
                      <a:lnTo>
                        <a:pt x="575" y="367"/>
                      </a:lnTo>
                      <a:lnTo>
                        <a:pt x="575" y="372"/>
                      </a:lnTo>
                      <a:lnTo>
                        <a:pt x="575" y="377"/>
                      </a:lnTo>
                      <a:lnTo>
                        <a:pt x="575" y="382"/>
                      </a:lnTo>
                      <a:lnTo>
                        <a:pt x="575" y="388"/>
                      </a:lnTo>
                      <a:lnTo>
                        <a:pt x="575" y="393"/>
                      </a:lnTo>
                      <a:lnTo>
                        <a:pt x="575" y="396"/>
                      </a:lnTo>
                      <a:lnTo>
                        <a:pt x="575" y="399"/>
                      </a:lnTo>
                      <a:lnTo>
                        <a:pt x="572" y="398"/>
                      </a:lnTo>
                      <a:lnTo>
                        <a:pt x="568" y="394"/>
                      </a:lnTo>
                      <a:lnTo>
                        <a:pt x="565" y="391"/>
                      </a:lnTo>
                      <a:lnTo>
                        <a:pt x="560" y="388"/>
                      </a:lnTo>
                      <a:lnTo>
                        <a:pt x="558" y="384"/>
                      </a:lnTo>
                      <a:lnTo>
                        <a:pt x="555" y="382"/>
                      </a:lnTo>
                      <a:lnTo>
                        <a:pt x="555" y="381"/>
                      </a:lnTo>
                      <a:lnTo>
                        <a:pt x="556" y="374"/>
                      </a:lnTo>
                      <a:lnTo>
                        <a:pt x="558" y="366"/>
                      </a:lnTo>
                      <a:lnTo>
                        <a:pt x="558" y="359"/>
                      </a:lnTo>
                      <a:lnTo>
                        <a:pt x="558" y="352"/>
                      </a:lnTo>
                      <a:lnTo>
                        <a:pt x="556" y="345"/>
                      </a:lnTo>
                      <a:lnTo>
                        <a:pt x="556" y="340"/>
                      </a:lnTo>
                      <a:lnTo>
                        <a:pt x="555" y="337"/>
                      </a:lnTo>
                      <a:lnTo>
                        <a:pt x="555" y="335"/>
                      </a:lnTo>
                      <a:lnTo>
                        <a:pt x="558" y="328"/>
                      </a:lnTo>
                      <a:lnTo>
                        <a:pt x="560" y="323"/>
                      </a:lnTo>
                      <a:lnTo>
                        <a:pt x="562" y="316"/>
                      </a:lnTo>
                      <a:lnTo>
                        <a:pt x="562" y="311"/>
                      </a:lnTo>
                      <a:lnTo>
                        <a:pt x="563" y="305"/>
                      </a:lnTo>
                      <a:lnTo>
                        <a:pt x="563" y="300"/>
                      </a:lnTo>
                      <a:lnTo>
                        <a:pt x="563" y="293"/>
                      </a:lnTo>
                      <a:lnTo>
                        <a:pt x="563" y="288"/>
                      </a:lnTo>
                      <a:lnTo>
                        <a:pt x="562" y="283"/>
                      </a:lnTo>
                      <a:lnTo>
                        <a:pt x="562" y="278"/>
                      </a:lnTo>
                      <a:lnTo>
                        <a:pt x="560" y="274"/>
                      </a:lnTo>
                      <a:lnTo>
                        <a:pt x="560" y="269"/>
                      </a:lnTo>
                      <a:lnTo>
                        <a:pt x="560" y="267"/>
                      </a:lnTo>
                      <a:lnTo>
                        <a:pt x="558" y="264"/>
                      </a:lnTo>
                      <a:lnTo>
                        <a:pt x="558" y="262"/>
                      </a:lnTo>
                      <a:lnTo>
                        <a:pt x="558" y="261"/>
                      </a:lnTo>
                      <a:lnTo>
                        <a:pt x="558" y="257"/>
                      </a:lnTo>
                      <a:lnTo>
                        <a:pt x="558" y="256"/>
                      </a:lnTo>
                      <a:lnTo>
                        <a:pt x="556" y="252"/>
                      </a:lnTo>
                      <a:lnTo>
                        <a:pt x="556" y="249"/>
                      </a:lnTo>
                      <a:lnTo>
                        <a:pt x="555" y="247"/>
                      </a:lnTo>
                      <a:lnTo>
                        <a:pt x="551" y="245"/>
                      </a:lnTo>
                      <a:lnTo>
                        <a:pt x="548" y="242"/>
                      </a:lnTo>
                      <a:lnTo>
                        <a:pt x="545" y="239"/>
                      </a:lnTo>
                      <a:lnTo>
                        <a:pt x="541" y="232"/>
                      </a:lnTo>
                      <a:lnTo>
                        <a:pt x="538" y="227"/>
                      </a:lnTo>
                      <a:lnTo>
                        <a:pt x="534" y="223"/>
                      </a:lnTo>
                      <a:lnTo>
                        <a:pt x="533" y="220"/>
                      </a:lnTo>
                      <a:lnTo>
                        <a:pt x="533" y="218"/>
                      </a:lnTo>
                      <a:lnTo>
                        <a:pt x="521" y="222"/>
                      </a:lnTo>
                      <a:lnTo>
                        <a:pt x="514" y="222"/>
                      </a:lnTo>
                      <a:lnTo>
                        <a:pt x="509" y="222"/>
                      </a:lnTo>
                      <a:lnTo>
                        <a:pt x="507" y="220"/>
                      </a:lnTo>
                      <a:lnTo>
                        <a:pt x="506" y="217"/>
                      </a:lnTo>
                      <a:lnTo>
                        <a:pt x="506" y="215"/>
                      </a:lnTo>
                      <a:lnTo>
                        <a:pt x="507" y="215"/>
                      </a:lnTo>
                      <a:lnTo>
                        <a:pt x="507" y="213"/>
                      </a:lnTo>
                      <a:lnTo>
                        <a:pt x="497" y="206"/>
                      </a:lnTo>
                      <a:lnTo>
                        <a:pt x="484" y="191"/>
                      </a:lnTo>
                      <a:lnTo>
                        <a:pt x="467" y="179"/>
                      </a:lnTo>
                      <a:lnTo>
                        <a:pt x="465" y="179"/>
                      </a:lnTo>
                      <a:lnTo>
                        <a:pt x="463" y="176"/>
                      </a:lnTo>
                      <a:lnTo>
                        <a:pt x="458" y="173"/>
                      </a:lnTo>
                      <a:lnTo>
                        <a:pt x="455" y="168"/>
                      </a:lnTo>
                      <a:lnTo>
                        <a:pt x="450" y="162"/>
                      </a:lnTo>
                      <a:lnTo>
                        <a:pt x="446" y="157"/>
                      </a:lnTo>
                      <a:lnTo>
                        <a:pt x="445" y="154"/>
                      </a:lnTo>
                      <a:lnTo>
                        <a:pt x="443" y="152"/>
                      </a:lnTo>
                      <a:lnTo>
                        <a:pt x="433" y="144"/>
                      </a:lnTo>
                      <a:lnTo>
                        <a:pt x="424" y="139"/>
                      </a:lnTo>
                      <a:lnTo>
                        <a:pt x="418" y="132"/>
                      </a:lnTo>
                      <a:lnTo>
                        <a:pt x="411" y="129"/>
                      </a:lnTo>
                      <a:lnTo>
                        <a:pt x="404" y="125"/>
                      </a:lnTo>
                      <a:lnTo>
                        <a:pt x="399" y="124"/>
                      </a:lnTo>
                      <a:lnTo>
                        <a:pt x="396" y="124"/>
                      </a:lnTo>
                      <a:lnTo>
                        <a:pt x="394" y="122"/>
                      </a:lnTo>
                      <a:lnTo>
                        <a:pt x="377" y="122"/>
                      </a:lnTo>
                      <a:lnTo>
                        <a:pt x="367" y="122"/>
                      </a:lnTo>
                      <a:lnTo>
                        <a:pt x="360" y="127"/>
                      </a:lnTo>
                      <a:lnTo>
                        <a:pt x="355" y="132"/>
                      </a:lnTo>
                      <a:lnTo>
                        <a:pt x="355" y="139"/>
                      </a:lnTo>
                      <a:lnTo>
                        <a:pt x="355" y="144"/>
                      </a:lnTo>
                      <a:lnTo>
                        <a:pt x="357" y="147"/>
                      </a:lnTo>
                      <a:lnTo>
                        <a:pt x="357" y="149"/>
                      </a:lnTo>
                      <a:lnTo>
                        <a:pt x="350" y="147"/>
                      </a:lnTo>
                      <a:lnTo>
                        <a:pt x="342" y="149"/>
                      </a:lnTo>
                      <a:lnTo>
                        <a:pt x="335" y="152"/>
                      </a:lnTo>
                      <a:lnTo>
                        <a:pt x="330" y="156"/>
                      </a:lnTo>
                      <a:lnTo>
                        <a:pt x="325" y="161"/>
                      </a:lnTo>
                      <a:lnTo>
                        <a:pt x="320" y="164"/>
                      </a:lnTo>
                      <a:lnTo>
                        <a:pt x="316" y="168"/>
                      </a:lnTo>
                      <a:lnTo>
                        <a:pt x="316" y="169"/>
                      </a:lnTo>
                      <a:lnTo>
                        <a:pt x="309" y="176"/>
                      </a:lnTo>
                      <a:lnTo>
                        <a:pt x="306" y="178"/>
                      </a:lnTo>
                      <a:lnTo>
                        <a:pt x="304" y="178"/>
                      </a:lnTo>
                      <a:lnTo>
                        <a:pt x="304" y="176"/>
                      </a:lnTo>
                      <a:lnTo>
                        <a:pt x="304" y="174"/>
                      </a:lnTo>
                      <a:lnTo>
                        <a:pt x="306" y="171"/>
                      </a:lnTo>
                      <a:lnTo>
                        <a:pt x="308" y="169"/>
                      </a:lnTo>
                      <a:lnTo>
                        <a:pt x="308" y="168"/>
                      </a:lnTo>
                      <a:lnTo>
                        <a:pt x="306" y="168"/>
                      </a:lnTo>
                      <a:lnTo>
                        <a:pt x="306" y="169"/>
                      </a:lnTo>
                      <a:lnTo>
                        <a:pt x="303" y="173"/>
                      </a:lnTo>
                      <a:lnTo>
                        <a:pt x="299" y="174"/>
                      </a:lnTo>
                      <a:lnTo>
                        <a:pt x="298" y="178"/>
                      </a:lnTo>
                      <a:lnTo>
                        <a:pt x="294" y="179"/>
                      </a:lnTo>
                      <a:lnTo>
                        <a:pt x="293" y="181"/>
                      </a:lnTo>
                      <a:lnTo>
                        <a:pt x="291" y="183"/>
                      </a:lnTo>
                      <a:lnTo>
                        <a:pt x="284" y="181"/>
                      </a:lnTo>
                      <a:lnTo>
                        <a:pt x="277" y="181"/>
                      </a:lnTo>
                      <a:lnTo>
                        <a:pt x="271" y="183"/>
                      </a:lnTo>
                      <a:lnTo>
                        <a:pt x="265" y="186"/>
                      </a:lnTo>
                      <a:lnTo>
                        <a:pt x="260" y="188"/>
                      </a:lnTo>
                      <a:lnTo>
                        <a:pt x="257" y="190"/>
                      </a:lnTo>
                      <a:lnTo>
                        <a:pt x="254" y="191"/>
                      </a:lnTo>
                      <a:lnTo>
                        <a:pt x="247" y="184"/>
                      </a:lnTo>
                      <a:lnTo>
                        <a:pt x="243" y="179"/>
                      </a:lnTo>
                      <a:lnTo>
                        <a:pt x="245" y="179"/>
                      </a:lnTo>
                      <a:lnTo>
                        <a:pt x="249" y="181"/>
                      </a:lnTo>
                      <a:lnTo>
                        <a:pt x="252" y="184"/>
                      </a:lnTo>
                      <a:lnTo>
                        <a:pt x="255" y="186"/>
                      </a:lnTo>
                      <a:lnTo>
                        <a:pt x="257" y="186"/>
                      </a:lnTo>
                      <a:lnTo>
                        <a:pt x="257" y="176"/>
                      </a:lnTo>
                      <a:lnTo>
                        <a:pt x="247" y="162"/>
                      </a:lnTo>
                      <a:lnTo>
                        <a:pt x="218" y="140"/>
                      </a:lnTo>
                      <a:lnTo>
                        <a:pt x="232" y="142"/>
                      </a:lnTo>
                      <a:lnTo>
                        <a:pt x="238" y="144"/>
                      </a:lnTo>
                      <a:lnTo>
                        <a:pt x="238" y="142"/>
                      </a:lnTo>
                      <a:lnTo>
                        <a:pt x="235" y="140"/>
                      </a:lnTo>
                      <a:lnTo>
                        <a:pt x="230" y="137"/>
                      </a:lnTo>
                      <a:lnTo>
                        <a:pt x="223" y="135"/>
                      </a:lnTo>
                      <a:lnTo>
                        <a:pt x="218" y="132"/>
                      </a:lnTo>
                      <a:lnTo>
                        <a:pt x="216" y="132"/>
                      </a:lnTo>
                      <a:lnTo>
                        <a:pt x="223" y="117"/>
                      </a:lnTo>
                      <a:lnTo>
                        <a:pt x="205" y="120"/>
                      </a:lnTo>
                      <a:lnTo>
                        <a:pt x="205" y="122"/>
                      </a:lnTo>
                      <a:lnTo>
                        <a:pt x="206" y="125"/>
                      </a:lnTo>
                      <a:lnTo>
                        <a:pt x="206" y="127"/>
                      </a:lnTo>
                      <a:lnTo>
                        <a:pt x="206" y="130"/>
                      </a:lnTo>
                      <a:lnTo>
                        <a:pt x="208" y="134"/>
                      </a:lnTo>
                      <a:lnTo>
                        <a:pt x="208" y="135"/>
                      </a:lnTo>
                      <a:lnTo>
                        <a:pt x="201" y="130"/>
                      </a:lnTo>
                      <a:lnTo>
                        <a:pt x="193" y="127"/>
                      </a:lnTo>
                      <a:lnTo>
                        <a:pt x="186" y="124"/>
                      </a:lnTo>
                      <a:lnTo>
                        <a:pt x="179" y="122"/>
                      </a:lnTo>
                      <a:lnTo>
                        <a:pt x="172" y="118"/>
                      </a:lnTo>
                      <a:lnTo>
                        <a:pt x="164" y="117"/>
                      </a:lnTo>
                      <a:lnTo>
                        <a:pt x="159" y="115"/>
                      </a:lnTo>
                      <a:lnTo>
                        <a:pt x="152" y="115"/>
                      </a:lnTo>
                      <a:lnTo>
                        <a:pt x="147" y="113"/>
                      </a:lnTo>
                      <a:lnTo>
                        <a:pt x="142" y="113"/>
                      </a:lnTo>
                      <a:lnTo>
                        <a:pt x="137" y="113"/>
                      </a:lnTo>
                      <a:lnTo>
                        <a:pt x="133" y="113"/>
                      </a:lnTo>
                      <a:lnTo>
                        <a:pt x="130" y="113"/>
                      </a:lnTo>
                      <a:lnTo>
                        <a:pt x="128" y="113"/>
                      </a:lnTo>
                      <a:lnTo>
                        <a:pt x="127" y="113"/>
                      </a:lnTo>
                      <a:lnTo>
                        <a:pt x="128" y="113"/>
                      </a:lnTo>
                      <a:lnTo>
                        <a:pt x="130" y="112"/>
                      </a:lnTo>
                      <a:lnTo>
                        <a:pt x="133" y="112"/>
                      </a:lnTo>
                      <a:lnTo>
                        <a:pt x="137" y="112"/>
                      </a:lnTo>
                      <a:lnTo>
                        <a:pt x="140" y="110"/>
                      </a:lnTo>
                      <a:lnTo>
                        <a:pt x="142" y="110"/>
                      </a:lnTo>
                      <a:lnTo>
                        <a:pt x="144" y="110"/>
                      </a:lnTo>
                      <a:lnTo>
                        <a:pt x="157" y="110"/>
                      </a:lnTo>
                      <a:lnTo>
                        <a:pt x="164" y="108"/>
                      </a:lnTo>
                      <a:lnTo>
                        <a:pt x="162" y="105"/>
                      </a:lnTo>
                      <a:lnTo>
                        <a:pt x="155" y="105"/>
                      </a:lnTo>
                      <a:lnTo>
                        <a:pt x="149" y="103"/>
                      </a:lnTo>
                      <a:lnTo>
                        <a:pt x="145" y="102"/>
                      </a:lnTo>
                      <a:lnTo>
                        <a:pt x="142" y="102"/>
                      </a:lnTo>
                      <a:lnTo>
                        <a:pt x="111" y="108"/>
                      </a:lnTo>
                      <a:lnTo>
                        <a:pt x="101" y="113"/>
                      </a:lnTo>
                      <a:lnTo>
                        <a:pt x="98" y="115"/>
                      </a:lnTo>
                      <a:lnTo>
                        <a:pt x="95" y="115"/>
                      </a:lnTo>
                      <a:lnTo>
                        <a:pt x="89" y="115"/>
                      </a:lnTo>
                      <a:lnTo>
                        <a:pt x="86" y="115"/>
                      </a:lnTo>
                      <a:lnTo>
                        <a:pt x="81" y="115"/>
                      </a:lnTo>
                      <a:lnTo>
                        <a:pt x="79" y="117"/>
                      </a:lnTo>
                      <a:lnTo>
                        <a:pt x="78" y="117"/>
                      </a:lnTo>
                      <a:lnTo>
                        <a:pt x="64" y="122"/>
                      </a:lnTo>
                      <a:lnTo>
                        <a:pt x="56" y="125"/>
                      </a:lnTo>
                      <a:lnTo>
                        <a:pt x="52" y="125"/>
                      </a:lnTo>
                      <a:lnTo>
                        <a:pt x="54" y="124"/>
                      </a:lnTo>
                      <a:lnTo>
                        <a:pt x="57" y="122"/>
                      </a:lnTo>
                      <a:lnTo>
                        <a:pt x="62" y="118"/>
                      </a:lnTo>
                      <a:lnTo>
                        <a:pt x="66" y="117"/>
                      </a:lnTo>
                      <a:lnTo>
                        <a:pt x="67" y="115"/>
                      </a:lnTo>
                      <a:lnTo>
                        <a:pt x="73" y="110"/>
                      </a:lnTo>
                      <a:lnTo>
                        <a:pt x="74" y="107"/>
                      </a:lnTo>
                      <a:lnTo>
                        <a:pt x="74" y="105"/>
                      </a:lnTo>
                      <a:lnTo>
                        <a:pt x="71" y="105"/>
                      </a:lnTo>
                      <a:lnTo>
                        <a:pt x="67" y="105"/>
                      </a:lnTo>
                      <a:lnTo>
                        <a:pt x="64" y="107"/>
                      </a:lnTo>
                      <a:lnTo>
                        <a:pt x="61" y="107"/>
                      </a:lnTo>
                      <a:lnTo>
                        <a:pt x="59" y="107"/>
                      </a:lnTo>
                      <a:lnTo>
                        <a:pt x="51" y="100"/>
                      </a:lnTo>
                      <a:lnTo>
                        <a:pt x="45" y="96"/>
                      </a:lnTo>
                      <a:lnTo>
                        <a:pt x="44" y="98"/>
                      </a:lnTo>
                      <a:lnTo>
                        <a:pt x="44" y="102"/>
                      </a:lnTo>
                      <a:lnTo>
                        <a:pt x="45" y="105"/>
                      </a:lnTo>
                      <a:lnTo>
                        <a:pt x="49" y="110"/>
                      </a:lnTo>
                      <a:lnTo>
                        <a:pt x="51" y="113"/>
                      </a:lnTo>
                      <a:lnTo>
                        <a:pt x="51" y="115"/>
                      </a:lnTo>
                      <a:lnTo>
                        <a:pt x="44" y="122"/>
                      </a:lnTo>
                      <a:lnTo>
                        <a:pt x="37" y="130"/>
                      </a:lnTo>
                      <a:lnTo>
                        <a:pt x="35" y="132"/>
                      </a:lnTo>
                      <a:lnTo>
                        <a:pt x="32" y="132"/>
                      </a:lnTo>
                      <a:lnTo>
                        <a:pt x="29" y="134"/>
                      </a:lnTo>
                      <a:lnTo>
                        <a:pt x="27" y="135"/>
                      </a:lnTo>
                      <a:lnTo>
                        <a:pt x="23" y="137"/>
                      </a:lnTo>
                      <a:lnTo>
                        <a:pt x="22" y="137"/>
                      </a:lnTo>
                      <a:lnTo>
                        <a:pt x="27" y="130"/>
                      </a:lnTo>
                      <a:lnTo>
                        <a:pt x="29" y="127"/>
                      </a:lnTo>
                      <a:lnTo>
                        <a:pt x="30" y="122"/>
                      </a:lnTo>
                      <a:lnTo>
                        <a:pt x="29" y="120"/>
                      </a:lnTo>
                      <a:lnTo>
                        <a:pt x="27" y="117"/>
                      </a:lnTo>
                      <a:lnTo>
                        <a:pt x="25" y="117"/>
                      </a:lnTo>
                      <a:lnTo>
                        <a:pt x="23" y="115"/>
                      </a:lnTo>
                      <a:lnTo>
                        <a:pt x="23" y="117"/>
                      </a:lnTo>
                      <a:lnTo>
                        <a:pt x="23" y="115"/>
                      </a:lnTo>
                      <a:lnTo>
                        <a:pt x="23" y="113"/>
                      </a:lnTo>
                      <a:lnTo>
                        <a:pt x="23" y="112"/>
                      </a:lnTo>
                      <a:lnTo>
                        <a:pt x="22" y="108"/>
                      </a:lnTo>
                      <a:lnTo>
                        <a:pt x="22" y="107"/>
                      </a:lnTo>
                      <a:lnTo>
                        <a:pt x="22" y="105"/>
                      </a:lnTo>
                      <a:lnTo>
                        <a:pt x="25" y="100"/>
                      </a:lnTo>
                      <a:lnTo>
                        <a:pt x="25" y="93"/>
                      </a:lnTo>
                      <a:lnTo>
                        <a:pt x="22" y="88"/>
                      </a:lnTo>
                      <a:lnTo>
                        <a:pt x="17" y="83"/>
                      </a:lnTo>
                      <a:lnTo>
                        <a:pt x="12" y="80"/>
                      </a:lnTo>
                      <a:lnTo>
                        <a:pt x="7" y="74"/>
                      </a:lnTo>
                      <a:lnTo>
                        <a:pt x="3" y="73"/>
                      </a:lnTo>
                      <a:lnTo>
                        <a:pt x="1" y="73"/>
                      </a:lnTo>
                      <a:lnTo>
                        <a:pt x="0" y="51"/>
                      </a:lnTo>
                      <a:lnTo>
                        <a:pt x="276" y="24"/>
                      </a:lnTo>
                      <a:lnTo>
                        <a:pt x="293" y="56"/>
                      </a:lnTo>
                      <a:lnTo>
                        <a:pt x="572" y="37"/>
                      </a:lnTo>
                      <a:lnTo>
                        <a:pt x="582" y="59"/>
                      </a:lnTo>
                      <a:lnTo>
                        <a:pt x="597" y="59"/>
                      </a:lnTo>
                      <a:lnTo>
                        <a:pt x="597" y="58"/>
                      </a:lnTo>
                      <a:lnTo>
                        <a:pt x="595" y="54"/>
                      </a:lnTo>
                      <a:lnTo>
                        <a:pt x="595" y="51"/>
                      </a:lnTo>
                      <a:lnTo>
                        <a:pt x="595" y="46"/>
                      </a:lnTo>
                      <a:lnTo>
                        <a:pt x="594" y="41"/>
                      </a:lnTo>
                      <a:lnTo>
                        <a:pt x="594" y="36"/>
                      </a:lnTo>
                      <a:lnTo>
                        <a:pt x="594" y="32"/>
                      </a:lnTo>
                      <a:lnTo>
                        <a:pt x="594" y="30"/>
                      </a:lnTo>
                      <a:lnTo>
                        <a:pt x="589" y="22"/>
                      </a:lnTo>
                      <a:lnTo>
                        <a:pt x="589" y="14"/>
                      </a:lnTo>
                      <a:lnTo>
                        <a:pt x="589" y="8"/>
                      </a:lnTo>
                      <a:lnTo>
                        <a:pt x="592" y="5"/>
                      </a:lnTo>
                      <a:lnTo>
                        <a:pt x="595" y="2"/>
                      </a:lnTo>
                      <a:lnTo>
                        <a:pt x="597" y="0"/>
                      </a:lnTo>
                      <a:lnTo>
                        <a:pt x="600" y="0"/>
                      </a:lnTo>
                      <a:lnTo>
                        <a:pt x="602" y="0"/>
                      </a:lnTo>
                      <a:lnTo>
                        <a:pt x="607" y="3"/>
                      </a:lnTo>
                      <a:lnTo>
                        <a:pt x="616" y="5"/>
                      </a:lnTo>
                      <a:lnTo>
                        <a:pt x="622" y="7"/>
                      </a:lnTo>
                      <a:lnTo>
                        <a:pt x="629" y="8"/>
                      </a:lnTo>
                      <a:lnTo>
                        <a:pt x="636" y="8"/>
                      </a:lnTo>
                      <a:lnTo>
                        <a:pt x="639" y="8"/>
                      </a:lnTo>
                      <a:lnTo>
                        <a:pt x="643" y="8"/>
                      </a:lnTo>
                      <a:lnTo>
                        <a:pt x="644" y="8"/>
                      </a:lnTo>
                      <a:lnTo>
                        <a:pt x="650" y="14"/>
                      </a:lnTo>
                    </a:path>
                  </a:pathLst>
                </a:custGeom>
                <a:solidFill>
                  <a:srgbClr val="C0000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08" name="Freeform 19"/>
                <p:cNvSpPr>
                  <a:spLocks/>
                </p:cNvSpPr>
                <p:nvPr/>
              </p:nvSpPr>
              <p:spPr bwMode="auto">
                <a:xfrm>
                  <a:off x="4568" y="3099"/>
                  <a:ext cx="95" cy="174"/>
                </a:xfrm>
                <a:custGeom>
                  <a:avLst/>
                  <a:gdLst>
                    <a:gd name="T0" fmla="*/ 34 w 95"/>
                    <a:gd name="T1" fmla="*/ 32 h 174"/>
                    <a:gd name="T2" fmla="*/ 0 w 95"/>
                    <a:gd name="T3" fmla="*/ 0 h 174"/>
                    <a:gd name="T4" fmla="*/ 2 w 95"/>
                    <a:gd name="T5" fmla="*/ 7 h 174"/>
                    <a:gd name="T6" fmla="*/ 29 w 95"/>
                    <a:gd name="T7" fmla="*/ 37 h 174"/>
                    <a:gd name="T8" fmla="*/ 27 w 95"/>
                    <a:gd name="T9" fmla="*/ 40 h 174"/>
                    <a:gd name="T10" fmla="*/ 25 w 95"/>
                    <a:gd name="T11" fmla="*/ 40 h 174"/>
                    <a:gd name="T12" fmla="*/ 24 w 95"/>
                    <a:gd name="T13" fmla="*/ 39 h 174"/>
                    <a:gd name="T14" fmla="*/ 20 w 95"/>
                    <a:gd name="T15" fmla="*/ 39 h 174"/>
                    <a:gd name="T16" fmla="*/ 17 w 95"/>
                    <a:gd name="T17" fmla="*/ 37 h 174"/>
                    <a:gd name="T18" fmla="*/ 15 w 95"/>
                    <a:gd name="T19" fmla="*/ 37 h 174"/>
                    <a:gd name="T20" fmla="*/ 15 w 95"/>
                    <a:gd name="T21" fmla="*/ 39 h 174"/>
                    <a:gd name="T22" fmla="*/ 17 w 95"/>
                    <a:gd name="T23" fmla="*/ 42 h 174"/>
                    <a:gd name="T24" fmla="*/ 24 w 95"/>
                    <a:gd name="T25" fmla="*/ 49 h 174"/>
                    <a:gd name="T26" fmla="*/ 25 w 95"/>
                    <a:gd name="T27" fmla="*/ 49 h 174"/>
                    <a:gd name="T28" fmla="*/ 29 w 95"/>
                    <a:gd name="T29" fmla="*/ 49 h 174"/>
                    <a:gd name="T30" fmla="*/ 32 w 95"/>
                    <a:gd name="T31" fmla="*/ 47 h 174"/>
                    <a:gd name="T32" fmla="*/ 34 w 95"/>
                    <a:gd name="T33" fmla="*/ 45 h 174"/>
                    <a:gd name="T34" fmla="*/ 34 w 95"/>
                    <a:gd name="T35" fmla="*/ 45 h 174"/>
                    <a:gd name="T36" fmla="*/ 36 w 95"/>
                    <a:gd name="T37" fmla="*/ 45 h 174"/>
                    <a:gd name="T38" fmla="*/ 37 w 95"/>
                    <a:gd name="T39" fmla="*/ 47 h 174"/>
                    <a:gd name="T40" fmla="*/ 39 w 95"/>
                    <a:gd name="T41" fmla="*/ 49 h 174"/>
                    <a:gd name="T42" fmla="*/ 41 w 95"/>
                    <a:gd name="T43" fmla="*/ 54 h 174"/>
                    <a:gd name="T44" fmla="*/ 41 w 95"/>
                    <a:gd name="T45" fmla="*/ 61 h 174"/>
                    <a:gd name="T46" fmla="*/ 42 w 95"/>
                    <a:gd name="T47" fmla="*/ 73 h 174"/>
                    <a:gd name="T48" fmla="*/ 42 w 95"/>
                    <a:gd name="T49" fmla="*/ 89 h 174"/>
                    <a:gd name="T50" fmla="*/ 42 w 95"/>
                    <a:gd name="T51" fmla="*/ 91 h 174"/>
                    <a:gd name="T52" fmla="*/ 44 w 95"/>
                    <a:gd name="T53" fmla="*/ 93 h 174"/>
                    <a:gd name="T54" fmla="*/ 46 w 95"/>
                    <a:gd name="T55" fmla="*/ 96 h 174"/>
                    <a:gd name="T56" fmla="*/ 47 w 95"/>
                    <a:gd name="T57" fmla="*/ 101 h 174"/>
                    <a:gd name="T58" fmla="*/ 47 w 95"/>
                    <a:gd name="T59" fmla="*/ 105 h 174"/>
                    <a:gd name="T60" fmla="*/ 49 w 95"/>
                    <a:gd name="T61" fmla="*/ 108 h 174"/>
                    <a:gd name="T62" fmla="*/ 51 w 95"/>
                    <a:gd name="T63" fmla="*/ 110 h 174"/>
                    <a:gd name="T64" fmla="*/ 51 w 95"/>
                    <a:gd name="T65" fmla="*/ 111 h 174"/>
                    <a:gd name="T66" fmla="*/ 69 w 95"/>
                    <a:gd name="T67" fmla="*/ 135 h 174"/>
                    <a:gd name="T68" fmla="*/ 88 w 95"/>
                    <a:gd name="T69" fmla="*/ 174 h 174"/>
                    <a:gd name="T70" fmla="*/ 95 w 95"/>
                    <a:gd name="T71" fmla="*/ 171 h 174"/>
                    <a:gd name="T72" fmla="*/ 73 w 95"/>
                    <a:gd name="T73" fmla="*/ 133 h 174"/>
                    <a:gd name="T74" fmla="*/ 73 w 95"/>
                    <a:gd name="T75" fmla="*/ 132 h 174"/>
                    <a:gd name="T76" fmla="*/ 71 w 95"/>
                    <a:gd name="T77" fmla="*/ 132 h 174"/>
                    <a:gd name="T78" fmla="*/ 69 w 95"/>
                    <a:gd name="T79" fmla="*/ 130 h 174"/>
                    <a:gd name="T80" fmla="*/ 68 w 95"/>
                    <a:gd name="T81" fmla="*/ 127 h 174"/>
                    <a:gd name="T82" fmla="*/ 66 w 95"/>
                    <a:gd name="T83" fmla="*/ 123 h 174"/>
                    <a:gd name="T84" fmla="*/ 63 w 95"/>
                    <a:gd name="T85" fmla="*/ 120 h 174"/>
                    <a:gd name="T86" fmla="*/ 61 w 95"/>
                    <a:gd name="T87" fmla="*/ 117 h 174"/>
                    <a:gd name="T88" fmla="*/ 58 w 95"/>
                    <a:gd name="T89" fmla="*/ 111 h 174"/>
                    <a:gd name="T90" fmla="*/ 56 w 95"/>
                    <a:gd name="T91" fmla="*/ 106 h 174"/>
                    <a:gd name="T92" fmla="*/ 52 w 95"/>
                    <a:gd name="T93" fmla="*/ 101 h 174"/>
                    <a:gd name="T94" fmla="*/ 51 w 95"/>
                    <a:gd name="T95" fmla="*/ 96 h 174"/>
                    <a:gd name="T96" fmla="*/ 49 w 95"/>
                    <a:gd name="T97" fmla="*/ 89 h 174"/>
                    <a:gd name="T98" fmla="*/ 47 w 95"/>
                    <a:gd name="T99" fmla="*/ 83 h 174"/>
                    <a:gd name="T100" fmla="*/ 47 w 95"/>
                    <a:gd name="T101" fmla="*/ 78 h 174"/>
                    <a:gd name="T102" fmla="*/ 47 w 95"/>
                    <a:gd name="T103" fmla="*/ 71 h 174"/>
                    <a:gd name="T104" fmla="*/ 49 w 95"/>
                    <a:gd name="T105" fmla="*/ 64 h 174"/>
                    <a:gd name="T106" fmla="*/ 49 w 95"/>
                    <a:gd name="T107" fmla="*/ 62 h 174"/>
                    <a:gd name="T108" fmla="*/ 49 w 95"/>
                    <a:gd name="T109" fmla="*/ 61 h 174"/>
                    <a:gd name="T110" fmla="*/ 47 w 95"/>
                    <a:gd name="T111" fmla="*/ 57 h 174"/>
                    <a:gd name="T112" fmla="*/ 47 w 95"/>
                    <a:gd name="T113" fmla="*/ 54 h 174"/>
                    <a:gd name="T114" fmla="*/ 46 w 95"/>
                    <a:gd name="T115" fmla="*/ 52 h 174"/>
                    <a:gd name="T116" fmla="*/ 46 w 95"/>
                    <a:gd name="T117" fmla="*/ 49 h 174"/>
                    <a:gd name="T118" fmla="*/ 44 w 95"/>
                    <a:gd name="T119" fmla="*/ 47 h 174"/>
                    <a:gd name="T120" fmla="*/ 44 w 95"/>
                    <a:gd name="T121" fmla="*/ 47 h 174"/>
                    <a:gd name="T122" fmla="*/ 39 w 95"/>
                    <a:gd name="T123" fmla="*/ 39 h 174"/>
                    <a:gd name="T124" fmla="*/ 34 w 95"/>
                    <a:gd name="T125" fmla="*/ 32 h 174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60000 65536"/>
                    <a:gd name="T187" fmla="*/ 0 60000 65536"/>
                    <a:gd name="T188" fmla="*/ 0 60000 65536"/>
                    <a:gd name="T189" fmla="*/ 0 w 95"/>
                    <a:gd name="T190" fmla="*/ 0 h 174"/>
                    <a:gd name="T191" fmla="*/ 95 w 95"/>
                    <a:gd name="T192" fmla="*/ 174 h 174"/>
                  </a:gdLst>
                  <a:ahLst/>
                  <a:cxnLst>
                    <a:cxn ang="T126">
                      <a:pos x="T0" y="T1"/>
                    </a:cxn>
                    <a:cxn ang="T127">
                      <a:pos x="T2" y="T3"/>
                    </a:cxn>
                    <a:cxn ang="T128">
                      <a:pos x="T4" y="T5"/>
                    </a:cxn>
                    <a:cxn ang="T129">
                      <a:pos x="T6" y="T7"/>
                    </a:cxn>
                    <a:cxn ang="T130">
                      <a:pos x="T8" y="T9"/>
                    </a:cxn>
                    <a:cxn ang="T131">
                      <a:pos x="T10" y="T11"/>
                    </a:cxn>
                    <a:cxn ang="T132">
                      <a:pos x="T12" y="T13"/>
                    </a:cxn>
                    <a:cxn ang="T133">
                      <a:pos x="T14" y="T15"/>
                    </a:cxn>
                    <a:cxn ang="T134">
                      <a:pos x="T16" y="T17"/>
                    </a:cxn>
                    <a:cxn ang="T135">
                      <a:pos x="T18" y="T19"/>
                    </a:cxn>
                    <a:cxn ang="T136">
                      <a:pos x="T20" y="T21"/>
                    </a:cxn>
                    <a:cxn ang="T137">
                      <a:pos x="T22" y="T23"/>
                    </a:cxn>
                    <a:cxn ang="T138">
                      <a:pos x="T24" y="T25"/>
                    </a:cxn>
                    <a:cxn ang="T139">
                      <a:pos x="T26" y="T27"/>
                    </a:cxn>
                    <a:cxn ang="T140">
                      <a:pos x="T28" y="T29"/>
                    </a:cxn>
                    <a:cxn ang="T141">
                      <a:pos x="T30" y="T31"/>
                    </a:cxn>
                    <a:cxn ang="T142">
                      <a:pos x="T32" y="T33"/>
                    </a:cxn>
                    <a:cxn ang="T143">
                      <a:pos x="T34" y="T35"/>
                    </a:cxn>
                    <a:cxn ang="T144">
                      <a:pos x="T36" y="T37"/>
                    </a:cxn>
                    <a:cxn ang="T145">
                      <a:pos x="T38" y="T39"/>
                    </a:cxn>
                    <a:cxn ang="T146">
                      <a:pos x="T40" y="T41"/>
                    </a:cxn>
                    <a:cxn ang="T147">
                      <a:pos x="T42" y="T43"/>
                    </a:cxn>
                    <a:cxn ang="T148">
                      <a:pos x="T44" y="T45"/>
                    </a:cxn>
                    <a:cxn ang="T149">
                      <a:pos x="T46" y="T47"/>
                    </a:cxn>
                    <a:cxn ang="T150">
                      <a:pos x="T48" y="T49"/>
                    </a:cxn>
                    <a:cxn ang="T151">
                      <a:pos x="T50" y="T51"/>
                    </a:cxn>
                    <a:cxn ang="T152">
                      <a:pos x="T52" y="T53"/>
                    </a:cxn>
                    <a:cxn ang="T153">
                      <a:pos x="T54" y="T55"/>
                    </a:cxn>
                    <a:cxn ang="T154">
                      <a:pos x="T56" y="T57"/>
                    </a:cxn>
                    <a:cxn ang="T155">
                      <a:pos x="T58" y="T59"/>
                    </a:cxn>
                    <a:cxn ang="T156">
                      <a:pos x="T60" y="T61"/>
                    </a:cxn>
                    <a:cxn ang="T157">
                      <a:pos x="T62" y="T63"/>
                    </a:cxn>
                    <a:cxn ang="T158">
                      <a:pos x="T64" y="T65"/>
                    </a:cxn>
                    <a:cxn ang="T159">
                      <a:pos x="T66" y="T67"/>
                    </a:cxn>
                    <a:cxn ang="T160">
                      <a:pos x="T68" y="T69"/>
                    </a:cxn>
                    <a:cxn ang="T161">
                      <a:pos x="T70" y="T71"/>
                    </a:cxn>
                    <a:cxn ang="T162">
                      <a:pos x="T72" y="T73"/>
                    </a:cxn>
                    <a:cxn ang="T163">
                      <a:pos x="T74" y="T75"/>
                    </a:cxn>
                    <a:cxn ang="T164">
                      <a:pos x="T76" y="T77"/>
                    </a:cxn>
                    <a:cxn ang="T165">
                      <a:pos x="T78" y="T79"/>
                    </a:cxn>
                    <a:cxn ang="T166">
                      <a:pos x="T80" y="T81"/>
                    </a:cxn>
                    <a:cxn ang="T167">
                      <a:pos x="T82" y="T83"/>
                    </a:cxn>
                    <a:cxn ang="T168">
                      <a:pos x="T84" y="T85"/>
                    </a:cxn>
                    <a:cxn ang="T169">
                      <a:pos x="T86" y="T87"/>
                    </a:cxn>
                    <a:cxn ang="T170">
                      <a:pos x="T88" y="T89"/>
                    </a:cxn>
                    <a:cxn ang="T171">
                      <a:pos x="T90" y="T91"/>
                    </a:cxn>
                    <a:cxn ang="T172">
                      <a:pos x="T92" y="T93"/>
                    </a:cxn>
                    <a:cxn ang="T173">
                      <a:pos x="T94" y="T95"/>
                    </a:cxn>
                    <a:cxn ang="T174">
                      <a:pos x="T96" y="T97"/>
                    </a:cxn>
                    <a:cxn ang="T175">
                      <a:pos x="T98" y="T99"/>
                    </a:cxn>
                    <a:cxn ang="T176">
                      <a:pos x="T100" y="T101"/>
                    </a:cxn>
                    <a:cxn ang="T177">
                      <a:pos x="T102" y="T103"/>
                    </a:cxn>
                    <a:cxn ang="T178">
                      <a:pos x="T104" y="T105"/>
                    </a:cxn>
                    <a:cxn ang="T179">
                      <a:pos x="T106" y="T107"/>
                    </a:cxn>
                    <a:cxn ang="T180">
                      <a:pos x="T108" y="T109"/>
                    </a:cxn>
                    <a:cxn ang="T181">
                      <a:pos x="T110" y="T111"/>
                    </a:cxn>
                    <a:cxn ang="T182">
                      <a:pos x="T112" y="T113"/>
                    </a:cxn>
                    <a:cxn ang="T183">
                      <a:pos x="T114" y="T115"/>
                    </a:cxn>
                    <a:cxn ang="T184">
                      <a:pos x="T116" y="T117"/>
                    </a:cxn>
                    <a:cxn ang="T185">
                      <a:pos x="T118" y="T119"/>
                    </a:cxn>
                    <a:cxn ang="T186">
                      <a:pos x="T120" y="T121"/>
                    </a:cxn>
                    <a:cxn ang="T187">
                      <a:pos x="T122" y="T123"/>
                    </a:cxn>
                    <a:cxn ang="T188">
                      <a:pos x="T124" y="T125"/>
                    </a:cxn>
                  </a:cxnLst>
                  <a:rect l="T189" t="T190" r="T191" b="T192"/>
                  <a:pathLst>
                    <a:path w="95" h="174">
                      <a:moveTo>
                        <a:pt x="34" y="32"/>
                      </a:moveTo>
                      <a:lnTo>
                        <a:pt x="0" y="0"/>
                      </a:lnTo>
                      <a:lnTo>
                        <a:pt x="2" y="7"/>
                      </a:lnTo>
                      <a:lnTo>
                        <a:pt x="29" y="37"/>
                      </a:lnTo>
                      <a:lnTo>
                        <a:pt x="27" y="40"/>
                      </a:lnTo>
                      <a:lnTo>
                        <a:pt x="25" y="40"/>
                      </a:lnTo>
                      <a:lnTo>
                        <a:pt x="24" y="39"/>
                      </a:lnTo>
                      <a:lnTo>
                        <a:pt x="20" y="39"/>
                      </a:lnTo>
                      <a:lnTo>
                        <a:pt x="17" y="37"/>
                      </a:lnTo>
                      <a:lnTo>
                        <a:pt x="15" y="37"/>
                      </a:lnTo>
                      <a:lnTo>
                        <a:pt x="15" y="39"/>
                      </a:lnTo>
                      <a:lnTo>
                        <a:pt x="17" y="42"/>
                      </a:lnTo>
                      <a:lnTo>
                        <a:pt x="24" y="49"/>
                      </a:lnTo>
                      <a:lnTo>
                        <a:pt x="25" y="49"/>
                      </a:lnTo>
                      <a:lnTo>
                        <a:pt x="29" y="49"/>
                      </a:lnTo>
                      <a:lnTo>
                        <a:pt x="32" y="47"/>
                      </a:lnTo>
                      <a:lnTo>
                        <a:pt x="34" y="45"/>
                      </a:lnTo>
                      <a:lnTo>
                        <a:pt x="36" y="45"/>
                      </a:lnTo>
                      <a:lnTo>
                        <a:pt x="37" y="47"/>
                      </a:lnTo>
                      <a:lnTo>
                        <a:pt x="39" y="49"/>
                      </a:lnTo>
                      <a:lnTo>
                        <a:pt x="41" y="54"/>
                      </a:lnTo>
                      <a:lnTo>
                        <a:pt x="41" y="61"/>
                      </a:lnTo>
                      <a:lnTo>
                        <a:pt x="42" y="73"/>
                      </a:lnTo>
                      <a:lnTo>
                        <a:pt x="42" y="89"/>
                      </a:lnTo>
                      <a:lnTo>
                        <a:pt x="42" y="91"/>
                      </a:lnTo>
                      <a:lnTo>
                        <a:pt x="44" y="93"/>
                      </a:lnTo>
                      <a:lnTo>
                        <a:pt x="46" y="96"/>
                      </a:lnTo>
                      <a:lnTo>
                        <a:pt x="47" y="101"/>
                      </a:lnTo>
                      <a:lnTo>
                        <a:pt x="47" y="105"/>
                      </a:lnTo>
                      <a:lnTo>
                        <a:pt x="49" y="108"/>
                      </a:lnTo>
                      <a:lnTo>
                        <a:pt x="51" y="110"/>
                      </a:lnTo>
                      <a:lnTo>
                        <a:pt x="51" y="111"/>
                      </a:lnTo>
                      <a:lnTo>
                        <a:pt x="69" y="135"/>
                      </a:lnTo>
                      <a:lnTo>
                        <a:pt x="88" y="174"/>
                      </a:lnTo>
                      <a:lnTo>
                        <a:pt x="95" y="171"/>
                      </a:lnTo>
                      <a:lnTo>
                        <a:pt x="73" y="133"/>
                      </a:lnTo>
                      <a:lnTo>
                        <a:pt x="73" y="132"/>
                      </a:lnTo>
                      <a:lnTo>
                        <a:pt x="71" y="132"/>
                      </a:lnTo>
                      <a:lnTo>
                        <a:pt x="69" y="130"/>
                      </a:lnTo>
                      <a:lnTo>
                        <a:pt x="68" y="127"/>
                      </a:lnTo>
                      <a:lnTo>
                        <a:pt x="66" y="123"/>
                      </a:lnTo>
                      <a:lnTo>
                        <a:pt x="63" y="120"/>
                      </a:lnTo>
                      <a:lnTo>
                        <a:pt x="61" y="117"/>
                      </a:lnTo>
                      <a:lnTo>
                        <a:pt x="58" y="111"/>
                      </a:lnTo>
                      <a:lnTo>
                        <a:pt x="56" y="106"/>
                      </a:lnTo>
                      <a:lnTo>
                        <a:pt x="52" y="101"/>
                      </a:lnTo>
                      <a:lnTo>
                        <a:pt x="51" y="96"/>
                      </a:lnTo>
                      <a:lnTo>
                        <a:pt x="49" y="89"/>
                      </a:lnTo>
                      <a:lnTo>
                        <a:pt x="47" y="83"/>
                      </a:lnTo>
                      <a:lnTo>
                        <a:pt x="47" y="78"/>
                      </a:lnTo>
                      <a:lnTo>
                        <a:pt x="47" y="71"/>
                      </a:lnTo>
                      <a:lnTo>
                        <a:pt x="49" y="64"/>
                      </a:lnTo>
                      <a:lnTo>
                        <a:pt x="49" y="62"/>
                      </a:lnTo>
                      <a:lnTo>
                        <a:pt x="49" y="61"/>
                      </a:lnTo>
                      <a:lnTo>
                        <a:pt x="47" y="57"/>
                      </a:lnTo>
                      <a:lnTo>
                        <a:pt x="47" y="54"/>
                      </a:lnTo>
                      <a:lnTo>
                        <a:pt x="46" y="52"/>
                      </a:lnTo>
                      <a:lnTo>
                        <a:pt x="46" y="49"/>
                      </a:lnTo>
                      <a:lnTo>
                        <a:pt x="44" y="47"/>
                      </a:lnTo>
                      <a:lnTo>
                        <a:pt x="39" y="39"/>
                      </a:lnTo>
                      <a:lnTo>
                        <a:pt x="34" y="32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09" name="Freeform 20"/>
                <p:cNvSpPr>
                  <a:spLocks/>
                </p:cNvSpPr>
                <p:nvPr/>
              </p:nvSpPr>
              <p:spPr bwMode="auto">
                <a:xfrm>
                  <a:off x="4568" y="3099"/>
                  <a:ext cx="95" cy="174"/>
                </a:xfrm>
                <a:custGeom>
                  <a:avLst/>
                  <a:gdLst>
                    <a:gd name="T0" fmla="*/ 0 w 95"/>
                    <a:gd name="T1" fmla="*/ 0 h 174"/>
                    <a:gd name="T2" fmla="*/ 29 w 95"/>
                    <a:gd name="T3" fmla="*/ 37 h 174"/>
                    <a:gd name="T4" fmla="*/ 27 w 95"/>
                    <a:gd name="T5" fmla="*/ 40 h 174"/>
                    <a:gd name="T6" fmla="*/ 24 w 95"/>
                    <a:gd name="T7" fmla="*/ 39 h 174"/>
                    <a:gd name="T8" fmla="*/ 17 w 95"/>
                    <a:gd name="T9" fmla="*/ 37 h 174"/>
                    <a:gd name="T10" fmla="*/ 15 w 95"/>
                    <a:gd name="T11" fmla="*/ 39 h 174"/>
                    <a:gd name="T12" fmla="*/ 24 w 95"/>
                    <a:gd name="T13" fmla="*/ 49 h 174"/>
                    <a:gd name="T14" fmla="*/ 25 w 95"/>
                    <a:gd name="T15" fmla="*/ 49 h 174"/>
                    <a:gd name="T16" fmla="*/ 32 w 95"/>
                    <a:gd name="T17" fmla="*/ 47 h 174"/>
                    <a:gd name="T18" fmla="*/ 34 w 95"/>
                    <a:gd name="T19" fmla="*/ 45 h 174"/>
                    <a:gd name="T20" fmla="*/ 36 w 95"/>
                    <a:gd name="T21" fmla="*/ 45 h 174"/>
                    <a:gd name="T22" fmla="*/ 39 w 95"/>
                    <a:gd name="T23" fmla="*/ 49 h 174"/>
                    <a:gd name="T24" fmla="*/ 41 w 95"/>
                    <a:gd name="T25" fmla="*/ 61 h 174"/>
                    <a:gd name="T26" fmla="*/ 42 w 95"/>
                    <a:gd name="T27" fmla="*/ 89 h 174"/>
                    <a:gd name="T28" fmla="*/ 42 w 95"/>
                    <a:gd name="T29" fmla="*/ 91 h 174"/>
                    <a:gd name="T30" fmla="*/ 46 w 95"/>
                    <a:gd name="T31" fmla="*/ 96 h 174"/>
                    <a:gd name="T32" fmla="*/ 47 w 95"/>
                    <a:gd name="T33" fmla="*/ 105 h 174"/>
                    <a:gd name="T34" fmla="*/ 51 w 95"/>
                    <a:gd name="T35" fmla="*/ 110 h 174"/>
                    <a:gd name="T36" fmla="*/ 69 w 95"/>
                    <a:gd name="T37" fmla="*/ 135 h 174"/>
                    <a:gd name="T38" fmla="*/ 95 w 95"/>
                    <a:gd name="T39" fmla="*/ 171 h 174"/>
                    <a:gd name="T40" fmla="*/ 73 w 95"/>
                    <a:gd name="T41" fmla="*/ 133 h 174"/>
                    <a:gd name="T42" fmla="*/ 71 w 95"/>
                    <a:gd name="T43" fmla="*/ 132 h 174"/>
                    <a:gd name="T44" fmla="*/ 68 w 95"/>
                    <a:gd name="T45" fmla="*/ 127 h 174"/>
                    <a:gd name="T46" fmla="*/ 63 w 95"/>
                    <a:gd name="T47" fmla="*/ 120 h 174"/>
                    <a:gd name="T48" fmla="*/ 58 w 95"/>
                    <a:gd name="T49" fmla="*/ 111 h 174"/>
                    <a:gd name="T50" fmla="*/ 52 w 95"/>
                    <a:gd name="T51" fmla="*/ 101 h 174"/>
                    <a:gd name="T52" fmla="*/ 49 w 95"/>
                    <a:gd name="T53" fmla="*/ 89 h 174"/>
                    <a:gd name="T54" fmla="*/ 47 w 95"/>
                    <a:gd name="T55" fmla="*/ 78 h 174"/>
                    <a:gd name="T56" fmla="*/ 49 w 95"/>
                    <a:gd name="T57" fmla="*/ 64 h 174"/>
                    <a:gd name="T58" fmla="*/ 49 w 95"/>
                    <a:gd name="T59" fmla="*/ 62 h 174"/>
                    <a:gd name="T60" fmla="*/ 47 w 95"/>
                    <a:gd name="T61" fmla="*/ 57 h 174"/>
                    <a:gd name="T62" fmla="*/ 46 w 95"/>
                    <a:gd name="T63" fmla="*/ 52 h 174"/>
                    <a:gd name="T64" fmla="*/ 44 w 95"/>
                    <a:gd name="T65" fmla="*/ 47 h 174"/>
                    <a:gd name="T66" fmla="*/ 39 w 95"/>
                    <a:gd name="T67" fmla="*/ 39 h 174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w 95"/>
                    <a:gd name="T103" fmla="*/ 0 h 174"/>
                    <a:gd name="T104" fmla="*/ 95 w 95"/>
                    <a:gd name="T105" fmla="*/ 174 h 174"/>
                  </a:gdLst>
                  <a:ahLst/>
                  <a:cxnLst>
                    <a:cxn ang="T68">
                      <a:pos x="T0" y="T1"/>
                    </a:cxn>
                    <a:cxn ang="T69">
                      <a:pos x="T2" y="T3"/>
                    </a:cxn>
                    <a:cxn ang="T70">
                      <a:pos x="T4" y="T5"/>
                    </a:cxn>
                    <a:cxn ang="T71">
                      <a:pos x="T6" y="T7"/>
                    </a:cxn>
                    <a:cxn ang="T72">
                      <a:pos x="T8" y="T9"/>
                    </a:cxn>
                    <a:cxn ang="T73">
                      <a:pos x="T10" y="T11"/>
                    </a:cxn>
                    <a:cxn ang="T74">
                      <a:pos x="T12" y="T13"/>
                    </a:cxn>
                    <a:cxn ang="T75">
                      <a:pos x="T14" y="T15"/>
                    </a:cxn>
                    <a:cxn ang="T76">
                      <a:pos x="T16" y="T17"/>
                    </a:cxn>
                    <a:cxn ang="T77">
                      <a:pos x="T18" y="T19"/>
                    </a:cxn>
                    <a:cxn ang="T78">
                      <a:pos x="T20" y="T21"/>
                    </a:cxn>
                    <a:cxn ang="T79">
                      <a:pos x="T22" y="T23"/>
                    </a:cxn>
                    <a:cxn ang="T80">
                      <a:pos x="T24" y="T25"/>
                    </a:cxn>
                    <a:cxn ang="T81">
                      <a:pos x="T26" y="T27"/>
                    </a:cxn>
                    <a:cxn ang="T82">
                      <a:pos x="T28" y="T29"/>
                    </a:cxn>
                    <a:cxn ang="T83">
                      <a:pos x="T30" y="T31"/>
                    </a:cxn>
                    <a:cxn ang="T84">
                      <a:pos x="T32" y="T33"/>
                    </a:cxn>
                    <a:cxn ang="T85">
                      <a:pos x="T34" y="T35"/>
                    </a:cxn>
                    <a:cxn ang="T86">
                      <a:pos x="T36" y="T37"/>
                    </a:cxn>
                    <a:cxn ang="T87">
                      <a:pos x="T38" y="T39"/>
                    </a:cxn>
                    <a:cxn ang="T88">
                      <a:pos x="T40" y="T41"/>
                    </a:cxn>
                    <a:cxn ang="T89">
                      <a:pos x="T42" y="T43"/>
                    </a:cxn>
                    <a:cxn ang="T90">
                      <a:pos x="T44" y="T45"/>
                    </a:cxn>
                    <a:cxn ang="T91">
                      <a:pos x="T46" y="T47"/>
                    </a:cxn>
                    <a:cxn ang="T92">
                      <a:pos x="T48" y="T49"/>
                    </a:cxn>
                    <a:cxn ang="T93">
                      <a:pos x="T50" y="T51"/>
                    </a:cxn>
                    <a:cxn ang="T94">
                      <a:pos x="T52" y="T53"/>
                    </a:cxn>
                    <a:cxn ang="T95">
                      <a:pos x="T54" y="T55"/>
                    </a:cxn>
                    <a:cxn ang="T96">
                      <a:pos x="T56" y="T57"/>
                    </a:cxn>
                    <a:cxn ang="T97">
                      <a:pos x="T58" y="T59"/>
                    </a:cxn>
                    <a:cxn ang="T98">
                      <a:pos x="T60" y="T61"/>
                    </a:cxn>
                    <a:cxn ang="T99">
                      <a:pos x="T62" y="T63"/>
                    </a:cxn>
                    <a:cxn ang="T100">
                      <a:pos x="T64" y="T65"/>
                    </a:cxn>
                    <a:cxn ang="T101">
                      <a:pos x="T66" y="T67"/>
                    </a:cxn>
                  </a:cxnLst>
                  <a:rect l="T102" t="T103" r="T104" b="T105"/>
                  <a:pathLst>
                    <a:path w="95" h="174">
                      <a:moveTo>
                        <a:pt x="34" y="32"/>
                      </a:moveTo>
                      <a:lnTo>
                        <a:pt x="0" y="0"/>
                      </a:lnTo>
                      <a:lnTo>
                        <a:pt x="2" y="7"/>
                      </a:lnTo>
                      <a:lnTo>
                        <a:pt x="29" y="37"/>
                      </a:lnTo>
                      <a:lnTo>
                        <a:pt x="27" y="40"/>
                      </a:lnTo>
                      <a:lnTo>
                        <a:pt x="25" y="40"/>
                      </a:lnTo>
                      <a:lnTo>
                        <a:pt x="24" y="39"/>
                      </a:lnTo>
                      <a:lnTo>
                        <a:pt x="20" y="39"/>
                      </a:lnTo>
                      <a:lnTo>
                        <a:pt x="17" y="37"/>
                      </a:lnTo>
                      <a:lnTo>
                        <a:pt x="15" y="37"/>
                      </a:lnTo>
                      <a:lnTo>
                        <a:pt x="15" y="39"/>
                      </a:lnTo>
                      <a:lnTo>
                        <a:pt x="17" y="42"/>
                      </a:lnTo>
                      <a:lnTo>
                        <a:pt x="24" y="49"/>
                      </a:lnTo>
                      <a:lnTo>
                        <a:pt x="25" y="49"/>
                      </a:lnTo>
                      <a:lnTo>
                        <a:pt x="29" y="49"/>
                      </a:lnTo>
                      <a:lnTo>
                        <a:pt x="32" y="47"/>
                      </a:lnTo>
                      <a:lnTo>
                        <a:pt x="34" y="45"/>
                      </a:lnTo>
                      <a:lnTo>
                        <a:pt x="36" y="45"/>
                      </a:lnTo>
                      <a:lnTo>
                        <a:pt x="37" y="47"/>
                      </a:lnTo>
                      <a:lnTo>
                        <a:pt x="39" y="49"/>
                      </a:lnTo>
                      <a:lnTo>
                        <a:pt x="41" y="54"/>
                      </a:lnTo>
                      <a:lnTo>
                        <a:pt x="41" y="61"/>
                      </a:lnTo>
                      <a:lnTo>
                        <a:pt x="42" y="73"/>
                      </a:lnTo>
                      <a:lnTo>
                        <a:pt x="42" y="89"/>
                      </a:lnTo>
                      <a:lnTo>
                        <a:pt x="42" y="91"/>
                      </a:lnTo>
                      <a:lnTo>
                        <a:pt x="44" y="93"/>
                      </a:lnTo>
                      <a:lnTo>
                        <a:pt x="46" y="96"/>
                      </a:lnTo>
                      <a:lnTo>
                        <a:pt x="47" y="101"/>
                      </a:lnTo>
                      <a:lnTo>
                        <a:pt x="47" y="105"/>
                      </a:lnTo>
                      <a:lnTo>
                        <a:pt x="49" y="108"/>
                      </a:lnTo>
                      <a:lnTo>
                        <a:pt x="51" y="110"/>
                      </a:lnTo>
                      <a:lnTo>
                        <a:pt x="51" y="111"/>
                      </a:lnTo>
                      <a:lnTo>
                        <a:pt x="69" y="135"/>
                      </a:lnTo>
                      <a:lnTo>
                        <a:pt x="88" y="174"/>
                      </a:lnTo>
                      <a:lnTo>
                        <a:pt x="95" y="171"/>
                      </a:lnTo>
                      <a:lnTo>
                        <a:pt x="73" y="133"/>
                      </a:lnTo>
                      <a:lnTo>
                        <a:pt x="73" y="132"/>
                      </a:lnTo>
                      <a:lnTo>
                        <a:pt x="71" y="132"/>
                      </a:lnTo>
                      <a:lnTo>
                        <a:pt x="69" y="130"/>
                      </a:lnTo>
                      <a:lnTo>
                        <a:pt x="68" y="127"/>
                      </a:lnTo>
                      <a:lnTo>
                        <a:pt x="66" y="123"/>
                      </a:lnTo>
                      <a:lnTo>
                        <a:pt x="63" y="120"/>
                      </a:lnTo>
                      <a:lnTo>
                        <a:pt x="61" y="117"/>
                      </a:lnTo>
                      <a:lnTo>
                        <a:pt x="58" y="111"/>
                      </a:lnTo>
                      <a:lnTo>
                        <a:pt x="56" y="106"/>
                      </a:lnTo>
                      <a:lnTo>
                        <a:pt x="52" y="101"/>
                      </a:lnTo>
                      <a:lnTo>
                        <a:pt x="51" y="96"/>
                      </a:lnTo>
                      <a:lnTo>
                        <a:pt x="49" y="89"/>
                      </a:lnTo>
                      <a:lnTo>
                        <a:pt x="47" y="83"/>
                      </a:lnTo>
                      <a:lnTo>
                        <a:pt x="47" y="78"/>
                      </a:lnTo>
                      <a:lnTo>
                        <a:pt x="47" y="71"/>
                      </a:lnTo>
                      <a:lnTo>
                        <a:pt x="49" y="64"/>
                      </a:lnTo>
                      <a:lnTo>
                        <a:pt x="49" y="62"/>
                      </a:lnTo>
                      <a:lnTo>
                        <a:pt x="49" y="61"/>
                      </a:lnTo>
                      <a:lnTo>
                        <a:pt x="47" y="57"/>
                      </a:lnTo>
                      <a:lnTo>
                        <a:pt x="47" y="54"/>
                      </a:lnTo>
                      <a:lnTo>
                        <a:pt x="46" y="52"/>
                      </a:lnTo>
                      <a:lnTo>
                        <a:pt x="46" y="49"/>
                      </a:lnTo>
                      <a:lnTo>
                        <a:pt x="44" y="47"/>
                      </a:lnTo>
                      <a:lnTo>
                        <a:pt x="39" y="39"/>
                      </a:lnTo>
                      <a:lnTo>
                        <a:pt x="34" y="32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10" name="Freeform 21"/>
                <p:cNvSpPr>
                  <a:spLocks/>
                </p:cNvSpPr>
                <p:nvPr/>
              </p:nvSpPr>
              <p:spPr bwMode="auto">
                <a:xfrm>
                  <a:off x="4595" y="3150"/>
                  <a:ext cx="12" cy="37"/>
                </a:xfrm>
                <a:custGeom>
                  <a:avLst/>
                  <a:gdLst>
                    <a:gd name="T0" fmla="*/ 10 w 12"/>
                    <a:gd name="T1" fmla="*/ 10 h 37"/>
                    <a:gd name="T2" fmla="*/ 10 w 12"/>
                    <a:gd name="T3" fmla="*/ 8 h 37"/>
                    <a:gd name="T4" fmla="*/ 9 w 12"/>
                    <a:gd name="T5" fmla="*/ 6 h 37"/>
                    <a:gd name="T6" fmla="*/ 9 w 12"/>
                    <a:gd name="T7" fmla="*/ 3 h 37"/>
                    <a:gd name="T8" fmla="*/ 9 w 12"/>
                    <a:gd name="T9" fmla="*/ 1 h 37"/>
                    <a:gd name="T10" fmla="*/ 7 w 12"/>
                    <a:gd name="T11" fmla="*/ 0 h 37"/>
                    <a:gd name="T12" fmla="*/ 5 w 12"/>
                    <a:gd name="T13" fmla="*/ 0 h 37"/>
                    <a:gd name="T14" fmla="*/ 2 w 12"/>
                    <a:gd name="T15" fmla="*/ 3 h 37"/>
                    <a:gd name="T16" fmla="*/ 0 w 12"/>
                    <a:gd name="T17" fmla="*/ 10 h 37"/>
                    <a:gd name="T18" fmla="*/ 0 w 12"/>
                    <a:gd name="T19" fmla="*/ 11 h 37"/>
                    <a:gd name="T20" fmla="*/ 0 w 12"/>
                    <a:gd name="T21" fmla="*/ 13 h 37"/>
                    <a:gd name="T22" fmla="*/ 2 w 12"/>
                    <a:gd name="T23" fmla="*/ 15 h 37"/>
                    <a:gd name="T24" fmla="*/ 2 w 12"/>
                    <a:gd name="T25" fmla="*/ 18 h 37"/>
                    <a:gd name="T26" fmla="*/ 3 w 12"/>
                    <a:gd name="T27" fmla="*/ 20 h 37"/>
                    <a:gd name="T28" fmla="*/ 3 w 12"/>
                    <a:gd name="T29" fmla="*/ 22 h 37"/>
                    <a:gd name="T30" fmla="*/ 5 w 12"/>
                    <a:gd name="T31" fmla="*/ 23 h 37"/>
                    <a:gd name="T32" fmla="*/ 5 w 12"/>
                    <a:gd name="T33" fmla="*/ 25 h 37"/>
                    <a:gd name="T34" fmla="*/ 12 w 12"/>
                    <a:gd name="T35" fmla="*/ 37 h 37"/>
                    <a:gd name="T36" fmla="*/ 10 w 12"/>
                    <a:gd name="T37" fmla="*/ 10 h 37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w 12"/>
                    <a:gd name="T58" fmla="*/ 0 h 37"/>
                    <a:gd name="T59" fmla="*/ 12 w 12"/>
                    <a:gd name="T60" fmla="*/ 37 h 37"/>
                  </a:gdLst>
                  <a:ahLst/>
                  <a:cxnLst>
                    <a:cxn ang="T38">
                      <a:pos x="T0" y="T1"/>
                    </a:cxn>
                    <a:cxn ang="T39">
                      <a:pos x="T2" y="T3"/>
                    </a:cxn>
                    <a:cxn ang="T40">
                      <a:pos x="T4" y="T5"/>
                    </a:cxn>
                    <a:cxn ang="T41">
                      <a:pos x="T6" y="T7"/>
                    </a:cxn>
                    <a:cxn ang="T42">
                      <a:pos x="T8" y="T9"/>
                    </a:cxn>
                    <a:cxn ang="T43">
                      <a:pos x="T10" y="T11"/>
                    </a:cxn>
                    <a:cxn ang="T44">
                      <a:pos x="T12" y="T13"/>
                    </a:cxn>
                    <a:cxn ang="T45">
                      <a:pos x="T14" y="T15"/>
                    </a:cxn>
                    <a:cxn ang="T46">
                      <a:pos x="T16" y="T17"/>
                    </a:cxn>
                    <a:cxn ang="T47">
                      <a:pos x="T18" y="T19"/>
                    </a:cxn>
                    <a:cxn ang="T48">
                      <a:pos x="T20" y="T21"/>
                    </a:cxn>
                    <a:cxn ang="T49">
                      <a:pos x="T22" y="T23"/>
                    </a:cxn>
                    <a:cxn ang="T50">
                      <a:pos x="T24" y="T25"/>
                    </a:cxn>
                    <a:cxn ang="T51">
                      <a:pos x="T26" y="T27"/>
                    </a:cxn>
                    <a:cxn ang="T52">
                      <a:pos x="T28" y="T29"/>
                    </a:cxn>
                    <a:cxn ang="T53">
                      <a:pos x="T30" y="T31"/>
                    </a:cxn>
                    <a:cxn ang="T54">
                      <a:pos x="T32" y="T33"/>
                    </a:cxn>
                    <a:cxn ang="T55">
                      <a:pos x="T34" y="T35"/>
                    </a:cxn>
                    <a:cxn ang="T56">
                      <a:pos x="T36" y="T37"/>
                    </a:cxn>
                  </a:cxnLst>
                  <a:rect l="T57" t="T58" r="T59" b="T60"/>
                  <a:pathLst>
                    <a:path w="12" h="37">
                      <a:moveTo>
                        <a:pt x="10" y="10"/>
                      </a:moveTo>
                      <a:lnTo>
                        <a:pt x="10" y="8"/>
                      </a:lnTo>
                      <a:lnTo>
                        <a:pt x="9" y="6"/>
                      </a:lnTo>
                      <a:lnTo>
                        <a:pt x="9" y="3"/>
                      </a:lnTo>
                      <a:lnTo>
                        <a:pt x="9" y="1"/>
                      </a:lnTo>
                      <a:lnTo>
                        <a:pt x="7" y="0"/>
                      </a:lnTo>
                      <a:lnTo>
                        <a:pt x="5" y="0"/>
                      </a:lnTo>
                      <a:lnTo>
                        <a:pt x="2" y="3"/>
                      </a:lnTo>
                      <a:lnTo>
                        <a:pt x="0" y="10"/>
                      </a:lnTo>
                      <a:lnTo>
                        <a:pt x="0" y="11"/>
                      </a:lnTo>
                      <a:lnTo>
                        <a:pt x="0" y="13"/>
                      </a:lnTo>
                      <a:lnTo>
                        <a:pt x="2" y="15"/>
                      </a:lnTo>
                      <a:lnTo>
                        <a:pt x="2" y="18"/>
                      </a:lnTo>
                      <a:lnTo>
                        <a:pt x="3" y="20"/>
                      </a:lnTo>
                      <a:lnTo>
                        <a:pt x="3" y="22"/>
                      </a:lnTo>
                      <a:lnTo>
                        <a:pt x="5" y="23"/>
                      </a:lnTo>
                      <a:lnTo>
                        <a:pt x="5" y="25"/>
                      </a:lnTo>
                      <a:lnTo>
                        <a:pt x="12" y="37"/>
                      </a:lnTo>
                      <a:lnTo>
                        <a:pt x="10" y="10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11" name="Freeform 22"/>
                <p:cNvSpPr>
                  <a:spLocks/>
                </p:cNvSpPr>
                <p:nvPr/>
              </p:nvSpPr>
              <p:spPr bwMode="auto">
                <a:xfrm>
                  <a:off x="4595" y="3150"/>
                  <a:ext cx="12" cy="37"/>
                </a:xfrm>
                <a:custGeom>
                  <a:avLst/>
                  <a:gdLst>
                    <a:gd name="T0" fmla="*/ 10 w 12"/>
                    <a:gd name="T1" fmla="*/ 10 h 37"/>
                    <a:gd name="T2" fmla="*/ 10 w 12"/>
                    <a:gd name="T3" fmla="*/ 10 h 37"/>
                    <a:gd name="T4" fmla="*/ 10 w 12"/>
                    <a:gd name="T5" fmla="*/ 8 h 37"/>
                    <a:gd name="T6" fmla="*/ 9 w 12"/>
                    <a:gd name="T7" fmla="*/ 6 h 37"/>
                    <a:gd name="T8" fmla="*/ 9 w 12"/>
                    <a:gd name="T9" fmla="*/ 3 h 37"/>
                    <a:gd name="T10" fmla="*/ 9 w 12"/>
                    <a:gd name="T11" fmla="*/ 1 h 37"/>
                    <a:gd name="T12" fmla="*/ 7 w 12"/>
                    <a:gd name="T13" fmla="*/ 0 h 37"/>
                    <a:gd name="T14" fmla="*/ 5 w 12"/>
                    <a:gd name="T15" fmla="*/ 0 h 37"/>
                    <a:gd name="T16" fmla="*/ 2 w 12"/>
                    <a:gd name="T17" fmla="*/ 3 h 37"/>
                    <a:gd name="T18" fmla="*/ 0 w 12"/>
                    <a:gd name="T19" fmla="*/ 10 h 37"/>
                    <a:gd name="T20" fmla="*/ 0 w 12"/>
                    <a:gd name="T21" fmla="*/ 10 h 37"/>
                    <a:gd name="T22" fmla="*/ 0 w 12"/>
                    <a:gd name="T23" fmla="*/ 11 h 37"/>
                    <a:gd name="T24" fmla="*/ 0 w 12"/>
                    <a:gd name="T25" fmla="*/ 13 h 37"/>
                    <a:gd name="T26" fmla="*/ 2 w 12"/>
                    <a:gd name="T27" fmla="*/ 15 h 37"/>
                    <a:gd name="T28" fmla="*/ 2 w 12"/>
                    <a:gd name="T29" fmla="*/ 18 h 37"/>
                    <a:gd name="T30" fmla="*/ 3 w 12"/>
                    <a:gd name="T31" fmla="*/ 20 h 37"/>
                    <a:gd name="T32" fmla="*/ 3 w 12"/>
                    <a:gd name="T33" fmla="*/ 22 h 37"/>
                    <a:gd name="T34" fmla="*/ 5 w 12"/>
                    <a:gd name="T35" fmla="*/ 23 h 37"/>
                    <a:gd name="T36" fmla="*/ 5 w 12"/>
                    <a:gd name="T37" fmla="*/ 25 h 37"/>
                    <a:gd name="T38" fmla="*/ 12 w 12"/>
                    <a:gd name="T39" fmla="*/ 37 h 37"/>
                    <a:gd name="T40" fmla="*/ 10 w 12"/>
                    <a:gd name="T41" fmla="*/ 10 h 37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2"/>
                    <a:gd name="T64" fmla="*/ 0 h 37"/>
                    <a:gd name="T65" fmla="*/ 12 w 12"/>
                    <a:gd name="T66" fmla="*/ 37 h 37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2" h="37">
                      <a:moveTo>
                        <a:pt x="10" y="10"/>
                      </a:moveTo>
                      <a:lnTo>
                        <a:pt x="10" y="10"/>
                      </a:lnTo>
                      <a:lnTo>
                        <a:pt x="10" y="8"/>
                      </a:lnTo>
                      <a:lnTo>
                        <a:pt x="9" y="6"/>
                      </a:lnTo>
                      <a:lnTo>
                        <a:pt x="9" y="3"/>
                      </a:lnTo>
                      <a:lnTo>
                        <a:pt x="9" y="1"/>
                      </a:lnTo>
                      <a:lnTo>
                        <a:pt x="7" y="0"/>
                      </a:lnTo>
                      <a:lnTo>
                        <a:pt x="5" y="0"/>
                      </a:lnTo>
                      <a:lnTo>
                        <a:pt x="2" y="3"/>
                      </a:lnTo>
                      <a:lnTo>
                        <a:pt x="0" y="10"/>
                      </a:lnTo>
                      <a:lnTo>
                        <a:pt x="0" y="11"/>
                      </a:lnTo>
                      <a:lnTo>
                        <a:pt x="0" y="13"/>
                      </a:lnTo>
                      <a:lnTo>
                        <a:pt x="2" y="15"/>
                      </a:lnTo>
                      <a:lnTo>
                        <a:pt x="2" y="18"/>
                      </a:lnTo>
                      <a:lnTo>
                        <a:pt x="3" y="20"/>
                      </a:lnTo>
                      <a:lnTo>
                        <a:pt x="3" y="22"/>
                      </a:lnTo>
                      <a:lnTo>
                        <a:pt x="5" y="23"/>
                      </a:lnTo>
                      <a:lnTo>
                        <a:pt x="5" y="25"/>
                      </a:lnTo>
                      <a:lnTo>
                        <a:pt x="12" y="37"/>
                      </a:lnTo>
                      <a:lnTo>
                        <a:pt x="10" y="10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12" name="Freeform 23"/>
                <p:cNvSpPr>
                  <a:spLocks/>
                </p:cNvSpPr>
                <p:nvPr/>
              </p:nvSpPr>
              <p:spPr bwMode="auto">
                <a:xfrm>
                  <a:off x="4673" y="3539"/>
                  <a:ext cx="35" cy="61"/>
                </a:xfrm>
                <a:custGeom>
                  <a:avLst/>
                  <a:gdLst>
                    <a:gd name="T0" fmla="*/ 35 w 35"/>
                    <a:gd name="T1" fmla="*/ 0 h 61"/>
                    <a:gd name="T2" fmla="*/ 35 w 35"/>
                    <a:gd name="T3" fmla="*/ 0 h 61"/>
                    <a:gd name="T4" fmla="*/ 35 w 35"/>
                    <a:gd name="T5" fmla="*/ 1 h 61"/>
                    <a:gd name="T6" fmla="*/ 35 w 35"/>
                    <a:gd name="T7" fmla="*/ 3 h 61"/>
                    <a:gd name="T8" fmla="*/ 35 w 35"/>
                    <a:gd name="T9" fmla="*/ 5 h 61"/>
                    <a:gd name="T10" fmla="*/ 34 w 35"/>
                    <a:gd name="T11" fmla="*/ 8 h 61"/>
                    <a:gd name="T12" fmla="*/ 34 w 35"/>
                    <a:gd name="T13" fmla="*/ 12 h 61"/>
                    <a:gd name="T14" fmla="*/ 32 w 35"/>
                    <a:gd name="T15" fmla="*/ 15 h 61"/>
                    <a:gd name="T16" fmla="*/ 30 w 35"/>
                    <a:gd name="T17" fmla="*/ 20 h 61"/>
                    <a:gd name="T18" fmla="*/ 29 w 35"/>
                    <a:gd name="T19" fmla="*/ 23 h 61"/>
                    <a:gd name="T20" fmla="*/ 27 w 35"/>
                    <a:gd name="T21" fmla="*/ 29 h 61"/>
                    <a:gd name="T22" fmla="*/ 24 w 35"/>
                    <a:gd name="T23" fmla="*/ 34 h 61"/>
                    <a:gd name="T24" fmla="*/ 20 w 35"/>
                    <a:gd name="T25" fmla="*/ 39 h 61"/>
                    <a:gd name="T26" fmla="*/ 17 w 35"/>
                    <a:gd name="T27" fmla="*/ 44 h 61"/>
                    <a:gd name="T28" fmla="*/ 12 w 35"/>
                    <a:gd name="T29" fmla="*/ 49 h 61"/>
                    <a:gd name="T30" fmla="*/ 7 w 35"/>
                    <a:gd name="T31" fmla="*/ 56 h 61"/>
                    <a:gd name="T32" fmla="*/ 2 w 35"/>
                    <a:gd name="T33" fmla="*/ 61 h 61"/>
                    <a:gd name="T34" fmla="*/ 0 w 35"/>
                    <a:gd name="T35" fmla="*/ 61 h 61"/>
                    <a:gd name="T36" fmla="*/ 0 w 35"/>
                    <a:gd name="T37" fmla="*/ 59 h 61"/>
                    <a:gd name="T38" fmla="*/ 0 w 35"/>
                    <a:gd name="T39" fmla="*/ 57 h 61"/>
                    <a:gd name="T40" fmla="*/ 0 w 35"/>
                    <a:gd name="T41" fmla="*/ 56 h 61"/>
                    <a:gd name="T42" fmla="*/ 19 w 35"/>
                    <a:gd name="T43" fmla="*/ 35 h 61"/>
                    <a:gd name="T44" fmla="*/ 19 w 35"/>
                    <a:gd name="T45" fmla="*/ 27 h 61"/>
                    <a:gd name="T46" fmla="*/ 19 w 35"/>
                    <a:gd name="T47" fmla="*/ 25 h 61"/>
                    <a:gd name="T48" fmla="*/ 20 w 35"/>
                    <a:gd name="T49" fmla="*/ 25 h 61"/>
                    <a:gd name="T50" fmla="*/ 22 w 35"/>
                    <a:gd name="T51" fmla="*/ 23 h 61"/>
                    <a:gd name="T52" fmla="*/ 24 w 35"/>
                    <a:gd name="T53" fmla="*/ 22 h 61"/>
                    <a:gd name="T54" fmla="*/ 25 w 35"/>
                    <a:gd name="T55" fmla="*/ 18 h 61"/>
                    <a:gd name="T56" fmla="*/ 27 w 35"/>
                    <a:gd name="T57" fmla="*/ 15 h 61"/>
                    <a:gd name="T58" fmla="*/ 29 w 35"/>
                    <a:gd name="T59" fmla="*/ 12 h 61"/>
                    <a:gd name="T60" fmla="*/ 29 w 35"/>
                    <a:gd name="T61" fmla="*/ 5 h 61"/>
                    <a:gd name="T62" fmla="*/ 30 w 35"/>
                    <a:gd name="T63" fmla="*/ 3 h 61"/>
                    <a:gd name="T64" fmla="*/ 32 w 35"/>
                    <a:gd name="T65" fmla="*/ 1 h 61"/>
                    <a:gd name="T66" fmla="*/ 34 w 35"/>
                    <a:gd name="T67" fmla="*/ 0 h 61"/>
                    <a:gd name="T68" fmla="*/ 35 w 35"/>
                    <a:gd name="T69" fmla="*/ 0 h 61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w 35"/>
                    <a:gd name="T106" fmla="*/ 0 h 61"/>
                    <a:gd name="T107" fmla="*/ 35 w 35"/>
                    <a:gd name="T108" fmla="*/ 61 h 61"/>
                  </a:gdLst>
                  <a:ahLst/>
                  <a:cxnLst>
                    <a:cxn ang="T70">
                      <a:pos x="T0" y="T1"/>
                    </a:cxn>
                    <a:cxn ang="T71">
                      <a:pos x="T2" y="T3"/>
                    </a:cxn>
                    <a:cxn ang="T72">
                      <a:pos x="T4" y="T5"/>
                    </a:cxn>
                    <a:cxn ang="T73">
                      <a:pos x="T6" y="T7"/>
                    </a:cxn>
                    <a:cxn ang="T74">
                      <a:pos x="T8" y="T9"/>
                    </a:cxn>
                    <a:cxn ang="T75">
                      <a:pos x="T10" y="T11"/>
                    </a:cxn>
                    <a:cxn ang="T76">
                      <a:pos x="T12" y="T13"/>
                    </a:cxn>
                    <a:cxn ang="T77">
                      <a:pos x="T14" y="T15"/>
                    </a:cxn>
                    <a:cxn ang="T78">
                      <a:pos x="T16" y="T17"/>
                    </a:cxn>
                    <a:cxn ang="T79">
                      <a:pos x="T18" y="T19"/>
                    </a:cxn>
                    <a:cxn ang="T80">
                      <a:pos x="T20" y="T21"/>
                    </a:cxn>
                    <a:cxn ang="T81">
                      <a:pos x="T22" y="T23"/>
                    </a:cxn>
                    <a:cxn ang="T82">
                      <a:pos x="T24" y="T25"/>
                    </a:cxn>
                    <a:cxn ang="T83">
                      <a:pos x="T26" y="T27"/>
                    </a:cxn>
                    <a:cxn ang="T84">
                      <a:pos x="T28" y="T29"/>
                    </a:cxn>
                    <a:cxn ang="T85">
                      <a:pos x="T30" y="T31"/>
                    </a:cxn>
                    <a:cxn ang="T86">
                      <a:pos x="T32" y="T33"/>
                    </a:cxn>
                    <a:cxn ang="T87">
                      <a:pos x="T34" y="T35"/>
                    </a:cxn>
                    <a:cxn ang="T88">
                      <a:pos x="T36" y="T37"/>
                    </a:cxn>
                    <a:cxn ang="T89">
                      <a:pos x="T38" y="T39"/>
                    </a:cxn>
                    <a:cxn ang="T90">
                      <a:pos x="T40" y="T41"/>
                    </a:cxn>
                    <a:cxn ang="T91">
                      <a:pos x="T42" y="T43"/>
                    </a:cxn>
                    <a:cxn ang="T92">
                      <a:pos x="T44" y="T45"/>
                    </a:cxn>
                    <a:cxn ang="T93">
                      <a:pos x="T46" y="T47"/>
                    </a:cxn>
                    <a:cxn ang="T94">
                      <a:pos x="T48" y="T49"/>
                    </a:cxn>
                    <a:cxn ang="T95">
                      <a:pos x="T50" y="T51"/>
                    </a:cxn>
                    <a:cxn ang="T96">
                      <a:pos x="T52" y="T53"/>
                    </a:cxn>
                    <a:cxn ang="T97">
                      <a:pos x="T54" y="T55"/>
                    </a:cxn>
                    <a:cxn ang="T98">
                      <a:pos x="T56" y="T57"/>
                    </a:cxn>
                    <a:cxn ang="T99">
                      <a:pos x="T58" y="T59"/>
                    </a:cxn>
                    <a:cxn ang="T100">
                      <a:pos x="T60" y="T61"/>
                    </a:cxn>
                    <a:cxn ang="T101">
                      <a:pos x="T62" y="T63"/>
                    </a:cxn>
                    <a:cxn ang="T102">
                      <a:pos x="T64" y="T65"/>
                    </a:cxn>
                    <a:cxn ang="T103">
                      <a:pos x="T66" y="T67"/>
                    </a:cxn>
                    <a:cxn ang="T104">
                      <a:pos x="T68" y="T69"/>
                    </a:cxn>
                  </a:cxnLst>
                  <a:rect l="T105" t="T106" r="T107" b="T108"/>
                  <a:pathLst>
                    <a:path w="35" h="61">
                      <a:moveTo>
                        <a:pt x="35" y="0"/>
                      </a:moveTo>
                      <a:lnTo>
                        <a:pt x="35" y="0"/>
                      </a:lnTo>
                      <a:lnTo>
                        <a:pt x="35" y="1"/>
                      </a:lnTo>
                      <a:lnTo>
                        <a:pt x="35" y="3"/>
                      </a:lnTo>
                      <a:lnTo>
                        <a:pt x="35" y="5"/>
                      </a:lnTo>
                      <a:lnTo>
                        <a:pt x="34" y="8"/>
                      </a:lnTo>
                      <a:lnTo>
                        <a:pt x="34" y="12"/>
                      </a:lnTo>
                      <a:lnTo>
                        <a:pt x="32" y="15"/>
                      </a:lnTo>
                      <a:lnTo>
                        <a:pt x="30" y="20"/>
                      </a:lnTo>
                      <a:lnTo>
                        <a:pt x="29" y="23"/>
                      </a:lnTo>
                      <a:lnTo>
                        <a:pt x="27" y="29"/>
                      </a:lnTo>
                      <a:lnTo>
                        <a:pt x="24" y="34"/>
                      </a:lnTo>
                      <a:lnTo>
                        <a:pt x="20" y="39"/>
                      </a:lnTo>
                      <a:lnTo>
                        <a:pt x="17" y="44"/>
                      </a:lnTo>
                      <a:lnTo>
                        <a:pt x="12" y="49"/>
                      </a:lnTo>
                      <a:lnTo>
                        <a:pt x="7" y="56"/>
                      </a:lnTo>
                      <a:lnTo>
                        <a:pt x="2" y="61"/>
                      </a:lnTo>
                      <a:lnTo>
                        <a:pt x="0" y="61"/>
                      </a:lnTo>
                      <a:lnTo>
                        <a:pt x="0" y="59"/>
                      </a:lnTo>
                      <a:lnTo>
                        <a:pt x="0" y="57"/>
                      </a:lnTo>
                      <a:lnTo>
                        <a:pt x="0" y="56"/>
                      </a:lnTo>
                      <a:lnTo>
                        <a:pt x="19" y="35"/>
                      </a:lnTo>
                      <a:lnTo>
                        <a:pt x="19" y="27"/>
                      </a:lnTo>
                      <a:lnTo>
                        <a:pt x="19" y="25"/>
                      </a:lnTo>
                      <a:lnTo>
                        <a:pt x="20" y="25"/>
                      </a:lnTo>
                      <a:lnTo>
                        <a:pt x="22" y="23"/>
                      </a:lnTo>
                      <a:lnTo>
                        <a:pt x="24" y="22"/>
                      </a:lnTo>
                      <a:lnTo>
                        <a:pt x="25" y="18"/>
                      </a:lnTo>
                      <a:lnTo>
                        <a:pt x="27" y="15"/>
                      </a:lnTo>
                      <a:lnTo>
                        <a:pt x="29" y="12"/>
                      </a:lnTo>
                      <a:lnTo>
                        <a:pt x="29" y="5"/>
                      </a:lnTo>
                      <a:lnTo>
                        <a:pt x="30" y="3"/>
                      </a:lnTo>
                      <a:lnTo>
                        <a:pt x="32" y="1"/>
                      </a:lnTo>
                      <a:lnTo>
                        <a:pt x="34" y="0"/>
                      </a:lnTo>
                      <a:lnTo>
                        <a:pt x="35" y="0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13" name="Freeform 24"/>
                <p:cNvSpPr>
                  <a:spLocks/>
                </p:cNvSpPr>
                <p:nvPr/>
              </p:nvSpPr>
              <p:spPr bwMode="auto">
                <a:xfrm>
                  <a:off x="4673" y="3539"/>
                  <a:ext cx="35" cy="61"/>
                </a:xfrm>
                <a:custGeom>
                  <a:avLst/>
                  <a:gdLst>
                    <a:gd name="T0" fmla="*/ 35 w 35"/>
                    <a:gd name="T1" fmla="*/ 0 h 61"/>
                    <a:gd name="T2" fmla="*/ 35 w 35"/>
                    <a:gd name="T3" fmla="*/ 0 h 61"/>
                    <a:gd name="T4" fmla="*/ 35 w 35"/>
                    <a:gd name="T5" fmla="*/ 0 h 61"/>
                    <a:gd name="T6" fmla="*/ 35 w 35"/>
                    <a:gd name="T7" fmla="*/ 1 h 61"/>
                    <a:gd name="T8" fmla="*/ 35 w 35"/>
                    <a:gd name="T9" fmla="*/ 3 h 61"/>
                    <a:gd name="T10" fmla="*/ 35 w 35"/>
                    <a:gd name="T11" fmla="*/ 5 h 61"/>
                    <a:gd name="T12" fmla="*/ 34 w 35"/>
                    <a:gd name="T13" fmla="*/ 8 h 61"/>
                    <a:gd name="T14" fmla="*/ 34 w 35"/>
                    <a:gd name="T15" fmla="*/ 12 h 61"/>
                    <a:gd name="T16" fmla="*/ 32 w 35"/>
                    <a:gd name="T17" fmla="*/ 15 h 61"/>
                    <a:gd name="T18" fmla="*/ 30 w 35"/>
                    <a:gd name="T19" fmla="*/ 20 h 61"/>
                    <a:gd name="T20" fmla="*/ 29 w 35"/>
                    <a:gd name="T21" fmla="*/ 23 h 61"/>
                    <a:gd name="T22" fmla="*/ 27 w 35"/>
                    <a:gd name="T23" fmla="*/ 29 h 61"/>
                    <a:gd name="T24" fmla="*/ 24 w 35"/>
                    <a:gd name="T25" fmla="*/ 34 h 61"/>
                    <a:gd name="T26" fmla="*/ 20 w 35"/>
                    <a:gd name="T27" fmla="*/ 39 h 61"/>
                    <a:gd name="T28" fmla="*/ 17 w 35"/>
                    <a:gd name="T29" fmla="*/ 44 h 61"/>
                    <a:gd name="T30" fmla="*/ 12 w 35"/>
                    <a:gd name="T31" fmla="*/ 49 h 61"/>
                    <a:gd name="T32" fmla="*/ 7 w 35"/>
                    <a:gd name="T33" fmla="*/ 56 h 61"/>
                    <a:gd name="T34" fmla="*/ 2 w 35"/>
                    <a:gd name="T35" fmla="*/ 61 h 61"/>
                    <a:gd name="T36" fmla="*/ 2 w 35"/>
                    <a:gd name="T37" fmla="*/ 61 h 61"/>
                    <a:gd name="T38" fmla="*/ 0 w 35"/>
                    <a:gd name="T39" fmla="*/ 61 h 61"/>
                    <a:gd name="T40" fmla="*/ 0 w 35"/>
                    <a:gd name="T41" fmla="*/ 59 h 61"/>
                    <a:gd name="T42" fmla="*/ 0 w 35"/>
                    <a:gd name="T43" fmla="*/ 57 h 61"/>
                    <a:gd name="T44" fmla="*/ 0 w 35"/>
                    <a:gd name="T45" fmla="*/ 56 h 61"/>
                    <a:gd name="T46" fmla="*/ 19 w 35"/>
                    <a:gd name="T47" fmla="*/ 35 h 61"/>
                    <a:gd name="T48" fmla="*/ 19 w 35"/>
                    <a:gd name="T49" fmla="*/ 27 h 61"/>
                    <a:gd name="T50" fmla="*/ 19 w 35"/>
                    <a:gd name="T51" fmla="*/ 27 h 61"/>
                    <a:gd name="T52" fmla="*/ 19 w 35"/>
                    <a:gd name="T53" fmla="*/ 25 h 61"/>
                    <a:gd name="T54" fmla="*/ 20 w 35"/>
                    <a:gd name="T55" fmla="*/ 25 h 61"/>
                    <a:gd name="T56" fmla="*/ 22 w 35"/>
                    <a:gd name="T57" fmla="*/ 23 h 61"/>
                    <a:gd name="T58" fmla="*/ 24 w 35"/>
                    <a:gd name="T59" fmla="*/ 22 h 61"/>
                    <a:gd name="T60" fmla="*/ 25 w 35"/>
                    <a:gd name="T61" fmla="*/ 18 h 61"/>
                    <a:gd name="T62" fmla="*/ 27 w 35"/>
                    <a:gd name="T63" fmla="*/ 15 h 61"/>
                    <a:gd name="T64" fmla="*/ 29 w 35"/>
                    <a:gd name="T65" fmla="*/ 12 h 61"/>
                    <a:gd name="T66" fmla="*/ 29 w 35"/>
                    <a:gd name="T67" fmla="*/ 5 h 61"/>
                    <a:gd name="T68" fmla="*/ 29 w 35"/>
                    <a:gd name="T69" fmla="*/ 5 h 61"/>
                    <a:gd name="T70" fmla="*/ 30 w 35"/>
                    <a:gd name="T71" fmla="*/ 3 h 61"/>
                    <a:gd name="T72" fmla="*/ 32 w 35"/>
                    <a:gd name="T73" fmla="*/ 1 h 61"/>
                    <a:gd name="T74" fmla="*/ 34 w 35"/>
                    <a:gd name="T75" fmla="*/ 0 h 61"/>
                    <a:gd name="T76" fmla="*/ 35 w 35"/>
                    <a:gd name="T77" fmla="*/ 0 h 61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w 35"/>
                    <a:gd name="T118" fmla="*/ 0 h 61"/>
                    <a:gd name="T119" fmla="*/ 35 w 35"/>
                    <a:gd name="T120" fmla="*/ 61 h 61"/>
                  </a:gdLst>
                  <a:ahLst/>
                  <a:cxnLst>
                    <a:cxn ang="T78">
                      <a:pos x="T0" y="T1"/>
                    </a:cxn>
                    <a:cxn ang="T79">
                      <a:pos x="T2" y="T3"/>
                    </a:cxn>
                    <a:cxn ang="T80">
                      <a:pos x="T4" y="T5"/>
                    </a:cxn>
                    <a:cxn ang="T81">
                      <a:pos x="T6" y="T7"/>
                    </a:cxn>
                    <a:cxn ang="T82">
                      <a:pos x="T8" y="T9"/>
                    </a:cxn>
                    <a:cxn ang="T83">
                      <a:pos x="T10" y="T11"/>
                    </a:cxn>
                    <a:cxn ang="T84">
                      <a:pos x="T12" y="T13"/>
                    </a:cxn>
                    <a:cxn ang="T85">
                      <a:pos x="T14" y="T15"/>
                    </a:cxn>
                    <a:cxn ang="T86">
                      <a:pos x="T16" y="T17"/>
                    </a:cxn>
                    <a:cxn ang="T87">
                      <a:pos x="T18" y="T19"/>
                    </a:cxn>
                    <a:cxn ang="T88">
                      <a:pos x="T20" y="T21"/>
                    </a:cxn>
                    <a:cxn ang="T89">
                      <a:pos x="T22" y="T23"/>
                    </a:cxn>
                    <a:cxn ang="T90">
                      <a:pos x="T24" y="T25"/>
                    </a:cxn>
                    <a:cxn ang="T91">
                      <a:pos x="T26" y="T27"/>
                    </a:cxn>
                    <a:cxn ang="T92">
                      <a:pos x="T28" y="T29"/>
                    </a:cxn>
                    <a:cxn ang="T93">
                      <a:pos x="T30" y="T31"/>
                    </a:cxn>
                    <a:cxn ang="T94">
                      <a:pos x="T32" y="T33"/>
                    </a:cxn>
                    <a:cxn ang="T95">
                      <a:pos x="T34" y="T35"/>
                    </a:cxn>
                    <a:cxn ang="T96">
                      <a:pos x="T36" y="T37"/>
                    </a:cxn>
                    <a:cxn ang="T97">
                      <a:pos x="T38" y="T39"/>
                    </a:cxn>
                    <a:cxn ang="T98">
                      <a:pos x="T40" y="T41"/>
                    </a:cxn>
                    <a:cxn ang="T99">
                      <a:pos x="T42" y="T43"/>
                    </a:cxn>
                    <a:cxn ang="T100">
                      <a:pos x="T44" y="T45"/>
                    </a:cxn>
                    <a:cxn ang="T101">
                      <a:pos x="T46" y="T47"/>
                    </a:cxn>
                    <a:cxn ang="T102">
                      <a:pos x="T48" y="T49"/>
                    </a:cxn>
                    <a:cxn ang="T103">
                      <a:pos x="T50" y="T51"/>
                    </a:cxn>
                    <a:cxn ang="T104">
                      <a:pos x="T52" y="T53"/>
                    </a:cxn>
                    <a:cxn ang="T105">
                      <a:pos x="T54" y="T55"/>
                    </a:cxn>
                    <a:cxn ang="T106">
                      <a:pos x="T56" y="T57"/>
                    </a:cxn>
                    <a:cxn ang="T107">
                      <a:pos x="T58" y="T59"/>
                    </a:cxn>
                    <a:cxn ang="T108">
                      <a:pos x="T60" y="T61"/>
                    </a:cxn>
                    <a:cxn ang="T109">
                      <a:pos x="T62" y="T63"/>
                    </a:cxn>
                    <a:cxn ang="T110">
                      <a:pos x="T64" y="T65"/>
                    </a:cxn>
                    <a:cxn ang="T111">
                      <a:pos x="T66" y="T67"/>
                    </a:cxn>
                    <a:cxn ang="T112">
                      <a:pos x="T68" y="T69"/>
                    </a:cxn>
                    <a:cxn ang="T113">
                      <a:pos x="T70" y="T71"/>
                    </a:cxn>
                    <a:cxn ang="T114">
                      <a:pos x="T72" y="T73"/>
                    </a:cxn>
                    <a:cxn ang="T115">
                      <a:pos x="T74" y="T75"/>
                    </a:cxn>
                    <a:cxn ang="T116">
                      <a:pos x="T76" y="T77"/>
                    </a:cxn>
                  </a:cxnLst>
                  <a:rect l="T117" t="T118" r="T119" b="T120"/>
                  <a:pathLst>
                    <a:path w="35" h="61">
                      <a:moveTo>
                        <a:pt x="35" y="0"/>
                      </a:moveTo>
                      <a:lnTo>
                        <a:pt x="35" y="0"/>
                      </a:lnTo>
                      <a:lnTo>
                        <a:pt x="35" y="1"/>
                      </a:lnTo>
                      <a:lnTo>
                        <a:pt x="35" y="3"/>
                      </a:lnTo>
                      <a:lnTo>
                        <a:pt x="35" y="5"/>
                      </a:lnTo>
                      <a:lnTo>
                        <a:pt x="34" y="8"/>
                      </a:lnTo>
                      <a:lnTo>
                        <a:pt x="34" y="12"/>
                      </a:lnTo>
                      <a:lnTo>
                        <a:pt x="32" y="15"/>
                      </a:lnTo>
                      <a:lnTo>
                        <a:pt x="30" y="20"/>
                      </a:lnTo>
                      <a:lnTo>
                        <a:pt x="29" y="23"/>
                      </a:lnTo>
                      <a:lnTo>
                        <a:pt x="27" y="29"/>
                      </a:lnTo>
                      <a:lnTo>
                        <a:pt x="24" y="34"/>
                      </a:lnTo>
                      <a:lnTo>
                        <a:pt x="20" y="39"/>
                      </a:lnTo>
                      <a:lnTo>
                        <a:pt x="17" y="44"/>
                      </a:lnTo>
                      <a:lnTo>
                        <a:pt x="12" y="49"/>
                      </a:lnTo>
                      <a:lnTo>
                        <a:pt x="7" y="56"/>
                      </a:lnTo>
                      <a:lnTo>
                        <a:pt x="2" y="61"/>
                      </a:lnTo>
                      <a:lnTo>
                        <a:pt x="0" y="61"/>
                      </a:lnTo>
                      <a:lnTo>
                        <a:pt x="0" y="59"/>
                      </a:lnTo>
                      <a:lnTo>
                        <a:pt x="0" y="57"/>
                      </a:lnTo>
                      <a:lnTo>
                        <a:pt x="0" y="56"/>
                      </a:lnTo>
                      <a:lnTo>
                        <a:pt x="19" y="35"/>
                      </a:lnTo>
                      <a:lnTo>
                        <a:pt x="19" y="27"/>
                      </a:lnTo>
                      <a:lnTo>
                        <a:pt x="19" y="25"/>
                      </a:lnTo>
                      <a:lnTo>
                        <a:pt x="20" y="25"/>
                      </a:lnTo>
                      <a:lnTo>
                        <a:pt x="22" y="23"/>
                      </a:lnTo>
                      <a:lnTo>
                        <a:pt x="24" y="22"/>
                      </a:lnTo>
                      <a:lnTo>
                        <a:pt x="25" y="18"/>
                      </a:lnTo>
                      <a:lnTo>
                        <a:pt x="27" y="15"/>
                      </a:lnTo>
                      <a:lnTo>
                        <a:pt x="29" y="12"/>
                      </a:lnTo>
                      <a:lnTo>
                        <a:pt x="29" y="5"/>
                      </a:lnTo>
                      <a:lnTo>
                        <a:pt x="30" y="3"/>
                      </a:lnTo>
                      <a:lnTo>
                        <a:pt x="32" y="1"/>
                      </a:lnTo>
                      <a:lnTo>
                        <a:pt x="34" y="0"/>
                      </a:lnTo>
                      <a:lnTo>
                        <a:pt x="35" y="0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14" name="Freeform 25"/>
                <p:cNvSpPr>
                  <a:spLocks/>
                </p:cNvSpPr>
                <p:nvPr/>
              </p:nvSpPr>
              <p:spPr bwMode="auto">
                <a:xfrm>
                  <a:off x="4710" y="3513"/>
                  <a:ext cx="7" cy="19"/>
                </a:xfrm>
                <a:custGeom>
                  <a:avLst/>
                  <a:gdLst>
                    <a:gd name="T0" fmla="*/ 0 w 7"/>
                    <a:gd name="T1" fmla="*/ 11 h 19"/>
                    <a:gd name="T2" fmla="*/ 2 w 7"/>
                    <a:gd name="T3" fmla="*/ 5 h 19"/>
                    <a:gd name="T4" fmla="*/ 2 w 7"/>
                    <a:gd name="T5" fmla="*/ 4 h 19"/>
                    <a:gd name="T6" fmla="*/ 2 w 7"/>
                    <a:gd name="T7" fmla="*/ 0 h 19"/>
                    <a:gd name="T8" fmla="*/ 4 w 7"/>
                    <a:gd name="T9" fmla="*/ 0 h 19"/>
                    <a:gd name="T10" fmla="*/ 5 w 7"/>
                    <a:gd name="T11" fmla="*/ 0 h 19"/>
                    <a:gd name="T12" fmla="*/ 7 w 7"/>
                    <a:gd name="T13" fmla="*/ 4 h 19"/>
                    <a:gd name="T14" fmla="*/ 7 w 7"/>
                    <a:gd name="T15" fmla="*/ 5 h 19"/>
                    <a:gd name="T16" fmla="*/ 7 w 7"/>
                    <a:gd name="T17" fmla="*/ 11 h 19"/>
                    <a:gd name="T18" fmla="*/ 7 w 7"/>
                    <a:gd name="T19" fmla="*/ 14 h 19"/>
                    <a:gd name="T20" fmla="*/ 7 w 7"/>
                    <a:gd name="T21" fmla="*/ 17 h 19"/>
                    <a:gd name="T22" fmla="*/ 5 w 7"/>
                    <a:gd name="T23" fmla="*/ 19 h 19"/>
                    <a:gd name="T24" fmla="*/ 4 w 7"/>
                    <a:gd name="T25" fmla="*/ 19 h 19"/>
                    <a:gd name="T26" fmla="*/ 2 w 7"/>
                    <a:gd name="T27" fmla="*/ 19 h 19"/>
                    <a:gd name="T28" fmla="*/ 2 w 7"/>
                    <a:gd name="T29" fmla="*/ 17 h 19"/>
                    <a:gd name="T30" fmla="*/ 2 w 7"/>
                    <a:gd name="T31" fmla="*/ 14 h 19"/>
                    <a:gd name="T32" fmla="*/ 0 w 7"/>
                    <a:gd name="T33" fmla="*/ 11 h 19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7"/>
                    <a:gd name="T52" fmla="*/ 0 h 19"/>
                    <a:gd name="T53" fmla="*/ 7 w 7"/>
                    <a:gd name="T54" fmla="*/ 19 h 19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7" h="19">
                      <a:moveTo>
                        <a:pt x="0" y="11"/>
                      </a:moveTo>
                      <a:lnTo>
                        <a:pt x="2" y="5"/>
                      </a:lnTo>
                      <a:lnTo>
                        <a:pt x="2" y="4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7" y="4"/>
                      </a:lnTo>
                      <a:lnTo>
                        <a:pt x="7" y="5"/>
                      </a:lnTo>
                      <a:lnTo>
                        <a:pt x="7" y="11"/>
                      </a:lnTo>
                      <a:lnTo>
                        <a:pt x="7" y="14"/>
                      </a:lnTo>
                      <a:lnTo>
                        <a:pt x="7" y="17"/>
                      </a:lnTo>
                      <a:lnTo>
                        <a:pt x="5" y="19"/>
                      </a:lnTo>
                      <a:lnTo>
                        <a:pt x="4" y="19"/>
                      </a:lnTo>
                      <a:lnTo>
                        <a:pt x="2" y="19"/>
                      </a:lnTo>
                      <a:lnTo>
                        <a:pt x="2" y="17"/>
                      </a:lnTo>
                      <a:lnTo>
                        <a:pt x="2" y="14"/>
                      </a:lnTo>
                      <a:lnTo>
                        <a:pt x="0" y="1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15" name="Freeform 26"/>
                <p:cNvSpPr>
                  <a:spLocks/>
                </p:cNvSpPr>
                <p:nvPr/>
              </p:nvSpPr>
              <p:spPr bwMode="auto">
                <a:xfrm>
                  <a:off x="4710" y="3513"/>
                  <a:ext cx="7" cy="19"/>
                </a:xfrm>
                <a:custGeom>
                  <a:avLst/>
                  <a:gdLst>
                    <a:gd name="T0" fmla="*/ 0 w 7"/>
                    <a:gd name="T1" fmla="*/ 11 h 19"/>
                    <a:gd name="T2" fmla="*/ 0 w 7"/>
                    <a:gd name="T3" fmla="*/ 11 h 19"/>
                    <a:gd name="T4" fmla="*/ 2 w 7"/>
                    <a:gd name="T5" fmla="*/ 5 h 19"/>
                    <a:gd name="T6" fmla="*/ 2 w 7"/>
                    <a:gd name="T7" fmla="*/ 4 h 19"/>
                    <a:gd name="T8" fmla="*/ 2 w 7"/>
                    <a:gd name="T9" fmla="*/ 0 h 19"/>
                    <a:gd name="T10" fmla="*/ 4 w 7"/>
                    <a:gd name="T11" fmla="*/ 0 h 19"/>
                    <a:gd name="T12" fmla="*/ 4 w 7"/>
                    <a:gd name="T13" fmla="*/ 0 h 19"/>
                    <a:gd name="T14" fmla="*/ 5 w 7"/>
                    <a:gd name="T15" fmla="*/ 0 h 19"/>
                    <a:gd name="T16" fmla="*/ 7 w 7"/>
                    <a:gd name="T17" fmla="*/ 4 h 19"/>
                    <a:gd name="T18" fmla="*/ 7 w 7"/>
                    <a:gd name="T19" fmla="*/ 5 h 19"/>
                    <a:gd name="T20" fmla="*/ 7 w 7"/>
                    <a:gd name="T21" fmla="*/ 11 h 19"/>
                    <a:gd name="T22" fmla="*/ 7 w 7"/>
                    <a:gd name="T23" fmla="*/ 11 h 19"/>
                    <a:gd name="T24" fmla="*/ 7 w 7"/>
                    <a:gd name="T25" fmla="*/ 14 h 19"/>
                    <a:gd name="T26" fmla="*/ 7 w 7"/>
                    <a:gd name="T27" fmla="*/ 17 h 19"/>
                    <a:gd name="T28" fmla="*/ 5 w 7"/>
                    <a:gd name="T29" fmla="*/ 19 h 19"/>
                    <a:gd name="T30" fmla="*/ 4 w 7"/>
                    <a:gd name="T31" fmla="*/ 19 h 19"/>
                    <a:gd name="T32" fmla="*/ 4 w 7"/>
                    <a:gd name="T33" fmla="*/ 19 h 19"/>
                    <a:gd name="T34" fmla="*/ 2 w 7"/>
                    <a:gd name="T35" fmla="*/ 19 h 19"/>
                    <a:gd name="T36" fmla="*/ 2 w 7"/>
                    <a:gd name="T37" fmla="*/ 17 h 19"/>
                    <a:gd name="T38" fmla="*/ 2 w 7"/>
                    <a:gd name="T39" fmla="*/ 14 h 19"/>
                    <a:gd name="T40" fmla="*/ 0 w 7"/>
                    <a:gd name="T41" fmla="*/ 11 h 19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7"/>
                    <a:gd name="T64" fmla="*/ 0 h 19"/>
                    <a:gd name="T65" fmla="*/ 7 w 7"/>
                    <a:gd name="T66" fmla="*/ 19 h 19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7" h="19">
                      <a:moveTo>
                        <a:pt x="0" y="11"/>
                      </a:moveTo>
                      <a:lnTo>
                        <a:pt x="0" y="11"/>
                      </a:lnTo>
                      <a:lnTo>
                        <a:pt x="2" y="5"/>
                      </a:lnTo>
                      <a:lnTo>
                        <a:pt x="2" y="4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7" y="4"/>
                      </a:lnTo>
                      <a:lnTo>
                        <a:pt x="7" y="5"/>
                      </a:lnTo>
                      <a:lnTo>
                        <a:pt x="7" y="11"/>
                      </a:lnTo>
                      <a:lnTo>
                        <a:pt x="7" y="14"/>
                      </a:lnTo>
                      <a:lnTo>
                        <a:pt x="7" y="17"/>
                      </a:lnTo>
                      <a:lnTo>
                        <a:pt x="5" y="19"/>
                      </a:lnTo>
                      <a:lnTo>
                        <a:pt x="4" y="19"/>
                      </a:lnTo>
                      <a:lnTo>
                        <a:pt x="2" y="19"/>
                      </a:lnTo>
                      <a:lnTo>
                        <a:pt x="2" y="17"/>
                      </a:lnTo>
                      <a:lnTo>
                        <a:pt x="2" y="14"/>
                      </a:lnTo>
                      <a:lnTo>
                        <a:pt x="0" y="1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16" name="Freeform 27"/>
                <p:cNvSpPr>
                  <a:spLocks/>
                </p:cNvSpPr>
                <p:nvPr/>
              </p:nvSpPr>
              <p:spPr bwMode="auto">
                <a:xfrm>
                  <a:off x="4714" y="3488"/>
                  <a:ext cx="5" cy="10"/>
                </a:xfrm>
                <a:custGeom>
                  <a:avLst/>
                  <a:gdLst>
                    <a:gd name="T0" fmla="*/ 0 w 5"/>
                    <a:gd name="T1" fmla="*/ 5 h 10"/>
                    <a:gd name="T2" fmla="*/ 0 w 5"/>
                    <a:gd name="T3" fmla="*/ 3 h 10"/>
                    <a:gd name="T4" fmla="*/ 0 w 5"/>
                    <a:gd name="T5" fmla="*/ 2 h 10"/>
                    <a:gd name="T6" fmla="*/ 1 w 5"/>
                    <a:gd name="T7" fmla="*/ 2 h 10"/>
                    <a:gd name="T8" fmla="*/ 1 w 5"/>
                    <a:gd name="T9" fmla="*/ 0 h 10"/>
                    <a:gd name="T10" fmla="*/ 3 w 5"/>
                    <a:gd name="T11" fmla="*/ 2 h 10"/>
                    <a:gd name="T12" fmla="*/ 3 w 5"/>
                    <a:gd name="T13" fmla="*/ 2 h 10"/>
                    <a:gd name="T14" fmla="*/ 3 w 5"/>
                    <a:gd name="T15" fmla="*/ 3 h 10"/>
                    <a:gd name="T16" fmla="*/ 5 w 5"/>
                    <a:gd name="T17" fmla="*/ 5 h 10"/>
                    <a:gd name="T18" fmla="*/ 3 w 5"/>
                    <a:gd name="T19" fmla="*/ 7 h 10"/>
                    <a:gd name="T20" fmla="*/ 3 w 5"/>
                    <a:gd name="T21" fmla="*/ 8 h 10"/>
                    <a:gd name="T22" fmla="*/ 3 w 5"/>
                    <a:gd name="T23" fmla="*/ 10 h 10"/>
                    <a:gd name="T24" fmla="*/ 1 w 5"/>
                    <a:gd name="T25" fmla="*/ 10 h 10"/>
                    <a:gd name="T26" fmla="*/ 1 w 5"/>
                    <a:gd name="T27" fmla="*/ 10 h 10"/>
                    <a:gd name="T28" fmla="*/ 0 w 5"/>
                    <a:gd name="T29" fmla="*/ 8 h 10"/>
                    <a:gd name="T30" fmla="*/ 0 w 5"/>
                    <a:gd name="T31" fmla="*/ 7 h 10"/>
                    <a:gd name="T32" fmla="*/ 0 w 5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5"/>
                    <a:gd name="T52" fmla="*/ 0 h 10"/>
                    <a:gd name="T53" fmla="*/ 5 w 5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5" h="10">
                      <a:moveTo>
                        <a:pt x="0" y="5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2"/>
                      </a:lnTo>
                      <a:lnTo>
                        <a:pt x="3" y="3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3" y="8"/>
                      </a:lnTo>
                      <a:lnTo>
                        <a:pt x="3" y="10"/>
                      </a:lnTo>
                      <a:lnTo>
                        <a:pt x="1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17" name="Freeform 28"/>
                <p:cNvSpPr>
                  <a:spLocks/>
                </p:cNvSpPr>
                <p:nvPr/>
              </p:nvSpPr>
              <p:spPr bwMode="auto">
                <a:xfrm>
                  <a:off x="4714" y="3488"/>
                  <a:ext cx="5" cy="10"/>
                </a:xfrm>
                <a:custGeom>
                  <a:avLst/>
                  <a:gdLst>
                    <a:gd name="T0" fmla="*/ 0 w 5"/>
                    <a:gd name="T1" fmla="*/ 5 h 10"/>
                    <a:gd name="T2" fmla="*/ 0 w 5"/>
                    <a:gd name="T3" fmla="*/ 5 h 10"/>
                    <a:gd name="T4" fmla="*/ 0 w 5"/>
                    <a:gd name="T5" fmla="*/ 3 h 10"/>
                    <a:gd name="T6" fmla="*/ 0 w 5"/>
                    <a:gd name="T7" fmla="*/ 2 h 10"/>
                    <a:gd name="T8" fmla="*/ 1 w 5"/>
                    <a:gd name="T9" fmla="*/ 2 h 10"/>
                    <a:gd name="T10" fmla="*/ 1 w 5"/>
                    <a:gd name="T11" fmla="*/ 0 h 10"/>
                    <a:gd name="T12" fmla="*/ 1 w 5"/>
                    <a:gd name="T13" fmla="*/ 0 h 10"/>
                    <a:gd name="T14" fmla="*/ 3 w 5"/>
                    <a:gd name="T15" fmla="*/ 2 h 10"/>
                    <a:gd name="T16" fmla="*/ 3 w 5"/>
                    <a:gd name="T17" fmla="*/ 2 h 10"/>
                    <a:gd name="T18" fmla="*/ 3 w 5"/>
                    <a:gd name="T19" fmla="*/ 3 h 10"/>
                    <a:gd name="T20" fmla="*/ 5 w 5"/>
                    <a:gd name="T21" fmla="*/ 5 h 10"/>
                    <a:gd name="T22" fmla="*/ 5 w 5"/>
                    <a:gd name="T23" fmla="*/ 5 h 10"/>
                    <a:gd name="T24" fmla="*/ 3 w 5"/>
                    <a:gd name="T25" fmla="*/ 7 h 10"/>
                    <a:gd name="T26" fmla="*/ 3 w 5"/>
                    <a:gd name="T27" fmla="*/ 8 h 10"/>
                    <a:gd name="T28" fmla="*/ 3 w 5"/>
                    <a:gd name="T29" fmla="*/ 10 h 10"/>
                    <a:gd name="T30" fmla="*/ 1 w 5"/>
                    <a:gd name="T31" fmla="*/ 10 h 10"/>
                    <a:gd name="T32" fmla="*/ 1 w 5"/>
                    <a:gd name="T33" fmla="*/ 10 h 10"/>
                    <a:gd name="T34" fmla="*/ 1 w 5"/>
                    <a:gd name="T35" fmla="*/ 10 h 10"/>
                    <a:gd name="T36" fmla="*/ 0 w 5"/>
                    <a:gd name="T37" fmla="*/ 8 h 10"/>
                    <a:gd name="T38" fmla="*/ 0 w 5"/>
                    <a:gd name="T39" fmla="*/ 7 h 10"/>
                    <a:gd name="T40" fmla="*/ 0 w 5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5"/>
                    <a:gd name="T64" fmla="*/ 0 h 10"/>
                    <a:gd name="T65" fmla="*/ 5 w 5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5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2"/>
                      </a:lnTo>
                      <a:lnTo>
                        <a:pt x="3" y="3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3" y="8"/>
                      </a:lnTo>
                      <a:lnTo>
                        <a:pt x="3" y="10"/>
                      </a:lnTo>
                      <a:lnTo>
                        <a:pt x="1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18" name="Freeform 29"/>
                <p:cNvSpPr>
                  <a:spLocks/>
                </p:cNvSpPr>
                <p:nvPr/>
              </p:nvSpPr>
              <p:spPr bwMode="auto">
                <a:xfrm>
                  <a:off x="4590" y="3632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2 w 8"/>
                    <a:gd name="T3" fmla="*/ 3 h 10"/>
                    <a:gd name="T4" fmla="*/ 2 w 8"/>
                    <a:gd name="T5" fmla="*/ 0 h 10"/>
                    <a:gd name="T6" fmla="*/ 3 w 8"/>
                    <a:gd name="T7" fmla="*/ 0 h 10"/>
                    <a:gd name="T8" fmla="*/ 5 w 8"/>
                    <a:gd name="T9" fmla="*/ 0 h 10"/>
                    <a:gd name="T10" fmla="*/ 5 w 8"/>
                    <a:gd name="T11" fmla="*/ 0 h 10"/>
                    <a:gd name="T12" fmla="*/ 7 w 8"/>
                    <a:gd name="T13" fmla="*/ 0 h 10"/>
                    <a:gd name="T14" fmla="*/ 8 w 8"/>
                    <a:gd name="T15" fmla="*/ 3 h 10"/>
                    <a:gd name="T16" fmla="*/ 8 w 8"/>
                    <a:gd name="T17" fmla="*/ 5 h 10"/>
                    <a:gd name="T18" fmla="*/ 8 w 8"/>
                    <a:gd name="T19" fmla="*/ 7 h 10"/>
                    <a:gd name="T20" fmla="*/ 7 w 8"/>
                    <a:gd name="T21" fmla="*/ 8 h 10"/>
                    <a:gd name="T22" fmla="*/ 5 w 8"/>
                    <a:gd name="T23" fmla="*/ 10 h 10"/>
                    <a:gd name="T24" fmla="*/ 5 w 8"/>
                    <a:gd name="T25" fmla="*/ 10 h 10"/>
                    <a:gd name="T26" fmla="*/ 3 w 8"/>
                    <a:gd name="T27" fmla="*/ 10 h 10"/>
                    <a:gd name="T28" fmla="*/ 2 w 8"/>
                    <a:gd name="T29" fmla="*/ 8 h 10"/>
                    <a:gd name="T30" fmla="*/ 2 w 8"/>
                    <a:gd name="T31" fmla="*/ 7 h 10"/>
                    <a:gd name="T32" fmla="*/ 0 w 8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10"/>
                    <a:gd name="T53" fmla="*/ 8 w 8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10">
                      <a:moveTo>
                        <a:pt x="0" y="5"/>
                      </a:moveTo>
                      <a:lnTo>
                        <a:pt x="2" y="3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8" y="3"/>
                      </a:lnTo>
                      <a:lnTo>
                        <a:pt x="8" y="5"/>
                      </a:lnTo>
                      <a:lnTo>
                        <a:pt x="8" y="7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8"/>
                      </a:lnTo>
                      <a:lnTo>
                        <a:pt x="2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19" name="Freeform 30"/>
                <p:cNvSpPr>
                  <a:spLocks/>
                </p:cNvSpPr>
                <p:nvPr/>
              </p:nvSpPr>
              <p:spPr bwMode="auto">
                <a:xfrm>
                  <a:off x="4590" y="3632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5 h 10"/>
                    <a:gd name="T4" fmla="*/ 2 w 8"/>
                    <a:gd name="T5" fmla="*/ 3 h 10"/>
                    <a:gd name="T6" fmla="*/ 2 w 8"/>
                    <a:gd name="T7" fmla="*/ 0 h 10"/>
                    <a:gd name="T8" fmla="*/ 3 w 8"/>
                    <a:gd name="T9" fmla="*/ 0 h 10"/>
                    <a:gd name="T10" fmla="*/ 5 w 8"/>
                    <a:gd name="T11" fmla="*/ 0 h 10"/>
                    <a:gd name="T12" fmla="*/ 5 w 8"/>
                    <a:gd name="T13" fmla="*/ 0 h 10"/>
                    <a:gd name="T14" fmla="*/ 5 w 8"/>
                    <a:gd name="T15" fmla="*/ 0 h 10"/>
                    <a:gd name="T16" fmla="*/ 7 w 8"/>
                    <a:gd name="T17" fmla="*/ 0 h 10"/>
                    <a:gd name="T18" fmla="*/ 8 w 8"/>
                    <a:gd name="T19" fmla="*/ 3 h 10"/>
                    <a:gd name="T20" fmla="*/ 8 w 8"/>
                    <a:gd name="T21" fmla="*/ 5 h 10"/>
                    <a:gd name="T22" fmla="*/ 8 w 8"/>
                    <a:gd name="T23" fmla="*/ 5 h 10"/>
                    <a:gd name="T24" fmla="*/ 8 w 8"/>
                    <a:gd name="T25" fmla="*/ 7 h 10"/>
                    <a:gd name="T26" fmla="*/ 7 w 8"/>
                    <a:gd name="T27" fmla="*/ 8 h 10"/>
                    <a:gd name="T28" fmla="*/ 5 w 8"/>
                    <a:gd name="T29" fmla="*/ 10 h 10"/>
                    <a:gd name="T30" fmla="*/ 5 w 8"/>
                    <a:gd name="T31" fmla="*/ 10 h 10"/>
                    <a:gd name="T32" fmla="*/ 5 w 8"/>
                    <a:gd name="T33" fmla="*/ 10 h 10"/>
                    <a:gd name="T34" fmla="*/ 3 w 8"/>
                    <a:gd name="T35" fmla="*/ 10 h 10"/>
                    <a:gd name="T36" fmla="*/ 2 w 8"/>
                    <a:gd name="T37" fmla="*/ 8 h 10"/>
                    <a:gd name="T38" fmla="*/ 2 w 8"/>
                    <a:gd name="T39" fmla="*/ 7 h 10"/>
                    <a:gd name="T40" fmla="*/ 0 w 8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10"/>
                    <a:gd name="T65" fmla="*/ 8 w 8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2" y="3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8" y="3"/>
                      </a:lnTo>
                      <a:lnTo>
                        <a:pt x="8" y="5"/>
                      </a:lnTo>
                      <a:lnTo>
                        <a:pt x="8" y="7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8"/>
                      </a:lnTo>
                      <a:lnTo>
                        <a:pt x="2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20" name="Freeform 31"/>
                <p:cNvSpPr>
                  <a:spLocks/>
                </p:cNvSpPr>
                <p:nvPr/>
              </p:nvSpPr>
              <p:spPr bwMode="auto">
                <a:xfrm>
                  <a:off x="4582" y="3637"/>
                  <a:ext cx="6" cy="8"/>
                </a:xfrm>
                <a:custGeom>
                  <a:avLst/>
                  <a:gdLst>
                    <a:gd name="T0" fmla="*/ 0 w 6"/>
                    <a:gd name="T1" fmla="*/ 3 h 8"/>
                    <a:gd name="T2" fmla="*/ 0 w 6"/>
                    <a:gd name="T3" fmla="*/ 3 h 8"/>
                    <a:gd name="T4" fmla="*/ 0 w 6"/>
                    <a:gd name="T5" fmla="*/ 2 h 8"/>
                    <a:gd name="T6" fmla="*/ 1 w 6"/>
                    <a:gd name="T7" fmla="*/ 0 h 8"/>
                    <a:gd name="T8" fmla="*/ 3 w 6"/>
                    <a:gd name="T9" fmla="*/ 0 h 8"/>
                    <a:gd name="T10" fmla="*/ 5 w 6"/>
                    <a:gd name="T11" fmla="*/ 0 h 8"/>
                    <a:gd name="T12" fmla="*/ 5 w 6"/>
                    <a:gd name="T13" fmla="*/ 2 h 8"/>
                    <a:gd name="T14" fmla="*/ 6 w 6"/>
                    <a:gd name="T15" fmla="*/ 3 h 8"/>
                    <a:gd name="T16" fmla="*/ 6 w 6"/>
                    <a:gd name="T17" fmla="*/ 3 h 8"/>
                    <a:gd name="T18" fmla="*/ 6 w 6"/>
                    <a:gd name="T19" fmla="*/ 5 h 8"/>
                    <a:gd name="T20" fmla="*/ 5 w 6"/>
                    <a:gd name="T21" fmla="*/ 7 h 8"/>
                    <a:gd name="T22" fmla="*/ 5 w 6"/>
                    <a:gd name="T23" fmla="*/ 7 h 8"/>
                    <a:gd name="T24" fmla="*/ 3 w 6"/>
                    <a:gd name="T25" fmla="*/ 8 h 8"/>
                    <a:gd name="T26" fmla="*/ 1 w 6"/>
                    <a:gd name="T27" fmla="*/ 7 h 8"/>
                    <a:gd name="T28" fmla="*/ 0 w 6"/>
                    <a:gd name="T29" fmla="*/ 7 h 8"/>
                    <a:gd name="T30" fmla="*/ 0 w 6"/>
                    <a:gd name="T31" fmla="*/ 5 h 8"/>
                    <a:gd name="T32" fmla="*/ 0 w 6"/>
                    <a:gd name="T33" fmla="*/ 3 h 8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6"/>
                    <a:gd name="T52" fmla="*/ 0 h 8"/>
                    <a:gd name="T53" fmla="*/ 6 w 6"/>
                    <a:gd name="T54" fmla="*/ 8 h 8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6" h="8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5" y="2"/>
                      </a:lnTo>
                      <a:lnTo>
                        <a:pt x="6" y="3"/>
                      </a:lnTo>
                      <a:lnTo>
                        <a:pt x="6" y="5"/>
                      </a:lnTo>
                      <a:lnTo>
                        <a:pt x="5" y="7"/>
                      </a:lnTo>
                      <a:lnTo>
                        <a:pt x="3" y="8"/>
                      </a:lnTo>
                      <a:lnTo>
                        <a:pt x="1" y="7"/>
                      </a:lnTo>
                      <a:lnTo>
                        <a:pt x="0" y="7"/>
                      </a:lnTo>
                      <a:lnTo>
                        <a:pt x="0" y="5"/>
                      </a:lnTo>
                      <a:lnTo>
                        <a:pt x="0" y="3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21" name="Freeform 32"/>
                <p:cNvSpPr>
                  <a:spLocks/>
                </p:cNvSpPr>
                <p:nvPr/>
              </p:nvSpPr>
              <p:spPr bwMode="auto">
                <a:xfrm>
                  <a:off x="4582" y="3637"/>
                  <a:ext cx="6" cy="8"/>
                </a:xfrm>
                <a:custGeom>
                  <a:avLst/>
                  <a:gdLst>
                    <a:gd name="T0" fmla="*/ 0 w 6"/>
                    <a:gd name="T1" fmla="*/ 3 h 8"/>
                    <a:gd name="T2" fmla="*/ 0 w 6"/>
                    <a:gd name="T3" fmla="*/ 3 h 8"/>
                    <a:gd name="T4" fmla="*/ 0 w 6"/>
                    <a:gd name="T5" fmla="*/ 3 h 8"/>
                    <a:gd name="T6" fmla="*/ 0 w 6"/>
                    <a:gd name="T7" fmla="*/ 2 h 8"/>
                    <a:gd name="T8" fmla="*/ 1 w 6"/>
                    <a:gd name="T9" fmla="*/ 0 h 8"/>
                    <a:gd name="T10" fmla="*/ 3 w 6"/>
                    <a:gd name="T11" fmla="*/ 0 h 8"/>
                    <a:gd name="T12" fmla="*/ 3 w 6"/>
                    <a:gd name="T13" fmla="*/ 0 h 8"/>
                    <a:gd name="T14" fmla="*/ 5 w 6"/>
                    <a:gd name="T15" fmla="*/ 0 h 8"/>
                    <a:gd name="T16" fmla="*/ 5 w 6"/>
                    <a:gd name="T17" fmla="*/ 2 h 8"/>
                    <a:gd name="T18" fmla="*/ 6 w 6"/>
                    <a:gd name="T19" fmla="*/ 3 h 8"/>
                    <a:gd name="T20" fmla="*/ 6 w 6"/>
                    <a:gd name="T21" fmla="*/ 3 h 8"/>
                    <a:gd name="T22" fmla="*/ 6 w 6"/>
                    <a:gd name="T23" fmla="*/ 3 h 8"/>
                    <a:gd name="T24" fmla="*/ 6 w 6"/>
                    <a:gd name="T25" fmla="*/ 5 h 8"/>
                    <a:gd name="T26" fmla="*/ 5 w 6"/>
                    <a:gd name="T27" fmla="*/ 7 h 8"/>
                    <a:gd name="T28" fmla="*/ 5 w 6"/>
                    <a:gd name="T29" fmla="*/ 7 h 8"/>
                    <a:gd name="T30" fmla="*/ 3 w 6"/>
                    <a:gd name="T31" fmla="*/ 8 h 8"/>
                    <a:gd name="T32" fmla="*/ 3 w 6"/>
                    <a:gd name="T33" fmla="*/ 8 h 8"/>
                    <a:gd name="T34" fmla="*/ 1 w 6"/>
                    <a:gd name="T35" fmla="*/ 7 h 8"/>
                    <a:gd name="T36" fmla="*/ 0 w 6"/>
                    <a:gd name="T37" fmla="*/ 7 h 8"/>
                    <a:gd name="T38" fmla="*/ 0 w 6"/>
                    <a:gd name="T39" fmla="*/ 5 h 8"/>
                    <a:gd name="T40" fmla="*/ 0 w 6"/>
                    <a:gd name="T41" fmla="*/ 3 h 8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6"/>
                    <a:gd name="T64" fmla="*/ 0 h 8"/>
                    <a:gd name="T65" fmla="*/ 6 w 6"/>
                    <a:gd name="T66" fmla="*/ 8 h 8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6" h="8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5" y="2"/>
                      </a:lnTo>
                      <a:lnTo>
                        <a:pt x="6" y="3"/>
                      </a:lnTo>
                      <a:lnTo>
                        <a:pt x="6" y="5"/>
                      </a:lnTo>
                      <a:lnTo>
                        <a:pt x="5" y="7"/>
                      </a:lnTo>
                      <a:lnTo>
                        <a:pt x="3" y="8"/>
                      </a:lnTo>
                      <a:lnTo>
                        <a:pt x="1" y="7"/>
                      </a:lnTo>
                      <a:lnTo>
                        <a:pt x="0" y="7"/>
                      </a:lnTo>
                      <a:lnTo>
                        <a:pt x="0" y="5"/>
                      </a:lnTo>
                      <a:lnTo>
                        <a:pt x="0" y="3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22" name="Freeform 33"/>
                <p:cNvSpPr>
                  <a:spLocks/>
                </p:cNvSpPr>
                <p:nvPr/>
              </p:nvSpPr>
              <p:spPr bwMode="auto">
                <a:xfrm>
                  <a:off x="4575" y="3644"/>
                  <a:ext cx="3" cy="5"/>
                </a:xfrm>
                <a:custGeom>
                  <a:avLst/>
                  <a:gdLst>
                    <a:gd name="T0" fmla="*/ 0 w 3"/>
                    <a:gd name="T1" fmla="*/ 1 h 5"/>
                    <a:gd name="T2" fmla="*/ 0 w 3"/>
                    <a:gd name="T3" fmla="*/ 1 h 5"/>
                    <a:gd name="T4" fmla="*/ 0 w 3"/>
                    <a:gd name="T5" fmla="*/ 0 h 5"/>
                    <a:gd name="T6" fmla="*/ 1 w 3"/>
                    <a:gd name="T7" fmla="*/ 0 h 5"/>
                    <a:gd name="T8" fmla="*/ 1 w 3"/>
                    <a:gd name="T9" fmla="*/ 0 h 5"/>
                    <a:gd name="T10" fmla="*/ 1 w 3"/>
                    <a:gd name="T11" fmla="*/ 0 h 5"/>
                    <a:gd name="T12" fmla="*/ 3 w 3"/>
                    <a:gd name="T13" fmla="*/ 0 h 5"/>
                    <a:gd name="T14" fmla="*/ 3 w 3"/>
                    <a:gd name="T15" fmla="*/ 1 h 5"/>
                    <a:gd name="T16" fmla="*/ 3 w 3"/>
                    <a:gd name="T17" fmla="*/ 1 h 5"/>
                    <a:gd name="T18" fmla="*/ 3 w 3"/>
                    <a:gd name="T19" fmla="*/ 3 h 5"/>
                    <a:gd name="T20" fmla="*/ 3 w 3"/>
                    <a:gd name="T21" fmla="*/ 5 h 5"/>
                    <a:gd name="T22" fmla="*/ 1 w 3"/>
                    <a:gd name="T23" fmla="*/ 5 h 5"/>
                    <a:gd name="T24" fmla="*/ 1 w 3"/>
                    <a:gd name="T25" fmla="*/ 5 h 5"/>
                    <a:gd name="T26" fmla="*/ 1 w 3"/>
                    <a:gd name="T27" fmla="*/ 5 h 5"/>
                    <a:gd name="T28" fmla="*/ 0 w 3"/>
                    <a:gd name="T29" fmla="*/ 5 h 5"/>
                    <a:gd name="T30" fmla="*/ 0 w 3"/>
                    <a:gd name="T31" fmla="*/ 3 h 5"/>
                    <a:gd name="T32" fmla="*/ 0 w 3"/>
                    <a:gd name="T33" fmla="*/ 1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3"/>
                    <a:gd name="T52" fmla="*/ 0 h 5"/>
                    <a:gd name="T53" fmla="*/ 3 w 3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3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3" y="1"/>
                      </a:lnTo>
                      <a:lnTo>
                        <a:pt x="3" y="3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23" name="Freeform 34"/>
                <p:cNvSpPr>
                  <a:spLocks/>
                </p:cNvSpPr>
                <p:nvPr/>
              </p:nvSpPr>
              <p:spPr bwMode="auto">
                <a:xfrm>
                  <a:off x="4575" y="3644"/>
                  <a:ext cx="3" cy="5"/>
                </a:xfrm>
                <a:custGeom>
                  <a:avLst/>
                  <a:gdLst>
                    <a:gd name="T0" fmla="*/ 0 w 3"/>
                    <a:gd name="T1" fmla="*/ 1 h 5"/>
                    <a:gd name="T2" fmla="*/ 0 w 3"/>
                    <a:gd name="T3" fmla="*/ 1 h 5"/>
                    <a:gd name="T4" fmla="*/ 0 w 3"/>
                    <a:gd name="T5" fmla="*/ 1 h 5"/>
                    <a:gd name="T6" fmla="*/ 0 w 3"/>
                    <a:gd name="T7" fmla="*/ 0 h 5"/>
                    <a:gd name="T8" fmla="*/ 1 w 3"/>
                    <a:gd name="T9" fmla="*/ 0 h 5"/>
                    <a:gd name="T10" fmla="*/ 1 w 3"/>
                    <a:gd name="T11" fmla="*/ 0 h 5"/>
                    <a:gd name="T12" fmla="*/ 1 w 3"/>
                    <a:gd name="T13" fmla="*/ 0 h 5"/>
                    <a:gd name="T14" fmla="*/ 1 w 3"/>
                    <a:gd name="T15" fmla="*/ 0 h 5"/>
                    <a:gd name="T16" fmla="*/ 3 w 3"/>
                    <a:gd name="T17" fmla="*/ 0 h 5"/>
                    <a:gd name="T18" fmla="*/ 3 w 3"/>
                    <a:gd name="T19" fmla="*/ 1 h 5"/>
                    <a:gd name="T20" fmla="*/ 3 w 3"/>
                    <a:gd name="T21" fmla="*/ 1 h 5"/>
                    <a:gd name="T22" fmla="*/ 3 w 3"/>
                    <a:gd name="T23" fmla="*/ 1 h 5"/>
                    <a:gd name="T24" fmla="*/ 3 w 3"/>
                    <a:gd name="T25" fmla="*/ 3 h 5"/>
                    <a:gd name="T26" fmla="*/ 3 w 3"/>
                    <a:gd name="T27" fmla="*/ 5 h 5"/>
                    <a:gd name="T28" fmla="*/ 1 w 3"/>
                    <a:gd name="T29" fmla="*/ 5 h 5"/>
                    <a:gd name="T30" fmla="*/ 1 w 3"/>
                    <a:gd name="T31" fmla="*/ 5 h 5"/>
                    <a:gd name="T32" fmla="*/ 1 w 3"/>
                    <a:gd name="T33" fmla="*/ 5 h 5"/>
                    <a:gd name="T34" fmla="*/ 1 w 3"/>
                    <a:gd name="T35" fmla="*/ 5 h 5"/>
                    <a:gd name="T36" fmla="*/ 0 w 3"/>
                    <a:gd name="T37" fmla="*/ 5 h 5"/>
                    <a:gd name="T38" fmla="*/ 0 w 3"/>
                    <a:gd name="T39" fmla="*/ 3 h 5"/>
                    <a:gd name="T40" fmla="*/ 0 w 3"/>
                    <a:gd name="T41" fmla="*/ 1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3"/>
                    <a:gd name="T64" fmla="*/ 0 h 5"/>
                    <a:gd name="T65" fmla="*/ 3 w 3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3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3" y="1"/>
                      </a:lnTo>
                      <a:lnTo>
                        <a:pt x="3" y="3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24" name="Freeform 35"/>
                <p:cNvSpPr>
                  <a:spLocks/>
                </p:cNvSpPr>
                <p:nvPr/>
              </p:nvSpPr>
              <p:spPr bwMode="auto">
                <a:xfrm>
                  <a:off x="4566" y="3649"/>
                  <a:ext cx="5" cy="5"/>
                </a:xfrm>
                <a:custGeom>
                  <a:avLst/>
                  <a:gdLst>
                    <a:gd name="T0" fmla="*/ 0 w 5"/>
                    <a:gd name="T1" fmla="*/ 3 h 5"/>
                    <a:gd name="T2" fmla="*/ 0 w 5"/>
                    <a:gd name="T3" fmla="*/ 1 h 5"/>
                    <a:gd name="T4" fmla="*/ 2 w 5"/>
                    <a:gd name="T5" fmla="*/ 0 h 5"/>
                    <a:gd name="T6" fmla="*/ 2 w 5"/>
                    <a:gd name="T7" fmla="*/ 0 h 5"/>
                    <a:gd name="T8" fmla="*/ 4 w 5"/>
                    <a:gd name="T9" fmla="*/ 0 h 5"/>
                    <a:gd name="T10" fmla="*/ 4 w 5"/>
                    <a:gd name="T11" fmla="*/ 0 h 5"/>
                    <a:gd name="T12" fmla="*/ 5 w 5"/>
                    <a:gd name="T13" fmla="*/ 0 h 5"/>
                    <a:gd name="T14" fmla="*/ 5 w 5"/>
                    <a:gd name="T15" fmla="*/ 1 h 5"/>
                    <a:gd name="T16" fmla="*/ 5 w 5"/>
                    <a:gd name="T17" fmla="*/ 3 h 5"/>
                    <a:gd name="T18" fmla="*/ 5 w 5"/>
                    <a:gd name="T19" fmla="*/ 3 h 5"/>
                    <a:gd name="T20" fmla="*/ 5 w 5"/>
                    <a:gd name="T21" fmla="*/ 5 h 5"/>
                    <a:gd name="T22" fmla="*/ 4 w 5"/>
                    <a:gd name="T23" fmla="*/ 5 h 5"/>
                    <a:gd name="T24" fmla="*/ 4 w 5"/>
                    <a:gd name="T25" fmla="*/ 5 h 5"/>
                    <a:gd name="T26" fmla="*/ 2 w 5"/>
                    <a:gd name="T27" fmla="*/ 5 h 5"/>
                    <a:gd name="T28" fmla="*/ 2 w 5"/>
                    <a:gd name="T29" fmla="*/ 5 h 5"/>
                    <a:gd name="T30" fmla="*/ 0 w 5"/>
                    <a:gd name="T31" fmla="*/ 3 h 5"/>
                    <a:gd name="T32" fmla="*/ 0 w 5"/>
                    <a:gd name="T33" fmla="*/ 3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5"/>
                    <a:gd name="T52" fmla="*/ 0 h 5"/>
                    <a:gd name="T53" fmla="*/ 5 w 5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5" h="5">
                      <a:moveTo>
                        <a:pt x="0" y="3"/>
                      </a:moveTo>
                      <a:lnTo>
                        <a:pt x="0" y="1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5" y="1"/>
                      </a:lnTo>
                      <a:lnTo>
                        <a:pt x="5" y="3"/>
                      </a:lnTo>
                      <a:lnTo>
                        <a:pt x="5" y="5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3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25" name="Freeform 36"/>
                <p:cNvSpPr>
                  <a:spLocks/>
                </p:cNvSpPr>
                <p:nvPr/>
              </p:nvSpPr>
              <p:spPr bwMode="auto">
                <a:xfrm>
                  <a:off x="4566" y="3649"/>
                  <a:ext cx="5" cy="5"/>
                </a:xfrm>
                <a:custGeom>
                  <a:avLst/>
                  <a:gdLst>
                    <a:gd name="T0" fmla="*/ 0 w 5"/>
                    <a:gd name="T1" fmla="*/ 3 h 5"/>
                    <a:gd name="T2" fmla="*/ 0 w 5"/>
                    <a:gd name="T3" fmla="*/ 3 h 5"/>
                    <a:gd name="T4" fmla="*/ 0 w 5"/>
                    <a:gd name="T5" fmla="*/ 1 h 5"/>
                    <a:gd name="T6" fmla="*/ 2 w 5"/>
                    <a:gd name="T7" fmla="*/ 0 h 5"/>
                    <a:gd name="T8" fmla="*/ 2 w 5"/>
                    <a:gd name="T9" fmla="*/ 0 h 5"/>
                    <a:gd name="T10" fmla="*/ 4 w 5"/>
                    <a:gd name="T11" fmla="*/ 0 h 5"/>
                    <a:gd name="T12" fmla="*/ 4 w 5"/>
                    <a:gd name="T13" fmla="*/ 0 h 5"/>
                    <a:gd name="T14" fmla="*/ 4 w 5"/>
                    <a:gd name="T15" fmla="*/ 0 h 5"/>
                    <a:gd name="T16" fmla="*/ 5 w 5"/>
                    <a:gd name="T17" fmla="*/ 0 h 5"/>
                    <a:gd name="T18" fmla="*/ 5 w 5"/>
                    <a:gd name="T19" fmla="*/ 1 h 5"/>
                    <a:gd name="T20" fmla="*/ 5 w 5"/>
                    <a:gd name="T21" fmla="*/ 3 h 5"/>
                    <a:gd name="T22" fmla="*/ 5 w 5"/>
                    <a:gd name="T23" fmla="*/ 3 h 5"/>
                    <a:gd name="T24" fmla="*/ 5 w 5"/>
                    <a:gd name="T25" fmla="*/ 3 h 5"/>
                    <a:gd name="T26" fmla="*/ 5 w 5"/>
                    <a:gd name="T27" fmla="*/ 5 h 5"/>
                    <a:gd name="T28" fmla="*/ 4 w 5"/>
                    <a:gd name="T29" fmla="*/ 5 h 5"/>
                    <a:gd name="T30" fmla="*/ 4 w 5"/>
                    <a:gd name="T31" fmla="*/ 5 h 5"/>
                    <a:gd name="T32" fmla="*/ 4 w 5"/>
                    <a:gd name="T33" fmla="*/ 5 h 5"/>
                    <a:gd name="T34" fmla="*/ 2 w 5"/>
                    <a:gd name="T35" fmla="*/ 5 h 5"/>
                    <a:gd name="T36" fmla="*/ 2 w 5"/>
                    <a:gd name="T37" fmla="*/ 5 h 5"/>
                    <a:gd name="T38" fmla="*/ 0 w 5"/>
                    <a:gd name="T39" fmla="*/ 3 h 5"/>
                    <a:gd name="T40" fmla="*/ 0 w 5"/>
                    <a:gd name="T41" fmla="*/ 3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5"/>
                    <a:gd name="T64" fmla="*/ 0 h 5"/>
                    <a:gd name="T65" fmla="*/ 5 w 5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5" h="5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5" y="1"/>
                      </a:lnTo>
                      <a:lnTo>
                        <a:pt x="5" y="3"/>
                      </a:lnTo>
                      <a:lnTo>
                        <a:pt x="5" y="5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3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26" name="Freeform 37"/>
                <p:cNvSpPr>
                  <a:spLocks/>
                </p:cNvSpPr>
                <p:nvPr/>
              </p:nvSpPr>
              <p:spPr bwMode="auto">
                <a:xfrm>
                  <a:off x="4560" y="3656"/>
                  <a:ext cx="5" cy="3"/>
                </a:xfrm>
                <a:custGeom>
                  <a:avLst/>
                  <a:gdLst>
                    <a:gd name="T0" fmla="*/ 0 w 5"/>
                    <a:gd name="T1" fmla="*/ 1 h 3"/>
                    <a:gd name="T2" fmla="*/ 0 w 5"/>
                    <a:gd name="T3" fmla="*/ 1 h 3"/>
                    <a:gd name="T4" fmla="*/ 0 w 5"/>
                    <a:gd name="T5" fmla="*/ 0 h 3"/>
                    <a:gd name="T6" fmla="*/ 1 w 5"/>
                    <a:gd name="T7" fmla="*/ 0 h 3"/>
                    <a:gd name="T8" fmla="*/ 1 w 5"/>
                    <a:gd name="T9" fmla="*/ 0 h 3"/>
                    <a:gd name="T10" fmla="*/ 3 w 5"/>
                    <a:gd name="T11" fmla="*/ 0 h 3"/>
                    <a:gd name="T12" fmla="*/ 3 w 5"/>
                    <a:gd name="T13" fmla="*/ 0 h 3"/>
                    <a:gd name="T14" fmla="*/ 5 w 5"/>
                    <a:gd name="T15" fmla="*/ 1 h 3"/>
                    <a:gd name="T16" fmla="*/ 5 w 5"/>
                    <a:gd name="T17" fmla="*/ 1 h 3"/>
                    <a:gd name="T18" fmla="*/ 5 w 5"/>
                    <a:gd name="T19" fmla="*/ 1 h 3"/>
                    <a:gd name="T20" fmla="*/ 3 w 5"/>
                    <a:gd name="T21" fmla="*/ 3 h 3"/>
                    <a:gd name="T22" fmla="*/ 3 w 5"/>
                    <a:gd name="T23" fmla="*/ 3 h 3"/>
                    <a:gd name="T24" fmla="*/ 1 w 5"/>
                    <a:gd name="T25" fmla="*/ 3 h 3"/>
                    <a:gd name="T26" fmla="*/ 1 w 5"/>
                    <a:gd name="T27" fmla="*/ 3 h 3"/>
                    <a:gd name="T28" fmla="*/ 0 w 5"/>
                    <a:gd name="T29" fmla="*/ 3 h 3"/>
                    <a:gd name="T30" fmla="*/ 0 w 5"/>
                    <a:gd name="T31" fmla="*/ 1 h 3"/>
                    <a:gd name="T32" fmla="*/ 0 w 5"/>
                    <a:gd name="T33" fmla="*/ 1 h 3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5"/>
                    <a:gd name="T52" fmla="*/ 0 h 3"/>
                    <a:gd name="T53" fmla="*/ 5 w 5"/>
                    <a:gd name="T54" fmla="*/ 3 h 3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5" h="3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1"/>
                      </a:lnTo>
                      <a:lnTo>
                        <a:pt x="3" y="3"/>
                      </a:lnTo>
                      <a:lnTo>
                        <a:pt x="1" y="3"/>
                      </a:lnTo>
                      <a:lnTo>
                        <a:pt x="0" y="3"/>
                      </a:lnTo>
                      <a:lnTo>
                        <a:pt x="0" y="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27" name="Freeform 38"/>
                <p:cNvSpPr>
                  <a:spLocks/>
                </p:cNvSpPr>
                <p:nvPr/>
              </p:nvSpPr>
              <p:spPr bwMode="auto">
                <a:xfrm>
                  <a:off x="4560" y="3656"/>
                  <a:ext cx="5" cy="3"/>
                </a:xfrm>
                <a:custGeom>
                  <a:avLst/>
                  <a:gdLst>
                    <a:gd name="T0" fmla="*/ 0 w 5"/>
                    <a:gd name="T1" fmla="*/ 1 h 3"/>
                    <a:gd name="T2" fmla="*/ 0 w 5"/>
                    <a:gd name="T3" fmla="*/ 1 h 3"/>
                    <a:gd name="T4" fmla="*/ 0 w 5"/>
                    <a:gd name="T5" fmla="*/ 1 h 3"/>
                    <a:gd name="T6" fmla="*/ 0 w 5"/>
                    <a:gd name="T7" fmla="*/ 0 h 3"/>
                    <a:gd name="T8" fmla="*/ 1 w 5"/>
                    <a:gd name="T9" fmla="*/ 0 h 3"/>
                    <a:gd name="T10" fmla="*/ 1 w 5"/>
                    <a:gd name="T11" fmla="*/ 0 h 3"/>
                    <a:gd name="T12" fmla="*/ 1 w 5"/>
                    <a:gd name="T13" fmla="*/ 0 h 3"/>
                    <a:gd name="T14" fmla="*/ 3 w 5"/>
                    <a:gd name="T15" fmla="*/ 0 h 3"/>
                    <a:gd name="T16" fmla="*/ 3 w 5"/>
                    <a:gd name="T17" fmla="*/ 0 h 3"/>
                    <a:gd name="T18" fmla="*/ 5 w 5"/>
                    <a:gd name="T19" fmla="*/ 1 h 3"/>
                    <a:gd name="T20" fmla="*/ 5 w 5"/>
                    <a:gd name="T21" fmla="*/ 1 h 3"/>
                    <a:gd name="T22" fmla="*/ 5 w 5"/>
                    <a:gd name="T23" fmla="*/ 1 h 3"/>
                    <a:gd name="T24" fmla="*/ 5 w 5"/>
                    <a:gd name="T25" fmla="*/ 1 h 3"/>
                    <a:gd name="T26" fmla="*/ 3 w 5"/>
                    <a:gd name="T27" fmla="*/ 3 h 3"/>
                    <a:gd name="T28" fmla="*/ 3 w 5"/>
                    <a:gd name="T29" fmla="*/ 3 h 3"/>
                    <a:gd name="T30" fmla="*/ 1 w 5"/>
                    <a:gd name="T31" fmla="*/ 3 h 3"/>
                    <a:gd name="T32" fmla="*/ 1 w 5"/>
                    <a:gd name="T33" fmla="*/ 3 h 3"/>
                    <a:gd name="T34" fmla="*/ 1 w 5"/>
                    <a:gd name="T35" fmla="*/ 3 h 3"/>
                    <a:gd name="T36" fmla="*/ 0 w 5"/>
                    <a:gd name="T37" fmla="*/ 3 h 3"/>
                    <a:gd name="T38" fmla="*/ 0 w 5"/>
                    <a:gd name="T39" fmla="*/ 1 h 3"/>
                    <a:gd name="T40" fmla="*/ 0 w 5"/>
                    <a:gd name="T41" fmla="*/ 1 h 3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5"/>
                    <a:gd name="T64" fmla="*/ 0 h 3"/>
                    <a:gd name="T65" fmla="*/ 5 w 5"/>
                    <a:gd name="T66" fmla="*/ 3 h 3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5" h="3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1"/>
                      </a:lnTo>
                      <a:lnTo>
                        <a:pt x="3" y="3"/>
                      </a:lnTo>
                      <a:lnTo>
                        <a:pt x="1" y="3"/>
                      </a:lnTo>
                      <a:lnTo>
                        <a:pt x="0" y="3"/>
                      </a:lnTo>
                      <a:lnTo>
                        <a:pt x="0" y="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28" name="Freeform 39"/>
                <p:cNvSpPr>
                  <a:spLocks/>
                </p:cNvSpPr>
                <p:nvPr/>
              </p:nvSpPr>
              <p:spPr bwMode="auto">
                <a:xfrm>
                  <a:off x="4664" y="3600"/>
                  <a:ext cx="4" cy="5"/>
                </a:xfrm>
                <a:custGeom>
                  <a:avLst/>
                  <a:gdLst>
                    <a:gd name="T0" fmla="*/ 0 w 4"/>
                    <a:gd name="T1" fmla="*/ 1 h 5"/>
                    <a:gd name="T2" fmla="*/ 0 w 4"/>
                    <a:gd name="T3" fmla="*/ 1 h 5"/>
                    <a:gd name="T4" fmla="*/ 0 w 4"/>
                    <a:gd name="T5" fmla="*/ 0 h 5"/>
                    <a:gd name="T6" fmla="*/ 2 w 4"/>
                    <a:gd name="T7" fmla="*/ 0 h 5"/>
                    <a:gd name="T8" fmla="*/ 2 w 4"/>
                    <a:gd name="T9" fmla="*/ 0 h 5"/>
                    <a:gd name="T10" fmla="*/ 2 w 4"/>
                    <a:gd name="T11" fmla="*/ 0 h 5"/>
                    <a:gd name="T12" fmla="*/ 4 w 4"/>
                    <a:gd name="T13" fmla="*/ 0 h 5"/>
                    <a:gd name="T14" fmla="*/ 4 w 4"/>
                    <a:gd name="T15" fmla="*/ 1 h 5"/>
                    <a:gd name="T16" fmla="*/ 4 w 4"/>
                    <a:gd name="T17" fmla="*/ 1 h 5"/>
                    <a:gd name="T18" fmla="*/ 4 w 4"/>
                    <a:gd name="T19" fmla="*/ 3 h 5"/>
                    <a:gd name="T20" fmla="*/ 4 w 4"/>
                    <a:gd name="T21" fmla="*/ 5 h 5"/>
                    <a:gd name="T22" fmla="*/ 2 w 4"/>
                    <a:gd name="T23" fmla="*/ 5 h 5"/>
                    <a:gd name="T24" fmla="*/ 2 w 4"/>
                    <a:gd name="T25" fmla="*/ 5 h 5"/>
                    <a:gd name="T26" fmla="*/ 2 w 4"/>
                    <a:gd name="T27" fmla="*/ 5 h 5"/>
                    <a:gd name="T28" fmla="*/ 0 w 4"/>
                    <a:gd name="T29" fmla="*/ 5 h 5"/>
                    <a:gd name="T30" fmla="*/ 0 w 4"/>
                    <a:gd name="T31" fmla="*/ 3 h 5"/>
                    <a:gd name="T32" fmla="*/ 0 w 4"/>
                    <a:gd name="T33" fmla="*/ 1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4"/>
                    <a:gd name="T52" fmla="*/ 0 h 5"/>
                    <a:gd name="T53" fmla="*/ 4 w 4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4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4" y="1"/>
                      </a:lnTo>
                      <a:lnTo>
                        <a:pt x="4" y="3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29" name="Freeform 40"/>
                <p:cNvSpPr>
                  <a:spLocks/>
                </p:cNvSpPr>
                <p:nvPr/>
              </p:nvSpPr>
              <p:spPr bwMode="auto">
                <a:xfrm>
                  <a:off x="4664" y="3600"/>
                  <a:ext cx="4" cy="5"/>
                </a:xfrm>
                <a:custGeom>
                  <a:avLst/>
                  <a:gdLst>
                    <a:gd name="T0" fmla="*/ 0 w 4"/>
                    <a:gd name="T1" fmla="*/ 1 h 5"/>
                    <a:gd name="T2" fmla="*/ 0 w 4"/>
                    <a:gd name="T3" fmla="*/ 1 h 5"/>
                    <a:gd name="T4" fmla="*/ 0 w 4"/>
                    <a:gd name="T5" fmla="*/ 1 h 5"/>
                    <a:gd name="T6" fmla="*/ 0 w 4"/>
                    <a:gd name="T7" fmla="*/ 0 h 5"/>
                    <a:gd name="T8" fmla="*/ 2 w 4"/>
                    <a:gd name="T9" fmla="*/ 0 h 5"/>
                    <a:gd name="T10" fmla="*/ 2 w 4"/>
                    <a:gd name="T11" fmla="*/ 0 h 5"/>
                    <a:gd name="T12" fmla="*/ 2 w 4"/>
                    <a:gd name="T13" fmla="*/ 0 h 5"/>
                    <a:gd name="T14" fmla="*/ 2 w 4"/>
                    <a:gd name="T15" fmla="*/ 0 h 5"/>
                    <a:gd name="T16" fmla="*/ 4 w 4"/>
                    <a:gd name="T17" fmla="*/ 0 h 5"/>
                    <a:gd name="T18" fmla="*/ 4 w 4"/>
                    <a:gd name="T19" fmla="*/ 1 h 5"/>
                    <a:gd name="T20" fmla="*/ 4 w 4"/>
                    <a:gd name="T21" fmla="*/ 1 h 5"/>
                    <a:gd name="T22" fmla="*/ 4 w 4"/>
                    <a:gd name="T23" fmla="*/ 1 h 5"/>
                    <a:gd name="T24" fmla="*/ 4 w 4"/>
                    <a:gd name="T25" fmla="*/ 3 h 5"/>
                    <a:gd name="T26" fmla="*/ 4 w 4"/>
                    <a:gd name="T27" fmla="*/ 5 h 5"/>
                    <a:gd name="T28" fmla="*/ 2 w 4"/>
                    <a:gd name="T29" fmla="*/ 5 h 5"/>
                    <a:gd name="T30" fmla="*/ 2 w 4"/>
                    <a:gd name="T31" fmla="*/ 5 h 5"/>
                    <a:gd name="T32" fmla="*/ 2 w 4"/>
                    <a:gd name="T33" fmla="*/ 5 h 5"/>
                    <a:gd name="T34" fmla="*/ 2 w 4"/>
                    <a:gd name="T35" fmla="*/ 5 h 5"/>
                    <a:gd name="T36" fmla="*/ 0 w 4"/>
                    <a:gd name="T37" fmla="*/ 5 h 5"/>
                    <a:gd name="T38" fmla="*/ 0 w 4"/>
                    <a:gd name="T39" fmla="*/ 3 h 5"/>
                    <a:gd name="T40" fmla="*/ 0 w 4"/>
                    <a:gd name="T41" fmla="*/ 1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4"/>
                    <a:gd name="T64" fmla="*/ 0 h 5"/>
                    <a:gd name="T65" fmla="*/ 4 w 4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4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4" y="1"/>
                      </a:lnTo>
                      <a:lnTo>
                        <a:pt x="4" y="3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30" name="Freeform 41"/>
                <p:cNvSpPr>
                  <a:spLocks/>
                </p:cNvSpPr>
                <p:nvPr/>
              </p:nvSpPr>
              <p:spPr bwMode="auto">
                <a:xfrm>
                  <a:off x="4653" y="3608"/>
                  <a:ext cx="8" cy="7"/>
                </a:xfrm>
                <a:custGeom>
                  <a:avLst/>
                  <a:gdLst>
                    <a:gd name="T0" fmla="*/ 0 w 8"/>
                    <a:gd name="T1" fmla="*/ 4 h 7"/>
                    <a:gd name="T2" fmla="*/ 0 w 8"/>
                    <a:gd name="T3" fmla="*/ 2 h 7"/>
                    <a:gd name="T4" fmla="*/ 1 w 8"/>
                    <a:gd name="T5" fmla="*/ 2 h 7"/>
                    <a:gd name="T6" fmla="*/ 1 w 8"/>
                    <a:gd name="T7" fmla="*/ 0 h 7"/>
                    <a:gd name="T8" fmla="*/ 3 w 8"/>
                    <a:gd name="T9" fmla="*/ 0 h 7"/>
                    <a:gd name="T10" fmla="*/ 5 w 8"/>
                    <a:gd name="T11" fmla="*/ 0 h 7"/>
                    <a:gd name="T12" fmla="*/ 6 w 8"/>
                    <a:gd name="T13" fmla="*/ 2 h 7"/>
                    <a:gd name="T14" fmla="*/ 6 w 8"/>
                    <a:gd name="T15" fmla="*/ 2 h 7"/>
                    <a:gd name="T16" fmla="*/ 8 w 8"/>
                    <a:gd name="T17" fmla="*/ 4 h 7"/>
                    <a:gd name="T18" fmla="*/ 6 w 8"/>
                    <a:gd name="T19" fmla="*/ 5 h 7"/>
                    <a:gd name="T20" fmla="*/ 6 w 8"/>
                    <a:gd name="T21" fmla="*/ 5 h 7"/>
                    <a:gd name="T22" fmla="*/ 5 w 8"/>
                    <a:gd name="T23" fmla="*/ 5 h 7"/>
                    <a:gd name="T24" fmla="*/ 3 w 8"/>
                    <a:gd name="T25" fmla="*/ 7 h 7"/>
                    <a:gd name="T26" fmla="*/ 1 w 8"/>
                    <a:gd name="T27" fmla="*/ 5 h 7"/>
                    <a:gd name="T28" fmla="*/ 1 w 8"/>
                    <a:gd name="T29" fmla="*/ 5 h 7"/>
                    <a:gd name="T30" fmla="*/ 0 w 8"/>
                    <a:gd name="T31" fmla="*/ 5 h 7"/>
                    <a:gd name="T32" fmla="*/ 0 w 8"/>
                    <a:gd name="T33" fmla="*/ 4 h 7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7"/>
                    <a:gd name="T53" fmla="*/ 8 w 8"/>
                    <a:gd name="T54" fmla="*/ 7 h 7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7">
                      <a:moveTo>
                        <a:pt x="0" y="4"/>
                      </a:move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6" y="2"/>
                      </a:lnTo>
                      <a:lnTo>
                        <a:pt x="8" y="4"/>
                      </a:lnTo>
                      <a:lnTo>
                        <a:pt x="6" y="5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4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31" name="Freeform 42"/>
                <p:cNvSpPr>
                  <a:spLocks/>
                </p:cNvSpPr>
                <p:nvPr/>
              </p:nvSpPr>
              <p:spPr bwMode="auto">
                <a:xfrm>
                  <a:off x="4653" y="3608"/>
                  <a:ext cx="8" cy="7"/>
                </a:xfrm>
                <a:custGeom>
                  <a:avLst/>
                  <a:gdLst>
                    <a:gd name="T0" fmla="*/ 0 w 8"/>
                    <a:gd name="T1" fmla="*/ 4 h 7"/>
                    <a:gd name="T2" fmla="*/ 0 w 8"/>
                    <a:gd name="T3" fmla="*/ 4 h 7"/>
                    <a:gd name="T4" fmla="*/ 0 w 8"/>
                    <a:gd name="T5" fmla="*/ 2 h 7"/>
                    <a:gd name="T6" fmla="*/ 1 w 8"/>
                    <a:gd name="T7" fmla="*/ 2 h 7"/>
                    <a:gd name="T8" fmla="*/ 1 w 8"/>
                    <a:gd name="T9" fmla="*/ 0 h 7"/>
                    <a:gd name="T10" fmla="*/ 3 w 8"/>
                    <a:gd name="T11" fmla="*/ 0 h 7"/>
                    <a:gd name="T12" fmla="*/ 3 w 8"/>
                    <a:gd name="T13" fmla="*/ 0 h 7"/>
                    <a:gd name="T14" fmla="*/ 5 w 8"/>
                    <a:gd name="T15" fmla="*/ 0 h 7"/>
                    <a:gd name="T16" fmla="*/ 6 w 8"/>
                    <a:gd name="T17" fmla="*/ 2 h 7"/>
                    <a:gd name="T18" fmla="*/ 6 w 8"/>
                    <a:gd name="T19" fmla="*/ 2 h 7"/>
                    <a:gd name="T20" fmla="*/ 8 w 8"/>
                    <a:gd name="T21" fmla="*/ 4 h 7"/>
                    <a:gd name="T22" fmla="*/ 8 w 8"/>
                    <a:gd name="T23" fmla="*/ 4 h 7"/>
                    <a:gd name="T24" fmla="*/ 6 w 8"/>
                    <a:gd name="T25" fmla="*/ 5 h 7"/>
                    <a:gd name="T26" fmla="*/ 6 w 8"/>
                    <a:gd name="T27" fmla="*/ 5 h 7"/>
                    <a:gd name="T28" fmla="*/ 5 w 8"/>
                    <a:gd name="T29" fmla="*/ 5 h 7"/>
                    <a:gd name="T30" fmla="*/ 3 w 8"/>
                    <a:gd name="T31" fmla="*/ 7 h 7"/>
                    <a:gd name="T32" fmla="*/ 3 w 8"/>
                    <a:gd name="T33" fmla="*/ 7 h 7"/>
                    <a:gd name="T34" fmla="*/ 1 w 8"/>
                    <a:gd name="T35" fmla="*/ 5 h 7"/>
                    <a:gd name="T36" fmla="*/ 1 w 8"/>
                    <a:gd name="T37" fmla="*/ 5 h 7"/>
                    <a:gd name="T38" fmla="*/ 0 w 8"/>
                    <a:gd name="T39" fmla="*/ 5 h 7"/>
                    <a:gd name="T40" fmla="*/ 0 w 8"/>
                    <a:gd name="T41" fmla="*/ 4 h 7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7"/>
                    <a:gd name="T65" fmla="*/ 8 w 8"/>
                    <a:gd name="T66" fmla="*/ 7 h 7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7">
                      <a:moveTo>
                        <a:pt x="0" y="4"/>
                      </a:moveTo>
                      <a:lnTo>
                        <a:pt x="0" y="4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6" y="2"/>
                      </a:lnTo>
                      <a:lnTo>
                        <a:pt x="8" y="4"/>
                      </a:lnTo>
                      <a:lnTo>
                        <a:pt x="6" y="5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4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32" name="Freeform 43"/>
                <p:cNvSpPr>
                  <a:spLocks/>
                </p:cNvSpPr>
                <p:nvPr/>
              </p:nvSpPr>
              <p:spPr bwMode="auto">
                <a:xfrm>
                  <a:off x="4626" y="3627"/>
                  <a:ext cx="8" cy="5"/>
                </a:xfrm>
                <a:custGeom>
                  <a:avLst/>
                  <a:gdLst>
                    <a:gd name="T0" fmla="*/ 0 w 8"/>
                    <a:gd name="T1" fmla="*/ 3 h 5"/>
                    <a:gd name="T2" fmla="*/ 0 w 8"/>
                    <a:gd name="T3" fmla="*/ 1 h 5"/>
                    <a:gd name="T4" fmla="*/ 0 w 8"/>
                    <a:gd name="T5" fmla="*/ 0 h 5"/>
                    <a:gd name="T6" fmla="*/ 1 w 8"/>
                    <a:gd name="T7" fmla="*/ 0 h 5"/>
                    <a:gd name="T8" fmla="*/ 3 w 8"/>
                    <a:gd name="T9" fmla="*/ 0 h 5"/>
                    <a:gd name="T10" fmla="*/ 6 w 8"/>
                    <a:gd name="T11" fmla="*/ 0 h 5"/>
                    <a:gd name="T12" fmla="*/ 6 w 8"/>
                    <a:gd name="T13" fmla="*/ 0 h 5"/>
                    <a:gd name="T14" fmla="*/ 8 w 8"/>
                    <a:gd name="T15" fmla="*/ 1 h 5"/>
                    <a:gd name="T16" fmla="*/ 8 w 8"/>
                    <a:gd name="T17" fmla="*/ 3 h 5"/>
                    <a:gd name="T18" fmla="*/ 8 w 8"/>
                    <a:gd name="T19" fmla="*/ 3 h 5"/>
                    <a:gd name="T20" fmla="*/ 6 w 8"/>
                    <a:gd name="T21" fmla="*/ 5 h 5"/>
                    <a:gd name="T22" fmla="*/ 6 w 8"/>
                    <a:gd name="T23" fmla="*/ 5 h 5"/>
                    <a:gd name="T24" fmla="*/ 3 w 8"/>
                    <a:gd name="T25" fmla="*/ 5 h 5"/>
                    <a:gd name="T26" fmla="*/ 1 w 8"/>
                    <a:gd name="T27" fmla="*/ 5 h 5"/>
                    <a:gd name="T28" fmla="*/ 0 w 8"/>
                    <a:gd name="T29" fmla="*/ 5 h 5"/>
                    <a:gd name="T30" fmla="*/ 0 w 8"/>
                    <a:gd name="T31" fmla="*/ 3 h 5"/>
                    <a:gd name="T32" fmla="*/ 0 w 8"/>
                    <a:gd name="T33" fmla="*/ 3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5"/>
                    <a:gd name="T53" fmla="*/ 8 w 8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5">
                      <a:moveTo>
                        <a:pt x="0" y="3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6" y="0"/>
                      </a:lnTo>
                      <a:lnTo>
                        <a:pt x="8" y="1"/>
                      </a:lnTo>
                      <a:lnTo>
                        <a:pt x="8" y="3"/>
                      </a:lnTo>
                      <a:lnTo>
                        <a:pt x="6" y="5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33" name="Freeform 44"/>
                <p:cNvSpPr>
                  <a:spLocks/>
                </p:cNvSpPr>
                <p:nvPr/>
              </p:nvSpPr>
              <p:spPr bwMode="auto">
                <a:xfrm>
                  <a:off x="4626" y="3627"/>
                  <a:ext cx="8" cy="5"/>
                </a:xfrm>
                <a:custGeom>
                  <a:avLst/>
                  <a:gdLst>
                    <a:gd name="T0" fmla="*/ 0 w 8"/>
                    <a:gd name="T1" fmla="*/ 3 h 5"/>
                    <a:gd name="T2" fmla="*/ 0 w 8"/>
                    <a:gd name="T3" fmla="*/ 3 h 5"/>
                    <a:gd name="T4" fmla="*/ 0 w 8"/>
                    <a:gd name="T5" fmla="*/ 1 h 5"/>
                    <a:gd name="T6" fmla="*/ 0 w 8"/>
                    <a:gd name="T7" fmla="*/ 0 h 5"/>
                    <a:gd name="T8" fmla="*/ 1 w 8"/>
                    <a:gd name="T9" fmla="*/ 0 h 5"/>
                    <a:gd name="T10" fmla="*/ 3 w 8"/>
                    <a:gd name="T11" fmla="*/ 0 h 5"/>
                    <a:gd name="T12" fmla="*/ 3 w 8"/>
                    <a:gd name="T13" fmla="*/ 0 h 5"/>
                    <a:gd name="T14" fmla="*/ 6 w 8"/>
                    <a:gd name="T15" fmla="*/ 0 h 5"/>
                    <a:gd name="T16" fmla="*/ 6 w 8"/>
                    <a:gd name="T17" fmla="*/ 0 h 5"/>
                    <a:gd name="T18" fmla="*/ 8 w 8"/>
                    <a:gd name="T19" fmla="*/ 1 h 5"/>
                    <a:gd name="T20" fmla="*/ 8 w 8"/>
                    <a:gd name="T21" fmla="*/ 3 h 5"/>
                    <a:gd name="T22" fmla="*/ 8 w 8"/>
                    <a:gd name="T23" fmla="*/ 3 h 5"/>
                    <a:gd name="T24" fmla="*/ 8 w 8"/>
                    <a:gd name="T25" fmla="*/ 3 h 5"/>
                    <a:gd name="T26" fmla="*/ 6 w 8"/>
                    <a:gd name="T27" fmla="*/ 5 h 5"/>
                    <a:gd name="T28" fmla="*/ 6 w 8"/>
                    <a:gd name="T29" fmla="*/ 5 h 5"/>
                    <a:gd name="T30" fmla="*/ 3 w 8"/>
                    <a:gd name="T31" fmla="*/ 5 h 5"/>
                    <a:gd name="T32" fmla="*/ 3 w 8"/>
                    <a:gd name="T33" fmla="*/ 5 h 5"/>
                    <a:gd name="T34" fmla="*/ 1 w 8"/>
                    <a:gd name="T35" fmla="*/ 5 h 5"/>
                    <a:gd name="T36" fmla="*/ 0 w 8"/>
                    <a:gd name="T37" fmla="*/ 5 h 5"/>
                    <a:gd name="T38" fmla="*/ 0 w 8"/>
                    <a:gd name="T39" fmla="*/ 3 h 5"/>
                    <a:gd name="T40" fmla="*/ 0 w 8"/>
                    <a:gd name="T41" fmla="*/ 3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5"/>
                    <a:gd name="T65" fmla="*/ 8 w 8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5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6" y="0"/>
                      </a:lnTo>
                      <a:lnTo>
                        <a:pt x="8" y="1"/>
                      </a:lnTo>
                      <a:lnTo>
                        <a:pt x="8" y="3"/>
                      </a:lnTo>
                      <a:lnTo>
                        <a:pt x="6" y="5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</p:grpSp>
          <p:sp>
            <p:nvSpPr>
              <p:cNvPr id="701" name="Freeform 45"/>
              <p:cNvSpPr>
                <a:spLocks/>
              </p:cNvSpPr>
              <p:nvPr/>
            </p:nvSpPr>
            <p:spPr bwMode="auto">
              <a:xfrm>
                <a:off x="3079" y="1947"/>
                <a:ext cx="384" cy="676"/>
              </a:xfrm>
              <a:custGeom>
                <a:avLst/>
                <a:gdLst>
                  <a:gd name="T0" fmla="*/ 192 w 395"/>
                  <a:gd name="T1" fmla="*/ 439 h 697"/>
                  <a:gd name="T2" fmla="*/ 218 w 395"/>
                  <a:gd name="T3" fmla="*/ 444 h 697"/>
                  <a:gd name="T4" fmla="*/ 212 w 395"/>
                  <a:gd name="T5" fmla="*/ 429 h 697"/>
                  <a:gd name="T6" fmla="*/ 227 w 395"/>
                  <a:gd name="T7" fmla="*/ 415 h 697"/>
                  <a:gd name="T8" fmla="*/ 238 w 395"/>
                  <a:gd name="T9" fmla="*/ 406 h 697"/>
                  <a:gd name="T10" fmla="*/ 235 w 395"/>
                  <a:gd name="T11" fmla="*/ 393 h 697"/>
                  <a:gd name="T12" fmla="*/ 240 w 395"/>
                  <a:gd name="T13" fmla="*/ 386 h 697"/>
                  <a:gd name="T14" fmla="*/ 238 w 395"/>
                  <a:gd name="T15" fmla="*/ 370 h 697"/>
                  <a:gd name="T16" fmla="*/ 242 w 395"/>
                  <a:gd name="T17" fmla="*/ 359 h 697"/>
                  <a:gd name="T18" fmla="*/ 244 w 395"/>
                  <a:gd name="T19" fmla="*/ 345 h 697"/>
                  <a:gd name="T20" fmla="*/ 260 w 395"/>
                  <a:gd name="T21" fmla="*/ 318 h 697"/>
                  <a:gd name="T22" fmla="*/ 265 w 395"/>
                  <a:gd name="T23" fmla="*/ 308 h 697"/>
                  <a:gd name="T24" fmla="*/ 258 w 395"/>
                  <a:gd name="T25" fmla="*/ 279 h 697"/>
                  <a:gd name="T26" fmla="*/ 258 w 395"/>
                  <a:gd name="T27" fmla="*/ 254 h 697"/>
                  <a:gd name="T28" fmla="*/ 257 w 395"/>
                  <a:gd name="T29" fmla="*/ 230 h 697"/>
                  <a:gd name="T30" fmla="*/ 254 w 395"/>
                  <a:gd name="T31" fmla="*/ 185 h 697"/>
                  <a:gd name="T32" fmla="*/ 249 w 395"/>
                  <a:gd name="T33" fmla="*/ 131 h 697"/>
                  <a:gd name="T34" fmla="*/ 244 w 395"/>
                  <a:gd name="T35" fmla="*/ 86 h 697"/>
                  <a:gd name="T36" fmla="*/ 242 w 395"/>
                  <a:gd name="T37" fmla="*/ 63 h 697"/>
                  <a:gd name="T38" fmla="*/ 233 w 395"/>
                  <a:gd name="T39" fmla="*/ 45 h 697"/>
                  <a:gd name="T40" fmla="*/ 230 w 395"/>
                  <a:gd name="T41" fmla="*/ 37 h 697"/>
                  <a:gd name="T42" fmla="*/ 219 w 395"/>
                  <a:gd name="T43" fmla="*/ 16 h 697"/>
                  <a:gd name="T44" fmla="*/ 45 w 395"/>
                  <a:gd name="T45" fmla="*/ 16 h 697"/>
                  <a:gd name="T46" fmla="*/ 49 w 395"/>
                  <a:gd name="T47" fmla="*/ 16 h 697"/>
                  <a:gd name="T48" fmla="*/ 61 w 395"/>
                  <a:gd name="T49" fmla="*/ 31 h 697"/>
                  <a:gd name="T50" fmla="*/ 68 w 395"/>
                  <a:gd name="T51" fmla="*/ 39 h 697"/>
                  <a:gd name="T52" fmla="*/ 77 w 395"/>
                  <a:gd name="T53" fmla="*/ 55 h 697"/>
                  <a:gd name="T54" fmla="*/ 67 w 395"/>
                  <a:gd name="T55" fmla="*/ 72 h 697"/>
                  <a:gd name="T56" fmla="*/ 66 w 395"/>
                  <a:gd name="T57" fmla="*/ 88 h 697"/>
                  <a:gd name="T58" fmla="*/ 51 w 395"/>
                  <a:gd name="T59" fmla="*/ 93 h 697"/>
                  <a:gd name="T60" fmla="*/ 47 w 395"/>
                  <a:gd name="T61" fmla="*/ 98 h 697"/>
                  <a:gd name="T62" fmla="*/ 20 w 395"/>
                  <a:gd name="T63" fmla="*/ 107 h 697"/>
                  <a:gd name="T64" fmla="*/ 34 w 395"/>
                  <a:gd name="T65" fmla="*/ 133 h 697"/>
                  <a:gd name="T66" fmla="*/ 27 w 395"/>
                  <a:gd name="T67" fmla="*/ 147 h 697"/>
                  <a:gd name="T68" fmla="*/ 22 w 395"/>
                  <a:gd name="T69" fmla="*/ 157 h 697"/>
                  <a:gd name="T70" fmla="*/ 18 w 395"/>
                  <a:gd name="T71" fmla="*/ 164 h 697"/>
                  <a:gd name="T72" fmla="*/ 9 w 395"/>
                  <a:gd name="T73" fmla="*/ 172 h 697"/>
                  <a:gd name="T74" fmla="*/ 14 w 395"/>
                  <a:gd name="T75" fmla="*/ 180 h 697"/>
                  <a:gd name="T76" fmla="*/ 7 w 395"/>
                  <a:gd name="T77" fmla="*/ 190 h 697"/>
                  <a:gd name="T78" fmla="*/ 2 w 395"/>
                  <a:gd name="T79" fmla="*/ 198 h 697"/>
                  <a:gd name="T80" fmla="*/ 7 w 395"/>
                  <a:gd name="T81" fmla="*/ 229 h 697"/>
                  <a:gd name="T82" fmla="*/ 42 w 395"/>
                  <a:gd name="T83" fmla="*/ 268 h 697"/>
                  <a:gd name="T84" fmla="*/ 54 w 395"/>
                  <a:gd name="T85" fmla="*/ 280 h 697"/>
                  <a:gd name="T86" fmla="*/ 63 w 395"/>
                  <a:gd name="T87" fmla="*/ 308 h 697"/>
                  <a:gd name="T88" fmla="*/ 79 w 395"/>
                  <a:gd name="T89" fmla="*/ 301 h 697"/>
                  <a:gd name="T90" fmla="*/ 95 w 395"/>
                  <a:gd name="T91" fmla="*/ 314 h 697"/>
                  <a:gd name="T92" fmla="*/ 87 w 395"/>
                  <a:gd name="T93" fmla="*/ 340 h 697"/>
                  <a:gd name="T94" fmla="*/ 84 w 395"/>
                  <a:gd name="T95" fmla="*/ 356 h 697"/>
                  <a:gd name="T96" fmla="*/ 108 w 395"/>
                  <a:gd name="T97" fmla="*/ 378 h 697"/>
                  <a:gd name="T98" fmla="*/ 113 w 395"/>
                  <a:gd name="T99" fmla="*/ 380 h 697"/>
                  <a:gd name="T100" fmla="*/ 149 w 395"/>
                  <a:gd name="T101" fmla="*/ 422 h 697"/>
                  <a:gd name="T102" fmla="*/ 159 w 395"/>
                  <a:gd name="T103" fmla="*/ 455 h 697"/>
                  <a:gd name="T104" fmla="*/ 162 w 395"/>
                  <a:gd name="T105" fmla="*/ 448 h 697"/>
                  <a:gd name="T106" fmla="*/ 170 w 395"/>
                  <a:gd name="T107" fmla="*/ 444 h 697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395"/>
                  <a:gd name="T163" fmla="*/ 0 h 697"/>
                  <a:gd name="T164" fmla="*/ 395 w 395"/>
                  <a:gd name="T165" fmla="*/ 697 h 697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395" h="697">
                    <a:moveTo>
                      <a:pt x="258" y="678"/>
                    </a:moveTo>
                    <a:lnTo>
                      <a:pt x="264" y="672"/>
                    </a:lnTo>
                    <a:lnTo>
                      <a:pt x="269" y="668"/>
                    </a:lnTo>
                    <a:lnTo>
                      <a:pt x="274" y="668"/>
                    </a:lnTo>
                    <a:lnTo>
                      <a:pt x="280" y="668"/>
                    </a:lnTo>
                    <a:lnTo>
                      <a:pt x="285" y="672"/>
                    </a:lnTo>
                    <a:lnTo>
                      <a:pt x="288" y="673"/>
                    </a:lnTo>
                    <a:lnTo>
                      <a:pt x="291" y="677"/>
                    </a:lnTo>
                    <a:lnTo>
                      <a:pt x="295" y="678"/>
                    </a:lnTo>
                    <a:lnTo>
                      <a:pt x="308" y="683"/>
                    </a:lnTo>
                    <a:lnTo>
                      <a:pt x="318" y="685"/>
                    </a:lnTo>
                    <a:lnTo>
                      <a:pt x="324" y="683"/>
                    </a:lnTo>
                    <a:lnTo>
                      <a:pt x="325" y="680"/>
                    </a:lnTo>
                    <a:lnTo>
                      <a:pt x="324" y="677"/>
                    </a:lnTo>
                    <a:lnTo>
                      <a:pt x="324" y="673"/>
                    </a:lnTo>
                    <a:lnTo>
                      <a:pt x="320" y="670"/>
                    </a:lnTo>
                    <a:lnTo>
                      <a:pt x="320" y="668"/>
                    </a:lnTo>
                    <a:lnTo>
                      <a:pt x="315" y="660"/>
                    </a:lnTo>
                    <a:lnTo>
                      <a:pt x="315" y="651"/>
                    </a:lnTo>
                    <a:lnTo>
                      <a:pt x="317" y="646"/>
                    </a:lnTo>
                    <a:lnTo>
                      <a:pt x="322" y="641"/>
                    </a:lnTo>
                    <a:lnTo>
                      <a:pt x="327" y="639"/>
                    </a:lnTo>
                    <a:lnTo>
                      <a:pt x="332" y="636"/>
                    </a:lnTo>
                    <a:lnTo>
                      <a:pt x="337" y="636"/>
                    </a:lnTo>
                    <a:lnTo>
                      <a:pt x="339" y="636"/>
                    </a:lnTo>
                    <a:lnTo>
                      <a:pt x="347" y="634"/>
                    </a:lnTo>
                    <a:lnTo>
                      <a:pt x="354" y="633"/>
                    </a:lnTo>
                    <a:lnTo>
                      <a:pt x="356" y="631"/>
                    </a:lnTo>
                    <a:lnTo>
                      <a:pt x="356" y="628"/>
                    </a:lnTo>
                    <a:lnTo>
                      <a:pt x="354" y="624"/>
                    </a:lnTo>
                    <a:lnTo>
                      <a:pt x="354" y="622"/>
                    </a:lnTo>
                    <a:lnTo>
                      <a:pt x="352" y="621"/>
                    </a:lnTo>
                    <a:lnTo>
                      <a:pt x="351" y="619"/>
                    </a:lnTo>
                    <a:lnTo>
                      <a:pt x="347" y="614"/>
                    </a:lnTo>
                    <a:lnTo>
                      <a:pt x="349" y="606"/>
                    </a:lnTo>
                    <a:lnTo>
                      <a:pt x="349" y="604"/>
                    </a:lnTo>
                    <a:lnTo>
                      <a:pt x="351" y="602"/>
                    </a:lnTo>
                    <a:lnTo>
                      <a:pt x="352" y="600"/>
                    </a:lnTo>
                    <a:lnTo>
                      <a:pt x="354" y="597"/>
                    </a:lnTo>
                    <a:lnTo>
                      <a:pt x="354" y="595"/>
                    </a:lnTo>
                    <a:lnTo>
                      <a:pt x="356" y="594"/>
                    </a:lnTo>
                    <a:lnTo>
                      <a:pt x="356" y="592"/>
                    </a:lnTo>
                    <a:lnTo>
                      <a:pt x="356" y="590"/>
                    </a:lnTo>
                    <a:lnTo>
                      <a:pt x="352" y="585"/>
                    </a:lnTo>
                    <a:lnTo>
                      <a:pt x="351" y="580"/>
                    </a:lnTo>
                    <a:lnTo>
                      <a:pt x="351" y="575"/>
                    </a:lnTo>
                    <a:lnTo>
                      <a:pt x="351" y="572"/>
                    </a:lnTo>
                    <a:lnTo>
                      <a:pt x="354" y="568"/>
                    </a:lnTo>
                    <a:lnTo>
                      <a:pt x="356" y="567"/>
                    </a:lnTo>
                    <a:lnTo>
                      <a:pt x="356" y="565"/>
                    </a:lnTo>
                    <a:lnTo>
                      <a:pt x="357" y="565"/>
                    </a:lnTo>
                    <a:lnTo>
                      <a:pt x="359" y="555"/>
                    </a:lnTo>
                    <a:lnTo>
                      <a:pt x="359" y="553"/>
                    </a:lnTo>
                    <a:lnTo>
                      <a:pt x="359" y="551"/>
                    </a:lnTo>
                    <a:lnTo>
                      <a:pt x="359" y="548"/>
                    </a:lnTo>
                    <a:lnTo>
                      <a:pt x="361" y="543"/>
                    </a:lnTo>
                    <a:lnTo>
                      <a:pt x="361" y="540"/>
                    </a:lnTo>
                    <a:lnTo>
                      <a:pt x="362" y="536"/>
                    </a:lnTo>
                    <a:lnTo>
                      <a:pt x="362" y="533"/>
                    </a:lnTo>
                    <a:lnTo>
                      <a:pt x="362" y="531"/>
                    </a:lnTo>
                    <a:lnTo>
                      <a:pt x="369" y="526"/>
                    </a:lnTo>
                    <a:lnTo>
                      <a:pt x="374" y="518"/>
                    </a:lnTo>
                    <a:lnTo>
                      <a:pt x="378" y="509"/>
                    </a:lnTo>
                    <a:lnTo>
                      <a:pt x="381" y="502"/>
                    </a:lnTo>
                    <a:lnTo>
                      <a:pt x="384" y="494"/>
                    </a:lnTo>
                    <a:lnTo>
                      <a:pt x="386" y="489"/>
                    </a:lnTo>
                    <a:lnTo>
                      <a:pt x="388" y="484"/>
                    </a:lnTo>
                    <a:lnTo>
                      <a:pt x="388" y="482"/>
                    </a:lnTo>
                    <a:lnTo>
                      <a:pt x="390" y="479"/>
                    </a:lnTo>
                    <a:lnTo>
                      <a:pt x="391" y="475"/>
                    </a:lnTo>
                    <a:lnTo>
                      <a:pt x="393" y="474"/>
                    </a:lnTo>
                    <a:lnTo>
                      <a:pt x="395" y="463"/>
                    </a:lnTo>
                    <a:lnTo>
                      <a:pt x="395" y="455"/>
                    </a:lnTo>
                    <a:lnTo>
                      <a:pt x="393" y="446"/>
                    </a:lnTo>
                    <a:lnTo>
                      <a:pt x="390" y="440"/>
                    </a:lnTo>
                    <a:lnTo>
                      <a:pt x="388" y="433"/>
                    </a:lnTo>
                    <a:lnTo>
                      <a:pt x="384" y="428"/>
                    </a:lnTo>
                    <a:lnTo>
                      <a:pt x="383" y="424"/>
                    </a:lnTo>
                    <a:lnTo>
                      <a:pt x="381" y="423"/>
                    </a:lnTo>
                    <a:lnTo>
                      <a:pt x="381" y="419"/>
                    </a:lnTo>
                    <a:lnTo>
                      <a:pt x="381" y="396"/>
                    </a:lnTo>
                    <a:lnTo>
                      <a:pt x="384" y="391"/>
                    </a:lnTo>
                    <a:lnTo>
                      <a:pt x="384" y="389"/>
                    </a:lnTo>
                    <a:lnTo>
                      <a:pt x="384" y="387"/>
                    </a:lnTo>
                    <a:lnTo>
                      <a:pt x="384" y="382"/>
                    </a:lnTo>
                    <a:lnTo>
                      <a:pt x="383" y="377"/>
                    </a:lnTo>
                    <a:lnTo>
                      <a:pt x="383" y="370"/>
                    </a:lnTo>
                    <a:lnTo>
                      <a:pt x="383" y="362"/>
                    </a:lnTo>
                    <a:lnTo>
                      <a:pt x="381" y="353"/>
                    </a:lnTo>
                    <a:lnTo>
                      <a:pt x="381" y="343"/>
                    </a:lnTo>
                    <a:lnTo>
                      <a:pt x="379" y="333"/>
                    </a:lnTo>
                    <a:lnTo>
                      <a:pt x="379" y="321"/>
                    </a:lnTo>
                    <a:lnTo>
                      <a:pt x="378" y="309"/>
                    </a:lnTo>
                    <a:lnTo>
                      <a:pt x="376" y="296"/>
                    </a:lnTo>
                    <a:lnTo>
                      <a:pt x="376" y="284"/>
                    </a:lnTo>
                    <a:lnTo>
                      <a:pt x="374" y="270"/>
                    </a:lnTo>
                    <a:lnTo>
                      <a:pt x="373" y="257"/>
                    </a:lnTo>
                    <a:lnTo>
                      <a:pt x="373" y="243"/>
                    </a:lnTo>
                    <a:lnTo>
                      <a:pt x="371" y="228"/>
                    </a:lnTo>
                    <a:lnTo>
                      <a:pt x="369" y="215"/>
                    </a:lnTo>
                    <a:lnTo>
                      <a:pt x="369" y="201"/>
                    </a:lnTo>
                    <a:lnTo>
                      <a:pt x="368" y="189"/>
                    </a:lnTo>
                    <a:lnTo>
                      <a:pt x="366" y="176"/>
                    </a:lnTo>
                    <a:lnTo>
                      <a:pt x="366" y="164"/>
                    </a:lnTo>
                    <a:lnTo>
                      <a:pt x="364" y="152"/>
                    </a:lnTo>
                    <a:lnTo>
                      <a:pt x="364" y="142"/>
                    </a:lnTo>
                    <a:lnTo>
                      <a:pt x="362" y="132"/>
                    </a:lnTo>
                    <a:lnTo>
                      <a:pt x="362" y="122"/>
                    </a:lnTo>
                    <a:lnTo>
                      <a:pt x="361" y="115"/>
                    </a:lnTo>
                    <a:lnTo>
                      <a:pt x="361" y="108"/>
                    </a:lnTo>
                    <a:lnTo>
                      <a:pt x="361" y="103"/>
                    </a:lnTo>
                    <a:lnTo>
                      <a:pt x="359" y="98"/>
                    </a:lnTo>
                    <a:lnTo>
                      <a:pt x="359" y="96"/>
                    </a:lnTo>
                    <a:lnTo>
                      <a:pt x="359" y="94"/>
                    </a:lnTo>
                    <a:lnTo>
                      <a:pt x="354" y="89"/>
                    </a:lnTo>
                    <a:lnTo>
                      <a:pt x="351" y="84"/>
                    </a:lnTo>
                    <a:lnTo>
                      <a:pt x="349" y="79"/>
                    </a:lnTo>
                    <a:lnTo>
                      <a:pt x="347" y="74"/>
                    </a:lnTo>
                    <a:lnTo>
                      <a:pt x="346" y="69"/>
                    </a:lnTo>
                    <a:lnTo>
                      <a:pt x="346" y="66"/>
                    </a:lnTo>
                    <a:lnTo>
                      <a:pt x="346" y="64"/>
                    </a:lnTo>
                    <a:lnTo>
                      <a:pt x="346" y="62"/>
                    </a:lnTo>
                    <a:lnTo>
                      <a:pt x="344" y="61"/>
                    </a:lnTo>
                    <a:lnTo>
                      <a:pt x="344" y="57"/>
                    </a:lnTo>
                    <a:lnTo>
                      <a:pt x="342" y="54"/>
                    </a:lnTo>
                    <a:lnTo>
                      <a:pt x="342" y="52"/>
                    </a:lnTo>
                    <a:lnTo>
                      <a:pt x="334" y="47"/>
                    </a:lnTo>
                    <a:lnTo>
                      <a:pt x="329" y="42"/>
                    </a:lnTo>
                    <a:lnTo>
                      <a:pt x="325" y="37"/>
                    </a:lnTo>
                    <a:lnTo>
                      <a:pt x="325" y="30"/>
                    </a:lnTo>
                    <a:lnTo>
                      <a:pt x="325" y="25"/>
                    </a:lnTo>
                    <a:lnTo>
                      <a:pt x="325" y="22"/>
                    </a:lnTo>
                    <a:lnTo>
                      <a:pt x="325" y="18"/>
                    </a:lnTo>
                    <a:lnTo>
                      <a:pt x="325" y="0"/>
                    </a:lnTo>
                    <a:lnTo>
                      <a:pt x="325" y="1"/>
                    </a:lnTo>
                    <a:lnTo>
                      <a:pt x="66" y="20"/>
                    </a:lnTo>
                    <a:lnTo>
                      <a:pt x="66" y="22"/>
                    </a:lnTo>
                    <a:lnTo>
                      <a:pt x="66" y="23"/>
                    </a:lnTo>
                    <a:lnTo>
                      <a:pt x="68" y="25"/>
                    </a:lnTo>
                    <a:lnTo>
                      <a:pt x="71" y="27"/>
                    </a:lnTo>
                    <a:lnTo>
                      <a:pt x="73" y="28"/>
                    </a:lnTo>
                    <a:lnTo>
                      <a:pt x="78" y="30"/>
                    </a:lnTo>
                    <a:lnTo>
                      <a:pt x="82" y="34"/>
                    </a:lnTo>
                    <a:lnTo>
                      <a:pt x="87" y="37"/>
                    </a:lnTo>
                    <a:lnTo>
                      <a:pt x="90" y="40"/>
                    </a:lnTo>
                    <a:lnTo>
                      <a:pt x="90" y="44"/>
                    </a:lnTo>
                    <a:lnTo>
                      <a:pt x="90" y="45"/>
                    </a:lnTo>
                    <a:lnTo>
                      <a:pt x="90" y="47"/>
                    </a:lnTo>
                    <a:lnTo>
                      <a:pt x="88" y="49"/>
                    </a:lnTo>
                    <a:lnTo>
                      <a:pt x="88" y="50"/>
                    </a:lnTo>
                    <a:lnTo>
                      <a:pt x="98" y="57"/>
                    </a:lnTo>
                    <a:lnTo>
                      <a:pt x="100" y="57"/>
                    </a:lnTo>
                    <a:lnTo>
                      <a:pt x="102" y="59"/>
                    </a:lnTo>
                    <a:lnTo>
                      <a:pt x="105" y="61"/>
                    </a:lnTo>
                    <a:lnTo>
                      <a:pt x="110" y="64"/>
                    </a:lnTo>
                    <a:lnTo>
                      <a:pt x="112" y="69"/>
                    </a:lnTo>
                    <a:lnTo>
                      <a:pt x="114" y="76"/>
                    </a:lnTo>
                    <a:lnTo>
                      <a:pt x="114" y="84"/>
                    </a:lnTo>
                    <a:lnTo>
                      <a:pt x="112" y="96"/>
                    </a:lnTo>
                    <a:lnTo>
                      <a:pt x="109" y="105"/>
                    </a:lnTo>
                    <a:lnTo>
                      <a:pt x="105" y="108"/>
                    </a:lnTo>
                    <a:lnTo>
                      <a:pt x="102" y="110"/>
                    </a:lnTo>
                    <a:lnTo>
                      <a:pt x="100" y="108"/>
                    </a:lnTo>
                    <a:lnTo>
                      <a:pt x="98" y="110"/>
                    </a:lnTo>
                    <a:lnTo>
                      <a:pt x="98" y="111"/>
                    </a:lnTo>
                    <a:lnTo>
                      <a:pt x="97" y="120"/>
                    </a:lnTo>
                    <a:lnTo>
                      <a:pt x="97" y="133"/>
                    </a:lnTo>
                    <a:lnTo>
                      <a:pt x="97" y="135"/>
                    </a:lnTo>
                    <a:lnTo>
                      <a:pt x="95" y="137"/>
                    </a:lnTo>
                    <a:lnTo>
                      <a:pt x="93" y="138"/>
                    </a:lnTo>
                    <a:lnTo>
                      <a:pt x="90" y="140"/>
                    </a:lnTo>
                    <a:lnTo>
                      <a:pt x="87" y="142"/>
                    </a:lnTo>
                    <a:lnTo>
                      <a:pt x="80" y="142"/>
                    </a:lnTo>
                    <a:lnTo>
                      <a:pt x="78" y="142"/>
                    </a:lnTo>
                    <a:lnTo>
                      <a:pt x="78" y="144"/>
                    </a:lnTo>
                    <a:lnTo>
                      <a:pt x="78" y="145"/>
                    </a:lnTo>
                    <a:lnTo>
                      <a:pt x="76" y="147"/>
                    </a:lnTo>
                    <a:lnTo>
                      <a:pt x="75" y="149"/>
                    </a:lnTo>
                    <a:lnTo>
                      <a:pt x="70" y="150"/>
                    </a:lnTo>
                    <a:lnTo>
                      <a:pt x="63" y="152"/>
                    </a:lnTo>
                    <a:lnTo>
                      <a:pt x="56" y="152"/>
                    </a:lnTo>
                    <a:lnTo>
                      <a:pt x="49" y="154"/>
                    </a:lnTo>
                    <a:lnTo>
                      <a:pt x="43" y="157"/>
                    </a:lnTo>
                    <a:lnTo>
                      <a:pt x="38" y="160"/>
                    </a:lnTo>
                    <a:lnTo>
                      <a:pt x="34" y="164"/>
                    </a:lnTo>
                    <a:lnTo>
                      <a:pt x="34" y="171"/>
                    </a:lnTo>
                    <a:lnTo>
                      <a:pt x="34" y="177"/>
                    </a:lnTo>
                    <a:lnTo>
                      <a:pt x="38" y="186"/>
                    </a:lnTo>
                    <a:lnTo>
                      <a:pt x="41" y="194"/>
                    </a:lnTo>
                    <a:lnTo>
                      <a:pt x="46" y="199"/>
                    </a:lnTo>
                    <a:lnTo>
                      <a:pt x="48" y="204"/>
                    </a:lnTo>
                    <a:lnTo>
                      <a:pt x="49" y="208"/>
                    </a:lnTo>
                    <a:lnTo>
                      <a:pt x="51" y="213"/>
                    </a:lnTo>
                    <a:lnTo>
                      <a:pt x="49" y="216"/>
                    </a:lnTo>
                    <a:lnTo>
                      <a:pt x="46" y="220"/>
                    </a:lnTo>
                    <a:lnTo>
                      <a:pt x="41" y="226"/>
                    </a:lnTo>
                    <a:lnTo>
                      <a:pt x="41" y="230"/>
                    </a:lnTo>
                    <a:lnTo>
                      <a:pt x="39" y="232"/>
                    </a:lnTo>
                    <a:lnTo>
                      <a:pt x="38" y="235"/>
                    </a:lnTo>
                    <a:lnTo>
                      <a:pt x="38" y="237"/>
                    </a:lnTo>
                    <a:lnTo>
                      <a:pt x="36" y="238"/>
                    </a:lnTo>
                    <a:lnTo>
                      <a:pt x="36" y="240"/>
                    </a:lnTo>
                    <a:lnTo>
                      <a:pt x="36" y="242"/>
                    </a:lnTo>
                    <a:lnTo>
                      <a:pt x="34" y="243"/>
                    </a:lnTo>
                    <a:lnTo>
                      <a:pt x="34" y="247"/>
                    </a:lnTo>
                    <a:lnTo>
                      <a:pt x="34" y="248"/>
                    </a:lnTo>
                    <a:lnTo>
                      <a:pt x="32" y="252"/>
                    </a:lnTo>
                    <a:lnTo>
                      <a:pt x="29" y="254"/>
                    </a:lnTo>
                    <a:lnTo>
                      <a:pt x="24" y="255"/>
                    </a:lnTo>
                    <a:lnTo>
                      <a:pt x="19" y="257"/>
                    </a:lnTo>
                    <a:lnTo>
                      <a:pt x="14" y="259"/>
                    </a:lnTo>
                    <a:lnTo>
                      <a:pt x="10" y="260"/>
                    </a:lnTo>
                    <a:lnTo>
                      <a:pt x="9" y="264"/>
                    </a:lnTo>
                    <a:lnTo>
                      <a:pt x="9" y="267"/>
                    </a:lnTo>
                    <a:lnTo>
                      <a:pt x="9" y="270"/>
                    </a:lnTo>
                    <a:lnTo>
                      <a:pt x="10" y="272"/>
                    </a:lnTo>
                    <a:lnTo>
                      <a:pt x="12" y="276"/>
                    </a:lnTo>
                    <a:lnTo>
                      <a:pt x="14" y="277"/>
                    </a:lnTo>
                    <a:lnTo>
                      <a:pt x="14" y="279"/>
                    </a:lnTo>
                    <a:lnTo>
                      <a:pt x="14" y="282"/>
                    </a:lnTo>
                    <a:lnTo>
                      <a:pt x="12" y="284"/>
                    </a:lnTo>
                    <a:lnTo>
                      <a:pt x="10" y="287"/>
                    </a:lnTo>
                    <a:lnTo>
                      <a:pt x="9" y="289"/>
                    </a:lnTo>
                    <a:lnTo>
                      <a:pt x="7" y="291"/>
                    </a:lnTo>
                    <a:lnTo>
                      <a:pt x="5" y="292"/>
                    </a:lnTo>
                    <a:lnTo>
                      <a:pt x="4" y="294"/>
                    </a:lnTo>
                    <a:lnTo>
                      <a:pt x="4" y="296"/>
                    </a:lnTo>
                    <a:lnTo>
                      <a:pt x="4" y="299"/>
                    </a:lnTo>
                    <a:lnTo>
                      <a:pt x="2" y="304"/>
                    </a:lnTo>
                    <a:lnTo>
                      <a:pt x="2" y="309"/>
                    </a:lnTo>
                    <a:lnTo>
                      <a:pt x="0" y="316"/>
                    </a:lnTo>
                    <a:lnTo>
                      <a:pt x="2" y="325"/>
                    </a:lnTo>
                    <a:lnTo>
                      <a:pt x="2" y="333"/>
                    </a:lnTo>
                    <a:lnTo>
                      <a:pt x="4" y="342"/>
                    </a:lnTo>
                    <a:lnTo>
                      <a:pt x="7" y="352"/>
                    </a:lnTo>
                    <a:lnTo>
                      <a:pt x="12" y="360"/>
                    </a:lnTo>
                    <a:lnTo>
                      <a:pt x="17" y="370"/>
                    </a:lnTo>
                    <a:lnTo>
                      <a:pt x="26" y="380"/>
                    </a:lnTo>
                    <a:lnTo>
                      <a:pt x="34" y="391"/>
                    </a:lnTo>
                    <a:lnTo>
                      <a:pt x="46" y="401"/>
                    </a:lnTo>
                    <a:lnTo>
                      <a:pt x="60" y="411"/>
                    </a:lnTo>
                    <a:lnTo>
                      <a:pt x="63" y="413"/>
                    </a:lnTo>
                    <a:lnTo>
                      <a:pt x="68" y="414"/>
                    </a:lnTo>
                    <a:lnTo>
                      <a:pt x="71" y="416"/>
                    </a:lnTo>
                    <a:lnTo>
                      <a:pt x="75" y="419"/>
                    </a:lnTo>
                    <a:lnTo>
                      <a:pt x="78" y="423"/>
                    </a:lnTo>
                    <a:lnTo>
                      <a:pt x="82" y="430"/>
                    </a:lnTo>
                    <a:lnTo>
                      <a:pt x="83" y="440"/>
                    </a:lnTo>
                    <a:lnTo>
                      <a:pt x="85" y="453"/>
                    </a:lnTo>
                    <a:lnTo>
                      <a:pt x="85" y="462"/>
                    </a:lnTo>
                    <a:lnTo>
                      <a:pt x="88" y="468"/>
                    </a:lnTo>
                    <a:lnTo>
                      <a:pt x="90" y="472"/>
                    </a:lnTo>
                    <a:lnTo>
                      <a:pt x="93" y="474"/>
                    </a:lnTo>
                    <a:lnTo>
                      <a:pt x="97" y="474"/>
                    </a:lnTo>
                    <a:lnTo>
                      <a:pt x="102" y="470"/>
                    </a:lnTo>
                    <a:lnTo>
                      <a:pt x="105" y="467"/>
                    </a:lnTo>
                    <a:lnTo>
                      <a:pt x="109" y="463"/>
                    </a:lnTo>
                    <a:lnTo>
                      <a:pt x="112" y="462"/>
                    </a:lnTo>
                    <a:lnTo>
                      <a:pt x="117" y="462"/>
                    </a:lnTo>
                    <a:lnTo>
                      <a:pt x="122" y="463"/>
                    </a:lnTo>
                    <a:lnTo>
                      <a:pt x="129" y="467"/>
                    </a:lnTo>
                    <a:lnTo>
                      <a:pt x="134" y="470"/>
                    </a:lnTo>
                    <a:lnTo>
                      <a:pt x="137" y="475"/>
                    </a:lnTo>
                    <a:lnTo>
                      <a:pt x="141" y="479"/>
                    </a:lnTo>
                    <a:lnTo>
                      <a:pt x="141" y="482"/>
                    </a:lnTo>
                    <a:lnTo>
                      <a:pt x="141" y="485"/>
                    </a:lnTo>
                    <a:lnTo>
                      <a:pt x="137" y="492"/>
                    </a:lnTo>
                    <a:lnTo>
                      <a:pt x="136" y="499"/>
                    </a:lnTo>
                    <a:lnTo>
                      <a:pt x="134" y="507"/>
                    </a:lnTo>
                    <a:lnTo>
                      <a:pt x="132" y="516"/>
                    </a:lnTo>
                    <a:lnTo>
                      <a:pt x="131" y="523"/>
                    </a:lnTo>
                    <a:lnTo>
                      <a:pt x="129" y="526"/>
                    </a:lnTo>
                    <a:lnTo>
                      <a:pt x="129" y="528"/>
                    </a:lnTo>
                    <a:lnTo>
                      <a:pt x="127" y="529"/>
                    </a:lnTo>
                    <a:lnTo>
                      <a:pt x="126" y="533"/>
                    </a:lnTo>
                    <a:lnTo>
                      <a:pt x="124" y="540"/>
                    </a:lnTo>
                    <a:lnTo>
                      <a:pt x="124" y="546"/>
                    </a:lnTo>
                    <a:lnTo>
                      <a:pt x="126" y="553"/>
                    </a:lnTo>
                    <a:lnTo>
                      <a:pt x="129" y="562"/>
                    </a:lnTo>
                    <a:lnTo>
                      <a:pt x="139" y="570"/>
                    </a:lnTo>
                    <a:lnTo>
                      <a:pt x="153" y="577"/>
                    </a:lnTo>
                    <a:lnTo>
                      <a:pt x="156" y="578"/>
                    </a:lnTo>
                    <a:lnTo>
                      <a:pt x="159" y="580"/>
                    </a:lnTo>
                    <a:lnTo>
                      <a:pt x="163" y="582"/>
                    </a:lnTo>
                    <a:lnTo>
                      <a:pt x="164" y="584"/>
                    </a:lnTo>
                    <a:lnTo>
                      <a:pt x="166" y="585"/>
                    </a:lnTo>
                    <a:lnTo>
                      <a:pt x="166" y="594"/>
                    </a:lnTo>
                    <a:lnTo>
                      <a:pt x="183" y="594"/>
                    </a:lnTo>
                    <a:lnTo>
                      <a:pt x="198" y="609"/>
                    </a:lnTo>
                    <a:lnTo>
                      <a:pt x="214" y="614"/>
                    </a:lnTo>
                    <a:lnTo>
                      <a:pt x="215" y="636"/>
                    </a:lnTo>
                    <a:lnTo>
                      <a:pt x="222" y="648"/>
                    </a:lnTo>
                    <a:lnTo>
                      <a:pt x="217" y="665"/>
                    </a:lnTo>
                    <a:lnTo>
                      <a:pt x="217" y="673"/>
                    </a:lnTo>
                    <a:lnTo>
                      <a:pt x="227" y="683"/>
                    </a:lnTo>
                    <a:lnTo>
                      <a:pt x="230" y="692"/>
                    </a:lnTo>
                    <a:lnTo>
                      <a:pt x="237" y="697"/>
                    </a:lnTo>
                    <a:lnTo>
                      <a:pt x="237" y="694"/>
                    </a:lnTo>
                    <a:lnTo>
                      <a:pt x="237" y="690"/>
                    </a:lnTo>
                    <a:lnTo>
                      <a:pt x="237" y="687"/>
                    </a:lnTo>
                    <a:lnTo>
                      <a:pt x="237" y="685"/>
                    </a:lnTo>
                    <a:lnTo>
                      <a:pt x="239" y="685"/>
                    </a:lnTo>
                    <a:lnTo>
                      <a:pt x="242" y="687"/>
                    </a:lnTo>
                    <a:lnTo>
                      <a:pt x="244" y="692"/>
                    </a:lnTo>
                    <a:lnTo>
                      <a:pt x="246" y="692"/>
                    </a:lnTo>
                    <a:lnTo>
                      <a:pt x="246" y="690"/>
                    </a:lnTo>
                    <a:lnTo>
                      <a:pt x="247" y="688"/>
                    </a:lnTo>
                    <a:lnTo>
                      <a:pt x="251" y="685"/>
                    </a:lnTo>
                    <a:lnTo>
                      <a:pt x="252" y="683"/>
                    </a:lnTo>
                    <a:lnTo>
                      <a:pt x="256" y="682"/>
                    </a:lnTo>
                    <a:lnTo>
                      <a:pt x="258" y="680"/>
                    </a:lnTo>
                    <a:lnTo>
                      <a:pt x="258" y="678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702" name="Freeform 46"/>
              <p:cNvSpPr>
                <a:spLocks/>
              </p:cNvSpPr>
              <p:nvPr/>
            </p:nvSpPr>
            <p:spPr bwMode="auto">
              <a:xfrm>
                <a:off x="2691" y="2198"/>
                <a:ext cx="644" cy="564"/>
              </a:xfrm>
              <a:custGeom>
                <a:avLst/>
                <a:gdLst>
                  <a:gd name="T0" fmla="*/ 79 w 662"/>
                  <a:gd name="T1" fmla="*/ 448 h 570"/>
                  <a:gd name="T2" fmla="*/ 79 w 662"/>
                  <a:gd name="T3" fmla="*/ 427 h 570"/>
                  <a:gd name="T4" fmla="*/ 79 w 662"/>
                  <a:gd name="T5" fmla="*/ 409 h 570"/>
                  <a:gd name="T6" fmla="*/ 79 w 662"/>
                  <a:gd name="T7" fmla="*/ 399 h 570"/>
                  <a:gd name="T8" fmla="*/ 57 w 662"/>
                  <a:gd name="T9" fmla="*/ 146 h 570"/>
                  <a:gd name="T10" fmla="*/ 46 w 662"/>
                  <a:gd name="T11" fmla="*/ 123 h 570"/>
                  <a:gd name="T12" fmla="*/ 55 w 662"/>
                  <a:gd name="T13" fmla="*/ 91 h 570"/>
                  <a:gd name="T14" fmla="*/ 50 w 662"/>
                  <a:gd name="T15" fmla="*/ 86 h 570"/>
                  <a:gd name="T16" fmla="*/ 23 w 662"/>
                  <a:gd name="T17" fmla="*/ 69 h 570"/>
                  <a:gd name="T18" fmla="*/ 10 w 662"/>
                  <a:gd name="T19" fmla="*/ 32 h 570"/>
                  <a:gd name="T20" fmla="*/ 5 w 662"/>
                  <a:gd name="T21" fmla="*/ 22 h 570"/>
                  <a:gd name="T22" fmla="*/ 0 w 662"/>
                  <a:gd name="T23" fmla="*/ 10 h 570"/>
                  <a:gd name="T24" fmla="*/ 263 w 662"/>
                  <a:gd name="T25" fmla="*/ 10 h 570"/>
                  <a:gd name="T26" fmla="*/ 273 w 662"/>
                  <a:gd name="T27" fmla="*/ 28 h 570"/>
                  <a:gd name="T28" fmla="*/ 273 w 662"/>
                  <a:gd name="T29" fmla="*/ 32 h 570"/>
                  <a:gd name="T30" fmla="*/ 271 w 662"/>
                  <a:gd name="T31" fmla="*/ 47 h 570"/>
                  <a:gd name="T32" fmla="*/ 276 w 662"/>
                  <a:gd name="T33" fmla="*/ 74 h 570"/>
                  <a:gd name="T34" fmla="*/ 295 w 662"/>
                  <a:gd name="T35" fmla="*/ 113 h 570"/>
                  <a:gd name="T36" fmla="*/ 318 w 662"/>
                  <a:gd name="T37" fmla="*/ 132 h 570"/>
                  <a:gd name="T38" fmla="*/ 328 w 662"/>
                  <a:gd name="T39" fmla="*/ 140 h 570"/>
                  <a:gd name="T40" fmla="*/ 331 w 662"/>
                  <a:gd name="T41" fmla="*/ 176 h 570"/>
                  <a:gd name="T42" fmla="*/ 340 w 662"/>
                  <a:gd name="T43" fmla="*/ 178 h 570"/>
                  <a:gd name="T44" fmla="*/ 350 w 662"/>
                  <a:gd name="T45" fmla="*/ 170 h 570"/>
                  <a:gd name="T46" fmla="*/ 365 w 662"/>
                  <a:gd name="T47" fmla="*/ 183 h 570"/>
                  <a:gd name="T48" fmla="*/ 365 w 662"/>
                  <a:gd name="T49" fmla="*/ 200 h 570"/>
                  <a:gd name="T50" fmla="*/ 360 w 662"/>
                  <a:gd name="T51" fmla="*/ 223 h 570"/>
                  <a:gd name="T52" fmla="*/ 357 w 662"/>
                  <a:gd name="T53" fmla="*/ 230 h 570"/>
                  <a:gd name="T54" fmla="*/ 358 w 662"/>
                  <a:gd name="T55" fmla="*/ 256 h 570"/>
                  <a:gd name="T56" fmla="*/ 378 w 662"/>
                  <a:gd name="T57" fmla="*/ 274 h 570"/>
                  <a:gd name="T58" fmla="*/ 384 w 662"/>
                  <a:gd name="T59" fmla="*/ 279 h 570"/>
                  <a:gd name="T60" fmla="*/ 396 w 662"/>
                  <a:gd name="T61" fmla="*/ 288 h 570"/>
                  <a:gd name="T62" fmla="*/ 422 w 662"/>
                  <a:gd name="T63" fmla="*/ 329 h 570"/>
                  <a:gd name="T64" fmla="*/ 428 w 662"/>
                  <a:gd name="T65" fmla="*/ 371 h 570"/>
                  <a:gd name="T66" fmla="*/ 433 w 662"/>
                  <a:gd name="T67" fmla="*/ 370 h 570"/>
                  <a:gd name="T68" fmla="*/ 435 w 662"/>
                  <a:gd name="T69" fmla="*/ 367 h 570"/>
                  <a:gd name="T70" fmla="*/ 443 w 662"/>
                  <a:gd name="T71" fmla="*/ 377 h 570"/>
                  <a:gd name="T72" fmla="*/ 447 w 662"/>
                  <a:gd name="T73" fmla="*/ 419 h 570"/>
                  <a:gd name="T74" fmla="*/ 419 w 662"/>
                  <a:gd name="T75" fmla="*/ 459 h 570"/>
                  <a:gd name="T76" fmla="*/ 411 w 662"/>
                  <a:gd name="T77" fmla="*/ 461 h 570"/>
                  <a:gd name="T78" fmla="*/ 421 w 662"/>
                  <a:gd name="T79" fmla="*/ 471 h 570"/>
                  <a:gd name="T80" fmla="*/ 421 w 662"/>
                  <a:gd name="T81" fmla="*/ 475 h 570"/>
                  <a:gd name="T82" fmla="*/ 411 w 662"/>
                  <a:gd name="T83" fmla="*/ 489 h 570"/>
                  <a:gd name="T84" fmla="*/ 370 w 662"/>
                  <a:gd name="T85" fmla="*/ 485 h 570"/>
                  <a:gd name="T86" fmla="*/ 378 w 662"/>
                  <a:gd name="T87" fmla="*/ 465 h 570"/>
                  <a:gd name="T88" fmla="*/ 386 w 662"/>
                  <a:gd name="T89" fmla="*/ 448 h 570"/>
                  <a:gd name="T90" fmla="*/ 376 w 662"/>
                  <a:gd name="T91" fmla="*/ 434 h 570"/>
                  <a:gd name="T92" fmla="*/ 365 w 662"/>
                  <a:gd name="T93" fmla="*/ 436 h 570"/>
                  <a:gd name="T94" fmla="*/ 337 w 662"/>
                  <a:gd name="T95" fmla="*/ 437 h 570"/>
                  <a:gd name="T96" fmla="*/ 294 w 662"/>
                  <a:gd name="T97" fmla="*/ 441 h 570"/>
                  <a:gd name="T98" fmla="*/ 241 w 662"/>
                  <a:gd name="T99" fmla="*/ 444 h 570"/>
                  <a:gd name="T100" fmla="*/ 188 w 662"/>
                  <a:gd name="T101" fmla="*/ 448 h 570"/>
                  <a:gd name="T102" fmla="*/ 140 w 662"/>
                  <a:gd name="T103" fmla="*/ 451 h 570"/>
                  <a:gd name="T104" fmla="*/ 101 w 662"/>
                  <a:gd name="T105" fmla="*/ 452 h 570"/>
                  <a:gd name="T106" fmla="*/ 81 w 662"/>
                  <a:gd name="T107" fmla="*/ 453 h 570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662"/>
                  <a:gd name="T163" fmla="*/ 0 h 570"/>
                  <a:gd name="T164" fmla="*/ 662 w 662"/>
                  <a:gd name="T165" fmla="*/ 570 h 570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662" h="570">
                    <a:moveTo>
                      <a:pt x="117" y="524"/>
                    </a:moveTo>
                    <a:lnTo>
                      <a:pt x="117" y="523"/>
                    </a:lnTo>
                    <a:lnTo>
                      <a:pt x="115" y="521"/>
                    </a:lnTo>
                    <a:lnTo>
                      <a:pt x="115" y="518"/>
                    </a:lnTo>
                    <a:lnTo>
                      <a:pt x="115" y="514"/>
                    </a:lnTo>
                    <a:lnTo>
                      <a:pt x="115" y="509"/>
                    </a:lnTo>
                    <a:lnTo>
                      <a:pt x="115" y="504"/>
                    </a:lnTo>
                    <a:lnTo>
                      <a:pt x="115" y="497"/>
                    </a:lnTo>
                    <a:lnTo>
                      <a:pt x="115" y="492"/>
                    </a:lnTo>
                    <a:lnTo>
                      <a:pt x="115" y="487"/>
                    </a:lnTo>
                    <a:lnTo>
                      <a:pt x="115" y="480"/>
                    </a:lnTo>
                    <a:lnTo>
                      <a:pt x="115" y="475"/>
                    </a:lnTo>
                    <a:lnTo>
                      <a:pt x="115" y="470"/>
                    </a:lnTo>
                    <a:lnTo>
                      <a:pt x="115" y="467"/>
                    </a:lnTo>
                    <a:lnTo>
                      <a:pt x="115" y="463"/>
                    </a:lnTo>
                    <a:lnTo>
                      <a:pt x="115" y="462"/>
                    </a:lnTo>
                    <a:lnTo>
                      <a:pt x="115" y="460"/>
                    </a:lnTo>
                    <a:lnTo>
                      <a:pt x="113" y="188"/>
                    </a:lnTo>
                    <a:lnTo>
                      <a:pt x="96" y="188"/>
                    </a:lnTo>
                    <a:lnTo>
                      <a:pt x="85" y="174"/>
                    </a:lnTo>
                    <a:lnTo>
                      <a:pt x="83" y="162"/>
                    </a:lnTo>
                    <a:lnTo>
                      <a:pt x="79" y="155"/>
                    </a:lnTo>
                    <a:lnTo>
                      <a:pt x="66" y="145"/>
                    </a:lnTo>
                    <a:lnTo>
                      <a:pt x="66" y="137"/>
                    </a:lnTo>
                    <a:lnTo>
                      <a:pt x="79" y="118"/>
                    </a:lnTo>
                    <a:lnTo>
                      <a:pt x="83" y="113"/>
                    </a:lnTo>
                    <a:lnTo>
                      <a:pt x="85" y="108"/>
                    </a:lnTo>
                    <a:lnTo>
                      <a:pt x="83" y="105"/>
                    </a:lnTo>
                    <a:lnTo>
                      <a:pt x="81" y="103"/>
                    </a:lnTo>
                    <a:lnTo>
                      <a:pt x="78" y="101"/>
                    </a:lnTo>
                    <a:lnTo>
                      <a:pt x="74" y="100"/>
                    </a:lnTo>
                    <a:lnTo>
                      <a:pt x="73" y="100"/>
                    </a:lnTo>
                    <a:lnTo>
                      <a:pt x="71" y="98"/>
                    </a:lnTo>
                    <a:lnTo>
                      <a:pt x="61" y="100"/>
                    </a:lnTo>
                    <a:lnTo>
                      <a:pt x="49" y="89"/>
                    </a:lnTo>
                    <a:lnTo>
                      <a:pt x="37" y="83"/>
                    </a:lnTo>
                    <a:lnTo>
                      <a:pt x="39" y="84"/>
                    </a:lnTo>
                    <a:lnTo>
                      <a:pt x="27" y="56"/>
                    </a:lnTo>
                    <a:lnTo>
                      <a:pt x="13" y="44"/>
                    </a:lnTo>
                    <a:lnTo>
                      <a:pt x="10" y="32"/>
                    </a:lnTo>
                    <a:lnTo>
                      <a:pt x="10" y="30"/>
                    </a:lnTo>
                    <a:lnTo>
                      <a:pt x="8" y="28"/>
                    </a:lnTo>
                    <a:lnTo>
                      <a:pt x="7" y="25"/>
                    </a:lnTo>
                    <a:lnTo>
                      <a:pt x="5" y="22"/>
                    </a:lnTo>
                    <a:lnTo>
                      <a:pt x="3" y="17"/>
                    </a:lnTo>
                    <a:lnTo>
                      <a:pt x="2" y="13"/>
                    </a:lnTo>
                    <a:lnTo>
                      <a:pt x="0" y="10"/>
                    </a:lnTo>
                    <a:lnTo>
                      <a:pt x="379" y="0"/>
                    </a:lnTo>
                    <a:lnTo>
                      <a:pt x="381" y="1"/>
                    </a:lnTo>
                    <a:lnTo>
                      <a:pt x="382" y="5"/>
                    </a:lnTo>
                    <a:lnTo>
                      <a:pt x="387" y="10"/>
                    </a:lnTo>
                    <a:lnTo>
                      <a:pt x="391" y="15"/>
                    </a:lnTo>
                    <a:lnTo>
                      <a:pt x="396" y="20"/>
                    </a:lnTo>
                    <a:lnTo>
                      <a:pt x="401" y="25"/>
                    </a:lnTo>
                    <a:lnTo>
                      <a:pt x="403" y="28"/>
                    </a:lnTo>
                    <a:lnTo>
                      <a:pt x="404" y="28"/>
                    </a:lnTo>
                    <a:lnTo>
                      <a:pt x="403" y="30"/>
                    </a:lnTo>
                    <a:lnTo>
                      <a:pt x="403" y="32"/>
                    </a:lnTo>
                    <a:lnTo>
                      <a:pt x="403" y="35"/>
                    </a:lnTo>
                    <a:lnTo>
                      <a:pt x="401" y="40"/>
                    </a:lnTo>
                    <a:lnTo>
                      <a:pt x="401" y="45"/>
                    </a:lnTo>
                    <a:lnTo>
                      <a:pt x="399" y="52"/>
                    </a:lnTo>
                    <a:lnTo>
                      <a:pt x="401" y="61"/>
                    </a:lnTo>
                    <a:lnTo>
                      <a:pt x="401" y="69"/>
                    </a:lnTo>
                    <a:lnTo>
                      <a:pt x="403" y="78"/>
                    </a:lnTo>
                    <a:lnTo>
                      <a:pt x="406" y="88"/>
                    </a:lnTo>
                    <a:lnTo>
                      <a:pt x="411" y="96"/>
                    </a:lnTo>
                    <a:lnTo>
                      <a:pt x="416" y="106"/>
                    </a:lnTo>
                    <a:lnTo>
                      <a:pt x="425" y="116"/>
                    </a:lnTo>
                    <a:lnTo>
                      <a:pt x="433" y="127"/>
                    </a:lnTo>
                    <a:lnTo>
                      <a:pt x="445" y="137"/>
                    </a:lnTo>
                    <a:lnTo>
                      <a:pt x="459" y="147"/>
                    </a:lnTo>
                    <a:lnTo>
                      <a:pt x="462" y="149"/>
                    </a:lnTo>
                    <a:lnTo>
                      <a:pt x="467" y="150"/>
                    </a:lnTo>
                    <a:lnTo>
                      <a:pt x="470" y="152"/>
                    </a:lnTo>
                    <a:lnTo>
                      <a:pt x="474" y="155"/>
                    </a:lnTo>
                    <a:lnTo>
                      <a:pt x="477" y="159"/>
                    </a:lnTo>
                    <a:lnTo>
                      <a:pt x="481" y="166"/>
                    </a:lnTo>
                    <a:lnTo>
                      <a:pt x="482" y="176"/>
                    </a:lnTo>
                    <a:lnTo>
                      <a:pt x="484" y="189"/>
                    </a:lnTo>
                    <a:lnTo>
                      <a:pt x="484" y="198"/>
                    </a:lnTo>
                    <a:lnTo>
                      <a:pt x="487" y="204"/>
                    </a:lnTo>
                    <a:lnTo>
                      <a:pt x="489" y="208"/>
                    </a:lnTo>
                    <a:lnTo>
                      <a:pt x="492" y="210"/>
                    </a:lnTo>
                    <a:lnTo>
                      <a:pt x="496" y="210"/>
                    </a:lnTo>
                    <a:lnTo>
                      <a:pt x="501" y="206"/>
                    </a:lnTo>
                    <a:lnTo>
                      <a:pt x="504" y="203"/>
                    </a:lnTo>
                    <a:lnTo>
                      <a:pt x="508" y="199"/>
                    </a:lnTo>
                    <a:lnTo>
                      <a:pt x="511" y="198"/>
                    </a:lnTo>
                    <a:lnTo>
                      <a:pt x="516" y="198"/>
                    </a:lnTo>
                    <a:lnTo>
                      <a:pt x="521" y="199"/>
                    </a:lnTo>
                    <a:lnTo>
                      <a:pt x="528" y="203"/>
                    </a:lnTo>
                    <a:lnTo>
                      <a:pt x="533" y="206"/>
                    </a:lnTo>
                    <a:lnTo>
                      <a:pt x="536" y="211"/>
                    </a:lnTo>
                    <a:lnTo>
                      <a:pt x="540" y="215"/>
                    </a:lnTo>
                    <a:lnTo>
                      <a:pt x="540" y="218"/>
                    </a:lnTo>
                    <a:lnTo>
                      <a:pt x="540" y="221"/>
                    </a:lnTo>
                    <a:lnTo>
                      <a:pt x="536" y="228"/>
                    </a:lnTo>
                    <a:lnTo>
                      <a:pt x="535" y="235"/>
                    </a:lnTo>
                    <a:lnTo>
                      <a:pt x="533" y="243"/>
                    </a:lnTo>
                    <a:lnTo>
                      <a:pt x="531" y="252"/>
                    </a:lnTo>
                    <a:lnTo>
                      <a:pt x="530" y="259"/>
                    </a:lnTo>
                    <a:lnTo>
                      <a:pt x="528" y="262"/>
                    </a:lnTo>
                    <a:lnTo>
                      <a:pt x="528" y="264"/>
                    </a:lnTo>
                    <a:lnTo>
                      <a:pt x="526" y="265"/>
                    </a:lnTo>
                    <a:lnTo>
                      <a:pt x="525" y="269"/>
                    </a:lnTo>
                    <a:lnTo>
                      <a:pt x="523" y="276"/>
                    </a:lnTo>
                    <a:lnTo>
                      <a:pt x="523" y="282"/>
                    </a:lnTo>
                    <a:lnTo>
                      <a:pt x="525" y="289"/>
                    </a:lnTo>
                    <a:lnTo>
                      <a:pt x="528" y="298"/>
                    </a:lnTo>
                    <a:lnTo>
                      <a:pt x="538" y="306"/>
                    </a:lnTo>
                    <a:lnTo>
                      <a:pt x="552" y="313"/>
                    </a:lnTo>
                    <a:lnTo>
                      <a:pt x="555" y="314"/>
                    </a:lnTo>
                    <a:lnTo>
                      <a:pt x="558" y="316"/>
                    </a:lnTo>
                    <a:lnTo>
                      <a:pt x="562" y="318"/>
                    </a:lnTo>
                    <a:lnTo>
                      <a:pt x="563" y="320"/>
                    </a:lnTo>
                    <a:lnTo>
                      <a:pt x="565" y="321"/>
                    </a:lnTo>
                    <a:lnTo>
                      <a:pt x="565" y="330"/>
                    </a:lnTo>
                    <a:lnTo>
                      <a:pt x="582" y="330"/>
                    </a:lnTo>
                    <a:lnTo>
                      <a:pt x="597" y="345"/>
                    </a:lnTo>
                    <a:lnTo>
                      <a:pt x="613" y="350"/>
                    </a:lnTo>
                    <a:lnTo>
                      <a:pt x="614" y="372"/>
                    </a:lnTo>
                    <a:lnTo>
                      <a:pt x="621" y="384"/>
                    </a:lnTo>
                    <a:lnTo>
                      <a:pt x="616" y="401"/>
                    </a:lnTo>
                    <a:lnTo>
                      <a:pt x="616" y="409"/>
                    </a:lnTo>
                    <a:lnTo>
                      <a:pt x="626" y="419"/>
                    </a:lnTo>
                    <a:lnTo>
                      <a:pt x="629" y="428"/>
                    </a:lnTo>
                    <a:lnTo>
                      <a:pt x="636" y="433"/>
                    </a:lnTo>
                    <a:lnTo>
                      <a:pt x="636" y="430"/>
                    </a:lnTo>
                    <a:lnTo>
                      <a:pt x="636" y="426"/>
                    </a:lnTo>
                    <a:lnTo>
                      <a:pt x="636" y="423"/>
                    </a:lnTo>
                    <a:lnTo>
                      <a:pt x="636" y="421"/>
                    </a:lnTo>
                    <a:lnTo>
                      <a:pt x="638" y="421"/>
                    </a:lnTo>
                    <a:lnTo>
                      <a:pt x="641" y="423"/>
                    </a:lnTo>
                    <a:lnTo>
                      <a:pt x="643" y="428"/>
                    </a:lnTo>
                    <a:lnTo>
                      <a:pt x="645" y="430"/>
                    </a:lnTo>
                    <a:lnTo>
                      <a:pt x="648" y="433"/>
                    </a:lnTo>
                    <a:lnTo>
                      <a:pt x="651" y="435"/>
                    </a:lnTo>
                    <a:lnTo>
                      <a:pt x="653" y="436"/>
                    </a:lnTo>
                    <a:lnTo>
                      <a:pt x="662" y="443"/>
                    </a:lnTo>
                    <a:lnTo>
                      <a:pt x="657" y="452"/>
                    </a:lnTo>
                    <a:lnTo>
                      <a:pt x="657" y="487"/>
                    </a:lnTo>
                    <a:lnTo>
                      <a:pt x="638" y="489"/>
                    </a:lnTo>
                    <a:lnTo>
                      <a:pt x="619" y="502"/>
                    </a:lnTo>
                    <a:lnTo>
                      <a:pt x="618" y="531"/>
                    </a:lnTo>
                    <a:lnTo>
                      <a:pt x="616" y="531"/>
                    </a:lnTo>
                    <a:lnTo>
                      <a:pt x="614" y="531"/>
                    </a:lnTo>
                    <a:lnTo>
                      <a:pt x="613" y="531"/>
                    </a:lnTo>
                    <a:lnTo>
                      <a:pt x="609" y="531"/>
                    </a:lnTo>
                    <a:lnTo>
                      <a:pt x="607" y="533"/>
                    </a:lnTo>
                    <a:lnTo>
                      <a:pt x="607" y="534"/>
                    </a:lnTo>
                    <a:lnTo>
                      <a:pt x="609" y="538"/>
                    </a:lnTo>
                    <a:lnTo>
                      <a:pt x="613" y="541"/>
                    </a:lnTo>
                    <a:lnTo>
                      <a:pt x="618" y="545"/>
                    </a:lnTo>
                    <a:lnTo>
                      <a:pt x="619" y="548"/>
                    </a:lnTo>
                    <a:lnTo>
                      <a:pt x="619" y="550"/>
                    </a:lnTo>
                    <a:lnTo>
                      <a:pt x="618" y="550"/>
                    </a:lnTo>
                    <a:lnTo>
                      <a:pt x="616" y="550"/>
                    </a:lnTo>
                    <a:lnTo>
                      <a:pt x="606" y="567"/>
                    </a:lnTo>
                    <a:lnTo>
                      <a:pt x="541" y="570"/>
                    </a:lnTo>
                    <a:lnTo>
                      <a:pt x="541" y="568"/>
                    </a:lnTo>
                    <a:lnTo>
                      <a:pt x="543" y="565"/>
                    </a:lnTo>
                    <a:lnTo>
                      <a:pt x="545" y="562"/>
                    </a:lnTo>
                    <a:lnTo>
                      <a:pt x="547" y="555"/>
                    </a:lnTo>
                    <a:lnTo>
                      <a:pt x="550" y="550"/>
                    </a:lnTo>
                    <a:lnTo>
                      <a:pt x="553" y="543"/>
                    </a:lnTo>
                    <a:lnTo>
                      <a:pt x="557" y="538"/>
                    </a:lnTo>
                    <a:lnTo>
                      <a:pt x="563" y="533"/>
                    </a:lnTo>
                    <a:lnTo>
                      <a:pt x="567" y="528"/>
                    </a:lnTo>
                    <a:lnTo>
                      <a:pt x="569" y="523"/>
                    </a:lnTo>
                    <a:lnTo>
                      <a:pt x="567" y="518"/>
                    </a:lnTo>
                    <a:lnTo>
                      <a:pt x="563" y="512"/>
                    </a:lnTo>
                    <a:lnTo>
                      <a:pt x="560" y="509"/>
                    </a:lnTo>
                    <a:lnTo>
                      <a:pt x="555" y="506"/>
                    </a:lnTo>
                    <a:lnTo>
                      <a:pt x="552" y="504"/>
                    </a:lnTo>
                    <a:lnTo>
                      <a:pt x="548" y="504"/>
                    </a:lnTo>
                    <a:lnTo>
                      <a:pt x="547" y="506"/>
                    </a:lnTo>
                    <a:lnTo>
                      <a:pt x="543" y="506"/>
                    </a:lnTo>
                    <a:lnTo>
                      <a:pt x="536" y="506"/>
                    </a:lnTo>
                    <a:lnTo>
                      <a:pt x="528" y="506"/>
                    </a:lnTo>
                    <a:lnTo>
                      <a:pt x="519" y="507"/>
                    </a:lnTo>
                    <a:lnTo>
                      <a:pt x="508" y="507"/>
                    </a:lnTo>
                    <a:lnTo>
                      <a:pt x="494" y="507"/>
                    </a:lnTo>
                    <a:lnTo>
                      <a:pt x="481" y="509"/>
                    </a:lnTo>
                    <a:lnTo>
                      <a:pt x="465" y="509"/>
                    </a:lnTo>
                    <a:lnTo>
                      <a:pt x="448" y="511"/>
                    </a:lnTo>
                    <a:lnTo>
                      <a:pt x="431" y="511"/>
                    </a:lnTo>
                    <a:lnTo>
                      <a:pt x="413" y="511"/>
                    </a:lnTo>
                    <a:lnTo>
                      <a:pt x="394" y="512"/>
                    </a:lnTo>
                    <a:lnTo>
                      <a:pt x="376" y="512"/>
                    </a:lnTo>
                    <a:lnTo>
                      <a:pt x="355" y="514"/>
                    </a:lnTo>
                    <a:lnTo>
                      <a:pt x="337" y="514"/>
                    </a:lnTo>
                    <a:lnTo>
                      <a:pt x="316" y="516"/>
                    </a:lnTo>
                    <a:lnTo>
                      <a:pt x="296" y="516"/>
                    </a:lnTo>
                    <a:lnTo>
                      <a:pt x="277" y="518"/>
                    </a:lnTo>
                    <a:lnTo>
                      <a:pt x="259" y="518"/>
                    </a:lnTo>
                    <a:lnTo>
                      <a:pt x="240" y="519"/>
                    </a:lnTo>
                    <a:lnTo>
                      <a:pt x="222" y="519"/>
                    </a:lnTo>
                    <a:lnTo>
                      <a:pt x="205" y="521"/>
                    </a:lnTo>
                    <a:lnTo>
                      <a:pt x="189" y="521"/>
                    </a:lnTo>
                    <a:lnTo>
                      <a:pt x="174" y="521"/>
                    </a:lnTo>
                    <a:lnTo>
                      <a:pt x="162" y="523"/>
                    </a:lnTo>
                    <a:lnTo>
                      <a:pt x="149" y="523"/>
                    </a:lnTo>
                    <a:lnTo>
                      <a:pt x="139" y="523"/>
                    </a:lnTo>
                    <a:lnTo>
                      <a:pt x="130" y="523"/>
                    </a:lnTo>
                    <a:lnTo>
                      <a:pt x="123" y="523"/>
                    </a:lnTo>
                    <a:lnTo>
                      <a:pt x="118" y="524"/>
                    </a:lnTo>
                    <a:lnTo>
                      <a:pt x="117" y="524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grpSp>
            <p:nvGrpSpPr>
              <p:cNvPr id="703" name="Group 47"/>
              <p:cNvGrpSpPr>
                <a:grpSpLocks/>
              </p:cNvGrpSpPr>
              <p:nvPr/>
            </p:nvGrpSpPr>
            <p:grpSpPr bwMode="auto">
              <a:xfrm>
                <a:off x="4042" y="1840"/>
                <a:ext cx="558" cy="359"/>
                <a:chOff x="4341" y="1400"/>
                <a:chExt cx="574" cy="370"/>
              </a:xfrm>
            </p:grpSpPr>
            <p:sp>
              <p:nvSpPr>
                <p:cNvPr id="704" name="Freeform 48"/>
                <p:cNvSpPr>
                  <a:spLocks/>
                </p:cNvSpPr>
                <p:nvPr/>
              </p:nvSpPr>
              <p:spPr bwMode="auto">
                <a:xfrm>
                  <a:off x="4341" y="1400"/>
                  <a:ext cx="574" cy="370"/>
                </a:xfrm>
                <a:custGeom>
                  <a:avLst/>
                  <a:gdLst>
                    <a:gd name="T0" fmla="*/ 491 w 574"/>
                    <a:gd name="T1" fmla="*/ 287 h 370"/>
                    <a:gd name="T2" fmla="*/ 501 w 574"/>
                    <a:gd name="T3" fmla="*/ 269 h 370"/>
                    <a:gd name="T4" fmla="*/ 518 w 574"/>
                    <a:gd name="T5" fmla="*/ 265 h 370"/>
                    <a:gd name="T6" fmla="*/ 523 w 574"/>
                    <a:gd name="T7" fmla="*/ 265 h 370"/>
                    <a:gd name="T8" fmla="*/ 535 w 574"/>
                    <a:gd name="T9" fmla="*/ 257 h 370"/>
                    <a:gd name="T10" fmla="*/ 545 w 574"/>
                    <a:gd name="T11" fmla="*/ 248 h 370"/>
                    <a:gd name="T12" fmla="*/ 550 w 574"/>
                    <a:gd name="T13" fmla="*/ 238 h 370"/>
                    <a:gd name="T14" fmla="*/ 560 w 574"/>
                    <a:gd name="T15" fmla="*/ 225 h 370"/>
                    <a:gd name="T16" fmla="*/ 569 w 574"/>
                    <a:gd name="T17" fmla="*/ 218 h 370"/>
                    <a:gd name="T18" fmla="*/ 574 w 574"/>
                    <a:gd name="T19" fmla="*/ 211 h 370"/>
                    <a:gd name="T20" fmla="*/ 571 w 574"/>
                    <a:gd name="T21" fmla="*/ 204 h 370"/>
                    <a:gd name="T22" fmla="*/ 567 w 574"/>
                    <a:gd name="T23" fmla="*/ 201 h 370"/>
                    <a:gd name="T24" fmla="*/ 554 w 574"/>
                    <a:gd name="T25" fmla="*/ 189 h 370"/>
                    <a:gd name="T26" fmla="*/ 537 w 574"/>
                    <a:gd name="T27" fmla="*/ 176 h 370"/>
                    <a:gd name="T28" fmla="*/ 520 w 574"/>
                    <a:gd name="T29" fmla="*/ 162 h 370"/>
                    <a:gd name="T30" fmla="*/ 520 w 574"/>
                    <a:gd name="T31" fmla="*/ 144 h 370"/>
                    <a:gd name="T32" fmla="*/ 525 w 574"/>
                    <a:gd name="T33" fmla="*/ 135 h 370"/>
                    <a:gd name="T34" fmla="*/ 538 w 574"/>
                    <a:gd name="T35" fmla="*/ 71 h 370"/>
                    <a:gd name="T36" fmla="*/ 525 w 574"/>
                    <a:gd name="T37" fmla="*/ 56 h 370"/>
                    <a:gd name="T38" fmla="*/ 520 w 574"/>
                    <a:gd name="T39" fmla="*/ 54 h 370"/>
                    <a:gd name="T40" fmla="*/ 511 w 574"/>
                    <a:gd name="T41" fmla="*/ 44 h 370"/>
                    <a:gd name="T42" fmla="*/ 503 w 574"/>
                    <a:gd name="T43" fmla="*/ 30 h 370"/>
                    <a:gd name="T44" fmla="*/ 501 w 574"/>
                    <a:gd name="T45" fmla="*/ 22 h 370"/>
                    <a:gd name="T46" fmla="*/ 493 w 574"/>
                    <a:gd name="T47" fmla="*/ 15 h 370"/>
                    <a:gd name="T48" fmla="*/ 483 w 574"/>
                    <a:gd name="T49" fmla="*/ 12 h 370"/>
                    <a:gd name="T50" fmla="*/ 476 w 574"/>
                    <a:gd name="T51" fmla="*/ 1 h 370"/>
                    <a:gd name="T52" fmla="*/ 459 w 574"/>
                    <a:gd name="T53" fmla="*/ 0 h 370"/>
                    <a:gd name="T54" fmla="*/ 449 w 574"/>
                    <a:gd name="T55" fmla="*/ 3 h 370"/>
                    <a:gd name="T56" fmla="*/ 422 w 574"/>
                    <a:gd name="T57" fmla="*/ 8 h 370"/>
                    <a:gd name="T58" fmla="*/ 383 w 574"/>
                    <a:gd name="T59" fmla="*/ 15 h 370"/>
                    <a:gd name="T60" fmla="*/ 335 w 574"/>
                    <a:gd name="T61" fmla="*/ 25 h 370"/>
                    <a:gd name="T62" fmla="*/ 283 w 574"/>
                    <a:gd name="T63" fmla="*/ 35 h 370"/>
                    <a:gd name="T64" fmla="*/ 230 w 574"/>
                    <a:gd name="T65" fmla="*/ 45 h 370"/>
                    <a:gd name="T66" fmla="*/ 178 w 574"/>
                    <a:gd name="T67" fmla="*/ 56 h 370"/>
                    <a:gd name="T68" fmla="*/ 134 w 574"/>
                    <a:gd name="T69" fmla="*/ 64 h 370"/>
                    <a:gd name="T70" fmla="*/ 98 w 574"/>
                    <a:gd name="T71" fmla="*/ 71 h 370"/>
                    <a:gd name="T72" fmla="*/ 78 w 574"/>
                    <a:gd name="T73" fmla="*/ 74 h 370"/>
                    <a:gd name="T74" fmla="*/ 66 w 574"/>
                    <a:gd name="T75" fmla="*/ 44 h 370"/>
                    <a:gd name="T76" fmla="*/ 49 w 574"/>
                    <a:gd name="T77" fmla="*/ 56 h 370"/>
                    <a:gd name="T78" fmla="*/ 34 w 574"/>
                    <a:gd name="T79" fmla="*/ 67 h 370"/>
                    <a:gd name="T80" fmla="*/ 21 w 574"/>
                    <a:gd name="T81" fmla="*/ 78 h 370"/>
                    <a:gd name="T82" fmla="*/ 9 w 574"/>
                    <a:gd name="T83" fmla="*/ 86 h 370"/>
                    <a:gd name="T84" fmla="*/ 2 w 574"/>
                    <a:gd name="T85" fmla="*/ 91 h 370"/>
                    <a:gd name="T86" fmla="*/ 32 w 574"/>
                    <a:gd name="T87" fmla="*/ 259 h 370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w 574"/>
                    <a:gd name="T133" fmla="*/ 0 h 370"/>
                    <a:gd name="T134" fmla="*/ 574 w 574"/>
                    <a:gd name="T135" fmla="*/ 370 h 370"/>
                  </a:gdLst>
                  <a:ahLst/>
                  <a:cxnLst>
                    <a:cxn ang="T88">
                      <a:pos x="T0" y="T1"/>
                    </a:cxn>
                    <a:cxn ang="T89">
                      <a:pos x="T2" y="T3"/>
                    </a:cxn>
                    <a:cxn ang="T90">
                      <a:pos x="T4" y="T5"/>
                    </a:cxn>
                    <a:cxn ang="T91">
                      <a:pos x="T6" y="T7"/>
                    </a:cxn>
                    <a:cxn ang="T92">
                      <a:pos x="T8" y="T9"/>
                    </a:cxn>
                    <a:cxn ang="T93">
                      <a:pos x="T10" y="T11"/>
                    </a:cxn>
                    <a:cxn ang="T94">
                      <a:pos x="T12" y="T13"/>
                    </a:cxn>
                    <a:cxn ang="T95">
                      <a:pos x="T14" y="T15"/>
                    </a:cxn>
                    <a:cxn ang="T96">
                      <a:pos x="T16" y="T17"/>
                    </a:cxn>
                    <a:cxn ang="T97">
                      <a:pos x="T18" y="T19"/>
                    </a:cxn>
                    <a:cxn ang="T98">
                      <a:pos x="T20" y="T21"/>
                    </a:cxn>
                    <a:cxn ang="T99">
                      <a:pos x="T22" y="T23"/>
                    </a:cxn>
                    <a:cxn ang="T100">
                      <a:pos x="T24" y="T25"/>
                    </a:cxn>
                    <a:cxn ang="T101">
                      <a:pos x="T26" y="T27"/>
                    </a:cxn>
                    <a:cxn ang="T102">
                      <a:pos x="T28" y="T29"/>
                    </a:cxn>
                    <a:cxn ang="T103">
                      <a:pos x="T30" y="T31"/>
                    </a:cxn>
                    <a:cxn ang="T104">
                      <a:pos x="T32" y="T33"/>
                    </a:cxn>
                    <a:cxn ang="T105">
                      <a:pos x="T34" y="T35"/>
                    </a:cxn>
                    <a:cxn ang="T106">
                      <a:pos x="T36" y="T37"/>
                    </a:cxn>
                    <a:cxn ang="T107">
                      <a:pos x="T38" y="T39"/>
                    </a:cxn>
                    <a:cxn ang="T108">
                      <a:pos x="T40" y="T41"/>
                    </a:cxn>
                    <a:cxn ang="T109">
                      <a:pos x="T42" y="T43"/>
                    </a:cxn>
                    <a:cxn ang="T110">
                      <a:pos x="T44" y="T45"/>
                    </a:cxn>
                    <a:cxn ang="T111">
                      <a:pos x="T46" y="T47"/>
                    </a:cxn>
                    <a:cxn ang="T112">
                      <a:pos x="T48" y="T49"/>
                    </a:cxn>
                    <a:cxn ang="T113">
                      <a:pos x="T50" y="T51"/>
                    </a:cxn>
                    <a:cxn ang="T114">
                      <a:pos x="T52" y="T53"/>
                    </a:cxn>
                    <a:cxn ang="T115">
                      <a:pos x="T54" y="T55"/>
                    </a:cxn>
                    <a:cxn ang="T116">
                      <a:pos x="T56" y="T57"/>
                    </a:cxn>
                    <a:cxn ang="T117">
                      <a:pos x="T58" y="T59"/>
                    </a:cxn>
                    <a:cxn ang="T118">
                      <a:pos x="T60" y="T61"/>
                    </a:cxn>
                    <a:cxn ang="T119">
                      <a:pos x="T62" y="T63"/>
                    </a:cxn>
                    <a:cxn ang="T120">
                      <a:pos x="T64" y="T65"/>
                    </a:cxn>
                    <a:cxn ang="T121">
                      <a:pos x="T66" y="T67"/>
                    </a:cxn>
                    <a:cxn ang="T122">
                      <a:pos x="T68" y="T69"/>
                    </a:cxn>
                    <a:cxn ang="T123">
                      <a:pos x="T70" y="T71"/>
                    </a:cxn>
                    <a:cxn ang="T124">
                      <a:pos x="T72" y="T73"/>
                    </a:cxn>
                    <a:cxn ang="T125">
                      <a:pos x="T74" y="T75"/>
                    </a:cxn>
                    <a:cxn ang="T126">
                      <a:pos x="T76" y="T77"/>
                    </a:cxn>
                    <a:cxn ang="T127">
                      <a:pos x="T78" y="T79"/>
                    </a:cxn>
                    <a:cxn ang="T128">
                      <a:pos x="T80" y="T81"/>
                    </a:cxn>
                    <a:cxn ang="T129">
                      <a:pos x="T82" y="T83"/>
                    </a:cxn>
                    <a:cxn ang="T130">
                      <a:pos x="T84" y="T85"/>
                    </a:cxn>
                    <a:cxn ang="T131">
                      <a:pos x="T86" y="T87"/>
                    </a:cxn>
                  </a:cxnLst>
                  <a:rect l="T132" t="T133" r="T134" b="T135"/>
                  <a:pathLst>
                    <a:path w="574" h="370">
                      <a:moveTo>
                        <a:pt x="51" y="370"/>
                      </a:moveTo>
                      <a:lnTo>
                        <a:pt x="146" y="352"/>
                      </a:lnTo>
                      <a:lnTo>
                        <a:pt x="491" y="287"/>
                      </a:lnTo>
                      <a:lnTo>
                        <a:pt x="493" y="277"/>
                      </a:lnTo>
                      <a:lnTo>
                        <a:pt x="496" y="272"/>
                      </a:lnTo>
                      <a:lnTo>
                        <a:pt x="501" y="269"/>
                      </a:lnTo>
                      <a:lnTo>
                        <a:pt x="506" y="265"/>
                      </a:lnTo>
                      <a:lnTo>
                        <a:pt x="513" y="265"/>
                      </a:lnTo>
                      <a:lnTo>
                        <a:pt x="518" y="265"/>
                      </a:lnTo>
                      <a:lnTo>
                        <a:pt x="521" y="265"/>
                      </a:lnTo>
                      <a:lnTo>
                        <a:pt x="523" y="267"/>
                      </a:lnTo>
                      <a:lnTo>
                        <a:pt x="523" y="265"/>
                      </a:lnTo>
                      <a:lnTo>
                        <a:pt x="527" y="264"/>
                      </a:lnTo>
                      <a:lnTo>
                        <a:pt x="530" y="260"/>
                      </a:lnTo>
                      <a:lnTo>
                        <a:pt x="535" y="257"/>
                      </a:lnTo>
                      <a:lnTo>
                        <a:pt x="538" y="254"/>
                      </a:lnTo>
                      <a:lnTo>
                        <a:pt x="543" y="252"/>
                      </a:lnTo>
                      <a:lnTo>
                        <a:pt x="545" y="248"/>
                      </a:lnTo>
                      <a:lnTo>
                        <a:pt x="547" y="248"/>
                      </a:lnTo>
                      <a:lnTo>
                        <a:pt x="547" y="243"/>
                      </a:lnTo>
                      <a:lnTo>
                        <a:pt x="550" y="238"/>
                      </a:lnTo>
                      <a:lnTo>
                        <a:pt x="554" y="233"/>
                      </a:lnTo>
                      <a:lnTo>
                        <a:pt x="557" y="228"/>
                      </a:lnTo>
                      <a:lnTo>
                        <a:pt x="560" y="225"/>
                      </a:lnTo>
                      <a:lnTo>
                        <a:pt x="564" y="221"/>
                      </a:lnTo>
                      <a:lnTo>
                        <a:pt x="567" y="220"/>
                      </a:lnTo>
                      <a:lnTo>
                        <a:pt x="569" y="218"/>
                      </a:lnTo>
                      <a:lnTo>
                        <a:pt x="572" y="216"/>
                      </a:lnTo>
                      <a:lnTo>
                        <a:pt x="574" y="213"/>
                      </a:lnTo>
                      <a:lnTo>
                        <a:pt x="574" y="211"/>
                      </a:lnTo>
                      <a:lnTo>
                        <a:pt x="574" y="208"/>
                      </a:lnTo>
                      <a:lnTo>
                        <a:pt x="572" y="206"/>
                      </a:lnTo>
                      <a:lnTo>
                        <a:pt x="571" y="204"/>
                      </a:lnTo>
                      <a:lnTo>
                        <a:pt x="571" y="203"/>
                      </a:lnTo>
                      <a:lnTo>
                        <a:pt x="569" y="203"/>
                      </a:lnTo>
                      <a:lnTo>
                        <a:pt x="567" y="201"/>
                      </a:lnTo>
                      <a:lnTo>
                        <a:pt x="564" y="199"/>
                      </a:lnTo>
                      <a:lnTo>
                        <a:pt x="559" y="194"/>
                      </a:lnTo>
                      <a:lnTo>
                        <a:pt x="554" y="189"/>
                      </a:lnTo>
                      <a:lnTo>
                        <a:pt x="547" y="184"/>
                      </a:lnTo>
                      <a:lnTo>
                        <a:pt x="542" y="179"/>
                      </a:lnTo>
                      <a:lnTo>
                        <a:pt x="537" y="176"/>
                      </a:lnTo>
                      <a:lnTo>
                        <a:pt x="535" y="174"/>
                      </a:lnTo>
                      <a:lnTo>
                        <a:pt x="525" y="169"/>
                      </a:lnTo>
                      <a:lnTo>
                        <a:pt x="520" y="162"/>
                      </a:lnTo>
                      <a:lnTo>
                        <a:pt x="518" y="155"/>
                      </a:lnTo>
                      <a:lnTo>
                        <a:pt x="518" y="149"/>
                      </a:lnTo>
                      <a:lnTo>
                        <a:pt x="520" y="144"/>
                      </a:lnTo>
                      <a:lnTo>
                        <a:pt x="521" y="138"/>
                      </a:lnTo>
                      <a:lnTo>
                        <a:pt x="523" y="135"/>
                      </a:lnTo>
                      <a:lnTo>
                        <a:pt x="525" y="135"/>
                      </a:lnTo>
                      <a:lnTo>
                        <a:pt x="515" y="118"/>
                      </a:lnTo>
                      <a:lnTo>
                        <a:pt x="532" y="93"/>
                      </a:lnTo>
                      <a:lnTo>
                        <a:pt x="538" y="71"/>
                      </a:lnTo>
                      <a:lnTo>
                        <a:pt x="543" y="62"/>
                      </a:lnTo>
                      <a:lnTo>
                        <a:pt x="525" y="56"/>
                      </a:lnTo>
                      <a:lnTo>
                        <a:pt x="523" y="56"/>
                      </a:lnTo>
                      <a:lnTo>
                        <a:pt x="520" y="54"/>
                      </a:lnTo>
                      <a:lnTo>
                        <a:pt x="518" y="50"/>
                      </a:lnTo>
                      <a:lnTo>
                        <a:pt x="515" y="47"/>
                      </a:lnTo>
                      <a:lnTo>
                        <a:pt x="511" y="44"/>
                      </a:lnTo>
                      <a:lnTo>
                        <a:pt x="508" y="39"/>
                      </a:lnTo>
                      <a:lnTo>
                        <a:pt x="505" y="32"/>
                      </a:lnTo>
                      <a:lnTo>
                        <a:pt x="503" y="30"/>
                      </a:lnTo>
                      <a:lnTo>
                        <a:pt x="503" y="28"/>
                      </a:lnTo>
                      <a:lnTo>
                        <a:pt x="503" y="25"/>
                      </a:lnTo>
                      <a:lnTo>
                        <a:pt x="501" y="22"/>
                      </a:lnTo>
                      <a:lnTo>
                        <a:pt x="499" y="20"/>
                      </a:lnTo>
                      <a:lnTo>
                        <a:pt x="496" y="17"/>
                      </a:lnTo>
                      <a:lnTo>
                        <a:pt x="493" y="15"/>
                      </a:lnTo>
                      <a:lnTo>
                        <a:pt x="486" y="15"/>
                      </a:lnTo>
                      <a:lnTo>
                        <a:pt x="484" y="13"/>
                      </a:lnTo>
                      <a:lnTo>
                        <a:pt x="483" y="12"/>
                      </a:lnTo>
                      <a:lnTo>
                        <a:pt x="481" y="8"/>
                      </a:lnTo>
                      <a:lnTo>
                        <a:pt x="479" y="5"/>
                      </a:lnTo>
                      <a:lnTo>
                        <a:pt x="476" y="1"/>
                      </a:lnTo>
                      <a:lnTo>
                        <a:pt x="471" y="0"/>
                      </a:lnTo>
                      <a:lnTo>
                        <a:pt x="466" y="0"/>
                      </a:lnTo>
                      <a:lnTo>
                        <a:pt x="459" y="0"/>
                      </a:lnTo>
                      <a:lnTo>
                        <a:pt x="457" y="0"/>
                      </a:lnTo>
                      <a:lnTo>
                        <a:pt x="454" y="1"/>
                      </a:lnTo>
                      <a:lnTo>
                        <a:pt x="449" y="3"/>
                      </a:lnTo>
                      <a:lnTo>
                        <a:pt x="442" y="3"/>
                      </a:lnTo>
                      <a:lnTo>
                        <a:pt x="432" y="5"/>
                      </a:lnTo>
                      <a:lnTo>
                        <a:pt x="422" y="8"/>
                      </a:lnTo>
                      <a:lnTo>
                        <a:pt x="410" y="10"/>
                      </a:lnTo>
                      <a:lnTo>
                        <a:pt x="398" y="12"/>
                      </a:lnTo>
                      <a:lnTo>
                        <a:pt x="383" y="15"/>
                      </a:lnTo>
                      <a:lnTo>
                        <a:pt x="367" y="18"/>
                      </a:lnTo>
                      <a:lnTo>
                        <a:pt x="352" y="22"/>
                      </a:lnTo>
                      <a:lnTo>
                        <a:pt x="335" y="25"/>
                      </a:lnTo>
                      <a:lnTo>
                        <a:pt x="318" y="28"/>
                      </a:lnTo>
                      <a:lnTo>
                        <a:pt x="301" y="32"/>
                      </a:lnTo>
                      <a:lnTo>
                        <a:pt x="283" y="35"/>
                      </a:lnTo>
                      <a:lnTo>
                        <a:pt x="266" y="39"/>
                      </a:lnTo>
                      <a:lnTo>
                        <a:pt x="247" y="42"/>
                      </a:lnTo>
                      <a:lnTo>
                        <a:pt x="230" y="45"/>
                      </a:lnTo>
                      <a:lnTo>
                        <a:pt x="212" y="49"/>
                      </a:lnTo>
                      <a:lnTo>
                        <a:pt x="195" y="52"/>
                      </a:lnTo>
                      <a:lnTo>
                        <a:pt x="178" y="56"/>
                      </a:lnTo>
                      <a:lnTo>
                        <a:pt x="163" y="59"/>
                      </a:lnTo>
                      <a:lnTo>
                        <a:pt x="147" y="61"/>
                      </a:lnTo>
                      <a:lnTo>
                        <a:pt x="134" y="64"/>
                      </a:lnTo>
                      <a:lnTo>
                        <a:pt x="120" y="66"/>
                      </a:lnTo>
                      <a:lnTo>
                        <a:pt x="109" y="69"/>
                      </a:lnTo>
                      <a:lnTo>
                        <a:pt x="98" y="71"/>
                      </a:lnTo>
                      <a:lnTo>
                        <a:pt x="90" y="72"/>
                      </a:lnTo>
                      <a:lnTo>
                        <a:pt x="83" y="74"/>
                      </a:lnTo>
                      <a:lnTo>
                        <a:pt x="78" y="74"/>
                      </a:lnTo>
                      <a:lnTo>
                        <a:pt x="75" y="74"/>
                      </a:lnTo>
                      <a:lnTo>
                        <a:pt x="75" y="76"/>
                      </a:lnTo>
                      <a:lnTo>
                        <a:pt x="66" y="44"/>
                      </a:lnTo>
                      <a:lnTo>
                        <a:pt x="61" y="47"/>
                      </a:lnTo>
                      <a:lnTo>
                        <a:pt x="56" y="52"/>
                      </a:lnTo>
                      <a:lnTo>
                        <a:pt x="49" y="56"/>
                      </a:lnTo>
                      <a:lnTo>
                        <a:pt x="44" y="59"/>
                      </a:lnTo>
                      <a:lnTo>
                        <a:pt x="39" y="64"/>
                      </a:lnTo>
                      <a:lnTo>
                        <a:pt x="34" y="67"/>
                      </a:lnTo>
                      <a:lnTo>
                        <a:pt x="29" y="71"/>
                      </a:lnTo>
                      <a:lnTo>
                        <a:pt x="26" y="74"/>
                      </a:lnTo>
                      <a:lnTo>
                        <a:pt x="21" y="78"/>
                      </a:lnTo>
                      <a:lnTo>
                        <a:pt x="15" y="81"/>
                      </a:lnTo>
                      <a:lnTo>
                        <a:pt x="12" y="84"/>
                      </a:lnTo>
                      <a:lnTo>
                        <a:pt x="9" y="86"/>
                      </a:lnTo>
                      <a:lnTo>
                        <a:pt x="7" y="89"/>
                      </a:lnTo>
                      <a:lnTo>
                        <a:pt x="4" y="91"/>
                      </a:lnTo>
                      <a:lnTo>
                        <a:pt x="2" y="91"/>
                      </a:lnTo>
                      <a:lnTo>
                        <a:pt x="2" y="93"/>
                      </a:lnTo>
                      <a:lnTo>
                        <a:pt x="0" y="93"/>
                      </a:lnTo>
                      <a:lnTo>
                        <a:pt x="32" y="259"/>
                      </a:lnTo>
                      <a:lnTo>
                        <a:pt x="51" y="370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705" name="Freeform 49"/>
                <p:cNvSpPr>
                  <a:spLocks/>
                </p:cNvSpPr>
                <p:nvPr/>
              </p:nvSpPr>
              <p:spPr bwMode="auto">
                <a:xfrm>
                  <a:off x="4341" y="1400"/>
                  <a:ext cx="574" cy="370"/>
                </a:xfrm>
                <a:custGeom>
                  <a:avLst/>
                  <a:gdLst>
                    <a:gd name="T0" fmla="*/ 491 w 574"/>
                    <a:gd name="T1" fmla="*/ 287 h 370"/>
                    <a:gd name="T2" fmla="*/ 496 w 574"/>
                    <a:gd name="T3" fmla="*/ 272 h 370"/>
                    <a:gd name="T4" fmla="*/ 513 w 574"/>
                    <a:gd name="T5" fmla="*/ 265 h 370"/>
                    <a:gd name="T6" fmla="*/ 523 w 574"/>
                    <a:gd name="T7" fmla="*/ 267 h 370"/>
                    <a:gd name="T8" fmla="*/ 527 w 574"/>
                    <a:gd name="T9" fmla="*/ 264 h 370"/>
                    <a:gd name="T10" fmla="*/ 538 w 574"/>
                    <a:gd name="T11" fmla="*/ 254 h 370"/>
                    <a:gd name="T12" fmla="*/ 547 w 574"/>
                    <a:gd name="T13" fmla="*/ 248 h 370"/>
                    <a:gd name="T14" fmla="*/ 550 w 574"/>
                    <a:gd name="T15" fmla="*/ 238 h 370"/>
                    <a:gd name="T16" fmla="*/ 560 w 574"/>
                    <a:gd name="T17" fmla="*/ 225 h 370"/>
                    <a:gd name="T18" fmla="*/ 569 w 574"/>
                    <a:gd name="T19" fmla="*/ 218 h 370"/>
                    <a:gd name="T20" fmla="*/ 574 w 574"/>
                    <a:gd name="T21" fmla="*/ 213 h 370"/>
                    <a:gd name="T22" fmla="*/ 572 w 574"/>
                    <a:gd name="T23" fmla="*/ 206 h 370"/>
                    <a:gd name="T24" fmla="*/ 569 w 574"/>
                    <a:gd name="T25" fmla="*/ 203 h 370"/>
                    <a:gd name="T26" fmla="*/ 564 w 574"/>
                    <a:gd name="T27" fmla="*/ 199 h 370"/>
                    <a:gd name="T28" fmla="*/ 547 w 574"/>
                    <a:gd name="T29" fmla="*/ 184 h 370"/>
                    <a:gd name="T30" fmla="*/ 535 w 574"/>
                    <a:gd name="T31" fmla="*/ 174 h 370"/>
                    <a:gd name="T32" fmla="*/ 520 w 574"/>
                    <a:gd name="T33" fmla="*/ 162 h 370"/>
                    <a:gd name="T34" fmla="*/ 520 w 574"/>
                    <a:gd name="T35" fmla="*/ 144 h 370"/>
                    <a:gd name="T36" fmla="*/ 525 w 574"/>
                    <a:gd name="T37" fmla="*/ 135 h 370"/>
                    <a:gd name="T38" fmla="*/ 538 w 574"/>
                    <a:gd name="T39" fmla="*/ 71 h 370"/>
                    <a:gd name="T40" fmla="*/ 525 w 574"/>
                    <a:gd name="T41" fmla="*/ 56 h 370"/>
                    <a:gd name="T42" fmla="*/ 523 w 574"/>
                    <a:gd name="T43" fmla="*/ 56 h 370"/>
                    <a:gd name="T44" fmla="*/ 515 w 574"/>
                    <a:gd name="T45" fmla="*/ 47 h 370"/>
                    <a:gd name="T46" fmla="*/ 505 w 574"/>
                    <a:gd name="T47" fmla="*/ 32 h 370"/>
                    <a:gd name="T48" fmla="*/ 503 w 574"/>
                    <a:gd name="T49" fmla="*/ 28 h 370"/>
                    <a:gd name="T50" fmla="*/ 499 w 574"/>
                    <a:gd name="T51" fmla="*/ 20 h 370"/>
                    <a:gd name="T52" fmla="*/ 486 w 574"/>
                    <a:gd name="T53" fmla="*/ 15 h 370"/>
                    <a:gd name="T54" fmla="*/ 483 w 574"/>
                    <a:gd name="T55" fmla="*/ 12 h 370"/>
                    <a:gd name="T56" fmla="*/ 476 w 574"/>
                    <a:gd name="T57" fmla="*/ 1 h 370"/>
                    <a:gd name="T58" fmla="*/ 459 w 574"/>
                    <a:gd name="T59" fmla="*/ 0 h 370"/>
                    <a:gd name="T60" fmla="*/ 454 w 574"/>
                    <a:gd name="T61" fmla="*/ 1 h 370"/>
                    <a:gd name="T62" fmla="*/ 432 w 574"/>
                    <a:gd name="T63" fmla="*/ 5 h 370"/>
                    <a:gd name="T64" fmla="*/ 398 w 574"/>
                    <a:gd name="T65" fmla="*/ 12 h 370"/>
                    <a:gd name="T66" fmla="*/ 352 w 574"/>
                    <a:gd name="T67" fmla="*/ 22 h 370"/>
                    <a:gd name="T68" fmla="*/ 301 w 574"/>
                    <a:gd name="T69" fmla="*/ 32 h 370"/>
                    <a:gd name="T70" fmla="*/ 247 w 574"/>
                    <a:gd name="T71" fmla="*/ 42 h 370"/>
                    <a:gd name="T72" fmla="*/ 195 w 574"/>
                    <a:gd name="T73" fmla="*/ 52 h 370"/>
                    <a:gd name="T74" fmla="*/ 147 w 574"/>
                    <a:gd name="T75" fmla="*/ 61 h 370"/>
                    <a:gd name="T76" fmla="*/ 109 w 574"/>
                    <a:gd name="T77" fmla="*/ 69 h 370"/>
                    <a:gd name="T78" fmla="*/ 83 w 574"/>
                    <a:gd name="T79" fmla="*/ 74 h 370"/>
                    <a:gd name="T80" fmla="*/ 75 w 574"/>
                    <a:gd name="T81" fmla="*/ 76 h 370"/>
                    <a:gd name="T82" fmla="*/ 61 w 574"/>
                    <a:gd name="T83" fmla="*/ 47 h 370"/>
                    <a:gd name="T84" fmla="*/ 44 w 574"/>
                    <a:gd name="T85" fmla="*/ 59 h 370"/>
                    <a:gd name="T86" fmla="*/ 29 w 574"/>
                    <a:gd name="T87" fmla="*/ 71 h 370"/>
                    <a:gd name="T88" fmla="*/ 15 w 574"/>
                    <a:gd name="T89" fmla="*/ 81 h 370"/>
                    <a:gd name="T90" fmla="*/ 7 w 574"/>
                    <a:gd name="T91" fmla="*/ 89 h 370"/>
                    <a:gd name="T92" fmla="*/ 2 w 574"/>
                    <a:gd name="T93" fmla="*/ 93 h 370"/>
                    <a:gd name="T94" fmla="*/ 51 w 574"/>
                    <a:gd name="T95" fmla="*/ 370 h 370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w 574"/>
                    <a:gd name="T145" fmla="*/ 0 h 370"/>
                    <a:gd name="T146" fmla="*/ 574 w 574"/>
                    <a:gd name="T147" fmla="*/ 370 h 370"/>
                  </a:gdLst>
                  <a:ahLst/>
                  <a:cxnLst>
                    <a:cxn ang="T96">
                      <a:pos x="T0" y="T1"/>
                    </a:cxn>
                    <a:cxn ang="T97">
                      <a:pos x="T2" y="T3"/>
                    </a:cxn>
                    <a:cxn ang="T98">
                      <a:pos x="T4" y="T5"/>
                    </a:cxn>
                    <a:cxn ang="T99">
                      <a:pos x="T6" y="T7"/>
                    </a:cxn>
                    <a:cxn ang="T100">
                      <a:pos x="T8" y="T9"/>
                    </a:cxn>
                    <a:cxn ang="T101">
                      <a:pos x="T10" y="T11"/>
                    </a:cxn>
                    <a:cxn ang="T102">
                      <a:pos x="T12" y="T13"/>
                    </a:cxn>
                    <a:cxn ang="T103">
                      <a:pos x="T14" y="T15"/>
                    </a:cxn>
                    <a:cxn ang="T104">
                      <a:pos x="T16" y="T17"/>
                    </a:cxn>
                    <a:cxn ang="T105">
                      <a:pos x="T18" y="T19"/>
                    </a:cxn>
                    <a:cxn ang="T106">
                      <a:pos x="T20" y="T21"/>
                    </a:cxn>
                    <a:cxn ang="T107">
                      <a:pos x="T22" y="T23"/>
                    </a:cxn>
                    <a:cxn ang="T108">
                      <a:pos x="T24" y="T25"/>
                    </a:cxn>
                    <a:cxn ang="T109">
                      <a:pos x="T26" y="T27"/>
                    </a:cxn>
                    <a:cxn ang="T110">
                      <a:pos x="T28" y="T29"/>
                    </a:cxn>
                    <a:cxn ang="T111">
                      <a:pos x="T30" y="T31"/>
                    </a:cxn>
                    <a:cxn ang="T112">
                      <a:pos x="T32" y="T33"/>
                    </a:cxn>
                    <a:cxn ang="T113">
                      <a:pos x="T34" y="T35"/>
                    </a:cxn>
                    <a:cxn ang="T114">
                      <a:pos x="T36" y="T37"/>
                    </a:cxn>
                    <a:cxn ang="T115">
                      <a:pos x="T38" y="T39"/>
                    </a:cxn>
                    <a:cxn ang="T116">
                      <a:pos x="T40" y="T41"/>
                    </a:cxn>
                    <a:cxn ang="T117">
                      <a:pos x="T42" y="T43"/>
                    </a:cxn>
                    <a:cxn ang="T118">
                      <a:pos x="T44" y="T45"/>
                    </a:cxn>
                    <a:cxn ang="T119">
                      <a:pos x="T46" y="T47"/>
                    </a:cxn>
                    <a:cxn ang="T120">
                      <a:pos x="T48" y="T49"/>
                    </a:cxn>
                    <a:cxn ang="T121">
                      <a:pos x="T50" y="T51"/>
                    </a:cxn>
                    <a:cxn ang="T122">
                      <a:pos x="T52" y="T53"/>
                    </a:cxn>
                    <a:cxn ang="T123">
                      <a:pos x="T54" y="T55"/>
                    </a:cxn>
                    <a:cxn ang="T124">
                      <a:pos x="T56" y="T57"/>
                    </a:cxn>
                    <a:cxn ang="T125">
                      <a:pos x="T58" y="T59"/>
                    </a:cxn>
                    <a:cxn ang="T126">
                      <a:pos x="T60" y="T61"/>
                    </a:cxn>
                    <a:cxn ang="T127">
                      <a:pos x="T62" y="T63"/>
                    </a:cxn>
                    <a:cxn ang="T128">
                      <a:pos x="T64" y="T65"/>
                    </a:cxn>
                    <a:cxn ang="T129">
                      <a:pos x="T66" y="T67"/>
                    </a:cxn>
                    <a:cxn ang="T130">
                      <a:pos x="T68" y="T69"/>
                    </a:cxn>
                    <a:cxn ang="T131">
                      <a:pos x="T70" y="T71"/>
                    </a:cxn>
                    <a:cxn ang="T132">
                      <a:pos x="T72" y="T73"/>
                    </a:cxn>
                    <a:cxn ang="T133">
                      <a:pos x="T74" y="T75"/>
                    </a:cxn>
                    <a:cxn ang="T134">
                      <a:pos x="T76" y="T77"/>
                    </a:cxn>
                    <a:cxn ang="T135">
                      <a:pos x="T78" y="T79"/>
                    </a:cxn>
                    <a:cxn ang="T136">
                      <a:pos x="T80" y="T81"/>
                    </a:cxn>
                    <a:cxn ang="T137">
                      <a:pos x="T82" y="T83"/>
                    </a:cxn>
                    <a:cxn ang="T138">
                      <a:pos x="T84" y="T85"/>
                    </a:cxn>
                    <a:cxn ang="T139">
                      <a:pos x="T86" y="T87"/>
                    </a:cxn>
                    <a:cxn ang="T140">
                      <a:pos x="T88" y="T89"/>
                    </a:cxn>
                    <a:cxn ang="T141">
                      <a:pos x="T90" y="T91"/>
                    </a:cxn>
                    <a:cxn ang="T142">
                      <a:pos x="T92" y="T93"/>
                    </a:cxn>
                    <a:cxn ang="T143">
                      <a:pos x="T94" y="T95"/>
                    </a:cxn>
                  </a:cxnLst>
                  <a:rect l="T144" t="T145" r="T146" b="T147"/>
                  <a:pathLst>
                    <a:path w="574" h="370">
                      <a:moveTo>
                        <a:pt x="51" y="370"/>
                      </a:moveTo>
                      <a:lnTo>
                        <a:pt x="146" y="352"/>
                      </a:lnTo>
                      <a:lnTo>
                        <a:pt x="491" y="287"/>
                      </a:lnTo>
                      <a:lnTo>
                        <a:pt x="493" y="277"/>
                      </a:lnTo>
                      <a:lnTo>
                        <a:pt x="496" y="272"/>
                      </a:lnTo>
                      <a:lnTo>
                        <a:pt x="501" y="269"/>
                      </a:lnTo>
                      <a:lnTo>
                        <a:pt x="506" y="265"/>
                      </a:lnTo>
                      <a:lnTo>
                        <a:pt x="513" y="265"/>
                      </a:lnTo>
                      <a:lnTo>
                        <a:pt x="518" y="265"/>
                      </a:lnTo>
                      <a:lnTo>
                        <a:pt x="521" y="265"/>
                      </a:lnTo>
                      <a:lnTo>
                        <a:pt x="523" y="267"/>
                      </a:lnTo>
                      <a:lnTo>
                        <a:pt x="523" y="265"/>
                      </a:lnTo>
                      <a:lnTo>
                        <a:pt x="527" y="264"/>
                      </a:lnTo>
                      <a:lnTo>
                        <a:pt x="530" y="260"/>
                      </a:lnTo>
                      <a:lnTo>
                        <a:pt x="535" y="257"/>
                      </a:lnTo>
                      <a:lnTo>
                        <a:pt x="538" y="254"/>
                      </a:lnTo>
                      <a:lnTo>
                        <a:pt x="543" y="252"/>
                      </a:lnTo>
                      <a:lnTo>
                        <a:pt x="545" y="248"/>
                      </a:lnTo>
                      <a:lnTo>
                        <a:pt x="547" y="248"/>
                      </a:lnTo>
                      <a:lnTo>
                        <a:pt x="547" y="243"/>
                      </a:lnTo>
                      <a:lnTo>
                        <a:pt x="550" y="238"/>
                      </a:lnTo>
                      <a:lnTo>
                        <a:pt x="554" y="233"/>
                      </a:lnTo>
                      <a:lnTo>
                        <a:pt x="557" y="228"/>
                      </a:lnTo>
                      <a:lnTo>
                        <a:pt x="560" y="225"/>
                      </a:lnTo>
                      <a:lnTo>
                        <a:pt x="564" y="221"/>
                      </a:lnTo>
                      <a:lnTo>
                        <a:pt x="567" y="220"/>
                      </a:lnTo>
                      <a:lnTo>
                        <a:pt x="569" y="218"/>
                      </a:lnTo>
                      <a:lnTo>
                        <a:pt x="572" y="216"/>
                      </a:lnTo>
                      <a:lnTo>
                        <a:pt x="574" y="213"/>
                      </a:lnTo>
                      <a:lnTo>
                        <a:pt x="574" y="211"/>
                      </a:lnTo>
                      <a:lnTo>
                        <a:pt x="574" y="208"/>
                      </a:lnTo>
                      <a:lnTo>
                        <a:pt x="572" y="206"/>
                      </a:lnTo>
                      <a:lnTo>
                        <a:pt x="571" y="204"/>
                      </a:lnTo>
                      <a:lnTo>
                        <a:pt x="571" y="203"/>
                      </a:lnTo>
                      <a:lnTo>
                        <a:pt x="569" y="203"/>
                      </a:lnTo>
                      <a:lnTo>
                        <a:pt x="567" y="201"/>
                      </a:lnTo>
                      <a:lnTo>
                        <a:pt x="564" y="199"/>
                      </a:lnTo>
                      <a:lnTo>
                        <a:pt x="559" y="194"/>
                      </a:lnTo>
                      <a:lnTo>
                        <a:pt x="554" y="189"/>
                      </a:lnTo>
                      <a:lnTo>
                        <a:pt x="547" y="184"/>
                      </a:lnTo>
                      <a:lnTo>
                        <a:pt x="542" y="179"/>
                      </a:lnTo>
                      <a:lnTo>
                        <a:pt x="537" y="176"/>
                      </a:lnTo>
                      <a:lnTo>
                        <a:pt x="535" y="174"/>
                      </a:lnTo>
                      <a:lnTo>
                        <a:pt x="525" y="169"/>
                      </a:lnTo>
                      <a:lnTo>
                        <a:pt x="520" y="162"/>
                      </a:lnTo>
                      <a:lnTo>
                        <a:pt x="518" y="155"/>
                      </a:lnTo>
                      <a:lnTo>
                        <a:pt x="518" y="149"/>
                      </a:lnTo>
                      <a:lnTo>
                        <a:pt x="520" y="144"/>
                      </a:lnTo>
                      <a:lnTo>
                        <a:pt x="521" y="138"/>
                      </a:lnTo>
                      <a:lnTo>
                        <a:pt x="523" y="135"/>
                      </a:lnTo>
                      <a:lnTo>
                        <a:pt x="525" y="135"/>
                      </a:lnTo>
                      <a:lnTo>
                        <a:pt x="515" y="118"/>
                      </a:lnTo>
                      <a:lnTo>
                        <a:pt x="532" y="93"/>
                      </a:lnTo>
                      <a:lnTo>
                        <a:pt x="538" y="71"/>
                      </a:lnTo>
                      <a:lnTo>
                        <a:pt x="543" y="62"/>
                      </a:lnTo>
                      <a:lnTo>
                        <a:pt x="525" y="56"/>
                      </a:lnTo>
                      <a:lnTo>
                        <a:pt x="523" y="56"/>
                      </a:lnTo>
                      <a:lnTo>
                        <a:pt x="520" y="54"/>
                      </a:lnTo>
                      <a:lnTo>
                        <a:pt x="518" y="50"/>
                      </a:lnTo>
                      <a:lnTo>
                        <a:pt x="515" y="47"/>
                      </a:lnTo>
                      <a:lnTo>
                        <a:pt x="511" y="44"/>
                      </a:lnTo>
                      <a:lnTo>
                        <a:pt x="508" y="39"/>
                      </a:lnTo>
                      <a:lnTo>
                        <a:pt x="505" y="32"/>
                      </a:lnTo>
                      <a:lnTo>
                        <a:pt x="503" y="30"/>
                      </a:lnTo>
                      <a:lnTo>
                        <a:pt x="503" y="28"/>
                      </a:lnTo>
                      <a:lnTo>
                        <a:pt x="503" y="25"/>
                      </a:lnTo>
                      <a:lnTo>
                        <a:pt x="501" y="22"/>
                      </a:lnTo>
                      <a:lnTo>
                        <a:pt x="499" y="20"/>
                      </a:lnTo>
                      <a:lnTo>
                        <a:pt x="496" y="17"/>
                      </a:lnTo>
                      <a:lnTo>
                        <a:pt x="493" y="15"/>
                      </a:lnTo>
                      <a:lnTo>
                        <a:pt x="486" y="15"/>
                      </a:lnTo>
                      <a:lnTo>
                        <a:pt x="484" y="13"/>
                      </a:lnTo>
                      <a:lnTo>
                        <a:pt x="483" y="12"/>
                      </a:lnTo>
                      <a:lnTo>
                        <a:pt x="481" y="8"/>
                      </a:lnTo>
                      <a:lnTo>
                        <a:pt x="479" y="5"/>
                      </a:lnTo>
                      <a:lnTo>
                        <a:pt x="476" y="1"/>
                      </a:lnTo>
                      <a:lnTo>
                        <a:pt x="471" y="0"/>
                      </a:lnTo>
                      <a:lnTo>
                        <a:pt x="466" y="0"/>
                      </a:lnTo>
                      <a:lnTo>
                        <a:pt x="459" y="0"/>
                      </a:lnTo>
                      <a:lnTo>
                        <a:pt x="457" y="0"/>
                      </a:lnTo>
                      <a:lnTo>
                        <a:pt x="454" y="1"/>
                      </a:lnTo>
                      <a:lnTo>
                        <a:pt x="449" y="3"/>
                      </a:lnTo>
                      <a:lnTo>
                        <a:pt x="442" y="3"/>
                      </a:lnTo>
                      <a:lnTo>
                        <a:pt x="432" y="5"/>
                      </a:lnTo>
                      <a:lnTo>
                        <a:pt x="422" y="8"/>
                      </a:lnTo>
                      <a:lnTo>
                        <a:pt x="410" y="10"/>
                      </a:lnTo>
                      <a:lnTo>
                        <a:pt x="398" y="12"/>
                      </a:lnTo>
                      <a:lnTo>
                        <a:pt x="383" y="15"/>
                      </a:lnTo>
                      <a:lnTo>
                        <a:pt x="367" y="18"/>
                      </a:lnTo>
                      <a:lnTo>
                        <a:pt x="352" y="22"/>
                      </a:lnTo>
                      <a:lnTo>
                        <a:pt x="335" y="25"/>
                      </a:lnTo>
                      <a:lnTo>
                        <a:pt x="318" y="28"/>
                      </a:lnTo>
                      <a:lnTo>
                        <a:pt x="301" y="32"/>
                      </a:lnTo>
                      <a:lnTo>
                        <a:pt x="283" y="35"/>
                      </a:lnTo>
                      <a:lnTo>
                        <a:pt x="266" y="39"/>
                      </a:lnTo>
                      <a:lnTo>
                        <a:pt x="247" y="42"/>
                      </a:lnTo>
                      <a:lnTo>
                        <a:pt x="230" y="45"/>
                      </a:lnTo>
                      <a:lnTo>
                        <a:pt x="212" y="49"/>
                      </a:lnTo>
                      <a:lnTo>
                        <a:pt x="195" y="52"/>
                      </a:lnTo>
                      <a:lnTo>
                        <a:pt x="178" y="56"/>
                      </a:lnTo>
                      <a:lnTo>
                        <a:pt x="163" y="59"/>
                      </a:lnTo>
                      <a:lnTo>
                        <a:pt x="147" y="61"/>
                      </a:lnTo>
                      <a:lnTo>
                        <a:pt x="134" y="64"/>
                      </a:lnTo>
                      <a:lnTo>
                        <a:pt x="120" y="66"/>
                      </a:lnTo>
                      <a:lnTo>
                        <a:pt x="109" y="69"/>
                      </a:lnTo>
                      <a:lnTo>
                        <a:pt x="98" y="71"/>
                      </a:lnTo>
                      <a:lnTo>
                        <a:pt x="90" y="72"/>
                      </a:lnTo>
                      <a:lnTo>
                        <a:pt x="83" y="74"/>
                      </a:lnTo>
                      <a:lnTo>
                        <a:pt x="78" y="74"/>
                      </a:lnTo>
                      <a:lnTo>
                        <a:pt x="75" y="74"/>
                      </a:lnTo>
                      <a:lnTo>
                        <a:pt x="75" y="76"/>
                      </a:lnTo>
                      <a:lnTo>
                        <a:pt x="66" y="44"/>
                      </a:lnTo>
                      <a:lnTo>
                        <a:pt x="61" y="47"/>
                      </a:lnTo>
                      <a:lnTo>
                        <a:pt x="56" y="52"/>
                      </a:lnTo>
                      <a:lnTo>
                        <a:pt x="49" y="56"/>
                      </a:lnTo>
                      <a:lnTo>
                        <a:pt x="44" y="59"/>
                      </a:lnTo>
                      <a:lnTo>
                        <a:pt x="39" y="64"/>
                      </a:lnTo>
                      <a:lnTo>
                        <a:pt x="34" y="67"/>
                      </a:lnTo>
                      <a:lnTo>
                        <a:pt x="29" y="71"/>
                      </a:lnTo>
                      <a:lnTo>
                        <a:pt x="26" y="74"/>
                      </a:lnTo>
                      <a:lnTo>
                        <a:pt x="21" y="78"/>
                      </a:lnTo>
                      <a:lnTo>
                        <a:pt x="15" y="81"/>
                      </a:lnTo>
                      <a:lnTo>
                        <a:pt x="12" y="84"/>
                      </a:lnTo>
                      <a:lnTo>
                        <a:pt x="9" y="86"/>
                      </a:lnTo>
                      <a:lnTo>
                        <a:pt x="7" y="89"/>
                      </a:lnTo>
                      <a:lnTo>
                        <a:pt x="4" y="91"/>
                      </a:lnTo>
                      <a:lnTo>
                        <a:pt x="2" y="91"/>
                      </a:lnTo>
                      <a:lnTo>
                        <a:pt x="2" y="93"/>
                      </a:lnTo>
                      <a:lnTo>
                        <a:pt x="0" y="93"/>
                      </a:lnTo>
                      <a:lnTo>
                        <a:pt x="32" y="259"/>
                      </a:lnTo>
                      <a:lnTo>
                        <a:pt x="51" y="370"/>
                      </a:lnTo>
                    </a:path>
                  </a:pathLst>
                </a:custGeom>
                <a:solidFill>
                  <a:srgbClr val="C0000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</p:grpSp>
        </p:grpSp>
        <p:sp>
          <p:nvSpPr>
            <p:cNvPr id="560" name="Freeform 50"/>
            <p:cNvSpPr>
              <a:spLocks/>
            </p:cNvSpPr>
            <p:nvPr/>
          </p:nvSpPr>
          <p:spPr bwMode="auto">
            <a:xfrm>
              <a:off x="4658" y="1344"/>
              <a:ext cx="160" cy="309"/>
            </a:xfrm>
            <a:custGeom>
              <a:avLst/>
              <a:gdLst>
                <a:gd name="T0" fmla="*/ 47 w 165"/>
                <a:gd name="T1" fmla="*/ 211 h 318"/>
                <a:gd name="T2" fmla="*/ 44 w 165"/>
                <a:gd name="T3" fmla="*/ 199 h 318"/>
                <a:gd name="T4" fmla="*/ 42 w 165"/>
                <a:gd name="T5" fmla="*/ 183 h 318"/>
                <a:gd name="T6" fmla="*/ 39 w 165"/>
                <a:gd name="T7" fmla="*/ 167 h 318"/>
                <a:gd name="T8" fmla="*/ 38 w 165"/>
                <a:gd name="T9" fmla="*/ 154 h 318"/>
                <a:gd name="T10" fmla="*/ 35 w 165"/>
                <a:gd name="T11" fmla="*/ 145 h 318"/>
                <a:gd name="T12" fmla="*/ 29 w 165"/>
                <a:gd name="T13" fmla="*/ 141 h 318"/>
                <a:gd name="T14" fmla="*/ 24 w 165"/>
                <a:gd name="T15" fmla="*/ 145 h 318"/>
                <a:gd name="T16" fmla="*/ 16 w 165"/>
                <a:gd name="T17" fmla="*/ 111 h 318"/>
                <a:gd name="T18" fmla="*/ 0 w 165"/>
                <a:gd name="T19" fmla="*/ 26 h 318"/>
                <a:gd name="T20" fmla="*/ 103 w 165"/>
                <a:gd name="T21" fmla="*/ 10 h 318"/>
                <a:gd name="T22" fmla="*/ 103 w 165"/>
                <a:gd name="T23" fmla="*/ 15 h 318"/>
                <a:gd name="T24" fmla="*/ 103 w 165"/>
                <a:gd name="T25" fmla="*/ 17 h 318"/>
                <a:gd name="T26" fmla="*/ 100 w 165"/>
                <a:gd name="T27" fmla="*/ 21 h 318"/>
                <a:gd name="T28" fmla="*/ 103 w 165"/>
                <a:gd name="T29" fmla="*/ 26 h 318"/>
                <a:gd name="T30" fmla="*/ 106 w 165"/>
                <a:gd name="T31" fmla="*/ 37 h 318"/>
                <a:gd name="T32" fmla="*/ 107 w 165"/>
                <a:gd name="T33" fmla="*/ 43 h 318"/>
                <a:gd name="T34" fmla="*/ 103 w 165"/>
                <a:gd name="T35" fmla="*/ 51 h 318"/>
                <a:gd name="T36" fmla="*/ 94 w 165"/>
                <a:gd name="T37" fmla="*/ 63 h 318"/>
                <a:gd name="T38" fmla="*/ 94 w 165"/>
                <a:gd name="T39" fmla="*/ 64 h 318"/>
                <a:gd name="T40" fmla="*/ 88 w 165"/>
                <a:gd name="T41" fmla="*/ 68 h 318"/>
                <a:gd name="T42" fmla="*/ 89 w 165"/>
                <a:gd name="T43" fmla="*/ 73 h 318"/>
                <a:gd name="T44" fmla="*/ 89 w 165"/>
                <a:gd name="T45" fmla="*/ 83 h 318"/>
                <a:gd name="T46" fmla="*/ 89 w 165"/>
                <a:gd name="T47" fmla="*/ 93 h 318"/>
                <a:gd name="T48" fmla="*/ 88 w 165"/>
                <a:gd name="T49" fmla="*/ 108 h 318"/>
                <a:gd name="T50" fmla="*/ 85 w 165"/>
                <a:gd name="T51" fmla="*/ 115 h 318"/>
                <a:gd name="T52" fmla="*/ 85 w 165"/>
                <a:gd name="T53" fmla="*/ 122 h 318"/>
                <a:gd name="T54" fmla="*/ 83 w 165"/>
                <a:gd name="T55" fmla="*/ 127 h 318"/>
                <a:gd name="T56" fmla="*/ 81 w 165"/>
                <a:gd name="T57" fmla="*/ 139 h 318"/>
                <a:gd name="T58" fmla="*/ 85 w 165"/>
                <a:gd name="T59" fmla="*/ 153 h 318"/>
                <a:gd name="T60" fmla="*/ 85 w 165"/>
                <a:gd name="T61" fmla="*/ 157 h 318"/>
                <a:gd name="T62" fmla="*/ 85 w 165"/>
                <a:gd name="T63" fmla="*/ 164 h 318"/>
                <a:gd name="T64" fmla="*/ 85 w 165"/>
                <a:gd name="T65" fmla="*/ 167 h 318"/>
                <a:gd name="T66" fmla="*/ 88 w 165"/>
                <a:gd name="T67" fmla="*/ 173 h 318"/>
                <a:gd name="T68" fmla="*/ 88 w 165"/>
                <a:gd name="T69" fmla="*/ 180 h 318"/>
                <a:gd name="T70" fmla="*/ 85 w 165"/>
                <a:gd name="T71" fmla="*/ 184 h 318"/>
                <a:gd name="T72" fmla="*/ 85 w 165"/>
                <a:gd name="T73" fmla="*/ 193 h 318"/>
                <a:gd name="T74" fmla="*/ 92 w 165"/>
                <a:gd name="T75" fmla="*/ 201 h 318"/>
                <a:gd name="T76" fmla="*/ 87 w 165"/>
                <a:gd name="T77" fmla="*/ 203 h 318"/>
                <a:gd name="T78" fmla="*/ 78 w 165"/>
                <a:gd name="T79" fmla="*/ 205 h 318"/>
                <a:gd name="T80" fmla="*/ 66 w 165"/>
                <a:gd name="T81" fmla="*/ 208 h 318"/>
                <a:gd name="T82" fmla="*/ 54 w 165"/>
                <a:gd name="T83" fmla="*/ 211 h 318"/>
                <a:gd name="T84" fmla="*/ 47 w 165"/>
                <a:gd name="T85" fmla="*/ 211 h 318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165"/>
                <a:gd name="T130" fmla="*/ 0 h 318"/>
                <a:gd name="T131" fmla="*/ 165 w 165"/>
                <a:gd name="T132" fmla="*/ 318 h 318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165" h="318">
                  <a:moveTo>
                    <a:pt x="73" y="318"/>
                  </a:moveTo>
                  <a:lnTo>
                    <a:pt x="73" y="316"/>
                  </a:lnTo>
                  <a:lnTo>
                    <a:pt x="73" y="315"/>
                  </a:lnTo>
                  <a:lnTo>
                    <a:pt x="71" y="310"/>
                  </a:lnTo>
                  <a:lnTo>
                    <a:pt x="70" y="303"/>
                  </a:lnTo>
                  <a:lnTo>
                    <a:pt x="68" y="296"/>
                  </a:lnTo>
                  <a:lnTo>
                    <a:pt x="68" y="289"/>
                  </a:lnTo>
                  <a:lnTo>
                    <a:pt x="66" y="281"/>
                  </a:lnTo>
                  <a:lnTo>
                    <a:pt x="63" y="272"/>
                  </a:lnTo>
                  <a:lnTo>
                    <a:pt x="61" y="264"/>
                  </a:lnTo>
                  <a:lnTo>
                    <a:pt x="60" y="255"/>
                  </a:lnTo>
                  <a:lnTo>
                    <a:pt x="58" y="249"/>
                  </a:lnTo>
                  <a:lnTo>
                    <a:pt x="58" y="242"/>
                  </a:lnTo>
                  <a:lnTo>
                    <a:pt x="56" y="235"/>
                  </a:lnTo>
                  <a:lnTo>
                    <a:pt x="55" y="230"/>
                  </a:lnTo>
                  <a:lnTo>
                    <a:pt x="55" y="227"/>
                  </a:lnTo>
                  <a:lnTo>
                    <a:pt x="53" y="225"/>
                  </a:lnTo>
                  <a:lnTo>
                    <a:pt x="49" y="216"/>
                  </a:lnTo>
                  <a:lnTo>
                    <a:pt x="46" y="211"/>
                  </a:lnTo>
                  <a:lnTo>
                    <a:pt x="44" y="210"/>
                  </a:lnTo>
                  <a:lnTo>
                    <a:pt x="43" y="210"/>
                  </a:lnTo>
                  <a:lnTo>
                    <a:pt x="41" y="211"/>
                  </a:lnTo>
                  <a:lnTo>
                    <a:pt x="39" y="215"/>
                  </a:lnTo>
                  <a:lnTo>
                    <a:pt x="38" y="216"/>
                  </a:lnTo>
                  <a:lnTo>
                    <a:pt x="34" y="213"/>
                  </a:lnTo>
                  <a:lnTo>
                    <a:pt x="26" y="164"/>
                  </a:lnTo>
                  <a:lnTo>
                    <a:pt x="22" y="128"/>
                  </a:lnTo>
                  <a:lnTo>
                    <a:pt x="16" y="113"/>
                  </a:lnTo>
                  <a:lnTo>
                    <a:pt x="0" y="40"/>
                  </a:lnTo>
                  <a:lnTo>
                    <a:pt x="156" y="0"/>
                  </a:lnTo>
                  <a:lnTo>
                    <a:pt x="158" y="10"/>
                  </a:lnTo>
                  <a:lnTo>
                    <a:pt x="158" y="12"/>
                  </a:lnTo>
                  <a:lnTo>
                    <a:pt x="159" y="15"/>
                  </a:lnTo>
                  <a:lnTo>
                    <a:pt x="159" y="17"/>
                  </a:lnTo>
                  <a:lnTo>
                    <a:pt x="159" y="22"/>
                  </a:lnTo>
                  <a:lnTo>
                    <a:pt x="159" y="25"/>
                  </a:lnTo>
                  <a:lnTo>
                    <a:pt x="158" y="29"/>
                  </a:lnTo>
                  <a:lnTo>
                    <a:pt x="154" y="34"/>
                  </a:lnTo>
                  <a:lnTo>
                    <a:pt x="154" y="35"/>
                  </a:lnTo>
                  <a:lnTo>
                    <a:pt x="156" y="35"/>
                  </a:lnTo>
                  <a:lnTo>
                    <a:pt x="158" y="37"/>
                  </a:lnTo>
                  <a:lnTo>
                    <a:pt x="158" y="40"/>
                  </a:lnTo>
                  <a:lnTo>
                    <a:pt x="159" y="44"/>
                  </a:lnTo>
                  <a:lnTo>
                    <a:pt x="161" y="46"/>
                  </a:lnTo>
                  <a:lnTo>
                    <a:pt x="163" y="51"/>
                  </a:lnTo>
                  <a:lnTo>
                    <a:pt x="165" y="54"/>
                  </a:lnTo>
                  <a:lnTo>
                    <a:pt x="165" y="59"/>
                  </a:lnTo>
                  <a:lnTo>
                    <a:pt x="165" y="62"/>
                  </a:lnTo>
                  <a:lnTo>
                    <a:pt x="165" y="68"/>
                  </a:lnTo>
                  <a:lnTo>
                    <a:pt x="163" y="73"/>
                  </a:lnTo>
                  <a:lnTo>
                    <a:pt x="159" y="78"/>
                  </a:lnTo>
                  <a:lnTo>
                    <a:pt x="156" y="83"/>
                  </a:lnTo>
                  <a:lnTo>
                    <a:pt x="149" y="88"/>
                  </a:lnTo>
                  <a:lnTo>
                    <a:pt x="143" y="93"/>
                  </a:lnTo>
                  <a:lnTo>
                    <a:pt x="143" y="95"/>
                  </a:lnTo>
                  <a:lnTo>
                    <a:pt x="143" y="93"/>
                  </a:lnTo>
                  <a:lnTo>
                    <a:pt x="136" y="100"/>
                  </a:lnTo>
                  <a:lnTo>
                    <a:pt x="136" y="101"/>
                  </a:lnTo>
                  <a:lnTo>
                    <a:pt x="136" y="105"/>
                  </a:lnTo>
                  <a:lnTo>
                    <a:pt x="137" y="108"/>
                  </a:lnTo>
                  <a:lnTo>
                    <a:pt x="137" y="113"/>
                  </a:lnTo>
                  <a:lnTo>
                    <a:pt x="137" y="118"/>
                  </a:lnTo>
                  <a:lnTo>
                    <a:pt x="137" y="123"/>
                  </a:lnTo>
                  <a:lnTo>
                    <a:pt x="137" y="128"/>
                  </a:lnTo>
                  <a:lnTo>
                    <a:pt x="137" y="135"/>
                  </a:lnTo>
                  <a:lnTo>
                    <a:pt x="137" y="140"/>
                  </a:lnTo>
                  <a:lnTo>
                    <a:pt x="137" y="147"/>
                  </a:lnTo>
                  <a:lnTo>
                    <a:pt x="136" y="154"/>
                  </a:lnTo>
                  <a:lnTo>
                    <a:pt x="136" y="159"/>
                  </a:lnTo>
                  <a:lnTo>
                    <a:pt x="134" y="164"/>
                  </a:lnTo>
                  <a:lnTo>
                    <a:pt x="134" y="169"/>
                  </a:lnTo>
                  <a:lnTo>
                    <a:pt x="132" y="172"/>
                  </a:lnTo>
                  <a:lnTo>
                    <a:pt x="132" y="176"/>
                  </a:lnTo>
                  <a:lnTo>
                    <a:pt x="131" y="179"/>
                  </a:lnTo>
                  <a:lnTo>
                    <a:pt x="131" y="183"/>
                  </a:lnTo>
                  <a:lnTo>
                    <a:pt x="131" y="184"/>
                  </a:lnTo>
                  <a:lnTo>
                    <a:pt x="129" y="189"/>
                  </a:lnTo>
                  <a:lnTo>
                    <a:pt x="127" y="194"/>
                  </a:lnTo>
                  <a:lnTo>
                    <a:pt x="126" y="201"/>
                  </a:lnTo>
                  <a:lnTo>
                    <a:pt x="126" y="208"/>
                  </a:lnTo>
                  <a:lnTo>
                    <a:pt x="126" y="215"/>
                  </a:lnTo>
                  <a:lnTo>
                    <a:pt x="127" y="222"/>
                  </a:lnTo>
                  <a:lnTo>
                    <a:pt x="131" y="228"/>
                  </a:lnTo>
                  <a:lnTo>
                    <a:pt x="132" y="228"/>
                  </a:lnTo>
                  <a:lnTo>
                    <a:pt x="132" y="232"/>
                  </a:lnTo>
                  <a:lnTo>
                    <a:pt x="132" y="235"/>
                  </a:lnTo>
                  <a:lnTo>
                    <a:pt x="132" y="238"/>
                  </a:lnTo>
                  <a:lnTo>
                    <a:pt x="132" y="242"/>
                  </a:lnTo>
                  <a:lnTo>
                    <a:pt x="132" y="245"/>
                  </a:lnTo>
                  <a:lnTo>
                    <a:pt x="132" y="247"/>
                  </a:lnTo>
                  <a:lnTo>
                    <a:pt x="132" y="249"/>
                  </a:lnTo>
                  <a:lnTo>
                    <a:pt x="134" y="250"/>
                  </a:lnTo>
                  <a:lnTo>
                    <a:pt x="134" y="254"/>
                  </a:lnTo>
                  <a:lnTo>
                    <a:pt x="136" y="257"/>
                  </a:lnTo>
                  <a:lnTo>
                    <a:pt x="136" y="260"/>
                  </a:lnTo>
                  <a:lnTo>
                    <a:pt x="136" y="266"/>
                  </a:lnTo>
                  <a:lnTo>
                    <a:pt x="136" y="269"/>
                  </a:lnTo>
                  <a:lnTo>
                    <a:pt x="132" y="272"/>
                  </a:lnTo>
                  <a:lnTo>
                    <a:pt x="132" y="274"/>
                  </a:lnTo>
                  <a:lnTo>
                    <a:pt x="132" y="276"/>
                  </a:lnTo>
                  <a:lnTo>
                    <a:pt x="132" y="281"/>
                  </a:lnTo>
                  <a:lnTo>
                    <a:pt x="132" y="284"/>
                  </a:lnTo>
                  <a:lnTo>
                    <a:pt x="132" y="289"/>
                  </a:lnTo>
                  <a:lnTo>
                    <a:pt x="134" y="294"/>
                  </a:lnTo>
                  <a:lnTo>
                    <a:pt x="136" y="298"/>
                  </a:lnTo>
                  <a:lnTo>
                    <a:pt x="141" y="301"/>
                  </a:lnTo>
                  <a:lnTo>
                    <a:pt x="139" y="301"/>
                  </a:lnTo>
                  <a:lnTo>
                    <a:pt x="137" y="301"/>
                  </a:lnTo>
                  <a:lnTo>
                    <a:pt x="134" y="303"/>
                  </a:lnTo>
                  <a:lnTo>
                    <a:pt x="131" y="303"/>
                  </a:lnTo>
                  <a:lnTo>
                    <a:pt x="126" y="304"/>
                  </a:lnTo>
                  <a:lnTo>
                    <a:pt x="119" y="306"/>
                  </a:lnTo>
                  <a:lnTo>
                    <a:pt x="114" y="308"/>
                  </a:lnTo>
                  <a:lnTo>
                    <a:pt x="107" y="310"/>
                  </a:lnTo>
                  <a:lnTo>
                    <a:pt x="100" y="311"/>
                  </a:lnTo>
                  <a:lnTo>
                    <a:pt x="95" y="313"/>
                  </a:lnTo>
                  <a:lnTo>
                    <a:pt x="88" y="315"/>
                  </a:lnTo>
                  <a:lnTo>
                    <a:pt x="83" y="315"/>
                  </a:lnTo>
                  <a:lnTo>
                    <a:pt x="80" y="316"/>
                  </a:lnTo>
                  <a:lnTo>
                    <a:pt x="77" y="316"/>
                  </a:lnTo>
                  <a:lnTo>
                    <a:pt x="73" y="316"/>
                  </a:lnTo>
                  <a:lnTo>
                    <a:pt x="73" y="318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61" name="Freeform 51"/>
            <p:cNvSpPr>
              <a:spLocks/>
            </p:cNvSpPr>
            <p:nvPr/>
          </p:nvSpPr>
          <p:spPr bwMode="auto">
            <a:xfrm>
              <a:off x="192" y="1620"/>
              <a:ext cx="766" cy="1314"/>
            </a:xfrm>
            <a:custGeom>
              <a:avLst/>
              <a:gdLst>
                <a:gd name="T0" fmla="*/ 78 w 788"/>
                <a:gd name="T1" fmla="*/ 14 h 1354"/>
                <a:gd name="T2" fmla="*/ 134 w 788"/>
                <a:gd name="T3" fmla="*/ 23 h 1354"/>
                <a:gd name="T4" fmla="*/ 209 w 788"/>
                <a:gd name="T5" fmla="*/ 44 h 1354"/>
                <a:gd name="T6" fmla="*/ 292 w 788"/>
                <a:gd name="T7" fmla="*/ 65 h 1354"/>
                <a:gd name="T8" fmla="*/ 518 w 788"/>
                <a:gd name="T9" fmla="*/ 749 h 1354"/>
                <a:gd name="T10" fmla="*/ 507 w 788"/>
                <a:gd name="T11" fmla="*/ 786 h 1354"/>
                <a:gd name="T12" fmla="*/ 496 w 788"/>
                <a:gd name="T13" fmla="*/ 815 h 1354"/>
                <a:gd name="T14" fmla="*/ 482 w 788"/>
                <a:gd name="T15" fmla="*/ 837 h 1354"/>
                <a:gd name="T16" fmla="*/ 485 w 788"/>
                <a:gd name="T17" fmla="*/ 869 h 1354"/>
                <a:gd name="T18" fmla="*/ 467 w 788"/>
                <a:gd name="T19" fmla="*/ 890 h 1354"/>
                <a:gd name="T20" fmla="*/ 293 w 788"/>
                <a:gd name="T21" fmla="*/ 847 h 1354"/>
                <a:gd name="T22" fmla="*/ 300 w 788"/>
                <a:gd name="T23" fmla="*/ 834 h 1354"/>
                <a:gd name="T24" fmla="*/ 285 w 788"/>
                <a:gd name="T25" fmla="*/ 794 h 1354"/>
                <a:gd name="T26" fmla="*/ 256 w 788"/>
                <a:gd name="T27" fmla="*/ 758 h 1354"/>
                <a:gd name="T28" fmla="*/ 243 w 788"/>
                <a:gd name="T29" fmla="*/ 758 h 1354"/>
                <a:gd name="T30" fmla="*/ 236 w 788"/>
                <a:gd name="T31" fmla="*/ 749 h 1354"/>
                <a:gd name="T32" fmla="*/ 229 w 788"/>
                <a:gd name="T33" fmla="*/ 728 h 1354"/>
                <a:gd name="T34" fmla="*/ 202 w 788"/>
                <a:gd name="T35" fmla="*/ 720 h 1354"/>
                <a:gd name="T36" fmla="*/ 181 w 788"/>
                <a:gd name="T37" fmla="*/ 689 h 1354"/>
                <a:gd name="T38" fmla="*/ 162 w 788"/>
                <a:gd name="T39" fmla="*/ 679 h 1354"/>
                <a:gd name="T40" fmla="*/ 141 w 788"/>
                <a:gd name="T41" fmla="*/ 670 h 1354"/>
                <a:gd name="T42" fmla="*/ 113 w 788"/>
                <a:gd name="T43" fmla="*/ 660 h 1354"/>
                <a:gd name="T44" fmla="*/ 111 w 788"/>
                <a:gd name="T45" fmla="*/ 642 h 1354"/>
                <a:gd name="T46" fmla="*/ 117 w 788"/>
                <a:gd name="T47" fmla="*/ 606 h 1354"/>
                <a:gd name="T48" fmla="*/ 105 w 788"/>
                <a:gd name="T49" fmla="*/ 597 h 1354"/>
                <a:gd name="T50" fmla="*/ 110 w 788"/>
                <a:gd name="T51" fmla="*/ 581 h 1354"/>
                <a:gd name="T52" fmla="*/ 98 w 788"/>
                <a:gd name="T53" fmla="*/ 565 h 1354"/>
                <a:gd name="T54" fmla="*/ 75 w 788"/>
                <a:gd name="T55" fmla="*/ 515 h 1354"/>
                <a:gd name="T56" fmla="*/ 65 w 788"/>
                <a:gd name="T57" fmla="*/ 498 h 1354"/>
                <a:gd name="T58" fmla="*/ 62 w 788"/>
                <a:gd name="T59" fmla="*/ 490 h 1354"/>
                <a:gd name="T60" fmla="*/ 67 w 788"/>
                <a:gd name="T61" fmla="*/ 466 h 1354"/>
                <a:gd name="T62" fmla="*/ 79 w 788"/>
                <a:gd name="T63" fmla="*/ 443 h 1354"/>
                <a:gd name="T64" fmla="*/ 50 w 788"/>
                <a:gd name="T65" fmla="*/ 419 h 1354"/>
                <a:gd name="T66" fmla="*/ 50 w 788"/>
                <a:gd name="T67" fmla="*/ 405 h 1354"/>
                <a:gd name="T68" fmla="*/ 51 w 788"/>
                <a:gd name="T69" fmla="*/ 389 h 1354"/>
                <a:gd name="T70" fmla="*/ 56 w 788"/>
                <a:gd name="T71" fmla="*/ 365 h 1354"/>
                <a:gd name="T72" fmla="*/ 63 w 788"/>
                <a:gd name="T73" fmla="*/ 371 h 1354"/>
                <a:gd name="T74" fmla="*/ 69 w 788"/>
                <a:gd name="T75" fmla="*/ 389 h 1354"/>
                <a:gd name="T76" fmla="*/ 78 w 788"/>
                <a:gd name="T77" fmla="*/ 391 h 1354"/>
                <a:gd name="T78" fmla="*/ 75 w 788"/>
                <a:gd name="T79" fmla="*/ 378 h 1354"/>
                <a:gd name="T80" fmla="*/ 71 w 788"/>
                <a:gd name="T81" fmla="*/ 369 h 1354"/>
                <a:gd name="T82" fmla="*/ 71 w 788"/>
                <a:gd name="T83" fmla="*/ 350 h 1354"/>
                <a:gd name="T84" fmla="*/ 99 w 788"/>
                <a:gd name="T85" fmla="*/ 345 h 1354"/>
                <a:gd name="T86" fmla="*/ 75 w 788"/>
                <a:gd name="T87" fmla="*/ 339 h 1354"/>
                <a:gd name="T88" fmla="*/ 63 w 788"/>
                <a:gd name="T89" fmla="*/ 344 h 1354"/>
                <a:gd name="T90" fmla="*/ 44 w 788"/>
                <a:gd name="T91" fmla="*/ 346 h 1354"/>
                <a:gd name="T92" fmla="*/ 31 w 788"/>
                <a:gd name="T93" fmla="*/ 337 h 1354"/>
                <a:gd name="T94" fmla="*/ 36 w 788"/>
                <a:gd name="T95" fmla="*/ 304 h 1354"/>
                <a:gd name="T96" fmla="*/ 17 w 788"/>
                <a:gd name="T97" fmla="*/ 284 h 1354"/>
                <a:gd name="T98" fmla="*/ 17 w 788"/>
                <a:gd name="T99" fmla="*/ 263 h 1354"/>
                <a:gd name="T100" fmla="*/ 10 w 788"/>
                <a:gd name="T101" fmla="*/ 248 h 1354"/>
                <a:gd name="T102" fmla="*/ 17 w 788"/>
                <a:gd name="T103" fmla="*/ 230 h 1354"/>
                <a:gd name="T104" fmla="*/ 17 w 788"/>
                <a:gd name="T105" fmla="*/ 201 h 1354"/>
                <a:gd name="T106" fmla="*/ 17 w 788"/>
                <a:gd name="T107" fmla="*/ 176 h 1354"/>
                <a:gd name="T108" fmla="*/ 17 w 788"/>
                <a:gd name="T109" fmla="*/ 161 h 1354"/>
                <a:gd name="T110" fmla="*/ 13 w 788"/>
                <a:gd name="T111" fmla="*/ 151 h 1354"/>
                <a:gd name="T112" fmla="*/ 1 w 788"/>
                <a:gd name="T113" fmla="*/ 123 h 1354"/>
                <a:gd name="T114" fmla="*/ 30 w 788"/>
                <a:gd name="T115" fmla="*/ 86 h 1354"/>
                <a:gd name="T116" fmla="*/ 40 w 788"/>
                <a:gd name="T117" fmla="*/ 62 h 1354"/>
                <a:gd name="T118" fmla="*/ 48 w 788"/>
                <a:gd name="T119" fmla="*/ 32 h 1354"/>
                <a:gd name="T120" fmla="*/ 49 w 788"/>
                <a:gd name="T121" fmla="*/ 0 h 1354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w 788"/>
                <a:gd name="T184" fmla="*/ 0 h 1354"/>
                <a:gd name="T185" fmla="*/ 788 w 788"/>
                <a:gd name="T186" fmla="*/ 1354 h 1354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T183" t="T184" r="T185" b="T186"/>
              <a:pathLst>
                <a:path w="788" h="1354">
                  <a:moveTo>
                    <a:pt x="74" y="0"/>
                  </a:moveTo>
                  <a:lnTo>
                    <a:pt x="77" y="2"/>
                  </a:lnTo>
                  <a:lnTo>
                    <a:pt x="83" y="2"/>
                  </a:lnTo>
                  <a:lnTo>
                    <a:pt x="88" y="5"/>
                  </a:lnTo>
                  <a:lnTo>
                    <a:pt x="93" y="7"/>
                  </a:lnTo>
                  <a:lnTo>
                    <a:pt x="99" y="9"/>
                  </a:lnTo>
                  <a:lnTo>
                    <a:pt x="106" y="10"/>
                  </a:lnTo>
                  <a:lnTo>
                    <a:pt x="115" y="14"/>
                  </a:lnTo>
                  <a:lnTo>
                    <a:pt x="123" y="15"/>
                  </a:lnTo>
                  <a:lnTo>
                    <a:pt x="133" y="19"/>
                  </a:lnTo>
                  <a:lnTo>
                    <a:pt x="143" y="20"/>
                  </a:lnTo>
                  <a:lnTo>
                    <a:pt x="154" y="24"/>
                  </a:lnTo>
                  <a:lnTo>
                    <a:pt x="164" y="27"/>
                  </a:lnTo>
                  <a:lnTo>
                    <a:pt x="176" y="31"/>
                  </a:lnTo>
                  <a:lnTo>
                    <a:pt x="187" y="34"/>
                  </a:lnTo>
                  <a:lnTo>
                    <a:pt x="199" y="37"/>
                  </a:lnTo>
                  <a:lnTo>
                    <a:pt x="213" y="41"/>
                  </a:lnTo>
                  <a:lnTo>
                    <a:pt x="226" y="44"/>
                  </a:lnTo>
                  <a:lnTo>
                    <a:pt x="240" y="48"/>
                  </a:lnTo>
                  <a:lnTo>
                    <a:pt x="253" y="51"/>
                  </a:lnTo>
                  <a:lnTo>
                    <a:pt x="267" y="54"/>
                  </a:lnTo>
                  <a:lnTo>
                    <a:pt x="281" y="59"/>
                  </a:lnTo>
                  <a:lnTo>
                    <a:pt x="296" y="63"/>
                  </a:lnTo>
                  <a:lnTo>
                    <a:pt x="311" y="66"/>
                  </a:lnTo>
                  <a:lnTo>
                    <a:pt x="326" y="71"/>
                  </a:lnTo>
                  <a:lnTo>
                    <a:pt x="341" y="75"/>
                  </a:lnTo>
                  <a:lnTo>
                    <a:pt x="355" y="78"/>
                  </a:lnTo>
                  <a:lnTo>
                    <a:pt x="372" y="83"/>
                  </a:lnTo>
                  <a:lnTo>
                    <a:pt x="385" y="86"/>
                  </a:lnTo>
                  <a:lnTo>
                    <a:pt x="402" y="90"/>
                  </a:lnTo>
                  <a:lnTo>
                    <a:pt x="416" y="93"/>
                  </a:lnTo>
                  <a:lnTo>
                    <a:pt x="433" y="98"/>
                  </a:lnTo>
                  <a:lnTo>
                    <a:pt x="446" y="102"/>
                  </a:lnTo>
                  <a:lnTo>
                    <a:pt x="448" y="100"/>
                  </a:lnTo>
                  <a:lnTo>
                    <a:pt x="353" y="466"/>
                  </a:lnTo>
                  <a:lnTo>
                    <a:pt x="753" y="1070"/>
                  </a:lnTo>
                  <a:lnTo>
                    <a:pt x="756" y="1085"/>
                  </a:lnTo>
                  <a:lnTo>
                    <a:pt x="761" y="1098"/>
                  </a:lnTo>
                  <a:lnTo>
                    <a:pt x="773" y="1124"/>
                  </a:lnTo>
                  <a:lnTo>
                    <a:pt x="771" y="1142"/>
                  </a:lnTo>
                  <a:lnTo>
                    <a:pt x="788" y="1166"/>
                  </a:lnTo>
                  <a:lnTo>
                    <a:pt x="788" y="1175"/>
                  </a:lnTo>
                  <a:lnTo>
                    <a:pt x="781" y="1183"/>
                  </a:lnTo>
                  <a:lnTo>
                    <a:pt x="780" y="1185"/>
                  </a:lnTo>
                  <a:lnTo>
                    <a:pt x="775" y="1185"/>
                  </a:lnTo>
                  <a:lnTo>
                    <a:pt x="768" y="1186"/>
                  </a:lnTo>
                  <a:lnTo>
                    <a:pt x="761" y="1190"/>
                  </a:lnTo>
                  <a:lnTo>
                    <a:pt x="753" y="1195"/>
                  </a:lnTo>
                  <a:lnTo>
                    <a:pt x="746" y="1202"/>
                  </a:lnTo>
                  <a:lnTo>
                    <a:pt x="743" y="1210"/>
                  </a:lnTo>
                  <a:lnTo>
                    <a:pt x="741" y="1219"/>
                  </a:lnTo>
                  <a:lnTo>
                    <a:pt x="741" y="1220"/>
                  </a:lnTo>
                  <a:lnTo>
                    <a:pt x="741" y="1225"/>
                  </a:lnTo>
                  <a:lnTo>
                    <a:pt x="741" y="1230"/>
                  </a:lnTo>
                  <a:lnTo>
                    <a:pt x="739" y="1237"/>
                  </a:lnTo>
                  <a:lnTo>
                    <a:pt x="737" y="1244"/>
                  </a:lnTo>
                  <a:lnTo>
                    <a:pt x="736" y="1251"/>
                  </a:lnTo>
                  <a:lnTo>
                    <a:pt x="731" y="1256"/>
                  </a:lnTo>
                  <a:lnTo>
                    <a:pt x="726" y="1261"/>
                  </a:lnTo>
                  <a:lnTo>
                    <a:pt x="724" y="1263"/>
                  </a:lnTo>
                  <a:lnTo>
                    <a:pt x="722" y="1264"/>
                  </a:lnTo>
                  <a:lnTo>
                    <a:pt x="721" y="1266"/>
                  </a:lnTo>
                  <a:lnTo>
                    <a:pt x="717" y="1268"/>
                  </a:lnTo>
                  <a:lnTo>
                    <a:pt x="715" y="1271"/>
                  </a:lnTo>
                  <a:lnTo>
                    <a:pt x="712" y="1273"/>
                  </a:lnTo>
                  <a:lnTo>
                    <a:pt x="710" y="1274"/>
                  </a:lnTo>
                  <a:lnTo>
                    <a:pt x="707" y="1285"/>
                  </a:lnTo>
                  <a:lnTo>
                    <a:pt x="709" y="1296"/>
                  </a:lnTo>
                  <a:lnTo>
                    <a:pt x="704" y="1313"/>
                  </a:lnTo>
                  <a:lnTo>
                    <a:pt x="721" y="1322"/>
                  </a:lnTo>
                  <a:lnTo>
                    <a:pt x="722" y="1324"/>
                  </a:lnTo>
                  <a:lnTo>
                    <a:pt x="722" y="1327"/>
                  </a:lnTo>
                  <a:lnTo>
                    <a:pt x="722" y="1332"/>
                  </a:lnTo>
                  <a:lnTo>
                    <a:pt x="722" y="1337"/>
                  </a:lnTo>
                  <a:lnTo>
                    <a:pt x="721" y="1344"/>
                  </a:lnTo>
                  <a:lnTo>
                    <a:pt x="719" y="1349"/>
                  </a:lnTo>
                  <a:lnTo>
                    <a:pt x="714" y="1352"/>
                  </a:lnTo>
                  <a:lnTo>
                    <a:pt x="709" y="1354"/>
                  </a:lnTo>
                  <a:lnTo>
                    <a:pt x="693" y="1354"/>
                  </a:lnTo>
                  <a:lnTo>
                    <a:pt x="450" y="1325"/>
                  </a:lnTo>
                  <a:lnTo>
                    <a:pt x="445" y="1317"/>
                  </a:lnTo>
                  <a:lnTo>
                    <a:pt x="450" y="1317"/>
                  </a:lnTo>
                  <a:lnTo>
                    <a:pt x="450" y="1305"/>
                  </a:lnTo>
                  <a:lnTo>
                    <a:pt x="443" y="1300"/>
                  </a:lnTo>
                  <a:lnTo>
                    <a:pt x="436" y="1305"/>
                  </a:lnTo>
                  <a:lnTo>
                    <a:pt x="436" y="1290"/>
                  </a:lnTo>
                  <a:lnTo>
                    <a:pt x="436" y="1288"/>
                  </a:lnTo>
                  <a:lnTo>
                    <a:pt x="438" y="1286"/>
                  </a:lnTo>
                  <a:lnTo>
                    <a:pt x="440" y="1285"/>
                  </a:lnTo>
                  <a:lnTo>
                    <a:pt x="441" y="1283"/>
                  </a:lnTo>
                  <a:lnTo>
                    <a:pt x="441" y="1280"/>
                  </a:lnTo>
                  <a:lnTo>
                    <a:pt x="443" y="1276"/>
                  </a:lnTo>
                  <a:lnTo>
                    <a:pt x="445" y="1271"/>
                  </a:lnTo>
                  <a:lnTo>
                    <a:pt x="445" y="1266"/>
                  </a:lnTo>
                  <a:lnTo>
                    <a:pt x="445" y="1261"/>
                  </a:lnTo>
                  <a:lnTo>
                    <a:pt x="445" y="1254"/>
                  </a:lnTo>
                  <a:lnTo>
                    <a:pt x="441" y="1247"/>
                  </a:lnTo>
                  <a:lnTo>
                    <a:pt x="440" y="1239"/>
                  </a:lnTo>
                  <a:lnTo>
                    <a:pt x="436" y="1230"/>
                  </a:lnTo>
                  <a:lnTo>
                    <a:pt x="431" y="1222"/>
                  </a:lnTo>
                  <a:lnTo>
                    <a:pt x="424" y="1212"/>
                  </a:lnTo>
                  <a:lnTo>
                    <a:pt x="423" y="1210"/>
                  </a:lnTo>
                  <a:lnTo>
                    <a:pt x="421" y="1207"/>
                  </a:lnTo>
                  <a:lnTo>
                    <a:pt x="416" y="1203"/>
                  </a:lnTo>
                  <a:lnTo>
                    <a:pt x="413" y="1198"/>
                  </a:lnTo>
                  <a:lnTo>
                    <a:pt x="409" y="1193"/>
                  </a:lnTo>
                  <a:lnTo>
                    <a:pt x="406" y="1190"/>
                  </a:lnTo>
                  <a:lnTo>
                    <a:pt x="402" y="1186"/>
                  </a:lnTo>
                  <a:lnTo>
                    <a:pt x="401" y="1186"/>
                  </a:lnTo>
                  <a:lnTo>
                    <a:pt x="380" y="1153"/>
                  </a:lnTo>
                  <a:lnTo>
                    <a:pt x="379" y="1151"/>
                  </a:lnTo>
                  <a:lnTo>
                    <a:pt x="379" y="1149"/>
                  </a:lnTo>
                  <a:lnTo>
                    <a:pt x="375" y="1148"/>
                  </a:lnTo>
                  <a:lnTo>
                    <a:pt x="374" y="1148"/>
                  </a:lnTo>
                  <a:lnTo>
                    <a:pt x="370" y="1148"/>
                  </a:lnTo>
                  <a:lnTo>
                    <a:pt x="365" y="1149"/>
                  </a:lnTo>
                  <a:lnTo>
                    <a:pt x="360" y="1153"/>
                  </a:lnTo>
                  <a:lnTo>
                    <a:pt x="358" y="1153"/>
                  </a:lnTo>
                  <a:lnTo>
                    <a:pt x="357" y="1151"/>
                  </a:lnTo>
                  <a:lnTo>
                    <a:pt x="355" y="1149"/>
                  </a:lnTo>
                  <a:lnTo>
                    <a:pt x="353" y="1146"/>
                  </a:lnTo>
                  <a:lnTo>
                    <a:pt x="352" y="1144"/>
                  </a:lnTo>
                  <a:lnTo>
                    <a:pt x="350" y="1142"/>
                  </a:lnTo>
                  <a:lnTo>
                    <a:pt x="355" y="1136"/>
                  </a:lnTo>
                  <a:lnTo>
                    <a:pt x="355" y="1129"/>
                  </a:lnTo>
                  <a:lnTo>
                    <a:pt x="353" y="1126"/>
                  </a:lnTo>
                  <a:lnTo>
                    <a:pt x="353" y="1122"/>
                  </a:lnTo>
                  <a:lnTo>
                    <a:pt x="350" y="1117"/>
                  </a:lnTo>
                  <a:lnTo>
                    <a:pt x="347" y="1114"/>
                  </a:lnTo>
                  <a:lnTo>
                    <a:pt x="341" y="1109"/>
                  </a:lnTo>
                  <a:lnTo>
                    <a:pt x="335" y="1107"/>
                  </a:lnTo>
                  <a:lnTo>
                    <a:pt x="325" y="1105"/>
                  </a:lnTo>
                  <a:lnTo>
                    <a:pt x="323" y="1105"/>
                  </a:lnTo>
                  <a:lnTo>
                    <a:pt x="319" y="1105"/>
                  </a:lnTo>
                  <a:lnTo>
                    <a:pt x="314" y="1104"/>
                  </a:lnTo>
                  <a:lnTo>
                    <a:pt x="309" y="1100"/>
                  </a:lnTo>
                  <a:lnTo>
                    <a:pt x="301" y="1095"/>
                  </a:lnTo>
                  <a:lnTo>
                    <a:pt x="292" y="1087"/>
                  </a:lnTo>
                  <a:lnTo>
                    <a:pt x="281" y="1075"/>
                  </a:lnTo>
                  <a:lnTo>
                    <a:pt x="281" y="1073"/>
                  </a:lnTo>
                  <a:lnTo>
                    <a:pt x="281" y="1071"/>
                  </a:lnTo>
                  <a:lnTo>
                    <a:pt x="279" y="1066"/>
                  </a:lnTo>
                  <a:lnTo>
                    <a:pt x="277" y="1060"/>
                  </a:lnTo>
                  <a:lnTo>
                    <a:pt x="274" y="1054"/>
                  </a:lnTo>
                  <a:lnTo>
                    <a:pt x="269" y="1048"/>
                  </a:lnTo>
                  <a:lnTo>
                    <a:pt x="262" y="1041"/>
                  </a:lnTo>
                  <a:lnTo>
                    <a:pt x="253" y="1034"/>
                  </a:lnTo>
                  <a:lnTo>
                    <a:pt x="252" y="1034"/>
                  </a:lnTo>
                  <a:lnTo>
                    <a:pt x="250" y="1034"/>
                  </a:lnTo>
                  <a:lnTo>
                    <a:pt x="248" y="1034"/>
                  </a:lnTo>
                  <a:lnTo>
                    <a:pt x="245" y="1034"/>
                  </a:lnTo>
                  <a:lnTo>
                    <a:pt x="243" y="1034"/>
                  </a:lnTo>
                  <a:lnTo>
                    <a:pt x="242" y="1034"/>
                  </a:lnTo>
                  <a:lnTo>
                    <a:pt x="240" y="1034"/>
                  </a:lnTo>
                  <a:lnTo>
                    <a:pt x="233" y="1029"/>
                  </a:lnTo>
                  <a:lnTo>
                    <a:pt x="223" y="1029"/>
                  </a:lnTo>
                  <a:lnTo>
                    <a:pt x="221" y="1027"/>
                  </a:lnTo>
                  <a:lnTo>
                    <a:pt x="220" y="1026"/>
                  </a:lnTo>
                  <a:lnTo>
                    <a:pt x="216" y="1022"/>
                  </a:lnTo>
                  <a:lnTo>
                    <a:pt x="209" y="1019"/>
                  </a:lnTo>
                  <a:lnTo>
                    <a:pt x="203" y="1014"/>
                  </a:lnTo>
                  <a:lnTo>
                    <a:pt x="194" y="1012"/>
                  </a:lnTo>
                  <a:lnTo>
                    <a:pt x="182" y="1010"/>
                  </a:lnTo>
                  <a:lnTo>
                    <a:pt x="171" y="1010"/>
                  </a:lnTo>
                  <a:lnTo>
                    <a:pt x="169" y="1009"/>
                  </a:lnTo>
                  <a:lnTo>
                    <a:pt x="169" y="1007"/>
                  </a:lnTo>
                  <a:lnTo>
                    <a:pt x="167" y="1005"/>
                  </a:lnTo>
                  <a:lnTo>
                    <a:pt x="167" y="1004"/>
                  </a:lnTo>
                  <a:lnTo>
                    <a:pt x="165" y="1002"/>
                  </a:lnTo>
                  <a:lnTo>
                    <a:pt x="165" y="1000"/>
                  </a:lnTo>
                  <a:lnTo>
                    <a:pt x="160" y="994"/>
                  </a:lnTo>
                  <a:lnTo>
                    <a:pt x="155" y="994"/>
                  </a:lnTo>
                  <a:lnTo>
                    <a:pt x="155" y="985"/>
                  </a:lnTo>
                  <a:lnTo>
                    <a:pt x="164" y="977"/>
                  </a:lnTo>
                  <a:lnTo>
                    <a:pt x="162" y="965"/>
                  </a:lnTo>
                  <a:lnTo>
                    <a:pt x="169" y="958"/>
                  </a:lnTo>
                  <a:lnTo>
                    <a:pt x="165" y="944"/>
                  </a:lnTo>
                  <a:lnTo>
                    <a:pt x="165" y="943"/>
                  </a:lnTo>
                  <a:lnTo>
                    <a:pt x="169" y="939"/>
                  </a:lnTo>
                  <a:lnTo>
                    <a:pt x="171" y="933"/>
                  </a:lnTo>
                  <a:lnTo>
                    <a:pt x="172" y="928"/>
                  </a:lnTo>
                  <a:lnTo>
                    <a:pt x="174" y="921"/>
                  </a:lnTo>
                  <a:lnTo>
                    <a:pt x="172" y="917"/>
                  </a:lnTo>
                  <a:lnTo>
                    <a:pt x="169" y="914"/>
                  </a:lnTo>
                  <a:lnTo>
                    <a:pt x="162" y="916"/>
                  </a:lnTo>
                  <a:lnTo>
                    <a:pt x="160" y="914"/>
                  </a:lnTo>
                  <a:lnTo>
                    <a:pt x="159" y="912"/>
                  </a:lnTo>
                  <a:lnTo>
                    <a:pt x="157" y="911"/>
                  </a:lnTo>
                  <a:lnTo>
                    <a:pt x="155" y="909"/>
                  </a:lnTo>
                  <a:lnTo>
                    <a:pt x="154" y="907"/>
                  </a:lnTo>
                  <a:lnTo>
                    <a:pt x="154" y="906"/>
                  </a:lnTo>
                  <a:lnTo>
                    <a:pt x="152" y="906"/>
                  </a:lnTo>
                  <a:lnTo>
                    <a:pt x="154" y="904"/>
                  </a:lnTo>
                  <a:lnTo>
                    <a:pt x="155" y="900"/>
                  </a:lnTo>
                  <a:lnTo>
                    <a:pt x="157" y="895"/>
                  </a:lnTo>
                  <a:lnTo>
                    <a:pt x="160" y="890"/>
                  </a:lnTo>
                  <a:lnTo>
                    <a:pt x="162" y="885"/>
                  </a:lnTo>
                  <a:lnTo>
                    <a:pt x="160" y="880"/>
                  </a:lnTo>
                  <a:lnTo>
                    <a:pt x="159" y="877"/>
                  </a:lnTo>
                  <a:lnTo>
                    <a:pt x="154" y="875"/>
                  </a:lnTo>
                  <a:lnTo>
                    <a:pt x="150" y="872"/>
                  </a:lnTo>
                  <a:lnTo>
                    <a:pt x="149" y="868"/>
                  </a:lnTo>
                  <a:lnTo>
                    <a:pt x="147" y="863"/>
                  </a:lnTo>
                  <a:lnTo>
                    <a:pt x="145" y="860"/>
                  </a:lnTo>
                  <a:lnTo>
                    <a:pt x="143" y="855"/>
                  </a:lnTo>
                  <a:lnTo>
                    <a:pt x="142" y="853"/>
                  </a:lnTo>
                  <a:lnTo>
                    <a:pt x="142" y="851"/>
                  </a:lnTo>
                  <a:lnTo>
                    <a:pt x="130" y="840"/>
                  </a:lnTo>
                  <a:lnTo>
                    <a:pt x="128" y="823"/>
                  </a:lnTo>
                  <a:lnTo>
                    <a:pt x="120" y="804"/>
                  </a:lnTo>
                  <a:lnTo>
                    <a:pt x="118" y="796"/>
                  </a:lnTo>
                  <a:lnTo>
                    <a:pt x="111" y="785"/>
                  </a:lnTo>
                  <a:lnTo>
                    <a:pt x="113" y="785"/>
                  </a:lnTo>
                  <a:lnTo>
                    <a:pt x="113" y="784"/>
                  </a:lnTo>
                  <a:lnTo>
                    <a:pt x="113" y="782"/>
                  </a:lnTo>
                  <a:lnTo>
                    <a:pt x="113" y="779"/>
                  </a:lnTo>
                  <a:lnTo>
                    <a:pt x="110" y="775"/>
                  </a:lnTo>
                  <a:lnTo>
                    <a:pt x="108" y="770"/>
                  </a:lnTo>
                  <a:lnTo>
                    <a:pt x="103" y="765"/>
                  </a:lnTo>
                  <a:lnTo>
                    <a:pt x="96" y="758"/>
                  </a:lnTo>
                  <a:lnTo>
                    <a:pt x="94" y="757"/>
                  </a:lnTo>
                  <a:lnTo>
                    <a:pt x="93" y="755"/>
                  </a:lnTo>
                  <a:lnTo>
                    <a:pt x="93" y="753"/>
                  </a:lnTo>
                  <a:lnTo>
                    <a:pt x="93" y="752"/>
                  </a:lnTo>
                  <a:lnTo>
                    <a:pt x="91" y="748"/>
                  </a:lnTo>
                  <a:lnTo>
                    <a:pt x="91" y="746"/>
                  </a:lnTo>
                  <a:lnTo>
                    <a:pt x="91" y="745"/>
                  </a:lnTo>
                  <a:lnTo>
                    <a:pt x="96" y="740"/>
                  </a:lnTo>
                  <a:lnTo>
                    <a:pt x="93" y="721"/>
                  </a:lnTo>
                  <a:lnTo>
                    <a:pt x="98" y="718"/>
                  </a:lnTo>
                  <a:lnTo>
                    <a:pt x="94" y="713"/>
                  </a:lnTo>
                  <a:lnTo>
                    <a:pt x="99" y="708"/>
                  </a:lnTo>
                  <a:lnTo>
                    <a:pt x="99" y="709"/>
                  </a:lnTo>
                  <a:lnTo>
                    <a:pt x="99" y="711"/>
                  </a:lnTo>
                  <a:lnTo>
                    <a:pt x="101" y="713"/>
                  </a:lnTo>
                  <a:lnTo>
                    <a:pt x="105" y="713"/>
                  </a:lnTo>
                  <a:lnTo>
                    <a:pt x="108" y="709"/>
                  </a:lnTo>
                  <a:lnTo>
                    <a:pt x="113" y="704"/>
                  </a:lnTo>
                  <a:lnTo>
                    <a:pt x="115" y="696"/>
                  </a:lnTo>
                  <a:lnTo>
                    <a:pt x="116" y="687"/>
                  </a:lnTo>
                  <a:lnTo>
                    <a:pt x="118" y="680"/>
                  </a:lnTo>
                  <a:lnTo>
                    <a:pt x="116" y="674"/>
                  </a:lnTo>
                  <a:lnTo>
                    <a:pt x="113" y="669"/>
                  </a:lnTo>
                  <a:lnTo>
                    <a:pt x="108" y="667"/>
                  </a:lnTo>
                  <a:lnTo>
                    <a:pt x="106" y="667"/>
                  </a:lnTo>
                  <a:lnTo>
                    <a:pt x="108" y="667"/>
                  </a:lnTo>
                  <a:lnTo>
                    <a:pt x="96" y="665"/>
                  </a:lnTo>
                  <a:lnTo>
                    <a:pt x="76" y="638"/>
                  </a:lnTo>
                  <a:lnTo>
                    <a:pt x="76" y="631"/>
                  </a:lnTo>
                  <a:lnTo>
                    <a:pt x="76" y="630"/>
                  </a:lnTo>
                  <a:lnTo>
                    <a:pt x="74" y="628"/>
                  </a:lnTo>
                  <a:lnTo>
                    <a:pt x="74" y="626"/>
                  </a:lnTo>
                  <a:lnTo>
                    <a:pt x="74" y="623"/>
                  </a:lnTo>
                  <a:lnTo>
                    <a:pt x="74" y="620"/>
                  </a:lnTo>
                  <a:lnTo>
                    <a:pt x="76" y="616"/>
                  </a:lnTo>
                  <a:lnTo>
                    <a:pt x="77" y="611"/>
                  </a:lnTo>
                  <a:lnTo>
                    <a:pt x="77" y="609"/>
                  </a:lnTo>
                  <a:lnTo>
                    <a:pt x="77" y="608"/>
                  </a:lnTo>
                  <a:lnTo>
                    <a:pt x="77" y="604"/>
                  </a:lnTo>
                  <a:lnTo>
                    <a:pt x="77" y="601"/>
                  </a:lnTo>
                  <a:lnTo>
                    <a:pt x="77" y="598"/>
                  </a:lnTo>
                  <a:lnTo>
                    <a:pt x="77" y="594"/>
                  </a:lnTo>
                  <a:lnTo>
                    <a:pt x="77" y="592"/>
                  </a:lnTo>
                  <a:lnTo>
                    <a:pt x="77" y="591"/>
                  </a:lnTo>
                  <a:lnTo>
                    <a:pt x="76" y="586"/>
                  </a:lnTo>
                  <a:lnTo>
                    <a:pt x="76" y="577"/>
                  </a:lnTo>
                  <a:lnTo>
                    <a:pt x="79" y="572"/>
                  </a:lnTo>
                  <a:lnTo>
                    <a:pt x="83" y="559"/>
                  </a:lnTo>
                  <a:lnTo>
                    <a:pt x="83" y="557"/>
                  </a:lnTo>
                  <a:lnTo>
                    <a:pt x="84" y="555"/>
                  </a:lnTo>
                  <a:lnTo>
                    <a:pt x="86" y="554"/>
                  </a:lnTo>
                  <a:lnTo>
                    <a:pt x="88" y="554"/>
                  </a:lnTo>
                  <a:lnTo>
                    <a:pt x="89" y="554"/>
                  </a:lnTo>
                  <a:lnTo>
                    <a:pt x="91" y="555"/>
                  </a:lnTo>
                  <a:lnTo>
                    <a:pt x="93" y="560"/>
                  </a:lnTo>
                  <a:lnTo>
                    <a:pt x="93" y="562"/>
                  </a:lnTo>
                  <a:lnTo>
                    <a:pt x="93" y="564"/>
                  </a:lnTo>
                  <a:lnTo>
                    <a:pt x="93" y="565"/>
                  </a:lnTo>
                  <a:lnTo>
                    <a:pt x="91" y="569"/>
                  </a:lnTo>
                  <a:lnTo>
                    <a:pt x="91" y="570"/>
                  </a:lnTo>
                  <a:lnTo>
                    <a:pt x="89" y="574"/>
                  </a:lnTo>
                  <a:lnTo>
                    <a:pt x="89" y="576"/>
                  </a:lnTo>
                  <a:lnTo>
                    <a:pt x="91" y="579"/>
                  </a:lnTo>
                  <a:lnTo>
                    <a:pt x="99" y="587"/>
                  </a:lnTo>
                  <a:lnTo>
                    <a:pt x="101" y="592"/>
                  </a:lnTo>
                  <a:lnTo>
                    <a:pt x="113" y="606"/>
                  </a:lnTo>
                  <a:lnTo>
                    <a:pt x="115" y="608"/>
                  </a:lnTo>
                  <a:lnTo>
                    <a:pt x="116" y="608"/>
                  </a:lnTo>
                  <a:lnTo>
                    <a:pt x="120" y="606"/>
                  </a:lnTo>
                  <a:lnTo>
                    <a:pt x="118" y="601"/>
                  </a:lnTo>
                  <a:lnTo>
                    <a:pt x="116" y="599"/>
                  </a:lnTo>
                  <a:lnTo>
                    <a:pt x="115" y="596"/>
                  </a:lnTo>
                  <a:lnTo>
                    <a:pt x="113" y="594"/>
                  </a:lnTo>
                  <a:lnTo>
                    <a:pt x="111" y="591"/>
                  </a:lnTo>
                  <a:lnTo>
                    <a:pt x="110" y="587"/>
                  </a:lnTo>
                  <a:lnTo>
                    <a:pt x="110" y="582"/>
                  </a:lnTo>
                  <a:lnTo>
                    <a:pt x="110" y="579"/>
                  </a:lnTo>
                  <a:lnTo>
                    <a:pt x="110" y="577"/>
                  </a:lnTo>
                  <a:lnTo>
                    <a:pt x="110" y="574"/>
                  </a:lnTo>
                  <a:lnTo>
                    <a:pt x="110" y="572"/>
                  </a:lnTo>
                  <a:lnTo>
                    <a:pt x="108" y="570"/>
                  </a:lnTo>
                  <a:lnTo>
                    <a:pt x="106" y="569"/>
                  </a:lnTo>
                  <a:lnTo>
                    <a:pt x="105" y="565"/>
                  </a:lnTo>
                  <a:lnTo>
                    <a:pt x="105" y="564"/>
                  </a:lnTo>
                  <a:lnTo>
                    <a:pt x="105" y="562"/>
                  </a:lnTo>
                  <a:lnTo>
                    <a:pt x="105" y="560"/>
                  </a:lnTo>
                  <a:lnTo>
                    <a:pt x="105" y="559"/>
                  </a:lnTo>
                  <a:lnTo>
                    <a:pt x="105" y="557"/>
                  </a:lnTo>
                  <a:lnTo>
                    <a:pt x="105" y="555"/>
                  </a:lnTo>
                  <a:lnTo>
                    <a:pt x="99" y="543"/>
                  </a:lnTo>
                  <a:lnTo>
                    <a:pt x="99" y="535"/>
                  </a:lnTo>
                  <a:lnTo>
                    <a:pt x="105" y="533"/>
                  </a:lnTo>
                  <a:lnTo>
                    <a:pt x="118" y="528"/>
                  </a:lnTo>
                  <a:lnTo>
                    <a:pt x="121" y="530"/>
                  </a:lnTo>
                  <a:lnTo>
                    <a:pt x="125" y="533"/>
                  </a:lnTo>
                  <a:lnTo>
                    <a:pt x="143" y="537"/>
                  </a:lnTo>
                  <a:lnTo>
                    <a:pt x="149" y="537"/>
                  </a:lnTo>
                  <a:lnTo>
                    <a:pt x="155" y="542"/>
                  </a:lnTo>
                  <a:lnTo>
                    <a:pt x="147" y="532"/>
                  </a:lnTo>
                  <a:lnTo>
                    <a:pt x="147" y="525"/>
                  </a:lnTo>
                  <a:lnTo>
                    <a:pt x="137" y="525"/>
                  </a:lnTo>
                  <a:lnTo>
                    <a:pt x="130" y="528"/>
                  </a:lnTo>
                  <a:lnTo>
                    <a:pt x="123" y="528"/>
                  </a:lnTo>
                  <a:lnTo>
                    <a:pt x="120" y="525"/>
                  </a:lnTo>
                  <a:lnTo>
                    <a:pt x="118" y="523"/>
                  </a:lnTo>
                  <a:lnTo>
                    <a:pt x="116" y="521"/>
                  </a:lnTo>
                  <a:lnTo>
                    <a:pt x="113" y="518"/>
                  </a:lnTo>
                  <a:lnTo>
                    <a:pt x="110" y="516"/>
                  </a:lnTo>
                  <a:lnTo>
                    <a:pt x="106" y="513"/>
                  </a:lnTo>
                  <a:lnTo>
                    <a:pt x="103" y="513"/>
                  </a:lnTo>
                  <a:lnTo>
                    <a:pt x="98" y="515"/>
                  </a:lnTo>
                  <a:lnTo>
                    <a:pt x="96" y="518"/>
                  </a:lnTo>
                  <a:lnTo>
                    <a:pt x="94" y="520"/>
                  </a:lnTo>
                  <a:lnTo>
                    <a:pt x="93" y="521"/>
                  </a:lnTo>
                  <a:lnTo>
                    <a:pt x="93" y="523"/>
                  </a:lnTo>
                  <a:lnTo>
                    <a:pt x="93" y="545"/>
                  </a:lnTo>
                  <a:lnTo>
                    <a:pt x="89" y="548"/>
                  </a:lnTo>
                  <a:lnTo>
                    <a:pt x="83" y="547"/>
                  </a:lnTo>
                  <a:lnTo>
                    <a:pt x="76" y="537"/>
                  </a:lnTo>
                  <a:lnTo>
                    <a:pt x="72" y="533"/>
                  </a:lnTo>
                  <a:lnTo>
                    <a:pt x="66" y="533"/>
                  </a:lnTo>
                  <a:lnTo>
                    <a:pt x="66" y="532"/>
                  </a:lnTo>
                  <a:lnTo>
                    <a:pt x="64" y="528"/>
                  </a:lnTo>
                  <a:lnTo>
                    <a:pt x="62" y="525"/>
                  </a:lnTo>
                  <a:lnTo>
                    <a:pt x="61" y="521"/>
                  </a:lnTo>
                  <a:lnTo>
                    <a:pt x="57" y="516"/>
                  </a:lnTo>
                  <a:lnTo>
                    <a:pt x="54" y="513"/>
                  </a:lnTo>
                  <a:lnTo>
                    <a:pt x="50" y="513"/>
                  </a:lnTo>
                  <a:lnTo>
                    <a:pt x="45" y="513"/>
                  </a:lnTo>
                  <a:lnTo>
                    <a:pt x="45" y="511"/>
                  </a:lnTo>
                  <a:lnTo>
                    <a:pt x="52" y="503"/>
                  </a:lnTo>
                  <a:lnTo>
                    <a:pt x="55" y="498"/>
                  </a:lnTo>
                  <a:lnTo>
                    <a:pt x="54" y="491"/>
                  </a:lnTo>
                  <a:lnTo>
                    <a:pt x="57" y="484"/>
                  </a:lnTo>
                  <a:lnTo>
                    <a:pt x="49" y="474"/>
                  </a:lnTo>
                  <a:lnTo>
                    <a:pt x="50" y="462"/>
                  </a:lnTo>
                  <a:lnTo>
                    <a:pt x="42" y="452"/>
                  </a:lnTo>
                  <a:lnTo>
                    <a:pt x="42" y="449"/>
                  </a:lnTo>
                  <a:lnTo>
                    <a:pt x="40" y="447"/>
                  </a:lnTo>
                  <a:lnTo>
                    <a:pt x="37" y="444"/>
                  </a:lnTo>
                  <a:lnTo>
                    <a:pt x="35" y="440"/>
                  </a:lnTo>
                  <a:lnTo>
                    <a:pt x="32" y="437"/>
                  </a:lnTo>
                  <a:lnTo>
                    <a:pt x="30" y="432"/>
                  </a:lnTo>
                  <a:lnTo>
                    <a:pt x="28" y="427"/>
                  </a:lnTo>
                  <a:lnTo>
                    <a:pt x="28" y="420"/>
                  </a:lnTo>
                  <a:lnTo>
                    <a:pt x="27" y="416"/>
                  </a:lnTo>
                  <a:lnTo>
                    <a:pt x="27" y="413"/>
                  </a:lnTo>
                  <a:lnTo>
                    <a:pt x="23" y="408"/>
                  </a:lnTo>
                  <a:lnTo>
                    <a:pt x="22" y="405"/>
                  </a:lnTo>
                  <a:lnTo>
                    <a:pt x="18" y="400"/>
                  </a:lnTo>
                  <a:lnTo>
                    <a:pt x="17" y="394"/>
                  </a:lnTo>
                  <a:lnTo>
                    <a:pt x="13" y="391"/>
                  </a:lnTo>
                  <a:lnTo>
                    <a:pt x="13" y="389"/>
                  </a:lnTo>
                  <a:lnTo>
                    <a:pt x="11" y="388"/>
                  </a:lnTo>
                  <a:lnTo>
                    <a:pt x="11" y="386"/>
                  </a:lnTo>
                  <a:lnTo>
                    <a:pt x="11" y="384"/>
                  </a:lnTo>
                  <a:lnTo>
                    <a:pt x="10" y="383"/>
                  </a:lnTo>
                  <a:lnTo>
                    <a:pt x="10" y="379"/>
                  </a:lnTo>
                  <a:lnTo>
                    <a:pt x="20" y="369"/>
                  </a:lnTo>
                  <a:lnTo>
                    <a:pt x="20" y="367"/>
                  </a:lnTo>
                  <a:lnTo>
                    <a:pt x="20" y="364"/>
                  </a:lnTo>
                  <a:lnTo>
                    <a:pt x="18" y="362"/>
                  </a:lnTo>
                  <a:lnTo>
                    <a:pt x="18" y="357"/>
                  </a:lnTo>
                  <a:lnTo>
                    <a:pt x="18" y="354"/>
                  </a:lnTo>
                  <a:lnTo>
                    <a:pt x="18" y="349"/>
                  </a:lnTo>
                  <a:lnTo>
                    <a:pt x="17" y="344"/>
                  </a:lnTo>
                  <a:lnTo>
                    <a:pt x="17" y="337"/>
                  </a:lnTo>
                  <a:lnTo>
                    <a:pt x="18" y="332"/>
                  </a:lnTo>
                  <a:lnTo>
                    <a:pt x="18" y="327"/>
                  </a:lnTo>
                  <a:lnTo>
                    <a:pt x="18" y="322"/>
                  </a:lnTo>
                  <a:lnTo>
                    <a:pt x="20" y="317"/>
                  </a:lnTo>
                  <a:lnTo>
                    <a:pt x="23" y="312"/>
                  </a:lnTo>
                  <a:lnTo>
                    <a:pt x="25" y="306"/>
                  </a:lnTo>
                  <a:lnTo>
                    <a:pt x="28" y="303"/>
                  </a:lnTo>
                  <a:lnTo>
                    <a:pt x="28" y="301"/>
                  </a:lnTo>
                  <a:lnTo>
                    <a:pt x="28" y="296"/>
                  </a:lnTo>
                  <a:lnTo>
                    <a:pt x="28" y="291"/>
                  </a:lnTo>
                  <a:lnTo>
                    <a:pt x="30" y="284"/>
                  </a:lnTo>
                  <a:lnTo>
                    <a:pt x="30" y="278"/>
                  </a:lnTo>
                  <a:lnTo>
                    <a:pt x="30" y="271"/>
                  </a:lnTo>
                  <a:lnTo>
                    <a:pt x="30" y="268"/>
                  </a:lnTo>
                  <a:lnTo>
                    <a:pt x="30" y="266"/>
                  </a:lnTo>
                  <a:lnTo>
                    <a:pt x="30" y="264"/>
                  </a:lnTo>
                  <a:lnTo>
                    <a:pt x="28" y="262"/>
                  </a:lnTo>
                  <a:lnTo>
                    <a:pt x="28" y="259"/>
                  </a:lnTo>
                  <a:lnTo>
                    <a:pt x="27" y="256"/>
                  </a:lnTo>
                  <a:lnTo>
                    <a:pt x="23" y="251"/>
                  </a:lnTo>
                  <a:lnTo>
                    <a:pt x="22" y="247"/>
                  </a:lnTo>
                  <a:lnTo>
                    <a:pt x="18" y="244"/>
                  </a:lnTo>
                  <a:lnTo>
                    <a:pt x="17" y="242"/>
                  </a:lnTo>
                  <a:lnTo>
                    <a:pt x="17" y="240"/>
                  </a:lnTo>
                  <a:lnTo>
                    <a:pt x="17" y="237"/>
                  </a:lnTo>
                  <a:lnTo>
                    <a:pt x="17" y="234"/>
                  </a:lnTo>
                  <a:lnTo>
                    <a:pt x="15" y="232"/>
                  </a:lnTo>
                  <a:lnTo>
                    <a:pt x="13" y="230"/>
                  </a:lnTo>
                  <a:lnTo>
                    <a:pt x="10" y="227"/>
                  </a:lnTo>
                  <a:lnTo>
                    <a:pt x="6" y="224"/>
                  </a:lnTo>
                  <a:lnTo>
                    <a:pt x="5" y="218"/>
                  </a:lnTo>
                  <a:lnTo>
                    <a:pt x="3" y="213"/>
                  </a:lnTo>
                  <a:lnTo>
                    <a:pt x="1" y="208"/>
                  </a:lnTo>
                  <a:lnTo>
                    <a:pt x="0" y="202"/>
                  </a:lnTo>
                  <a:lnTo>
                    <a:pt x="0" y="195"/>
                  </a:lnTo>
                  <a:lnTo>
                    <a:pt x="1" y="186"/>
                  </a:lnTo>
                  <a:lnTo>
                    <a:pt x="5" y="178"/>
                  </a:lnTo>
                  <a:lnTo>
                    <a:pt x="10" y="169"/>
                  </a:lnTo>
                  <a:lnTo>
                    <a:pt x="17" y="159"/>
                  </a:lnTo>
                  <a:lnTo>
                    <a:pt x="27" y="149"/>
                  </a:lnTo>
                  <a:lnTo>
                    <a:pt x="39" y="139"/>
                  </a:lnTo>
                  <a:lnTo>
                    <a:pt x="40" y="137"/>
                  </a:lnTo>
                  <a:lnTo>
                    <a:pt x="42" y="136"/>
                  </a:lnTo>
                  <a:lnTo>
                    <a:pt x="44" y="132"/>
                  </a:lnTo>
                  <a:lnTo>
                    <a:pt x="45" y="127"/>
                  </a:lnTo>
                  <a:lnTo>
                    <a:pt x="47" y="122"/>
                  </a:lnTo>
                  <a:lnTo>
                    <a:pt x="49" y="117"/>
                  </a:lnTo>
                  <a:lnTo>
                    <a:pt x="49" y="112"/>
                  </a:lnTo>
                  <a:lnTo>
                    <a:pt x="49" y="107"/>
                  </a:lnTo>
                  <a:lnTo>
                    <a:pt x="49" y="105"/>
                  </a:lnTo>
                  <a:lnTo>
                    <a:pt x="52" y="100"/>
                  </a:lnTo>
                  <a:lnTo>
                    <a:pt x="55" y="93"/>
                  </a:lnTo>
                  <a:lnTo>
                    <a:pt x="61" y="86"/>
                  </a:lnTo>
                  <a:lnTo>
                    <a:pt x="66" y="78"/>
                  </a:lnTo>
                  <a:lnTo>
                    <a:pt x="67" y="70"/>
                  </a:lnTo>
                  <a:lnTo>
                    <a:pt x="69" y="61"/>
                  </a:lnTo>
                  <a:lnTo>
                    <a:pt x="69" y="53"/>
                  </a:lnTo>
                  <a:lnTo>
                    <a:pt x="69" y="51"/>
                  </a:lnTo>
                  <a:lnTo>
                    <a:pt x="69" y="49"/>
                  </a:lnTo>
                  <a:lnTo>
                    <a:pt x="71" y="46"/>
                  </a:lnTo>
                  <a:lnTo>
                    <a:pt x="69" y="44"/>
                  </a:lnTo>
                  <a:lnTo>
                    <a:pt x="69" y="34"/>
                  </a:lnTo>
                  <a:lnTo>
                    <a:pt x="64" y="27"/>
                  </a:lnTo>
                  <a:lnTo>
                    <a:pt x="66" y="24"/>
                  </a:lnTo>
                  <a:lnTo>
                    <a:pt x="74" y="10"/>
                  </a:lnTo>
                  <a:lnTo>
                    <a:pt x="76" y="4"/>
                  </a:lnTo>
                  <a:lnTo>
                    <a:pt x="74" y="0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62" name="Freeform 52"/>
            <p:cNvSpPr>
              <a:spLocks/>
            </p:cNvSpPr>
            <p:nvPr/>
          </p:nvSpPr>
          <p:spPr bwMode="auto">
            <a:xfrm>
              <a:off x="4629" y="2257"/>
              <a:ext cx="39" cy="117"/>
            </a:xfrm>
            <a:custGeom>
              <a:avLst/>
              <a:gdLst>
                <a:gd name="T0" fmla="*/ 8 w 40"/>
                <a:gd name="T1" fmla="*/ 17 h 120"/>
                <a:gd name="T2" fmla="*/ 11 w 40"/>
                <a:gd name="T3" fmla="*/ 13 h 120"/>
                <a:gd name="T4" fmla="*/ 13 w 40"/>
                <a:gd name="T5" fmla="*/ 12 h 120"/>
                <a:gd name="T6" fmla="*/ 17 w 40"/>
                <a:gd name="T7" fmla="*/ 8 h 120"/>
                <a:gd name="T8" fmla="*/ 20 w 40"/>
                <a:gd name="T9" fmla="*/ 7 h 120"/>
                <a:gd name="T10" fmla="*/ 20 w 40"/>
                <a:gd name="T11" fmla="*/ 3 h 120"/>
                <a:gd name="T12" fmla="*/ 20 w 40"/>
                <a:gd name="T13" fmla="*/ 1 h 120"/>
                <a:gd name="T14" fmla="*/ 20 w 40"/>
                <a:gd name="T15" fmla="*/ 0 h 120"/>
                <a:gd name="T16" fmla="*/ 25 w 40"/>
                <a:gd name="T17" fmla="*/ 0 h 120"/>
                <a:gd name="T18" fmla="*/ 25 w 40"/>
                <a:gd name="T19" fmla="*/ 0 h 120"/>
                <a:gd name="T20" fmla="*/ 25 w 40"/>
                <a:gd name="T21" fmla="*/ 1 h 120"/>
                <a:gd name="T22" fmla="*/ 25 w 40"/>
                <a:gd name="T23" fmla="*/ 5 h 120"/>
                <a:gd name="T24" fmla="*/ 26 w 40"/>
                <a:gd name="T25" fmla="*/ 7 h 120"/>
                <a:gd name="T26" fmla="*/ 26 w 40"/>
                <a:gd name="T27" fmla="*/ 10 h 120"/>
                <a:gd name="T28" fmla="*/ 26 w 40"/>
                <a:gd name="T29" fmla="*/ 12 h 120"/>
                <a:gd name="T30" fmla="*/ 26 w 40"/>
                <a:gd name="T31" fmla="*/ 13 h 120"/>
                <a:gd name="T32" fmla="*/ 26 w 40"/>
                <a:gd name="T33" fmla="*/ 15 h 120"/>
                <a:gd name="T34" fmla="*/ 21 w 40"/>
                <a:gd name="T35" fmla="*/ 20 h 120"/>
                <a:gd name="T36" fmla="*/ 20 w 40"/>
                <a:gd name="T37" fmla="*/ 20 h 120"/>
                <a:gd name="T38" fmla="*/ 21 w 40"/>
                <a:gd name="T39" fmla="*/ 23 h 120"/>
                <a:gd name="T40" fmla="*/ 20 w 40"/>
                <a:gd name="T41" fmla="*/ 35 h 120"/>
                <a:gd name="T42" fmla="*/ 20 w 40"/>
                <a:gd name="T43" fmla="*/ 43 h 120"/>
                <a:gd name="T44" fmla="*/ 20 w 40"/>
                <a:gd name="T45" fmla="*/ 48 h 120"/>
                <a:gd name="T46" fmla="*/ 15 w 40"/>
                <a:gd name="T47" fmla="*/ 52 h 120"/>
                <a:gd name="T48" fmla="*/ 15 w 40"/>
                <a:gd name="T49" fmla="*/ 56 h 120"/>
                <a:gd name="T50" fmla="*/ 8 w 40"/>
                <a:gd name="T51" fmla="*/ 65 h 120"/>
                <a:gd name="T52" fmla="*/ 8 w 40"/>
                <a:gd name="T53" fmla="*/ 70 h 120"/>
                <a:gd name="T54" fmla="*/ 8 w 40"/>
                <a:gd name="T55" fmla="*/ 72 h 120"/>
                <a:gd name="T56" fmla="*/ 8 w 40"/>
                <a:gd name="T57" fmla="*/ 75 h 120"/>
                <a:gd name="T58" fmla="*/ 8 w 40"/>
                <a:gd name="T59" fmla="*/ 78 h 120"/>
                <a:gd name="T60" fmla="*/ 8 w 40"/>
                <a:gd name="T61" fmla="*/ 83 h 120"/>
                <a:gd name="T62" fmla="*/ 8 w 40"/>
                <a:gd name="T63" fmla="*/ 85 h 120"/>
                <a:gd name="T64" fmla="*/ 6 w 40"/>
                <a:gd name="T65" fmla="*/ 85 h 120"/>
                <a:gd name="T66" fmla="*/ 5 w 40"/>
                <a:gd name="T67" fmla="*/ 82 h 120"/>
                <a:gd name="T68" fmla="*/ 1 w 40"/>
                <a:gd name="T69" fmla="*/ 72 h 120"/>
                <a:gd name="T70" fmla="*/ 1 w 40"/>
                <a:gd name="T71" fmla="*/ 70 h 120"/>
                <a:gd name="T72" fmla="*/ 0 w 40"/>
                <a:gd name="T73" fmla="*/ 67 h 120"/>
                <a:gd name="T74" fmla="*/ 0 w 40"/>
                <a:gd name="T75" fmla="*/ 60 h 120"/>
                <a:gd name="T76" fmla="*/ 0 w 40"/>
                <a:gd name="T77" fmla="*/ 57 h 120"/>
                <a:gd name="T78" fmla="*/ 0 w 40"/>
                <a:gd name="T79" fmla="*/ 55 h 120"/>
                <a:gd name="T80" fmla="*/ 0 w 40"/>
                <a:gd name="T81" fmla="*/ 52 h 120"/>
                <a:gd name="T82" fmla="*/ 0 w 40"/>
                <a:gd name="T83" fmla="*/ 50 h 120"/>
                <a:gd name="T84" fmla="*/ 0 w 40"/>
                <a:gd name="T85" fmla="*/ 49 h 120"/>
                <a:gd name="T86" fmla="*/ 1 w 40"/>
                <a:gd name="T87" fmla="*/ 42 h 120"/>
                <a:gd name="T88" fmla="*/ 8 w 40"/>
                <a:gd name="T89" fmla="*/ 38 h 120"/>
                <a:gd name="T90" fmla="*/ 8 w 40"/>
                <a:gd name="T91" fmla="*/ 26 h 120"/>
                <a:gd name="T92" fmla="*/ 15 w 40"/>
                <a:gd name="T93" fmla="*/ 20 h 120"/>
                <a:gd name="T94" fmla="*/ 17 w 40"/>
                <a:gd name="T95" fmla="*/ 20 h 120"/>
                <a:gd name="T96" fmla="*/ 17 w 40"/>
                <a:gd name="T97" fmla="*/ 20 h 120"/>
                <a:gd name="T98" fmla="*/ 17 w 40"/>
                <a:gd name="T99" fmla="*/ 20 h 120"/>
                <a:gd name="T100" fmla="*/ 13 w 40"/>
                <a:gd name="T101" fmla="*/ 20 h 120"/>
                <a:gd name="T102" fmla="*/ 11 w 40"/>
                <a:gd name="T103" fmla="*/ 18 h 120"/>
                <a:gd name="T104" fmla="*/ 8 w 40"/>
                <a:gd name="T105" fmla="*/ 17 h 120"/>
                <a:gd name="T106" fmla="*/ 8 w 40"/>
                <a:gd name="T107" fmla="*/ 17 h 120"/>
                <a:gd name="T108" fmla="*/ 8 w 40"/>
                <a:gd name="T109" fmla="*/ 17 h 120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w 40"/>
                <a:gd name="T166" fmla="*/ 0 h 120"/>
                <a:gd name="T167" fmla="*/ 40 w 40"/>
                <a:gd name="T168" fmla="*/ 120 h 120"/>
              </a:gdLst>
              <a:ahLst/>
              <a:cxnLst>
                <a:cxn ang="T110">
                  <a:pos x="T0" y="T1"/>
                </a:cxn>
                <a:cxn ang="T111">
                  <a:pos x="T2" y="T3"/>
                </a:cxn>
                <a:cxn ang="T112">
                  <a:pos x="T4" y="T5"/>
                </a:cxn>
                <a:cxn ang="T113">
                  <a:pos x="T6" y="T7"/>
                </a:cxn>
                <a:cxn ang="T114">
                  <a:pos x="T8" y="T9"/>
                </a:cxn>
                <a:cxn ang="T115">
                  <a:pos x="T10" y="T11"/>
                </a:cxn>
                <a:cxn ang="T116">
                  <a:pos x="T12" y="T13"/>
                </a:cxn>
                <a:cxn ang="T117">
                  <a:pos x="T14" y="T15"/>
                </a:cxn>
                <a:cxn ang="T118">
                  <a:pos x="T16" y="T17"/>
                </a:cxn>
                <a:cxn ang="T119">
                  <a:pos x="T18" y="T19"/>
                </a:cxn>
                <a:cxn ang="T120">
                  <a:pos x="T20" y="T21"/>
                </a:cxn>
                <a:cxn ang="T121">
                  <a:pos x="T22" y="T23"/>
                </a:cxn>
                <a:cxn ang="T122">
                  <a:pos x="T24" y="T25"/>
                </a:cxn>
                <a:cxn ang="T123">
                  <a:pos x="T26" y="T27"/>
                </a:cxn>
                <a:cxn ang="T124">
                  <a:pos x="T28" y="T29"/>
                </a:cxn>
                <a:cxn ang="T125">
                  <a:pos x="T30" y="T31"/>
                </a:cxn>
                <a:cxn ang="T126">
                  <a:pos x="T32" y="T33"/>
                </a:cxn>
                <a:cxn ang="T127">
                  <a:pos x="T34" y="T35"/>
                </a:cxn>
                <a:cxn ang="T128">
                  <a:pos x="T36" y="T37"/>
                </a:cxn>
                <a:cxn ang="T129">
                  <a:pos x="T38" y="T39"/>
                </a:cxn>
                <a:cxn ang="T130">
                  <a:pos x="T40" y="T41"/>
                </a:cxn>
                <a:cxn ang="T131">
                  <a:pos x="T42" y="T43"/>
                </a:cxn>
                <a:cxn ang="T132">
                  <a:pos x="T44" y="T45"/>
                </a:cxn>
                <a:cxn ang="T133">
                  <a:pos x="T46" y="T47"/>
                </a:cxn>
                <a:cxn ang="T134">
                  <a:pos x="T48" y="T49"/>
                </a:cxn>
                <a:cxn ang="T135">
                  <a:pos x="T50" y="T51"/>
                </a:cxn>
                <a:cxn ang="T136">
                  <a:pos x="T52" y="T53"/>
                </a:cxn>
                <a:cxn ang="T137">
                  <a:pos x="T54" y="T55"/>
                </a:cxn>
                <a:cxn ang="T138">
                  <a:pos x="T56" y="T57"/>
                </a:cxn>
                <a:cxn ang="T139">
                  <a:pos x="T58" y="T59"/>
                </a:cxn>
                <a:cxn ang="T140">
                  <a:pos x="T60" y="T61"/>
                </a:cxn>
                <a:cxn ang="T141">
                  <a:pos x="T62" y="T63"/>
                </a:cxn>
                <a:cxn ang="T142">
                  <a:pos x="T64" y="T65"/>
                </a:cxn>
                <a:cxn ang="T143">
                  <a:pos x="T66" y="T67"/>
                </a:cxn>
                <a:cxn ang="T144">
                  <a:pos x="T68" y="T69"/>
                </a:cxn>
                <a:cxn ang="T145">
                  <a:pos x="T70" y="T71"/>
                </a:cxn>
                <a:cxn ang="T146">
                  <a:pos x="T72" y="T73"/>
                </a:cxn>
                <a:cxn ang="T147">
                  <a:pos x="T74" y="T75"/>
                </a:cxn>
                <a:cxn ang="T148">
                  <a:pos x="T76" y="T77"/>
                </a:cxn>
                <a:cxn ang="T149">
                  <a:pos x="T78" y="T79"/>
                </a:cxn>
                <a:cxn ang="T150">
                  <a:pos x="T80" y="T81"/>
                </a:cxn>
                <a:cxn ang="T151">
                  <a:pos x="T82" y="T83"/>
                </a:cxn>
                <a:cxn ang="T152">
                  <a:pos x="T84" y="T85"/>
                </a:cxn>
                <a:cxn ang="T153">
                  <a:pos x="T86" y="T87"/>
                </a:cxn>
                <a:cxn ang="T154">
                  <a:pos x="T88" y="T89"/>
                </a:cxn>
                <a:cxn ang="T155">
                  <a:pos x="T90" y="T91"/>
                </a:cxn>
                <a:cxn ang="T156">
                  <a:pos x="T92" y="T93"/>
                </a:cxn>
                <a:cxn ang="T157">
                  <a:pos x="T94" y="T95"/>
                </a:cxn>
                <a:cxn ang="T158">
                  <a:pos x="T96" y="T97"/>
                </a:cxn>
                <a:cxn ang="T159">
                  <a:pos x="T98" y="T99"/>
                </a:cxn>
                <a:cxn ang="T160">
                  <a:pos x="T100" y="T101"/>
                </a:cxn>
                <a:cxn ang="T161">
                  <a:pos x="T102" y="T103"/>
                </a:cxn>
                <a:cxn ang="T162">
                  <a:pos x="T104" y="T105"/>
                </a:cxn>
                <a:cxn ang="T163">
                  <a:pos x="T106" y="T107"/>
                </a:cxn>
                <a:cxn ang="T164">
                  <a:pos x="T108" y="T109"/>
                </a:cxn>
              </a:cxnLst>
              <a:rect l="T165" t="T166" r="T167" b="T168"/>
              <a:pathLst>
                <a:path w="40" h="120">
                  <a:moveTo>
                    <a:pt x="8" y="17"/>
                  </a:moveTo>
                  <a:lnTo>
                    <a:pt x="11" y="13"/>
                  </a:lnTo>
                  <a:lnTo>
                    <a:pt x="13" y="12"/>
                  </a:lnTo>
                  <a:lnTo>
                    <a:pt x="17" y="8"/>
                  </a:lnTo>
                  <a:lnTo>
                    <a:pt x="20" y="7"/>
                  </a:lnTo>
                  <a:lnTo>
                    <a:pt x="23" y="3"/>
                  </a:lnTo>
                  <a:lnTo>
                    <a:pt x="27" y="1"/>
                  </a:lnTo>
                  <a:lnTo>
                    <a:pt x="32" y="0"/>
                  </a:lnTo>
                  <a:lnTo>
                    <a:pt x="39" y="0"/>
                  </a:lnTo>
                  <a:lnTo>
                    <a:pt x="39" y="1"/>
                  </a:lnTo>
                  <a:lnTo>
                    <a:pt x="39" y="5"/>
                  </a:lnTo>
                  <a:lnTo>
                    <a:pt x="40" y="7"/>
                  </a:lnTo>
                  <a:lnTo>
                    <a:pt x="40" y="10"/>
                  </a:lnTo>
                  <a:lnTo>
                    <a:pt x="40" y="12"/>
                  </a:lnTo>
                  <a:lnTo>
                    <a:pt x="40" y="13"/>
                  </a:lnTo>
                  <a:lnTo>
                    <a:pt x="40" y="15"/>
                  </a:lnTo>
                  <a:lnTo>
                    <a:pt x="35" y="23"/>
                  </a:lnTo>
                  <a:lnTo>
                    <a:pt x="33" y="30"/>
                  </a:lnTo>
                  <a:lnTo>
                    <a:pt x="35" y="37"/>
                  </a:lnTo>
                  <a:lnTo>
                    <a:pt x="32" y="49"/>
                  </a:lnTo>
                  <a:lnTo>
                    <a:pt x="27" y="57"/>
                  </a:lnTo>
                  <a:lnTo>
                    <a:pt x="25" y="64"/>
                  </a:lnTo>
                  <a:lnTo>
                    <a:pt x="15" y="73"/>
                  </a:lnTo>
                  <a:lnTo>
                    <a:pt x="15" y="81"/>
                  </a:lnTo>
                  <a:lnTo>
                    <a:pt x="8" y="93"/>
                  </a:lnTo>
                  <a:lnTo>
                    <a:pt x="8" y="98"/>
                  </a:lnTo>
                  <a:lnTo>
                    <a:pt x="8" y="100"/>
                  </a:lnTo>
                  <a:lnTo>
                    <a:pt x="8" y="105"/>
                  </a:lnTo>
                  <a:lnTo>
                    <a:pt x="8" y="110"/>
                  </a:lnTo>
                  <a:lnTo>
                    <a:pt x="8" y="117"/>
                  </a:lnTo>
                  <a:lnTo>
                    <a:pt x="8" y="120"/>
                  </a:lnTo>
                  <a:lnTo>
                    <a:pt x="6" y="120"/>
                  </a:lnTo>
                  <a:lnTo>
                    <a:pt x="5" y="115"/>
                  </a:lnTo>
                  <a:lnTo>
                    <a:pt x="1" y="101"/>
                  </a:lnTo>
                  <a:lnTo>
                    <a:pt x="1" y="98"/>
                  </a:lnTo>
                  <a:lnTo>
                    <a:pt x="0" y="95"/>
                  </a:lnTo>
                  <a:lnTo>
                    <a:pt x="0" y="88"/>
                  </a:lnTo>
                  <a:lnTo>
                    <a:pt x="0" y="83"/>
                  </a:lnTo>
                  <a:lnTo>
                    <a:pt x="0" y="78"/>
                  </a:lnTo>
                  <a:lnTo>
                    <a:pt x="0" y="73"/>
                  </a:lnTo>
                  <a:lnTo>
                    <a:pt x="0" y="69"/>
                  </a:lnTo>
                  <a:lnTo>
                    <a:pt x="0" y="67"/>
                  </a:lnTo>
                  <a:lnTo>
                    <a:pt x="1" y="56"/>
                  </a:lnTo>
                  <a:lnTo>
                    <a:pt x="8" y="52"/>
                  </a:lnTo>
                  <a:lnTo>
                    <a:pt x="8" y="40"/>
                  </a:lnTo>
                  <a:lnTo>
                    <a:pt x="15" y="30"/>
                  </a:lnTo>
                  <a:lnTo>
                    <a:pt x="17" y="27"/>
                  </a:lnTo>
                  <a:lnTo>
                    <a:pt x="17" y="23"/>
                  </a:lnTo>
                  <a:lnTo>
                    <a:pt x="17" y="20"/>
                  </a:lnTo>
                  <a:lnTo>
                    <a:pt x="13" y="20"/>
                  </a:lnTo>
                  <a:lnTo>
                    <a:pt x="11" y="18"/>
                  </a:lnTo>
                  <a:lnTo>
                    <a:pt x="8" y="17"/>
                  </a:lnTo>
                  <a:close/>
                </a:path>
              </a:pathLst>
            </a:custGeom>
            <a:solidFill>
              <a:srgbClr val="FF9933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63" name="Freeform 53"/>
            <p:cNvSpPr>
              <a:spLocks/>
            </p:cNvSpPr>
            <p:nvPr/>
          </p:nvSpPr>
          <p:spPr bwMode="auto">
            <a:xfrm>
              <a:off x="4629" y="2257"/>
              <a:ext cx="39" cy="117"/>
            </a:xfrm>
            <a:custGeom>
              <a:avLst/>
              <a:gdLst>
                <a:gd name="T0" fmla="*/ 8 w 40"/>
                <a:gd name="T1" fmla="*/ 17 h 120"/>
                <a:gd name="T2" fmla="*/ 8 w 40"/>
                <a:gd name="T3" fmla="*/ 17 h 120"/>
                <a:gd name="T4" fmla="*/ 11 w 40"/>
                <a:gd name="T5" fmla="*/ 13 h 120"/>
                <a:gd name="T6" fmla="*/ 13 w 40"/>
                <a:gd name="T7" fmla="*/ 12 h 120"/>
                <a:gd name="T8" fmla="*/ 17 w 40"/>
                <a:gd name="T9" fmla="*/ 8 h 120"/>
                <a:gd name="T10" fmla="*/ 20 w 40"/>
                <a:gd name="T11" fmla="*/ 7 h 120"/>
                <a:gd name="T12" fmla="*/ 20 w 40"/>
                <a:gd name="T13" fmla="*/ 3 h 120"/>
                <a:gd name="T14" fmla="*/ 20 w 40"/>
                <a:gd name="T15" fmla="*/ 1 h 120"/>
                <a:gd name="T16" fmla="*/ 20 w 40"/>
                <a:gd name="T17" fmla="*/ 0 h 120"/>
                <a:gd name="T18" fmla="*/ 25 w 40"/>
                <a:gd name="T19" fmla="*/ 0 h 120"/>
                <a:gd name="T20" fmla="*/ 25 w 40"/>
                <a:gd name="T21" fmla="*/ 0 h 120"/>
                <a:gd name="T22" fmla="*/ 25 w 40"/>
                <a:gd name="T23" fmla="*/ 0 h 120"/>
                <a:gd name="T24" fmla="*/ 25 w 40"/>
                <a:gd name="T25" fmla="*/ 1 h 120"/>
                <a:gd name="T26" fmla="*/ 25 w 40"/>
                <a:gd name="T27" fmla="*/ 5 h 120"/>
                <a:gd name="T28" fmla="*/ 26 w 40"/>
                <a:gd name="T29" fmla="*/ 7 h 120"/>
                <a:gd name="T30" fmla="*/ 26 w 40"/>
                <a:gd name="T31" fmla="*/ 10 h 120"/>
                <a:gd name="T32" fmla="*/ 26 w 40"/>
                <a:gd name="T33" fmla="*/ 12 h 120"/>
                <a:gd name="T34" fmla="*/ 26 w 40"/>
                <a:gd name="T35" fmla="*/ 13 h 120"/>
                <a:gd name="T36" fmla="*/ 26 w 40"/>
                <a:gd name="T37" fmla="*/ 15 h 120"/>
                <a:gd name="T38" fmla="*/ 21 w 40"/>
                <a:gd name="T39" fmla="*/ 20 h 120"/>
                <a:gd name="T40" fmla="*/ 20 w 40"/>
                <a:gd name="T41" fmla="*/ 20 h 120"/>
                <a:gd name="T42" fmla="*/ 21 w 40"/>
                <a:gd name="T43" fmla="*/ 23 h 120"/>
                <a:gd name="T44" fmla="*/ 20 w 40"/>
                <a:gd name="T45" fmla="*/ 35 h 120"/>
                <a:gd name="T46" fmla="*/ 20 w 40"/>
                <a:gd name="T47" fmla="*/ 43 h 120"/>
                <a:gd name="T48" fmla="*/ 20 w 40"/>
                <a:gd name="T49" fmla="*/ 48 h 120"/>
                <a:gd name="T50" fmla="*/ 15 w 40"/>
                <a:gd name="T51" fmla="*/ 52 h 120"/>
                <a:gd name="T52" fmla="*/ 15 w 40"/>
                <a:gd name="T53" fmla="*/ 56 h 120"/>
                <a:gd name="T54" fmla="*/ 8 w 40"/>
                <a:gd name="T55" fmla="*/ 65 h 120"/>
                <a:gd name="T56" fmla="*/ 8 w 40"/>
                <a:gd name="T57" fmla="*/ 70 h 120"/>
                <a:gd name="T58" fmla="*/ 8 w 40"/>
                <a:gd name="T59" fmla="*/ 70 h 120"/>
                <a:gd name="T60" fmla="*/ 8 w 40"/>
                <a:gd name="T61" fmla="*/ 72 h 120"/>
                <a:gd name="T62" fmla="*/ 8 w 40"/>
                <a:gd name="T63" fmla="*/ 75 h 120"/>
                <a:gd name="T64" fmla="*/ 8 w 40"/>
                <a:gd name="T65" fmla="*/ 78 h 120"/>
                <a:gd name="T66" fmla="*/ 8 w 40"/>
                <a:gd name="T67" fmla="*/ 83 h 120"/>
                <a:gd name="T68" fmla="*/ 8 w 40"/>
                <a:gd name="T69" fmla="*/ 85 h 120"/>
                <a:gd name="T70" fmla="*/ 6 w 40"/>
                <a:gd name="T71" fmla="*/ 85 h 120"/>
                <a:gd name="T72" fmla="*/ 5 w 40"/>
                <a:gd name="T73" fmla="*/ 82 h 120"/>
                <a:gd name="T74" fmla="*/ 1 w 40"/>
                <a:gd name="T75" fmla="*/ 72 h 120"/>
                <a:gd name="T76" fmla="*/ 1 w 40"/>
                <a:gd name="T77" fmla="*/ 72 h 120"/>
                <a:gd name="T78" fmla="*/ 1 w 40"/>
                <a:gd name="T79" fmla="*/ 70 h 120"/>
                <a:gd name="T80" fmla="*/ 0 w 40"/>
                <a:gd name="T81" fmla="*/ 67 h 120"/>
                <a:gd name="T82" fmla="*/ 0 w 40"/>
                <a:gd name="T83" fmla="*/ 60 h 120"/>
                <a:gd name="T84" fmla="*/ 0 w 40"/>
                <a:gd name="T85" fmla="*/ 57 h 120"/>
                <a:gd name="T86" fmla="*/ 0 w 40"/>
                <a:gd name="T87" fmla="*/ 55 h 120"/>
                <a:gd name="T88" fmla="*/ 0 w 40"/>
                <a:gd name="T89" fmla="*/ 52 h 120"/>
                <a:gd name="T90" fmla="*/ 0 w 40"/>
                <a:gd name="T91" fmla="*/ 50 h 120"/>
                <a:gd name="T92" fmla="*/ 0 w 40"/>
                <a:gd name="T93" fmla="*/ 49 h 120"/>
                <a:gd name="T94" fmla="*/ 1 w 40"/>
                <a:gd name="T95" fmla="*/ 42 h 120"/>
                <a:gd name="T96" fmla="*/ 8 w 40"/>
                <a:gd name="T97" fmla="*/ 38 h 120"/>
                <a:gd name="T98" fmla="*/ 8 w 40"/>
                <a:gd name="T99" fmla="*/ 26 h 120"/>
                <a:gd name="T100" fmla="*/ 15 w 40"/>
                <a:gd name="T101" fmla="*/ 20 h 120"/>
                <a:gd name="T102" fmla="*/ 15 w 40"/>
                <a:gd name="T103" fmla="*/ 20 h 120"/>
                <a:gd name="T104" fmla="*/ 17 w 40"/>
                <a:gd name="T105" fmla="*/ 20 h 120"/>
                <a:gd name="T106" fmla="*/ 17 w 40"/>
                <a:gd name="T107" fmla="*/ 20 h 120"/>
                <a:gd name="T108" fmla="*/ 17 w 40"/>
                <a:gd name="T109" fmla="*/ 20 h 120"/>
                <a:gd name="T110" fmla="*/ 13 w 40"/>
                <a:gd name="T111" fmla="*/ 20 h 120"/>
                <a:gd name="T112" fmla="*/ 11 w 40"/>
                <a:gd name="T113" fmla="*/ 18 h 120"/>
                <a:gd name="T114" fmla="*/ 8 w 40"/>
                <a:gd name="T115" fmla="*/ 17 h 120"/>
                <a:gd name="T116" fmla="*/ 8 w 40"/>
                <a:gd name="T117" fmla="*/ 17 h 120"/>
                <a:gd name="T118" fmla="*/ 8 w 40"/>
                <a:gd name="T119" fmla="*/ 17 h 120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w 40"/>
                <a:gd name="T181" fmla="*/ 0 h 120"/>
                <a:gd name="T182" fmla="*/ 40 w 40"/>
                <a:gd name="T183" fmla="*/ 120 h 120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T180" t="T181" r="T182" b="T183"/>
              <a:pathLst>
                <a:path w="40" h="120">
                  <a:moveTo>
                    <a:pt x="8" y="17"/>
                  </a:moveTo>
                  <a:lnTo>
                    <a:pt x="8" y="17"/>
                  </a:lnTo>
                  <a:lnTo>
                    <a:pt x="11" y="13"/>
                  </a:lnTo>
                  <a:lnTo>
                    <a:pt x="13" y="12"/>
                  </a:lnTo>
                  <a:lnTo>
                    <a:pt x="17" y="8"/>
                  </a:lnTo>
                  <a:lnTo>
                    <a:pt x="20" y="7"/>
                  </a:lnTo>
                  <a:lnTo>
                    <a:pt x="23" y="3"/>
                  </a:lnTo>
                  <a:lnTo>
                    <a:pt x="27" y="1"/>
                  </a:lnTo>
                  <a:lnTo>
                    <a:pt x="32" y="0"/>
                  </a:lnTo>
                  <a:lnTo>
                    <a:pt x="39" y="0"/>
                  </a:lnTo>
                  <a:lnTo>
                    <a:pt x="39" y="1"/>
                  </a:lnTo>
                  <a:lnTo>
                    <a:pt x="39" y="5"/>
                  </a:lnTo>
                  <a:lnTo>
                    <a:pt x="40" y="7"/>
                  </a:lnTo>
                  <a:lnTo>
                    <a:pt x="40" y="10"/>
                  </a:lnTo>
                  <a:lnTo>
                    <a:pt x="40" y="12"/>
                  </a:lnTo>
                  <a:lnTo>
                    <a:pt x="40" y="13"/>
                  </a:lnTo>
                  <a:lnTo>
                    <a:pt x="40" y="15"/>
                  </a:lnTo>
                  <a:lnTo>
                    <a:pt x="35" y="23"/>
                  </a:lnTo>
                  <a:lnTo>
                    <a:pt x="33" y="30"/>
                  </a:lnTo>
                  <a:lnTo>
                    <a:pt x="35" y="37"/>
                  </a:lnTo>
                  <a:lnTo>
                    <a:pt x="32" y="49"/>
                  </a:lnTo>
                  <a:lnTo>
                    <a:pt x="27" y="57"/>
                  </a:lnTo>
                  <a:lnTo>
                    <a:pt x="25" y="64"/>
                  </a:lnTo>
                  <a:lnTo>
                    <a:pt x="15" y="73"/>
                  </a:lnTo>
                  <a:lnTo>
                    <a:pt x="15" y="81"/>
                  </a:lnTo>
                  <a:lnTo>
                    <a:pt x="8" y="93"/>
                  </a:lnTo>
                  <a:lnTo>
                    <a:pt x="8" y="98"/>
                  </a:lnTo>
                  <a:lnTo>
                    <a:pt x="8" y="100"/>
                  </a:lnTo>
                  <a:lnTo>
                    <a:pt x="8" y="105"/>
                  </a:lnTo>
                  <a:lnTo>
                    <a:pt x="8" y="110"/>
                  </a:lnTo>
                  <a:lnTo>
                    <a:pt x="8" y="117"/>
                  </a:lnTo>
                  <a:lnTo>
                    <a:pt x="8" y="120"/>
                  </a:lnTo>
                  <a:lnTo>
                    <a:pt x="6" y="120"/>
                  </a:lnTo>
                  <a:lnTo>
                    <a:pt x="5" y="115"/>
                  </a:lnTo>
                  <a:lnTo>
                    <a:pt x="1" y="101"/>
                  </a:lnTo>
                  <a:lnTo>
                    <a:pt x="1" y="98"/>
                  </a:lnTo>
                  <a:lnTo>
                    <a:pt x="0" y="95"/>
                  </a:lnTo>
                  <a:lnTo>
                    <a:pt x="0" y="88"/>
                  </a:lnTo>
                  <a:lnTo>
                    <a:pt x="0" y="83"/>
                  </a:lnTo>
                  <a:lnTo>
                    <a:pt x="0" y="78"/>
                  </a:lnTo>
                  <a:lnTo>
                    <a:pt x="0" y="73"/>
                  </a:lnTo>
                  <a:lnTo>
                    <a:pt x="0" y="69"/>
                  </a:lnTo>
                  <a:lnTo>
                    <a:pt x="0" y="67"/>
                  </a:lnTo>
                  <a:lnTo>
                    <a:pt x="1" y="56"/>
                  </a:lnTo>
                  <a:lnTo>
                    <a:pt x="8" y="52"/>
                  </a:lnTo>
                  <a:lnTo>
                    <a:pt x="8" y="40"/>
                  </a:lnTo>
                  <a:lnTo>
                    <a:pt x="15" y="30"/>
                  </a:lnTo>
                  <a:lnTo>
                    <a:pt x="17" y="27"/>
                  </a:lnTo>
                  <a:lnTo>
                    <a:pt x="17" y="23"/>
                  </a:lnTo>
                  <a:lnTo>
                    <a:pt x="17" y="20"/>
                  </a:lnTo>
                  <a:lnTo>
                    <a:pt x="13" y="20"/>
                  </a:lnTo>
                  <a:lnTo>
                    <a:pt x="11" y="18"/>
                  </a:lnTo>
                  <a:lnTo>
                    <a:pt x="8" y="17"/>
                  </a:lnTo>
                </a:path>
              </a:pathLst>
            </a:custGeom>
            <a:solidFill>
              <a:srgbClr val="8B3102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64" name="Freeform 54"/>
            <p:cNvSpPr>
              <a:spLocks/>
            </p:cNvSpPr>
            <p:nvPr/>
          </p:nvSpPr>
          <p:spPr bwMode="auto">
            <a:xfrm>
              <a:off x="3888" y="2151"/>
              <a:ext cx="768" cy="436"/>
            </a:xfrm>
            <a:custGeom>
              <a:avLst/>
              <a:gdLst>
                <a:gd name="T0" fmla="*/ 660 w 776"/>
                <a:gd name="T1" fmla="*/ 262 h 440"/>
                <a:gd name="T2" fmla="*/ 669 w 776"/>
                <a:gd name="T3" fmla="*/ 269 h 440"/>
                <a:gd name="T4" fmla="*/ 641 w 776"/>
                <a:gd name="T5" fmla="*/ 240 h 440"/>
                <a:gd name="T6" fmla="*/ 626 w 776"/>
                <a:gd name="T7" fmla="*/ 236 h 440"/>
                <a:gd name="T8" fmla="*/ 628 w 776"/>
                <a:gd name="T9" fmla="*/ 247 h 440"/>
                <a:gd name="T10" fmla="*/ 620 w 776"/>
                <a:gd name="T11" fmla="*/ 249 h 440"/>
                <a:gd name="T12" fmla="*/ 574 w 776"/>
                <a:gd name="T13" fmla="*/ 221 h 440"/>
                <a:gd name="T14" fmla="*/ 624 w 776"/>
                <a:gd name="T15" fmla="*/ 224 h 440"/>
                <a:gd name="T16" fmla="*/ 606 w 776"/>
                <a:gd name="T17" fmla="*/ 206 h 440"/>
                <a:gd name="T18" fmla="*/ 609 w 776"/>
                <a:gd name="T19" fmla="*/ 170 h 440"/>
                <a:gd name="T20" fmla="*/ 591 w 776"/>
                <a:gd name="T21" fmla="*/ 160 h 440"/>
                <a:gd name="T22" fmla="*/ 599 w 776"/>
                <a:gd name="T23" fmla="*/ 132 h 440"/>
                <a:gd name="T24" fmla="*/ 571 w 776"/>
                <a:gd name="T25" fmla="*/ 113 h 440"/>
                <a:gd name="T26" fmla="*/ 535 w 776"/>
                <a:gd name="T27" fmla="*/ 98 h 440"/>
                <a:gd name="T28" fmla="*/ 524 w 776"/>
                <a:gd name="T29" fmla="*/ 98 h 440"/>
                <a:gd name="T30" fmla="*/ 510 w 776"/>
                <a:gd name="T31" fmla="*/ 96 h 440"/>
                <a:gd name="T32" fmla="*/ 510 w 776"/>
                <a:gd name="T33" fmla="*/ 66 h 440"/>
                <a:gd name="T34" fmla="*/ 524 w 776"/>
                <a:gd name="T35" fmla="*/ 55 h 440"/>
                <a:gd name="T36" fmla="*/ 500 w 776"/>
                <a:gd name="T37" fmla="*/ 29 h 440"/>
                <a:gd name="T38" fmla="*/ 481 w 776"/>
                <a:gd name="T39" fmla="*/ 14 h 440"/>
                <a:gd name="T40" fmla="*/ 469 w 776"/>
                <a:gd name="T41" fmla="*/ 4 h 440"/>
                <a:gd name="T42" fmla="*/ 461 w 776"/>
                <a:gd name="T43" fmla="*/ 10 h 440"/>
                <a:gd name="T44" fmla="*/ 442 w 776"/>
                <a:gd name="T45" fmla="*/ 19 h 440"/>
                <a:gd name="T46" fmla="*/ 415 w 776"/>
                <a:gd name="T47" fmla="*/ 4 h 440"/>
                <a:gd name="T48" fmla="*/ 401 w 776"/>
                <a:gd name="T49" fmla="*/ 41 h 440"/>
                <a:gd name="T50" fmla="*/ 388 w 776"/>
                <a:gd name="T51" fmla="*/ 57 h 440"/>
                <a:gd name="T52" fmla="*/ 381 w 776"/>
                <a:gd name="T53" fmla="*/ 74 h 440"/>
                <a:gd name="T54" fmla="*/ 368 w 776"/>
                <a:gd name="T55" fmla="*/ 71 h 440"/>
                <a:gd name="T56" fmla="*/ 358 w 776"/>
                <a:gd name="T57" fmla="*/ 93 h 440"/>
                <a:gd name="T58" fmla="*/ 355 w 776"/>
                <a:gd name="T59" fmla="*/ 105 h 440"/>
                <a:gd name="T60" fmla="*/ 345 w 776"/>
                <a:gd name="T61" fmla="*/ 125 h 440"/>
                <a:gd name="T62" fmla="*/ 320 w 776"/>
                <a:gd name="T63" fmla="*/ 113 h 440"/>
                <a:gd name="T64" fmla="*/ 315 w 776"/>
                <a:gd name="T65" fmla="*/ 137 h 440"/>
                <a:gd name="T66" fmla="*/ 311 w 776"/>
                <a:gd name="T67" fmla="*/ 150 h 440"/>
                <a:gd name="T68" fmla="*/ 306 w 776"/>
                <a:gd name="T69" fmla="*/ 159 h 440"/>
                <a:gd name="T70" fmla="*/ 300 w 776"/>
                <a:gd name="T71" fmla="*/ 182 h 440"/>
                <a:gd name="T72" fmla="*/ 284 w 776"/>
                <a:gd name="T73" fmla="*/ 213 h 440"/>
                <a:gd name="T74" fmla="*/ 284 w 776"/>
                <a:gd name="T75" fmla="*/ 224 h 440"/>
                <a:gd name="T76" fmla="*/ 271 w 776"/>
                <a:gd name="T77" fmla="*/ 253 h 440"/>
                <a:gd name="T78" fmla="*/ 254 w 776"/>
                <a:gd name="T79" fmla="*/ 253 h 440"/>
                <a:gd name="T80" fmla="*/ 237 w 776"/>
                <a:gd name="T81" fmla="*/ 257 h 440"/>
                <a:gd name="T82" fmla="*/ 234 w 776"/>
                <a:gd name="T83" fmla="*/ 268 h 440"/>
                <a:gd name="T84" fmla="*/ 226 w 776"/>
                <a:gd name="T85" fmla="*/ 271 h 440"/>
                <a:gd name="T86" fmla="*/ 205 w 776"/>
                <a:gd name="T87" fmla="*/ 276 h 440"/>
                <a:gd name="T88" fmla="*/ 192 w 776"/>
                <a:gd name="T89" fmla="*/ 280 h 440"/>
                <a:gd name="T90" fmla="*/ 165 w 776"/>
                <a:gd name="T91" fmla="*/ 285 h 440"/>
                <a:gd name="T92" fmla="*/ 142 w 776"/>
                <a:gd name="T93" fmla="*/ 267 h 440"/>
                <a:gd name="T94" fmla="*/ 126 w 776"/>
                <a:gd name="T95" fmla="*/ 282 h 440"/>
                <a:gd name="T96" fmla="*/ 128 w 776"/>
                <a:gd name="T97" fmla="*/ 278 h 440"/>
                <a:gd name="T98" fmla="*/ 99 w 776"/>
                <a:gd name="T99" fmla="*/ 302 h 440"/>
                <a:gd name="T100" fmla="*/ 84 w 776"/>
                <a:gd name="T101" fmla="*/ 326 h 440"/>
                <a:gd name="T102" fmla="*/ 75 w 776"/>
                <a:gd name="T103" fmla="*/ 339 h 440"/>
                <a:gd name="T104" fmla="*/ 70 w 776"/>
                <a:gd name="T105" fmla="*/ 347 h 440"/>
                <a:gd name="T106" fmla="*/ 50 w 776"/>
                <a:gd name="T107" fmla="*/ 358 h 440"/>
                <a:gd name="T108" fmla="*/ 48 w 776"/>
                <a:gd name="T109" fmla="*/ 364 h 440"/>
                <a:gd name="T110" fmla="*/ 22 w 776"/>
                <a:gd name="T111" fmla="*/ 375 h 440"/>
                <a:gd name="T112" fmla="*/ 0 w 776"/>
                <a:gd name="T113" fmla="*/ 384 h 440"/>
                <a:gd name="T114" fmla="*/ 182 w 776"/>
                <a:gd name="T115" fmla="*/ 358 h 440"/>
                <a:gd name="T116" fmla="*/ 218 w 776"/>
                <a:gd name="T117" fmla="*/ 356 h 440"/>
                <a:gd name="T118" fmla="*/ 284 w 776"/>
                <a:gd name="T119" fmla="*/ 349 h 440"/>
                <a:gd name="T120" fmla="*/ 384 w 776"/>
                <a:gd name="T121" fmla="*/ 334 h 440"/>
                <a:gd name="T122" fmla="*/ 506 w 776"/>
                <a:gd name="T123" fmla="*/ 309 h 440"/>
                <a:gd name="T124" fmla="*/ 654 w 776"/>
                <a:gd name="T125" fmla="*/ 271 h 440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  <a:gd name="T189" fmla="*/ 0 w 776"/>
                <a:gd name="T190" fmla="*/ 0 h 440"/>
                <a:gd name="T191" fmla="*/ 776 w 776"/>
                <a:gd name="T192" fmla="*/ 440 h 440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T189" t="T190" r="T191" b="T192"/>
              <a:pathLst>
                <a:path w="776" h="440">
                  <a:moveTo>
                    <a:pt x="761" y="310"/>
                  </a:moveTo>
                  <a:lnTo>
                    <a:pt x="763" y="310"/>
                  </a:lnTo>
                  <a:lnTo>
                    <a:pt x="765" y="312"/>
                  </a:lnTo>
                  <a:lnTo>
                    <a:pt x="766" y="312"/>
                  </a:lnTo>
                  <a:lnTo>
                    <a:pt x="766" y="310"/>
                  </a:lnTo>
                  <a:lnTo>
                    <a:pt x="763" y="298"/>
                  </a:lnTo>
                  <a:lnTo>
                    <a:pt x="763" y="293"/>
                  </a:lnTo>
                  <a:lnTo>
                    <a:pt x="765" y="295"/>
                  </a:lnTo>
                  <a:lnTo>
                    <a:pt x="768" y="298"/>
                  </a:lnTo>
                  <a:lnTo>
                    <a:pt x="770" y="305"/>
                  </a:lnTo>
                  <a:lnTo>
                    <a:pt x="773" y="308"/>
                  </a:lnTo>
                  <a:lnTo>
                    <a:pt x="773" y="310"/>
                  </a:lnTo>
                  <a:lnTo>
                    <a:pt x="776" y="305"/>
                  </a:lnTo>
                  <a:lnTo>
                    <a:pt x="758" y="264"/>
                  </a:lnTo>
                  <a:lnTo>
                    <a:pt x="749" y="263"/>
                  </a:lnTo>
                  <a:lnTo>
                    <a:pt x="743" y="268"/>
                  </a:lnTo>
                  <a:lnTo>
                    <a:pt x="741" y="268"/>
                  </a:lnTo>
                  <a:lnTo>
                    <a:pt x="739" y="268"/>
                  </a:lnTo>
                  <a:lnTo>
                    <a:pt x="736" y="268"/>
                  </a:lnTo>
                  <a:lnTo>
                    <a:pt x="734" y="268"/>
                  </a:lnTo>
                  <a:lnTo>
                    <a:pt x="729" y="264"/>
                  </a:lnTo>
                  <a:lnTo>
                    <a:pt x="726" y="263"/>
                  </a:lnTo>
                  <a:lnTo>
                    <a:pt x="724" y="264"/>
                  </a:lnTo>
                  <a:lnTo>
                    <a:pt x="722" y="266"/>
                  </a:lnTo>
                  <a:lnTo>
                    <a:pt x="722" y="268"/>
                  </a:lnTo>
                  <a:lnTo>
                    <a:pt x="722" y="269"/>
                  </a:lnTo>
                  <a:lnTo>
                    <a:pt x="722" y="271"/>
                  </a:lnTo>
                  <a:lnTo>
                    <a:pt x="722" y="273"/>
                  </a:lnTo>
                  <a:lnTo>
                    <a:pt x="726" y="276"/>
                  </a:lnTo>
                  <a:lnTo>
                    <a:pt x="727" y="280"/>
                  </a:lnTo>
                  <a:lnTo>
                    <a:pt x="726" y="280"/>
                  </a:lnTo>
                  <a:lnTo>
                    <a:pt x="724" y="280"/>
                  </a:lnTo>
                  <a:lnTo>
                    <a:pt x="722" y="280"/>
                  </a:lnTo>
                  <a:lnTo>
                    <a:pt x="719" y="278"/>
                  </a:lnTo>
                  <a:lnTo>
                    <a:pt x="717" y="278"/>
                  </a:lnTo>
                  <a:lnTo>
                    <a:pt x="717" y="276"/>
                  </a:lnTo>
                  <a:lnTo>
                    <a:pt x="707" y="276"/>
                  </a:lnTo>
                  <a:lnTo>
                    <a:pt x="700" y="269"/>
                  </a:lnTo>
                  <a:lnTo>
                    <a:pt x="692" y="266"/>
                  </a:lnTo>
                  <a:lnTo>
                    <a:pt x="682" y="251"/>
                  </a:lnTo>
                  <a:lnTo>
                    <a:pt x="663" y="249"/>
                  </a:lnTo>
                  <a:lnTo>
                    <a:pt x="651" y="247"/>
                  </a:lnTo>
                  <a:lnTo>
                    <a:pt x="633" y="241"/>
                  </a:lnTo>
                  <a:lnTo>
                    <a:pt x="648" y="239"/>
                  </a:lnTo>
                  <a:lnTo>
                    <a:pt x="685" y="244"/>
                  </a:lnTo>
                  <a:lnTo>
                    <a:pt x="710" y="266"/>
                  </a:lnTo>
                  <a:lnTo>
                    <a:pt x="722" y="252"/>
                  </a:lnTo>
                  <a:lnTo>
                    <a:pt x="704" y="239"/>
                  </a:lnTo>
                  <a:lnTo>
                    <a:pt x="683" y="230"/>
                  </a:lnTo>
                  <a:lnTo>
                    <a:pt x="663" y="212"/>
                  </a:lnTo>
                  <a:lnTo>
                    <a:pt x="670" y="214"/>
                  </a:lnTo>
                  <a:lnTo>
                    <a:pt x="690" y="229"/>
                  </a:lnTo>
                  <a:lnTo>
                    <a:pt x="700" y="234"/>
                  </a:lnTo>
                  <a:lnTo>
                    <a:pt x="707" y="229"/>
                  </a:lnTo>
                  <a:lnTo>
                    <a:pt x="699" y="222"/>
                  </a:lnTo>
                  <a:lnTo>
                    <a:pt x="699" y="212"/>
                  </a:lnTo>
                  <a:lnTo>
                    <a:pt x="716" y="220"/>
                  </a:lnTo>
                  <a:lnTo>
                    <a:pt x="716" y="207"/>
                  </a:lnTo>
                  <a:lnTo>
                    <a:pt x="704" y="198"/>
                  </a:lnTo>
                  <a:lnTo>
                    <a:pt x="700" y="190"/>
                  </a:lnTo>
                  <a:lnTo>
                    <a:pt x="682" y="188"/>
                  </a:lnTo>
                  <a:lnTo>
                    <a:pt x="656" y="170"/>
                  </a:lnTo>
                  <a:lnTo>
                    <a:pt x="639" y="151"/>
                  </a:lnTo>
                  <a:lnTo>
                    <a:pt x="661" y="168"/>
                  </a:lnTo>
                  <a:lnTo>
                    <a:pt x="683" y="183"/>
                  </a:lnTo>
                  <a:lnTo>
                    <a:pt x="700" y="185"/>
                  </a:lnTo>
                  <a:lnTo>
                    <a:pt x="700" y="163"/>
                  </a:lnTo>
                  <a:lnTo>
                    <a:pt x="707" y="154"/>
                  </a:lnTo>
                  <a:lnTo>
                    <a:pt x="707" y="149"/>
                  </a:lnTo>
                  <a:lnTo>
                    <a:pt x="700" y="149"/>
                  </a:lnTo>
                  <a:lnTo>
                    <a:pt x="692" y="146"/>
                  </a:lnTo>
                  <a:lnTo>
                    <a:pt x="685" y="142"/>
                  </a:lnTo>
                  <a:lnTo>
                    <a:pt x="677" y="139"/>
                  </a:lnTo>
                  <a:lnTo>
                    <a:pt x="672" y="134"/>
                  </a:lnTo>
                  <a:lnTo>
                    <a:pt x="665" y="131"/>
                  </a:lnTo>
                  <a:lnTo>
                    <a:pt x="661" y="129"/>
                  </a:lnTo>
                  <a:lnTo>
                    <a:pt x="660" y="127"/>
                  </a:lnTo>
                  <a:lnTo>
                    <a:pt x="648" y="127"/>
                  </a:lnTo>
                  <a:lnTo>
                    <a:pt x="638" y="124"/>
                  </a:lnTo>
                  <a:lnTo>
                    <a:pt x="629" y="122"/>
                  </a:lnTo>
                  <a:lnTo>
                    <a:pt x="624" y="119"/>
                  </a:lnTo>
                  <a:lnTo>
                    <a:pt x="621" y="115"/>
                  </a:lnTo>
                  <a:lnTo>
                    <a:pt x="619" y="112"/>
                  </a:lnTo>
                  <a:lnTo>
                    <a:pt x="617" y="110"/>
                  </a:lnTo>
                  <a:lnTo>
                    <a:pt x="614" y="110"/>
                  </a:lnTo>
                  <a:lnTo>
                    <a:pt x="611" y="112"/>
                  </a:lnTo>
                  <a:lnTo>
                    <a:pt x="607" y="112"/>
                  </a:lnTo>
                  <a:lnTo>
                    <a:pt x="604" y="114"/>
                  </a:lnTo>
                  <a:lnTo>
                    <a:pt x="600" y="114"/>
                  </a:lnTo>
                  <a:lnTo>
                    <a:pt x="597" y="115"/>
                  </a:lnTo>
                  <a:lnTo>
                    <a:pt x="592" y="114"/>
                  </a:lnTo>
                  <a:lnTo>
                    <a:pt x="590" y="110"/>
                  </a:lnTo>
                  <a:lnTo>
                    <a:pt x="589" y="104"/>
                  </a:lnTo>
                  <a:lnTo>
                    <a:pt x="589" y="98"/>
                  </a:lnTo>
                  <a:lnTo>
                    <a:pt x="589" y="92"/>
                  </a:lnTo>
                  <a:lnTo>
                    <a:pt x="589" y="87"/>
                  </a:lnTo>
                  <a:lnTo>
                    <a:pt x="590" y="82"/>
                  </a:lnTo>
                  <a:lnTo>
                    <a:pt x="590" y="80"/>
                  </a:lnTo>
                  <a:lnTo>
                    <a:pt x="592" y="80"/>
                  </a:lnTo>
                  <a:lnTo>
                    <a:pt x="594" y="78"/>
                  </a:lnTo>
                  <a:lnTo>
                    <a:pt x="597" y="76"/>
                  </a:lnTo>
                  <a:lnTo>
                    <a:pt x="599" y="75"/>
                  </a:lnTo>
                  <a:lnTo>
                    <a:pt x="606" y="65"/>
                  </a:lnTo>
                  <a:lnTo>
                    <a:pt x="607" y="56"/>
                  </a:lnTo>
                  <a:lnTo>
                    <a:pt x="606" y="48"/>
                  </a:lnTo>
                  <a:lnTo>
                    <a:pt x="600" y="41"/>
                  </a:lnTo>
                  <a:lnTo>
                    <a:pt x="594" y="36"/>
                  </a:lnTo>
                  <a:lnTo>
                    <a:pt x="587" y="32"/>
                  </a:lnTo>
                  <a:lnTo>
                    <a:pt x="582" y="31"/>
                  </a:lnTo>
                  <a:lnTo>
                    <a:pt x="578" y="29"/>
                  </a:lnTo>
                  <a:lnTo>
                    <a:pt x="567" y="29"/>
                  </a:lnTo>
                  <a:lnTo>
                    <a:pt x="560" y="26"/>
                  </a:lnTo>
                  <a:lnTo>
                    <a:pt x="555" y="24"/>
                  </a:lnTo>
                  <a:lnTo>
                    <a:pt x="555" y="19"/>
                  </a:lnTo>
                  <a:lnTo>
                    <a:pt x="555" y="16"/>
                  </a:lnTo>
                  <a:lnTo>
                    <a:pt x="555" y="14"/>
                  </a:lnTo>
                  <a:lnTo>
                    <a:pt x="556" y="10"/>
                  </a:lnTo>
                  <a:lnTo>
                    <a:pt x="556" y="9"/>
                  </a:lnTo>
                  <a:lnTo>
                    <a:pt x="553" y="5"/>
                  </a:lnTo>
                  <a:lnTo>
                    <a:pt x="550" y="2"/>
                  </a:lnTo>
                  <a:lnTo>
                    <a:pt x="545" y="2"/>
                  </a:lnTo>
                  <a:lnTo>
                    <a:pt x="541" y="4"/>
                  </a:lnTo>
                  <a:lnTo>
                    <a:pt x="536" y="5"/>
                  </a:lnTo>
                  <a:lnTo>
                    <a:pt x="533" y="5"/>
                  </a:lnTo>
                  <a:lnTo>
                    <a:pt x="531" y="7"/>
                  </a:lnTo>
                  <a:lnTo>
                    <a:pt x="529" y="9"/>
                  </a:lnTo>
                  <a:lnTo>
                    <a:pt x="531" y="9"/>
                  </a:lnTo>
                  <a:lnTo>
                    <a:pt x="531" y="10"/>
                  </a:lnTo>
                  <a:lnTo>
                    <a:pt x="531" y="14"/>
                  </a:lnTo>
                  <a:lnTo>
                    <a:pt x="531" y="17"/>
                  </a:lnTo>
                  <a:lnTo>
                    <a:pt x="529" y="19"/>
                  </a:lnTo>
                  <a:lnTo>
                    <a:pt x="526" y="21"/>
                  </a:lnTo>
                  <a:lnTo>
                    <a:pt x="521" y="22"/>
                  </a:lnTo>
                  <a:lnTo>
                    <a:pt x="512" y="19"/>
                  </a:lnTo>
                  <a:lnTo>
                    <a:pt x="499" y="14"/>
                  </a:lnTo>
                  <a:lnTo>
                    <a:pt x="497" y="12"/>
                  </a:lnTo>
                  <a:lnTo>
                    <a:pt x="494" y="10"/>
                  </a:lnTo>
                  <a:lnTo>
                    <a:pt x="489" y="9"/>
                  </a:lnTo>
                  <a:lnTo>
                    <a:pt x="484" y="7"/>
                  </a:lnTo>
                  <a:lnTo>
                    <a:pt x="480" y="4"/>
                  </a:lnTo>
                  <a:lnTo>
                    <a:pt x="475" y="2"/>
                  </a:lnTo>
                  <a:lnTo>
                    <a:pt x="472" y="0"/>
                  </a:lnTo>
                  <a:lnTo>
                    <a:pt x="468" y="34"/>
                  </a:lnTo>
                  <a:lnTo>
                    <a:pt x="463" y="39"/>
                  </a:lnTo>
                  <a:lnTo>
                    <a:pt x="463" y="41"/>
                  </a:lnTo>
                  <a:lnTo>
                    <a:pt x="462" y="46"/>
                  </a:lnTo>
                  <a:lnTo>
                    <a:pt x="460" y="51"/>
                  </a:lnTo>
                  <a:lnTo>
                    <a:pt x="457" y="58"/>
                  </a:lnTo>
                  <a:lnTo>
                    <a:pt x="453" y="65"/>
                  </a:lnTo>
                  <a:lnTo>
                    <a:pt x="450" y="68"/>
                  </a:lnTo>
                  <a:lnTo>
                    <a:pt x="446" y="71"/>
                  </a:lnTo>
                  <a:lnTo>
                    <a:pt x="443" y="70"/>
                  </a:lnTo>
                  <a:lnTo>
                    <a:pt x="443" y="71"/>
                  </a:lnTo>
                  <a:lnTo>
                    <a:pt x="443" y="75"/>
                  </a:lnTo>
                  <a:lnTo>
                    <a:pt x="441" y="78"/>
                  </a:lnTo>
                  <a:lnTo>
                    <a:pt x="440" y="83"/>
                  </a:lnTo>
                  <a:lnTo>
                    <a:pt x="438" y="88"/>
                  </a:lnTo>
                  <a:lnTo>
                    <a:pt x="435" y="92"/>
                  </a:lnTo>
                  <a:lnTo>
                    <a:pt x="433" y="92"/>
                  </a:lnTo>
                  <a:lnTo>
                    <a:pt x="430" y="88"/>
                  </a:lnTo>
                  <a:lnTo>
                    <a:pt x="428" y="88"/>
                  </a:lnTo>
                  <a:lnTo>
                    <a:pt x="426" y="87"/>
                  </a:lnTo>
                  <a:lnTo>
                    <a:pt x="424" y="85"/>
                  </a:lnTo>
                  <a:lnTo>
                    <a:pt x="421" y="85"/>
                  </a:lnTo>
                  <a:lnTo>
                    <a:pt x="419" y="87"/>
                  </a:lnTo>
                  <a:lnTo>
                    <a:pt x="416" y="88"/>
                  </a:lnTo>
                  <a:lnTo>
                    <a:pt x="414" y="95"/>
                  </a:lnTo>
                  <a:lnTo>
                    <a:pt x="414" y="105"/>
                  </a:lnTo>
                  <a:lnTo>
                    <a:pt x="414" y="107"/>
                  </a:lnTo>
                  <a:lnTo>
                    <a:pt x="414" y="109"/>
                  </a:lnTo>
                  <a:lnTo>
                    <a:pt x="413" y="112"/>
                  </a:lnTo>
                  <a:lnTo>
                    <a:pt x="413" y="114"/>
                  </a:lnTo>
                  <a:lnTo>
                    <a:pt x="411" y="115"/>
                  </a:lnTo>
                  <a:lnTo>
                    <a:pt x="411" y="117"/>
                  </a:lnTo>
                  <a:lnTo>
                    <a:pt x="411" y="119"/>
                  </a:lnTo>
                  <a:lnTo>
                    <a:pt x="411" y="120"/>
                  </a:lnTo>
                  <a:lnTo>
                    <a:pt x="409" y="124"/>
                  </a:lnTo>
                  <a:lnTo>
                    <a:pt x="408" y="131"/>
                  </a:lnTo>
                  <a:lnTo>
                    <a:pt x="406" y="136"/>
                  </a:lnTo>
                  <a:lnTo>
                    <a:pt x="401" y="139"/>
                  </a:lnTo>
                  <a:lnTo>
                    <a:pt x="396" y="141"/>
                  </a:lnTo>
                  <a:lnTo>
                    <a:pt x="389" y="139"/>
                  </a:lnTo>
                  <a:lnTo>
                    <a:pt x="379" y="132"/>
                  </a:lnTo>
                  <a:lnTo>
                    <a:pt x="377" y="131"/>
                  </a:lnTo>
                  <a:lnTo>
                    <a:pt x="374" y="129"/>
                  </a:lnTo>
                  <a:lnTo>
                    <a:pt x="370" y="127"/>
                  </a:lnTo>
                  <a:lnTo>
                    <a:pt x="367" y="127"/>
                  </a:lnTo>
                  <a:lnTo>
                    <a:pt x="364" y="129"/>
                  </a:lnTo>
                  <a:lnTo>
                    <a:pt x="362" y="132"/>
                  </a:lnTo>
                  <a:lnTo>
                    <a:pt x="362" y="139"/>
                  </a:lnTo>
                  <a:lnTo>
                    <a:pt x="364" y="149"/>
                  </a:lnTo>
                  <a:lnTo>
                    <a:pt x="364" y="151"/>
                  </a:lnTo>
                  <a:lnTo>
                    <a:pt x="364" y="154"/>
                  </a:lnTo>
                  <a:lnTo>
                    <a:pt x="362" y="156"/>
                  </a:lnTo>
                  <a:lnTo>
                    <a:pt x="360" y="158"/>
                  </a:lnTo>
                  <a:lnTo>
                    <a:pt x="360" y="161"/>
                  </a:lnTo>
                  <a:lnTo>
                    <a:pt x="358" y="163"/>
                  </a:lnTo>
                  <a:lnTo>
                    <a:pt x="358" y="164"/>
                  </a:lnTo>
                  <a:lnTo>
                    <a:pt x="357" y="164"/>
                  </a:lnTo>
                  <a:lnTo>
                    <a:pt x="355" y="176"/>
                  </a:lnTo>
                  <a:lnTo>
                    <a:pt x="353" y="178"/>
                  </a:lnTo>
                  <a:lnTo>
                    <a:pt x="352" y="180"/>
                  </a:lnTo>
                  <a:lnTo>
                    <a:pt x="352" y="181"/>
                  </a:lnTo>
                  <a:lnTo>
                    <a:pt x="350" y="185"/>
                  </a:lnTo>
                  <a:lnTo>
                    <a:pt x="348" y="190"/>
                  </a:lnTo>
                  <a:lnTo>
                    <a:pt x="347" y="197"/>
                  </a:lnTo>
                  <a:lnTo>
                    <a:pt x="347" y="203"/>
                  </a:lnTo>
                  <a:lnTo>
                    <a:pt x="347" y="207"/>
                  </a:lnTo>
                  <a:lnTo>
                    <a:pt x="343" y="210"/>
                  </a:lnTo>
                  <a:lnTo>
                    <a:pt x="340" y="215"/>
                  </a:lnTo>
                  <a:lnTo>
                    <a:pt x="336" y="220"/>
                  </a:lnTo>
                  <a:lnTo>
                    <a:pt x="333" y="225"/>
                  </a:lnTo>
                  <a:lnTo>
                    <a:pt x="330" y="230"/>
                  </a:lnTo>
                  <a:lnTo>
                    <a:pt x="328" y="236"/>
                  </a:lnTo>
                  <a:lnTo>
                    <a:pt x="326" y="241"/>
                  </a:lnTo>
                  <a:lnTo>
                    <a:pt x="326" y="242"/>
                  </a:lnTo>
                  <a:lnTo>
                    <a:pt x="326" y="244"/>
                  </a:lnTo>
                  <a:lnTo>
                    <a:pt x="326" y="246"/>
                  </a:lnTo>
                  <a:lnTo>
                    <a:pt x="326" y="249"/>
                  </a:lnTo>
                  <a:lnTo>
                    <a:pt x="326" y="251"/>
                  </a:lnTo>
                  <a:lnTo>
                    <a:pt x="326" y="252"/>
                  </a:lnTo>
                  <a:lnTo>
                    <a:pt x="326" y="254"/>
                  </a:lnTo>
                  <a:lnTo>
                    <a:pt x="331" y="258"/>
                  </a:lnTo>
                  <a:lnTo>
                    <a:pt x="325" y="266"/>
                  </a:lnTo>
                  <a:lnTo>
                    <a:pt x="330" y="273"/>
                  </a:lnTo>
                  <a:lnTo>
                    <a:pt x="313" y="285"/>
                  </a:lnTo>
                  <a:lnTo>
                    <a:pt x="311" y="285"/>
                  </a:lnTo>
                  <a:lnTo>
                    <a:pt x="308" y="283"/>
                  </a:lnTo>
                  <a:lnTo>
                    <a:pt x="304" y="283"/>
                  </a:lnTo>
                  <a:lnTo>
                    <a:pt x="299" y="283"/>
                  </a:lnTo>
                  <a:lnTo>
                    <a:pt x="296" y="285"/>
                  </a:lnTo>
                  <a:lnTo>
                    <a:pt x="291" y="290"/>
                  </a:lnTo>
                  <a:lnTo>
                    <a:pt x="289" y="296"/>
                  </a:lnTo>
                  <a:lnTo>
                    <a:pt x="287" y="295"/>
                  </a:lnTo>
                  <a:lnTo>
                    <a:pt x="286" y="293"/>
                  </a:lnTo>
                  <a:lnTo>
                    <a:pt x="282" y="293"/>
                  </a:lnTo>
                  <a:lnTo>
                    <a:pt x="277" y="291"/>
                  </a:lnTo>
                  <a:lnTo>
                    <a:pt x="274" y="291"/>
                  </a:lnTo>
                  <a:lnTo>
                    <a:pt x="272" y="293"/>
                  </a:lnTo>
                  <a:lnTo>
                    <a:pt x="272" y="296"/>
                  </a:lnTo>
                  <a:lnTo>
                    <a:pt x="274" y="303"/>
                  </a:lnTo>
                  <a:lnTo>
                    <a:pt x="274" y="305"/>
                  </a:lnTo>
                  <a:lnTo>
                    <a:pt x="272" y="307"/>
                  </a:lnTo>
                  <a:lnTo>
                    <a:pt x="270" y="307"/>
                  </a:lnTo>
                  <a:lnTo>
                    <a:pt x="267" y="308"/>
                  </a:lnTo>
                  <a:lnTo>
                    <a:pt x="264" y="310"/>
                  </a:lnTo>
                  <a:lnTo>
                    <a:pt x="262" y="312"/>
                  </a:lnTo>
                  <a:lnTo>
                    <a:pt x="260" y="312"/>
                  </a:lnTo>
                  <a:lnTo>
                    <a:pt x="259" y="313"/>
                  </a:lnTo>
                  <a:lnTo>
                    <a:pt x="255" y="315"/>
                  </a:lnTo>
                  <a:lnTo>
                    <a:pt x="250" y="317"/>
                  </a:lnTo>
                  <a:lnTo>
                    <a:pt x="243" y="318"/>
                  </a:lnTo>
                  <a:lnTo>
                    <a:pt x="238" y="318"/>
                  </a:lnTo>
                  <a:lnTo>
                    <a:pt x="233" y="318"/>
                  </a:lnTo>
                  <a:lnTo>
                    <a:pt x="230" y="317"/>
                  </a:lnTo>
                  <a:lnTo>
                    <a:pt x="228" y="312"/>
                  </a:lnTo>
                  <a:lnTo>
                    <a:pt x="226" y="315"/>
                  </a:lnTo>
                  <a:lnTo>
                    <a:pt x="223" y="318"/>
                  </a:lnTo>
                  <a:lnTo>
                    <a:pt x="220" y="322"/>
                  </a:lnTo>
                  <a:lnTo>
                    <a:pt x="215" y="327"/>
                  </a:lnTo>
                  <a:lnTo>
                    <a:pt x="210" y="329"/>
                  </a:lnTo>
                  <a:lnTo>
                    <a:pt x="204" y="329"/>
                  </a:lnTo>
                  <a:lnTo>
                    <a:pt x="198" y="327"/>
                  </a:lnTo>
                  <a:lnTo>
                    <a:pt x="196" y="327"/>
                  </a:lnTo>
                  <a:lnTo>
                    <a:pt x="193" y="327"/>
                  </a:lnTo>
                  <a:lnTo>
                    <a:pt x="189" y="325"/>
                  </a:lnTo>
                  <a:lnTo>
                    <a:pt x="186" y="324"/>
                  </a:lnTo>
                  <a:lnTo>
                    <a:pt x="181" y="322"/>
                  </a:lnTo>
                  <a:lnTo>
                    <a:pt x="176" y="317"/>
                  </a:lnTo>
                  <a:lnTo>
                    <a:pt x="171" y="312"/>
                  </a:lnTo>
                  <a:lnTo>
                    <a:pt x="167" y="305"/>
                  </a:lnTo>
                  <a:lnTo>
                    <a:pt x="166" y="302"/>
                  </a:lnTo>
                  <a:lnTo>
                    <a:pt x="166" y="298"/>
                  </a:lnTo>
                  <a:lnTo>
                    <a:pt x="166" y="295"/>
                  </a:lnTo>
                  <a:lnTo>
                    <a:pt x="164" y="293"/>
                  </a:lnTo>
                  <a:lnTo>
                    <a:pt x="140" y="325"/>
                  </a:lnTo>
                  <a:lnTo>
                    <a:pt x="140" y="324"/>
                  </a:lnTo>
                  <a:lnTo>
                    <a:pt x="142" y="324"/>
                  </a:lnTo>
                  <a:lnTo>
                    <a:pt x="142" y="322"/>
                  </a:lnTo>
                  <a:lnTo>
                    <a:pt x="144" y="320"/>
                  </a:lnTo>
                  <a:lnTo>
                    <a:pt x="145" y="318"/>
                  </a:lnTo>
                  <a:lnTo>
                    <a:pt x="144" y="318"/>
                  </a:lnTo>
                  <a:lnTo>
                    <a:pt x="142" y="320"/>
                  </a:lnTo>
                  <a:lnTo>
                    <a:pt x="140" y="325"/>
                  </a:lnTo>
                  <a:lnTo>
                    <a:pt x="135" y="330"/>
                  </a:lnTo>
                  <a:lnTo>
                    <a:pt x="130" y="334"/>
                  </a:lnTo>
                  <a:lnTo>
                    <a:pt x="125" y="337"/>
                  </a:lnTo>
                  <a:lnTo>
                    <a:pt x="118" y="340"/>
                  </a:lnTo>
                  <a:lnTo>
                    <a:pt x="113" y="344"/>
                  </a:lnTo>
                  <a:lnTo>
                    <a:pt x="108" y="347"/>
                  </a:lnTo>
                  <a:lnTo>
                    <a:pt x="105" y="351"/>
                  </a:lnTo>
                  <a:lnTo>
                    <a:pt x="103" y="357"/>
                  </a:lnTo>
                  <a:lnTo>
                    <a:pt x="101" y="361"/>
                  </a:lnTo>
                  <a:lnTo>
                    <a:pt x="100" y="364"/>
                  </a:lnTo>
                  <a:lnTo>
                    <a:pt x="98" y="368"/>
                  </a:lnTo>
                  <a:lnTo>
                    <a:pt x="96" y="371"/>
                  </a:lnTo>
                  <a:lnTo>
                    <a:pt x="94" y="373"/>
                  </a:lnTo>
                  <a:lnTo>
                    <a:pt x="93" y="374"/>
                  </a:lnTo>
                  <a:lnTo>
                    <a:pt x="91" y="376"/>
                  </a:lnTo>
                  <a:lnTo>
                    <a:pt x="89" y="379"/>
                  </a:lnTo>
                  <a:lnTo>
                    <a:pt x="89" y="381"/>
                  </a:lnTo>
                  <a:lnTo>
                    <a:pt x="88" y="383"/>
                  </a:lnTo>
                  <a:lnTo>
                    <a:pt x="88" y="384"/>
                  </a:lnTo>
                  <a:lnTo>
                    <a:pt x="88" y="388"/>
                  </a:lnTo>
                  <a:lnTo>
                    <a:pt x="86" y="388"/>
                  </a:lnTo>
                  <a:lnTo>
                    <a:pt x="84" y="390"/>
                  </a:lnTo>
                  <a:lnTo>
                    <a:pt x="84" y="391"/>
                  </a:lnTo>
                  <a:lnTo>
                    <a:pt x="81" y="391"/>
                  </a:lnTo>
                  <a:lnTo>
                    <a:pt x="76" y="395"/>
                  </a:lnTo>
                  <a:lnTo>
                    <a:pt x="71" y="396"/>
                  </a:lnTo>
                  <a:lnTo>
                    <a:pt x="67" y="400"/>
                  </a:lnTo>
                  <a:lnTo>
                    <a:pt x="66" y="401"/>
                  </a:lnTo>
                  <a:lnTo>
                    <a:pt x="64" y="405"/>
                  </a:lnTo>
                  <a:lnTo>
                    <a:pt x="62" y="406"/>
                  </a:lnTo>
                  <a:lnTo>
                    <a:pt x="62" y="408"/>
                  </a:lnTo>
                  <a:lnTo>
                    <a:pt x="61" y="410"/>
                  </a:lnTo>
                  <a:lnTo>
                    <a:pt x="59" y="410"/>
                  </a:lnTo>
                  <a:lnTo>
                    <a:pt x="56" y="412"/>
                  </a:lnTo>
                  <a:lnTo>
                    <a:pt x="52" y="413"/>
                  </a:lnTo>
                  <a:lnTo>
                    <a:pt x="47" y="417"/>
                  </a:lnTo>
                  <a:lnTo>
                    <a:pt x="42" y="418"/>
                  </a:lnTo>
                  <a:lnTo>
                    <a:pt x="37" y="422"/>
                  </a:lnTo>
                  <a:lnTo>
                    <a:pt x="32" y="423"/>
                  </a:lnTo>
                  <a:lnTo>
                    <a:pt x="27" y="427"/>
                  </a:lnTo>
                  <a:lnTo>
                    <a:pt x="22" y="428"/>
                  </a:lnTo>
                  <a:lnTo>
                    <a:pt x="17" y="432"/>
                  </a:lnTo>
                  <a:lnTo>
                    <a:pt x="12" y="434"/>
                  </a:lnTo>
                  <a:lnTo>
                    <a:pt x="8" y="435"/>
                  </a:lnTo>
                  <a:lnTo>
                    <a:pt x="5" y="437"/>
                  </a:lnTo>
                  <a:lnTo>
                    <a:pt x="1" y="439"/>
                  </a:lnTo>
                  <a:lnTo>
                    <a:pt x="0" y="440"/>
                  </a:lnTo>
                  <a:lnTo>
                    <a:pt x="181" y="413"/>
                  </a:lnTo>
                  <a:lnTo>
                    <a:pt x="193" y="406"/>
                  </a:lnTo>
                  <a:lnTo>
                    <a:pt x="208" y="406"/>
                  </a:lnTo>
                  <a:lnTo>
                    <a:pt x="210" y="406"/>
                  </a:lnTo>
                  <a:lnTo>
                    <a:pt x="213" y="406"/>
                  </a:lnTo>
                  <a:lnTo>
                    <a:pt x="218" y="406"/>
                  </a:lnTo>
                  <a:lnTo>
                    <a:pt x="223" y="405"/>
                  </a:lnTo>
                  <a:lnTo>
                    <a:pt x="230" y="405"/>
                  </a:lnTo>
                  <a:lnTo>
                    <a:pt x="238" y="403"/>
                  </a:lnTo>
                  <a:lnTo>
                    <a:pt x="248" y="403"/>
                  </a:lnTo>
                  <a:lnTo>
                    <a:pt x="259" y="401"/>
                  </a:lnTo>
                  <a:lnTo>
                    <a:pt x="270" y="400"/>
                  </a:lnTo>
                  <a:lnTo>
                    <a:pt x="282" y="398"/>
                  </a:lnTo>
                  <a:lnTo>
                    <a:pt x="296" y="396"/>
                  </a:lnTo>
                  <a:lnTo>
                    <a:pt x="311" y="395"/>
                  </a:lnTo>
                  <a:lnTo>
                    <a:pt x="326" y="393"/>
                  </a:lnTo>
                  <a:lnTo>
                    <a:pt x="343" y="391"/>
                  </a:lnTo>
                  <a:lnTo>
                    <a:pt x="360" y="388"/>
                  </a:lnTo>
                  <a:lnTo>
                    <a:pt x="379" y="386"/>
                  </a:lnTo>
                  <a:lnTo>
                    <a:pt x="399" y="383"/>
                  </a:lnTo>
                  <a:lnTo>
                    <a:pt x="419" y="379"/>
                  </a:lnTo>
                  <a:lnTo>
                    <a:pt x="441" y="376"/>
                  </a:lnTo>
                  <a:lnTo>
                    <a:pt x="463" y="373"/>
                  </a:lnTo>
                  <a:lnTo>
                    <a:pt x="485" y="368"/>
                  </a:lnTo>
                  <a:lnTo>
                    <a:pt x="509" y="364"/>
                  </a:lnTo>
                  <a:lnTo>
                    <a:pt x="534" y="359"/>
                  </a:lnTo>
                  <a:lnTo>
                    <a:pt x="560" y="356"/>
                  </a:lnTo>
                  <a:lnTo>
                    <a:pt x="585" y="351"/>
                  </a:lnTo>
                  <a:lnTo>
                    <a:pt x="612" y="344"/>
                  </a:lnTo>
                  <a:lnTo>
                    <a:pt x="639" y="339"/>
                  </a:lnTo>
                  <a:lnTo>
                    <a:pt x="668" y="332"/>
                  </a:lnTo>
                  <a:lnTo>
                    <a:pt x="697" y="327"/>
                  </a:lnTo>
                  <a:lnTo>
                    <a:pt x="726" y="320"/>
                  </a:lnTo>
                  <a:lnTo>
                    <a:pt x="756" y="312"/>
                  </a:lnTo>
                  <a:lnTo>
                    <a:pt x="761" y="310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65" name="Freeform 56"/>
            <p:cNvSpPr>
              <a:spLocks/>
            </p:cNvSpPr>
            <p:nvPr/>
          </p:nvSpPr>
          <p:spPr bwMode="auto">
            <a:xfrm>
              <a:off x="2028" y="1485"/>
              <a:ext cx="671" cy="471"/>
            </a:xfrm>
            <a:custGeom>
              <a:avLst/>
              <a:gdLst>
                <a:gd name="T0" fmla="*/ 341 w 690"/>
                <a:gd name="T1" fmla="*/ 339 h 476"/>
                <a:gd name="T2" fmla="*/ 355 w 690"/>
                <a:gd name="T3" fmla="*/ 352 h 476"/>
                <a:gd name="T4" fmla="*/ 363 w 690"/>
                <a:gd name="T5" fmla="*/ 361 h 476"/>
                <a:gd name="T6" fmla="*/ 371 w 690"/>
                <a:gd name="T7" fmla="*/ 366 h 476"/>
                <a:gd name="T8" fmla="*/ 377 w 690"/>
                <a:gd name="T9" fmla="*/ 357 h 476"/>
                <a:gd name="T10" fmla="*/ 415 w 690"/>
                <a:gd name="T11" fmla="*/ 354 h 476"/>
                <a:gd name="T12" fmla="*/ 429 w 690"/>
                <a:gd name="T13" fmla="*/ 366 h 476"/>
                <a:gd name="T14" fmla="*/ 435 w 690"/>
                <a:gd name="T15" fmla="*/ 369 h 476"/>
                <a:gd name="T16" fmla="*/ 448 w 690"/>
                <a:gd name="T17" fmla="*/ 377 h 476"/>
                <a:gd name="T18" fmla="*/ 453 w 690"/>
                <a:gd name="T19" fmla="*/ 389 h 476"/>
                <a:gd name="T20" fmla="*/ 456 w 690"/>
                <a:gd name="T21" fmla="*/ 396 h 476"/>
                <a:gd name="T22" fmla="*/ 463 w 690"/>
                <a:gd name="T23" fmla="*/ 404 h 476"/>
                <a:gd name="T24" fmla="*/ 467 w 690"/>
                <a:gd name="T25" fmla="*/ 410 h 476"/>
                <a:gd name="T26" fmla="*/ 462 w 690"/>
                <a:gd name="T27" fmla="*/ 381 h 476"/>
                <a:gd name="T28" fmla="*/ 466 w 690"/>
                <a:gd name="T29" fmla="*/ 315 h 476"/>
                <a:gd name="T30" fmla="*/ 460 w 690"/>
                <a:gd name="T31" fmla="*/ 305 h 476"/>
                <a:gd name="T32" fmla="*/ 458 w 690"/>
                <a:gd name="T33" fmla="*/ 288 h 476"/>
                <a:gd name="T34" fmla="*/ 465 w 690"/>
                <a:gd name="T35" fmla="*/ 86 h 476"/>
                <a:gd name="T36" fmla="*/ 456 w 690"/>
                <a:gd name="T37" fmla="*/ 76 h 476"/>
                <a:gd name="T38" fmla="*/ 448 w 690"/>
                <a:gd name="T39" fmla="*/ 66 h 476"/>
                <a:gd name="T40" fmla="*/ 442 w 690"/>
                <a:gd name="T41" fmla="*/ 59 h 476"/>
                <a:gd name="T42" fmla="*/ 445 w 690"/>
                <a:gd name="T43" fmla="*/ 47 h 476"/>
                <a:gd name="T44" fmla="*/ 449 w 690"/>
                <a:gd name="T45" fmla="*/ 47 h 476"/>
                <a:gd name="T46" fmla="*/ 459 w 690"/>
                <a:gd name="T47" fmla="*/ 26 h 476"/>
                <a:gd name="T48" fmla="*/ 454 w 690"/>
                <a:gd name="T49" fmla="*/ 27 h 476"/>
                <a:gd name="T50" fmla="*/ 433 w 690"/>
                <a:gd name="T51" fmla="*/ 26 h 476"/>
                <a:gd name="T52" fmla="*/ 395 w 690"/>
                <a:gd name="T53" fmla="*/ 24 h 476"/>
                <a:gd name="T54" fmla="*/ 348 w 690"/>
                <a:gd name="T55" fmla="*/ 22 h 476"/>
                <a:gd name="T56" fmla="*/ 292 w 690"/>
                <a:gd name="T57" fmla="*/ 19 h 476"/>
                <a:gd name="T58" fmla="*/ 234 w 690"/>
                <a:gd name="T59" fmla="*/ 17 h 476"/>
                <a:gd name="T60" fmla="*/ 177 w 690"/>
                <a:gd name="T61" fmla="*/ 14 h 476"/>
                <a:gd name="T62" fmla="*/ 122 w 690"/>
                <a:gd name="T63" fmla="*/ 10 h 476"/>
                <a:gd name="T64" fmla="*/ 76 w 690"/>
                <a:gd name="T65" fmla="*/ 7 h 476"/>
                <a:gd name="T66" fmla="*/ 43 w 690"/>
                <a:gd name="T67" fmla="*/ 4 h 476"/>
                <a:gd name="T68" fmla="*/ 18 w 690"/>
                <a:gd name="T69" fmla="*/ 0 h 476"/>
                <a:gd name="T70" fmla="*/ 0 w 690"/>
                <a:gd name="T71" fmla="*/ 315 h 476"/>
                <a:gd name="T72" fmla="*/ 18 w 690"/>
                <a:gd name="T73" fmla="*/ 318 h 476"/>
                <a:gd name="T74" fmla="*/ 45 w 690"/>
                <a:gd name="T75" fmla="*/ 321 h 476"/>
                <a:gd name="T76" fmla="*/ 80 w 690"/>
                <a:gd name="T77" fmla="*/ 321 h 476"/>
                <a:gd name="T78" fmla="*/ 121 w 690"/>
                <a:gd name="T79" fmla="*/ 324 h 476"/>
                <a:gd name="T80" fmla="*/ 165 w 690"/>
                <a:gd name="T81" fmla="*/ 327 h 476"/>
                <a:gd name="T82" fmla="*/ 211 w 690"/>
                <a:gd name="T83" fmla="*/ 329 h 476"/>
                <a:gd name="T84" fmla="*/ 254 w 690"/>
                <a:gd name="T85" fmla="*/ 330 h 476"/>
                <a:gd name="T86" fmla="*/ 289 w 690"/>
                <a:gd name="T87" fmla="*/ 332 h 476"/>
                <a:gd name="T88" fmla="*/ 317 w 690"/>
                <a:gd name="T89" fmla="*/ 334 h 476"/>
                <a:gd name="T90" fmla="*/ 333 w 690"/>
                <a:gd name="T91" fmla="*/ 335 h 47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w 690"/>
                <a:gd name="T139" fmla="*/ 0 h 476"/>
                <a:gd name="T140" fmla="*/ 690 w 690"/>
                <a:gd name="T141" fmla="*/ 476 h 47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T138" t="T139" r="T140" b="T141"/>
              <a:pathLst>
                <a:path w="690" h="476">
                  <a:moveTo>
                    <a:pt x="497" y="391"/>
                  </a:moveTo>
                  <a:lnTo>
                    <a:pt x="499" y="391"/>
                  </a:lnTo>
                  <a:lnTo>
                    <a:pt x="504" y="395"/>
                  </a:lnTo>
                  <a:lnTo>
                    <a:pt x="511" y="398"/>
                  </a:lnTo>
                  <a:lnTo>
                    <a:pt x="518" y="403"/>
                  </a:lnTo>
                  <a:lnTo>
                    <a:pt x="525" y="408"/>
                  </a:lnTo>
                  <a:lnTo>
                    <a:pt x="531" y="412"/>
                  </a:lnTo>
                  <a:lnTo>
                    <a:pt x="536" y="415"/>
                  </a:lnTo>
                  <a:lnTo>
                    <a:pt x="538" y="417"/>
                  </a:lnTo>
                  <a:lnTo>
                    <a:pt x="541" y="420"/>
                  </a:lnTo>
                  <a:lnTo>
                    <a:pt x="545" y="422"/>
                  </a:lnTo>
                  <a:lnTo>
                    <a:pt x="548" y="422"/>
                  </a:lnTo>
                  <a:lnTo>
                    <a:pt x="552" y="418"/>
                  </a:lnTo>
                  <a:lnTo>
                    <a:pt x="555" y="417"/>
                  </a:lnTo>
                  <a:lnTo>
                    <a:pt x="558" y="413"/>
                  </a:lnTo>
                  <a:lnTo>
                    <a:pt x="560" y="412"/>
                  </a:lnTo>
                  <a:lnTo>
                    <a:pt x="560" y="410"/>
                  </a:lnTo>
                  <a:lnTo>
                    <a:pt x="613" y="410"/>
                  </a:lnTo>
                  <a:lnTo>
                    <a:pt x="624" y="420"/>
                  </a:lnTo>
                  <a:lnTo>
                    <a:pt x="635" y="420"/>
                  </a:lnTo>
                  <a:lnTo>
                    <a:pt x="635" y="422"/>
                  </a:lnTo>
                  <a:lnTo>
                    <a:pt x="638" y="423"/>
                  </a:lnTo>
                  <a:lnTo>
                    <a:pt x="641" y="425"/>
                  </a:lnTo>
                  <a:lnTo>
                    <a:pt x="643" y="425"/>
                  </a:lnTo>
                  <a:lnTo>
                    <a:pt x="651" y="427"/>
                  </a:lnTo>
                  <a:lnTo>
                    <a:pt x="657" y="430"/>
                  </a:lnTo>
                  <a:lnTo>
                    <a:pt x="662" y="435"/>
                  </a:lnTo>
                  <a:lnTo>
                    <a:pt x="665" y="440"/>
                  </a:lnTo>
                  <a:lnTo>
                    <a:pt x="668" y="445"/>
                  </a:lnTo>
                  <a:lnTo>
                    <a:pt x="670" y="450"/>
                  </a:lnTo>
                  <a:lnTo>
                    <a:pt x="672" y="454"/>
                  </a:lnTo>
                  <a:lnTo>
                    <a:pt x="673" y="456"/>
                  </a:lnTo>
                  <a:lnTo>
                    <a:pt x="675" y="459"/>
                  </a:lnTo>
                  <a:lnTo>
                    <a:pt x="679" y="461"/>
                  </a:lnTo>
                  <a:lnTo>
                    <a:pt x="682" y="466"/>
                  </a:lnTo>
                  <a:lnTo>
                    <a:pt x="684" y="469"/>
                  </a:lnTo>
                  <a:lnTo>
                    <a:pt x="687" y="471"/>
                  </a:lnTo>
                  <a:lnTo>
                    <a:pt x="689" y="474"/>
                  </a:lnTo>
                  <a:lnTo>
                    <a:pt x="690" y="476"/>
                  </a:lnTo>
                  <a:lnTo>
                    <a:pt x="690" y="461"/>
                  </a:lnTo>
                  <a:lnTo>
                    <a:pt x="682" y="440"/>
                  </a:lnTo>
                  <a:lnTo>
                    <a:pt x="673" y="428"/>
                  </a:lnTo>
                  <a:lnTo>
                    <a:pt x="675" y="420"/>
                  </a:lnTo>
                  <a:lnTo>
                    <a:pt x="689" y="366"/>
                  </a:lnTo>
                  <a:lnTo>
                    <a:pt x="675" y="366"/>
                  </a:lnTo>
                  <a:lnTo>
                    <a:pt x="677" y="357"/>
                  </a:lnTo>
                  <a:lnTo>
                    <a:pt x="680" y="352"/>
                  </a:lnTo>
                  <a:lnTo>
                    <a:pt x="679" y="344"/>
                  </a:lnTo>
                  <a:lnTo>
                    <a:pt x="675" y="335"/>
                  </a:lnTo>
                  <a:lnTo>
                    <a:pt x="677" y="330"/>
                  </a:lnTo>
                  <a:lnTo>
                    <a:pt x="689" y="330"/>
                  </a:lnTo>
                  <a:lnTo>
                    <a:pt x="689" y="102"/>
                  </a:lnTo>
                  <a:lnTo>
                    <a:pt x="687" y="100"/>
                  </a:lnTo>
                  <a:lnTo>
                    <a:pt x="685" y="98"/>
                  </a:lnTo>
                  <a:lnTo>
                    <a:pt x="680" y="95"/>
                  </a:lnTo>
                  <a:lnTo>
                    <a:pt x="675" y="90"/>
                  </a:lnTo>
                  <a:lnTo>
                    <a:pt x="670" y="87"/>
                  </a:lnTo>
                  <a:lnTo>
                    <a:pt x="665" y="83"/>
                  </a:lnTo>
                  <a:lnTo>
                    <a:pt x="662" y="80"/>
                  </a:lnTo>
                  <a:lnTo>
                    <a:pt x="660" y="80"/>
                  </a:lnTo>
                  <a:lnTo>
                    <a:pt x="657" y="76"/>
                  </a:lnTo>
                  <a:lnTo>
                    <a:pt x="655" y="73"/>
                  </a:lnTo>
                  <a:lnTo>
                    <a:pt x="655" y="68"/>
                  </a:lnTo>
                  <a:lnTo>
                    <a:pt x="657" y="65"/>
                  </a:lnTo>
                  <a:lnTo>
                    <a:pt x="658" y="61"/>
                  </a:lnTo>
                  <a:lnTo>
                    <a:pt x="660" y="58"/>
                  </a:lnTo>
                  <a:lnTo>
                    <a:pt x="662" y="56"/>
                  </a:lnTo>
                  <a:lnTo>
                    <a:pt x="663" y="54"/>
                  </a:lnTo>
                  <a:lnTo>
                    <a:pt x="679" y="36"/>
                  </a:lnTo>
                  <a:lnTo>
                    <a:pt x="677" y="27"/>
                  </a:lnTo>
                  <a:lnTo>
                    <a:pt x="679" y="26"/>
                  </a:lnTo>
                  <a:lnTo>
                    <a:pt x="679" y="27"/>
                  </a:lnTo>
                  <a:lnTo>
                    <a:pt x="677" y="27"/>
                  </a:lnTo>
                  <a:lnTo>
                    <a:pt x="672" y="27"/>
                  </a:lnTo>
                  <a:lnTo>
                    <a:pt x="663" y="26"/>
                  </a:lnTo>
                  <a:lnTo>
                    <a:pt x="653" y="26"/>
                  </a:lnTo>
                  <a:lnTo>
                    <a:pt x="640" y="26"/>
                  </a:lnTo>
                  <a:lnTo>
                    <a:pt x="623" y="26"/>
                  </a:lnTo>
                  <a:lnTo>
                    <a:pt x="606" y="24"/>
                  </a:lnTo>
                  <a:lnTo>
                    <a:pt x="585" y="24"/>
                  </a:lnTo>
                  <a:lnTo>
                    <a:pt x="563" y="24"/>
                  </a:lnTo>
                  <a:lnTo>
                    <a:pt x="540" y="22"/>
                  </a:lnTo>
                  <a:lnTo>
                    <a:pt x="514" y="22"/>
                  </a:lnTo>
                  <a:lnTo>
                    <a:pt x="489" y="22"/>
                  </a:lnTo>
                  <a:lnTo>
                    <a:pt x="462" y="21"/>
                  </a:lnTo>
                  <a:lnTo>
                    <a:pt x="433" y="19"/>
                  </a:lnTo>
                  <a:lnTo>
                    <a:pt x="404" y="19"/>
                  </a:lnTo>
                  <a:lnTo>
                    <a:pt x="376" y="17"/>
                  </a:lnTo>
                  <a:lnTo>
                    <a:pt x="347" y="17"/>
                  </a:lnTo>
                  <a:lnTo>
                    <a:pt x="318" y="16"/>
                  </a:lnTo>
                  <a:lnTo>
                    <a:pt x="289" y="14"/>
                  </a:lnTo>
                  <a:lnTo>
                    <a:pt x="261" y="14"/>
                  </a:lnTo>
                  <a:lnTo>
                    <a:pt x="233" y="12"/>
                  </a:lnTo>
                  <a:lnTo>
                    <a:pt x="206" y="10"/>
                  </a:lnTo>
                  <a:lnTo>
                    <a:pt x="181" y="10"/>
                  </a:lnTo>
                  <a:lnTo>
                    <a:pt x="156" y="9"/>
                  </a:lnTo>
                  <a:lnTo>
                    <a:pt x="134" y="9"/>
                  </a:lnTo>
                  <a:lnTo>
                    <a:pt x="112" y="7"/>
                  </a:lnTo>
                  <a:lnTo>
                    <a:pt x="93" y="5"/>
                  </a:lnTo>
                  <a:lnTo>
                    <a:pt x="76" y="4"/>
                  </a:lnTo>
                  <a:lnTo>
                    <a:pt x="61" y="4"/>
                  </a:lnTo>
                  <a:lnTo>
                    <a:pt x="49" y="2"/>
                  </a:lnTo>
                  <a:lnTo>
                    <a:pt x="39" y="0"/>
                  </a:lnTo>
                  <a:lnTo>
                    <a:pt x="32" y="0"/>
                  </a:lnTo>
                  <a:lnTo>
                    <a:pt x="22" y="119"/>
                  </a:lnTo>
                  <a:lnTo>
                    <a:pt x="22" y="117"/>
                  </a:lnTo>
                  <a:lnTo>
                    <a:pt x="0" y="366"/>
                  </a:lnTo>
                  <a:lnTo>
                    <a:pt x="7" y="368"/>
                  </a:lnTo>
                  <a:lnTo>
                    <a:pt x="13" y="368"/>
                  </a:lnTo>
                  <a:lnTo>
                    <a:pt x="24" y="369"/>
                  </a:lnTo>
                  <a:lnTo>
                    <a:pt x="35" y="369"/>
                  </a:lnTo>
                  <a:lnTo>
                    <a:pt x="49" y="371"/>
                  </a:lnTo>
                  <a:lnTo>
                    <a:pt x="64" y="373"/>
                  </a:lnTo>
                  <a:lnTo>
                    <a:pt x="81" y="373"/>
                  </a:lnTo>
                  <a:lnTo>
                    <a:pt x="98" y="374"/>
                  </a:lnTo>
                  <a:lnTo>
                    <a:pt x="118" y="374"/>
                  </a:lnTo>
                  <a:lnTo>
                    <a:pt x="137" y="376"/>
                  </a:lnTo>
                  <a:lnTo>
                    <a:pt x="157" y="378"/>
                  </a:lnTo>
                  <a:lnTo>
                    <a:pt x="179" y="378"/>
                  </a:lnTo>
                  <a:lnTo>
                    <a:pt x="201" y="379"/>
                  </a:lnTo>
                  <a:lnTo>
                    <a:pt x="223" y="379"/>
                  </a:lnTo>
                  <a:lnTo>
                    <a:pt x="245" y="381"/>
                  </a:lnTo>
                  <a:lnTo>
                    <a:pt x="267" y="381"/>
                  </a:lnTo>
                  <a:lnTo>
                    <a:pt x="289" y="383"/>
                  </a:lnTo>
                  <a:lnTo>
                    <a:pt x="311" y="384"/>
                  </a:lnTo>
                  <a:lnTo>
                    <a:pt x="333" y="384"/>
                  </a:lnTo>
                  <a:lnTo>
                    <a:pt x="354" y="386"/>
                  </a:lnTo>
                  <a:lnTo>
                    <a:pt x="374" y="386"/>
                  </a:lnTo>
                  <a:lnTo>
                    <a:pt x="393" y="386"/>
                  </a:lnTo>
                  <a:lnTo>
                    <a:pt x="409" y="388"/>
                  </a:lnTo>
                  <a:lnTo>
                    <a:pt x="426" y="388"/>
                  </a:lnTo>
                  <a:lnTo>
                    <a:pt x="443" y="390"/>
                  </a:lnTo>
                  <a:lnTo>
                    <a:pt x="457" y="390"/>
                  </a:lnTo>
                  <a:lnTo>
                    <a:pt x="469" y="390"/>
                  </a:lnTo>
                  <a:lnTo>
                    <a:pt x="479" y="390"/>
                  </a:lnTo>
                  <a:lnTo>
                    <a:pt x="487" y="390"/>
                  </a:lnTo>
                  <a:lnTo>
                    <a:pt x="492" y="391"/>
                  </a:lnTo>
                  <a:lnTo>
                    <a:pt x="496" y="391"/>
                  </a:lnTo>
                  <a:lnTo>
                    <a:pt x="497" y="391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66" name="Freeform 57"/>
            <p:cNvSpPr>
              <a:spLocks/>
            </p:cNvSpPr>
            <p:nvPr/>
          </p:nvSpPr>
          <p:spPr bwMode="auto">
            <a:xfrm>
              <a:off x="2059" y="1121"/>
              <a:ext cx="630" cy="394"/>
            </a:xfrm>
            <a:custGeom>
              <a:avLst/>
              <a:gdLst>
                <a:gd name="T0" fmla="*/ 0 w 648"/>
                <a:gd name="T1" fmla="*/ 246 h 406"/>
                <a:gd name="T2" fmla="*/ 0 w 648"/>
                <a:gd name="T3" fmla="*/ 233 h 406"/>
                <a:gd name="T4" fmla="*/ 3 w 648"/>
                <a:gd name="T5" fmla="*/ 209 h 406"/>
                <a:gd name="T6" fmla="*/ 7 w 648"/>
                <a:gd name="T7" fmla="*/ 180 h 406"/>
                <a:gd name="T8" fmla="*/ 10 w 648"/>
                <a:gd name="T9" fmla="*/ 147 h 406"/>
                <a:gd name="T10" fmla="*/ 15 w 648"/>
                <a:gd name="T11" fmla="*/ 112 h 406"/>
                <a:gd name="T12" fmla="*/ 18 w 648"/>
                <a:gd name="T13" fmla="*/ 79 h 406"/>
                <a:gd name="T14" fmla="*/ 18 w 648"/>
                <a:gd name="T15" fmla="*/ 47 h 406"/>
                <a:gd name="T16" fmla="*/ 18 w 648"/>
                <a:gd name="T17" fmla="*/ 22 h 406"/>
                <a:gd name="T18" fmla="*/ 18 w 648"/>
                <a:gd name="T19" fmla="*/ 9 h 406"/>
                <a:gd name="T20" fmla="*/ 18 w 648"/>
                <a:gd name="T21" fmla="*/ 0 h 406"/>
                <a:gd name="T22" fmla="*/ 22 w 648"/>
                <a:gd name="T23" fmla="*/ 4 h 406"/>
                <a:gd name="T24" fmla="*/ 44 w 648"/>
                <a:gd name="T25" fmla="*/ 4 h 406"/>
                <a:gd name="T26" fmla="*/ 73 w 648"/>
                <a:gd name="T27" fmla="*/ 7 h 406"/>
                <a:gd name="T28" fmla="*/ 111 w 648"/>
                <a:gd name="T29" fmla="*/ 9 h 406"/>
                <a:gd name="T30" fmla="*/ 157 w 648"/>
                <a:gd name="T31" fmla="*/ 12 h 406"/>
                <a:gd name="T32" fmla="*/ 207 w 648"/>
                <a:gd name="T33" fmla="*/ 15 h 406"/>
                <a:gd name="T34" fmla="*/ 256 w 648"/>
                <a:gd name="T35" fmla="*/ 16 h 406"/>
                <a:gd name="T36" fmla="*/ 303 w 648"/>
                <a:gd name="T37" fmla="*/ 16 h 406"/>
                <a:gd name="T38" fmla="*/ 345 w 648"/>
                <a:gd name="T39" fmla="*/ 16 h 406"/>
                <a:gd name="T40" fmla="*/ 379 w 648"/>
                <a:gd name="T41" fmla="*/ 16 h 406"/>
                <a:gd name="T42" fmla="*/ 401 w 648"/>
                <a:gd name="T43" fmla="*/ 16 h 406"/>
                <a:gd name="T44" fmla="*/ 405 w 648"/>
                <a:gd name="T45" fmla="*/ 44 h 406"/>
                <a:gd name="T46" fmla="*/ 403 w 648"/>
                <a:gd name="T47" fmla="*/ 56 h 406"/>
                <a:gd name="T48" fmla="*/ 403 w 648"/>
                <a:gd name="T49" fmla="*/ 73 h 406"/>
                <a:gd name="T50" fmla="*/ 405 w 648"/>
                <a:gd name="T51" fmla="*/ 91 h 406"/>
                <a:gd name="T52" fmla="*/ 410 w 648"/>
                <a:gd name="T53" fmla="*/ 108 h 406"/>
                <a:gd name="T54" fmla="*/ 415 w 648"/>
                <a:gd name="T55" fmla="*/ 116 h 406"/>
                <a:gd name="T56" fmla="*/ 417 w 648"/>
                <a:gd name="T57" fmla="*/ 128 h 406"/>
                <a:gd name="T58" fmla="*/ 421 w 648"/>
                <a:gd name="T59" fmla="*/ 147 h 406"/>
                <a:gd name="T60" fmla="*/ 422 w 648"/>
                <a:gd name="T61" fmla="*/ 159 h 406"/>
                <a:gd name="T62" fmla="*/ 422 w 648"/>
                <a:gd name="T63" fmla="*/ 173 h 406"/>
                <a:gd name="T64" fmla="*/ 422 w 648"/>
                <a:gd name="T65" fmla="*/ 180 h 406"/>
                <a:gd name="T66" fmla="*/ 426 w 648"/>
                <a:gd name="T67" fmla="*/ 224 h 406"/>
                <a:gd name="T68" fmla="*/ 436 w 648"/>
                <a:gd name="T69" fmla="*/ 266 h 406"/>
                <a:gd name="T70" fmla="*/ 432 w 648"/>
                <a:gd name="T71" fmla="*/ 267 h 406"/>
                <a:gd name="T72" fmla="*/ 410 w 648"/>
                <a:gd name="T73" fmla="*/ 266 h 406"/>
                <a:gd name="T74" fmla="*/ 372 w 648"/>
                <a:gd name="T75" fmla="*/ 264 h 406"/>
                <a:gd name="T76" fmla="*/ 325 w 648"/>
                <a:gd name="T77" fmla="*/ 263 h 406"/>
                <a:gd name="T78" fmla="*/ 270 w 648"/>
                <a:gd name="T79" fmla="*/ 262 h 406"/>
                <a:gd name="T80" fmla="*/ 213 w 648"/>
                <a:gd name="T81" fmla="*/ 261 h 406"/>
                <a:gd name="T82" fmla="*/ 154 w 648"/>
                <a:gd name="T83" fmla="*/ 258 h 406"/>
                <a:gd name="T84" fmla="*/ 101 w 648"/>
                <a:gd name="T85" fmla="*/ 255 h 406"/>
                <a:gd name="T86" fmla="*/ 52 w 648"/>
                <a:gd name="T87" fmla="*/ 254 h 406"/>
                <a:gd name="T88" fmla="*/ 18 w 648"/>
                <a:gd name="T89" fmla="*/ 252 h 406"/>
                <a:gd name="T90" fmla="*/ 0 w 648"/>
                <a:gd name="T91" fmla="*/ 248 h 40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w 648"/>
                <a:gd name="T139" fmla="*/ 0 h 406"/>
                <a:gd name="T140" fmla="*/ 648 w 648"/>
                <a:gd name="T141" fmla="*/ 406 h 40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T138" t="T139" r="T140" b="T141"/>
              <a:pathLst>
                <a:path w="648" h="406">
                  <a:moveTo>
                    <a:pt x="0" y="379"/>
                  </a:moveTo>
                  <a:lnTo>
                    <a:pt x="0" y="378"/>
                  </a:lnTo>
                  <a:lnTo>
                    <a:pt x="0" y="374"/>
                  </a:lnTo>
                  <a:lnTo>
                    <a:pt x="0" y="369"/>
                  </a:lnTo>
                  <a:lnTo>
                    <a:pt x="0" y="362"/>
                  </a:lnTo>
                  <a:lnTo>
                    <a:pt x="0" y="354"/>
                  </a:lnTo>
                  <a:lnTo>
                    <a:pt x="2" y="344"/>
                  </a:lnTo>
                  <a:lnTo>
                    <a:pt x="2" y="332"/>
                  </a:lnTo>
                  <a:lnTo>
                    <a:pt x="3" y="318"/>
                  </a:lnTo>
                  <a:lnTo>
                    <a:pt x="3" y="305"/>
                  </a:lnTo>
                  <a:lnTo>
                    <a:pt x="5" y="291"/>
                  </a:lnTo>
                  <a:lnTo>
                    <a:pt x="7" y="274"/>
                  </a:lnTo>
                  <a:lnTo>
                    <a:pt x="9" y="259"/>
                  </a:lnTo>
                  <a:lnTo>
                    <a:pt x="9" y="242"/>
                  </a:lnTo>
                  <a:lnTo>
                    <a:pt x="10" y="224"/>
                  </a:lnTo>
                  <a:lnTo>
                    <a:pt x="12" y="207"/>
                  </a:lnTo>
                  <a:lnTo>
                    <a:pt x="14" y="190"/>
                  </a:lnTo>
                  <a:lnTo>
                    <a:pt x="15" y="171"/>
                  </a:lnTo>
                  <a:lnTo>
                    <a:pt x="17" y="154"/>
                  </a:lnTo>
                  <a:lnTo>
                    <a:pt x="17" y="137"/>
                  </a:lnTo>
                  <a:lnTo>
                    <a:pt x="19" y="120"/>
                  </a:lnTo>
                  <a:lnTo>
                    <a:pt x="20" y="103"/>
                  </a:lnTo>
                  <a:lnTo>
                    <a:pt x="22" y="88"/>
                  </a:lnTo>
                  <a:lnTo>
                    <a:pt x="24" y="73"/>
                  </a:lnTo>
                  <a:lnTo>
                    <a:pt x="25" y="59"/>
                  </a:lnTo>
                  <a:lnTo>
                    <a:pt x="25" y="46"/>
                  </a:lnTo>
                  <a:lnTo>
                    <a:pt x="27" y="36"/>
                  </a:lnTo>
                  <a:lnTo>
                    <a:pt x="27" y="26"/>
                  </a:lnTo>
                  <a:lnTo>
                    <a:pt x="29" y="17"/>
                  </a:lnTo>
                  <a:lnTo>
                    <a:pt x="29" y="9"/>
                  </a:lnTo>
                  <a:lnTo>
                    <a:pt x="29" y="5"/>
                  </a:lnTo>
                  <a:lnTo>
                    <a:pt x="31" y="2"/>
                  </a:lnTo>
                  <a:lnTo>
                    <a:pt x="31" y="0"/>
                  </a:lnTo>
                  <a:lnTo>
                    <a:pt x="31" y="2"/>
                  </a:lnTo>
                  <a:lnTo>
                    <a:pt x="32" y="2"/>
                  </a:lnTo>
                  <a:lnTo>
                    <a:pt x="36" y="4"/>
                  </a:lnTo>
                  <a:lnTo>
                    <a:pt x="42" y="4"/>
                  </a:lnTo>
                  <a:lnTo>
                    <a:pt x="51" y="4"/>
                  </a:lnTo>
                  <a:lnTo>
                    <a:pt x="63" y="4"/>
                  </a:lnTo>
                  <a:lnTo>
                    <a:pt x="75" y="5"/>
                  </a:lnTo>
                  <a:lnTo>
                    <a:pt x="90" y="5"/>
                  </a:lnTo>
                  <a:lnTo>
                    <a:pt x="107" y="7"/>
                  </a:lnTo>
                  <a:lnTo>
                    <a:pt x="125" y="7"/>
                  </a:lnTo>
                  <a:lnTo>
                    <a:pt x="144" y="9"/>
                  </a:lnTo>
                  <a:lnTo>
                    <a:pt x="164" y="9"/>
                  </a:lnTo>
                  <a:lnTo>
                    <a:pt x="186" y="10"/>
                  </a:lnTo>
                  <a:lnTo>
                    <a:pt x="210" y="12"/>
                  </a:lnTo>
                  <a:lnTo>
                    <a:pt x="232" y="12"/>
                  </a:lnTo>
                  <a:lnTo>
                    <a:pt x="257" y="14"/>
                  </a:lnTo>
                  <a:lnTo>
                    <a:pt x="281" y="14"/>
                  </a:lnTo>
                  <a:lnTo>
                    <a:pt x="306" y="15"/>
                  </a:lnTo>
                  <a:lnTo>
                    <a:pt x="330" y="17"/>
                  </a:lnTo>
                  <a:lnTo>
                    <a:pt x="355" y="17"/>
                  </a:lnTo>
                  <a:lnTo>
                    <a:pt x="379" y="19"/>
                  </a:lnTo>
                  <a:lnTo>
                    <a:pt x="403" y="21"/>
                  </a:lnTo>
                  <a:lnTo>
                    <a:pt x="427" y="21"/>
                  </a:lnTo>
                  <a:lnTo>
                    <a:pt x="450" y="22"/>
                  </a:lnTo>
                  <a:lnTo>
                    <a:pt x="471" y="22"/>
                  </a:lnTo>
                  <a:lnTo>
                    <a:pt x="491" y="24"/>
                  </a:lnTo>
                  <a:lnTo>
                    <a:pt x="511" y="24"/>
                  </a:lnTo>
                  <a:lnTo>
                    <a:pt x="530" y="24"/>
                  </a:lnTo>
                  <a:lnTo>
                    <a:pt x="547" y="26"/>
                  </a:lnTo>
                  <a:lnTo>
                    <a:pt x="562" y="26"/>
                  </a:lnTo>
                  <a:lnTo>
                    <a:pt x="574" y="26"/>
                  </a:lnTo>
                  <a:lnTo>
                    <a:pt x="586" y="26"/>
                  </a:lnTo>
                  <a:lnTo>
                    <a:pt x="594" y="26"/>
                  </a:lnTo>
                  <a:lnTo>
                    <a:pt x="601" y="63"/>
                  </a:lnTo>
                  <a:lnTo>
                    <a:pt x="601" y="65"/>
                  </a:lnTo>
                  <a:lnTo>
                    <a:pt x="601" y="66"/>
                  </a:lnTo>
                  <a:lnTo>
                    <a:pt x="601" y="71"/>
                  </a:lnTo>
                  <a:lnTo>
                    <a:pt x="599" y="78"/>
                  </a:lnTo>
                  <a:lnTo>
                    <a:pt x="599" y="85"/>
                  </a:lnTo>
                  <a:lnTo>
                    <a:pt x="599" y="92"/>
                  </a:lnTo>
                  <a:lnTo>
                    <a:pt x="599" y="102"/>
                  </a:lnTo>
                  <a:lnTo>
                    <a:pt x="599" y="110"/>
                  </a:lnTo>
                  <a:lnTo>
                    <a:pt x="599" y="120"/>
                  </a:lnTo>
                  <a:lnTo>
                    <a:pt x="601" y="131"/>
                  </a:lnTo>
                  <a:lnTo>
                    <a:pt x="601" y="139"/>
                  </a:lnTo>
                  <a:lnTo>
                    <a:pt x="603" y="147"/>
                  </a:lnTo>
                  <a:lnTo>
                    <a:pt x="604" y="156"/>
                  </a:lnTo>
                  <a:lnTo>
                    <a:pt x="608" y="164"/>
                  </a:lnTo>
                  <a:lnTo>
                    <a:pt x="611" y="171"/>
                  </a:lnTo>
                  <a:lnTo>
                    <a:pt x="616" y="176"/>
                  </a:lnTo>
                  <a:lnTo>
                    <a:pt x="616" y="178"/>
                  </a:lnTo>
                  <a:lnTo>
                    <a:pt x="616" y="181"/>
                  </a:lnTo>
                  <a:lnTo>
                    <a:pt x="618" y="186"/>
                  </a:lnTo>
                  <a:lnTo>
                    <a:pt x="619" y="195"/>
                  </a:lnTo>
                  <a:lnTo>
                    <a:pt x="621" y="203"/>
                  </a:lnTo>
                  <a:lnTo>
                    <a:pt x="623" y="213"/>
                  </a:lnTo>
                  <a:lnTo>
                    <a:pt x="623" y="224"/>
                  </a:lnTo>
                  <a:lnTo>
                    <a:pt x="625" y="234"/>
                  </a:lnTo>
                  <a:lnTo>
                    <a:pt x="625" y="237"/>
                  </a:lnTo>
                  <a:lnTo>
                    <a:pt x="625" y="242"/>
                  </a:lnTo>
                  <a:lnTo>
                    <a:pt x="625" y="249"/>
                  </a:lnTo>
                  <a:lnTo>
                    <a:pt x="625" y="256"/>
                  </a:lnTo>
                  <a:lnTo>
                    <a:pt x="625" y="263"/>
                  </a:lnTo>
                  <a:lnTo>
                    <a:pt x="625" y="268"/>
                  </a:lnTo>
                  <a:lnTo>
                    <a:pt x="625" y="273"/>
                  </a:lnTo>
                  <a:lnTo>
                    <a:pt x="625" y="274"/>
                  </a:lnTo>
                  <a:lnTo>
                    <a:pt x="633" y="288"/>
                  </a:lnTo>
                  <a:lnTo>
                    <a:pt x="630" y="310"/>
                  </a:lnTo>
                  <a:lnTo>
                    <a:pt x="633" y="340"/>
                  </a:lnTo>
                  <a:lnTo>
                    <a:pt x="643" y="354"/>
                  </a:lnTo>
                  <a:lnTo>
                    <a:pt x="648" y="367"/>
                  </a:lnTo>
                  <a:lnTo>
                    <a:pt x="647" y="405"/>
                  </a:lnTo>
                  <a:lnTo>
                    <a:pt x="647" y="406"/>
                  </a:lnTo>
                  <a:lnTo>
                    <a:pt x="645" y="406"/>
                  </a:lnTo>
                  <a:lnTo>
                    <a:pt x="640" y="406"/>
                  </a:lnTo>
                  <a:lnTo>
                    <a:pt x="631" y="405"/>
                  </a:lnTo>
                  <a:lnTo>
                    <a:pt x="621" y="405"/>
                  </a:lnTo>
                  <a:lnTo>
                    <a:pt x="608" y="405"/>
                  </a:lnTo>
                  <a:lnTo>
                    <a:pt x="591" y="405"/>
                  </a:lnTo>
                  <a:lnTo>
                    <a:pt x="574" y="403"/>
                  </a:lnTo>
                  <a:lnTo>
                    <a:pt x="553" y="403"/>
                  </a:lnTo>
                  <a:lnTo>
                    <a:pt x="531" y="403"/>
                  </a:lnTo>
                  <a:lnTo>
                    <a:pt x="508" y="401"/>
                  </a:lnTo>
                  <a:lnTo>
                    <a:pt x="482" y="401"/>
                  </a:lnTo>
                  <a:lnTo>
                    <a:pt x="457" y="401"/>
                  </a:lnTo>
                  <a:lnTo>
                    <a:pt x="430" y="400"/>
                  </a:lnTo>
                  <a:lnTo>
                    <a:pt x="401" y="398"/>
                  </a:lnTo>
                  <a:lnTo>
                    <a:pt x="372" y="398"/>
                  </a:lnTo>
                  <a:lnTo>
                    <a:pt x="344" y="396"/>
                  </a:lnTo>
                  <a:lnTo>
                    <a:pt x="315" y="396"/>
                  </a:lnTo>
                  <a:lnTo>
                    <a:pt x="286" y="395"/>
                  </a:lnTo>
                  <a:lnTo>
                    <a:pt x="257" y="393"/>
                  </a:lnTo>
                  <a:lnTo>
                    <a:pt x="229" y="393"/>
                  </a:lnTo>
                  <a:lnTo>
                    <a:pt x="201" y="391"/>
                  </a:lnTo>
                  <a:lnTo>
                    <a:pt x="174" y="389"/>
                  </a:lnTo>
                  <a:lnTo>
                    <a:pt x="149" y="389"/>
                  </a:lnTo>
                  <a:lnTo>
                    <a:pt x="124" y="388"/>
                  </a:lnTo>
                  <a:lnTo>
                    <a:pt x="102" y="388"/>
                  </a:lnTo>
                  <a:lnTo>
                    <a:pt x="80" y="386"/>
                  </a:lnTo>
                  <a:lnTo>
                    <a:pt x="61" y="384"/>
                  </a:lnTo>
                  <a:lnTo>
                    <a:pt x="44" y="383"/>
                  </a:lnTo>
                  <a:lnTo>
                    <a:pt x="29" y="383"/>
                  </a:lnTo>
                  <a:lnTo>
                    <a:pt x="17" y="381"/>
                  </a:lnTo>
                  <a:lnTo>
                    <a:pt x="7" y="379"/>
                  </a:lnTo>
                  <a:lnTo>
                    <a:pt x="0" y="37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67" name="Freeform 58"/>
            <p:cNvSpPr>
              <a:spLocks/>
            </p:cNvSpPr>
            <p:nvPr/>
          </p:nvSpPr>
          <p:spPr bwMode="auto">
            <a:xfrm>
              <a:off x="2682" y="1797"/>
              <a:ext cx="572" cy="385"/>
            </a:xfrm>
            <a:custGeom>
              <a:avLst/>
              <a:gdLst>
                <a:gd name="T0" fmla="*/ 47 w 588"/>
                <a:gd name="T1" fmla="*/ 239 h 397"/>
                <a:gd name="T2" fmla="*/ 46 w 588"/>
                <a:gd name="T3" fmla="*/ 227 h 397"/>
                <a:gd name="T4" fmla="*/ 47 w 588"/>
                <a:gd name="T5" fmla="*/ 211 h 397"/>
                <a:gd name="T6" fmla="*/ 48 w 588"/>
                <a:gd name="T7" fmla="*/ 204 h 397"/>
                <a:gd name="T8" fmla="*/ 42 w 588"/>
                <a:gd name="T9" fmla="*/ 174 h 397"/>
                <a:gd name="T10" fmla="*/ 32 w 588"/>
                <a:gd name="T11" fmla="*/ 162 h 397"/>
                <a:gd name="T12" fmla="*/ 34 w 588"/>
                <a:gd name="T13" fmla="*/ 153 h 397"/>
                <a:gd name="T14" fmla="*/ 27 w 588"/>
                <a:gd name="T15" fmla="*/ 136 h 397"/>
                <a:gd name="T16" fmla="*/ 20 w 588"/>
                <a:gd name="T17" fmla="*/ 130 h 397"/>
                <a:gd name="T18" fmla="*/ 18 w 588"/>
                <a:gd name="T19" fmla="*/ 119 h 397"/>
                <a:gd name="T20" fmla="*/ 18 w 588"/>
                <a:gd name="T21" fmla="*/ 112 h 397"/>
                <a:gd name="T22" fmla="*/ 0 w 588"/>
                <a:gd name="T23" fmla="*/ 73 h 397"/>
                <a:gd name="T24" fmla="*/ 4 w 588"/>
                <a:gd name="T25" fmla="*/ 26 h 397"/>
                <a:gd name="T26" fmla="*/ 4 w 588"/>
                <a:gd name="T27" fmla="*/ 13 h 397"/>
                <a:gd name="T28" fmla="*/ 18 w 588"/>
                <a:gd name="T29" fmla="*/ 12 h 397"/>
                <a:gd name="T30" fmla="*/ 46 w 588"/>
                <a:gd name="T31" fmla="*/ 12 h 397"/>
                <a:gd name="T32" fmla="*/ 89 w 588"/>
                <a:gd name="T33" fmla="*/ 12 h 397"/>
                <a:gd name="T34" fmla="*/ 141 w 588"/>
                <a:gd name="T35" fmla="*/ 10 h 397"/>
                <a:gd name="T36" fmla="*/ 197 w 588"/>
                <a:gd name="T37" fmla="*/ 10 h 397"/>
                <a:gd name="T38" fmla="*/ 251 w 588"/>
                <a:gd name="T39" fmla="*/ 8 h 397"/>
                <a:gd name="T40" fmla="*/ 294 w 588"/>
                <a:gd name="T41" fmla="*/ 5 h 397"/>
                <a:gd name="T42" fmla="*/ 322 w 588"/>
                <a:gd name="T43" fmla="*/ 1 h 397"/>
                <a:gd name="T44" fmla="*/ 333 w 588"/>
                <a:gd name="T45" fmla="*/ 16 h 397"/>
                <a:gd name="T46" fmla="*/ 337 w 588"/>
                <a:gd name="T47" fmla="*/ 16 h 397"/>
                <a:gd name="T48" fmla="*/ 331 w 588"/>
                <a:gd name="T49" fmla="*/ 36 h 397"/>
                <a:gd name="T50" fmla="*/ 333 w 588"/>
                <a:gd name="T51" fmla="*/ 45 h 397"/>
                <a:gd name="T52" fmla="*/ 339 w 588"/>
                <a:gd name="T53" fmla="*/ 55 h 397"/>
                <a:gd name="T54" fmla="*/ 340 w 588"/>
                <a:gd name="T55" fmla="*/ 63 h 397"/>
                <a:gd name="T56" fmla="*/ 357 w 588"/>
                <a:gd name="T57" fmla="*/ 69 h 397"/>
                <a:gd name="T58" fmla="*/ 362 w 588"/>
                <a:gd name="T59" fmla="*/ 71 h 397"/>
                <a:gd name="T60" fmla="*/ 367 w 588"/>
                <a:gd name="T61" fmla="*/ 80 h 397"/>
                <a:gd name="T62" fmla="*/ 368 w 588"/>
                <a:gd name="T63" fmla="*/ 84 h 397"/>
                <a:gd name="T64" fmla="*/ 378 w 588"/>
                <a:gd name="T65" fmla="*/ 91 h 397"/>
                <a:gd name="T66" fmla="*/ 383 w 588"/>
                <a:gd name="T67" fmla="*/ 98 h 397"/>
                <a:gd name="T68" fmla="*/ 382 w 588"/>
                <a:gd name="T69" fmla="*/ 101 h 397"/>
                <a:gd name="T70" fmla="*/ 393 w 588"/>
                <a:gd name="T71" fmla="*/ 108 h 397"/>
                <a:gd name="T72" fmla="*/ 400 w 588"/>
                <a:gd name="T73" fmla="*/ 123 h 397"/>
                <a:gd name="T74" fmla="*/ 391 w 588"/>
                <a:gd name="T75" fmla="*/ 140 h 397"/>
                <a:gd name="T76" fmla="*/ 388 w 588"/>
                <a:gd name="T77" fmla="*/ 146 h 397"/>
                <a:gd name="T78" fmla="*/ 388 w 588"/>
                <a:gd name="T79" fmla="*/ 156 h 397"/>
                <a:gd name="T80" fmla="*/ 381 w 588"/>
                <a:gd name="T81" fmla="*/ 161 h 397"/>
                <a:gd name="T82" fmla="*/ 375 w 588"/>
                <a:gd name="T83" fmla="*/ 162 h 397"/>
                <a:gd name="T84" fmla="*/ 369 w 588"/>
                <a:gd name="T85" fmla="*/ 166 h 397"/>
                <a:gd name="T86" fmla="*/ 351 w 588"/>
                <a:gd name="T87" fmla="*/ 171 h 397"/>
                <a:gd name="T88" fmla="*/ 345 w 588"/>
                <a:gd name="T89" fmla="*/ 183 h 397"/>
                <a:gd name="T90" fmla="*/ 355 w 588"/>
                <a:gd name="T91" fmla="*/ 201 h 397"/>
                <a:gd name="T92" fmla="*/ 354 w 588"/>
                <a:gd name="T93" fmla="*/ 211 h 397"/>
                <a:gd name="T94" fmla="*/ 348 w 588"/>
                <a:gd name="T95" fmla="*/ 220 h 397"/>
                <a:gd name="T96" fmla="*/ 347 w 588"/>
                <a:gd name="T97" fmla="*/ 225 h 397"/>
                <a:gd name="T98" fmla="*/ 345 w 588"/>
                <a:gd name="T99" fmla="*/ 229 h 397"/>
                <a:gd name="T100" fmla="*/ 339 w 588"/>
                <a:gd name="T101" fmla="*/ 234 h 397"/>
                <a:gd name="T102" fmla="*/ 329 w 588"/>
                <a:gd name="T103" fmla="*/ 241 h 397"/>
                <a:gd name="T104" fmla="*/ 330 w 588"/>
                <a:gd name="T105" fmla="*/ 248 h 397"/>
                <a:gd name="T106" fmla="*/ 331 w 588"/>
                <a:gd name="T107" fmla="*/ 252 h 397"/>
                <a:gd name="T108" fmla="*/ 327 w 588"/>
                <a:gd name="T109" fmla="*/ 257 h 397"/>
                <a:gd name="T110" fmla="*/ 321 w 588"/>
                <a:gd name="T111" fmla="*/ 254 h 397"/>
                <a:gd name="T112" fmla="*/ 310 w 588"/>
                <a:gd name="T113" fmla="*/ 241 h 397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w 588"/>
                <a:gd name="T172" fmla="*/ 0 h 397"/>
                <a:gd name="T173" fmla="*/ 588 w 588"/>
                <a:gd name="T174" fmla="*/ 397 h 397"/>
              </a:gdLst>
              <a:ahLst/>
              <a:cxnLst>
                <a:cxn ang="T114">
                  <a:pos x="T0" y="T1"/>
                </a:cxn>
                <a:cxn ang="T115">
                  <a:pos x="T2" y="T3"/>
                </a:cxn>
                <a:cxn ang="T116">
                  <a:pos x="T4" y="T5"/>
                </a:cxn>
                <a:cxn ang="T117">
                  <a:pos x="T6" y="T7"/>
                </a:cxn>
                <a:cxn ang="T118">
                  <a:pos x="T8" y="T9"/>
                </a:cxn>
                <a:cxn ang="T119">
                  <a:pos x="T10" y="T11"/>
                </a:cxn>
                <a:cxn ang="T120">
                  <a:pos x="T12" y="T13"/>
                </a:cxn>
                <a:cxn ang="T121">
                  <a:pos x="T14" y="T15"/>
                </a:cxn>
                <a:cxn ang="T122">
                  <a:pos x="T16" y="T17"/>
                </a:cxn>
                <a:cxn ang="T123">
                  <a:pos x="T18" y="T19"/>
                </a:cxn>
                <a:cxn ang="T124">
                  <a:pos x="T20" y="T21"/>
                </a:cxn>
                <a:cxn ang="T125">
                  <a:pos x="T22" y="T23"/>
                </a:cxn>
                <a:cxn ang="T126">
                  <a:pos x="T24" y="T25"/>
                </a:cxn>
                <a:cxn ang="T127">
                  <a:pos x="T26" y="T27"/>
                </a:cxn>
                <a:cxn ang="T128">
                  <a:pos x="T28" y="T29"/>
                </a:cxn>
                <a:cxn ang="T129">
                  <a:pos x="T30" y="T31"/>
                </a:cxn>
                <a:cxn ang="T130">
                  <a:pos x="T32" y="T33"/>
                </a:cxn>
                <a:cxn ang="T131">
                  <a:pos x="T34" y="T35"/>
                </a:cxn>
                <a:cxn ang="T132">
                  <a:pos x="T36" y="T37"/>
                </a:cxn>
                <a:cxn ang="T133">
                  <a:pos x="T38" y="T39"/>
                </a:cxn>
                <a:cxn ang="T134">
                  <a:pos x="T40" y="T41"/>
                </a:cxn>
                <a:cxn ang="T135">
                  <a:pos x="T42" y="T43"/>
                </a:cxn>
                <a:cxn ang="T136">
                  <a:pos x="T44" y="T45"/>
                </a:cxn>
                <a:cxn ang="T137">
                  <a:pos x="T46" y="T47"/>
                </a:cxn>
                <a:cxn ang="T138">
                  <a:pos x="T48" y="T49"/>
                </a:cxn>
                <a:cxn ang="T139">
                  <a:pos x="T50" y="T51"/>
                </a:cxn>
                <a:cxn ang="T140">
                  <a:pos x="T52" y="T53"/>
                </a:cxn>
                <a:cxn ang="T141">
                  <a:pos x="T54" y="T55"/>
                </a:cxn>
                <a:cxn ang="T142">
                  <a:pos x="T56" y="T57"/>
                </a:cxn>
                <a:cxn ang="T143">
                  <a:pos x="T58" y="T59"/>
                </a:cxn>
                <a:cxn ang="T144">
                  <a:pos x="T60" y="T61"/>
                </a:cxn>
                <a:cxn ang="T145">
                  <a:pos x="T62" y="T63"/>
                </a:cxn>
                <a:cxn ang="T146">
                  <a:pos x="T64" y="T65"/>
                </a:cxn>
                <a:cxn ang="T147">
                  <a:pos x="T66" y="T67"/>
                </a:cxn>
                <a:cxn ang="T148">
                  <a:pos x="T68" y="T69"/>
                </a:cxn>
                <a:cxn ang="T149">
                  <a:pos x="T70" y="T71"/>
                </a:cxn>
                <a:cxn ang="T150">
                  <a:pos x="T72" y="T73"/>
                </a:cxn>
                <a:cxn ang="T151">
                  <a:pos x="T74" y="T75"/>
                </a:cxn>
                <a:cxn ang="T152">
                  <a:pos x="T76" y="T77"/>
                </a:cxn>
                <a:cxn ang="T153">
                  <a:pos x="T78" y="T79"/>
                </a:cxn>
                <a:cxn ang="T154">
                  <a:pos x="T80" y="T81"/>
                </a:cxn>
                <a:cxn ang="T155">
                  <a:pos x="T82" y="T83"/>
                </a:cxn>
                <a:cxn ang="T156">
                  <a:pos x="T84" y="T85"/>
                </a:cxn>
                <a:cxn ang="T157">
                  <a:pos x="T86" y="T87"/>
                </a:cxn>
                <a:cxn ang="T158">
                  <a:pos x="T88" y="T89"/>
                </a:cxn>
                <a:cxn ang="T159">
                  <a:pos x="T90" y="T91"/>
                </a:cxn>
                <a:cxn ang="T160">
                  <a:pos x="T92" y="T93"/>
                </a:cxn>
                <a:cxn ang="T161">
                  <a:pos x="T94" y="T95"/>
                </a:cxn>
                <a:cxn ang="T162">
                  <a:pos x="T96" y="T97"/>
                </a:cxn>
                <a:cxn ang="T163">
                  <a:pos x="T98" y="T99"/>
                </a:cxn>
                <a:cxn ang="T164">
                  <a:pos x="T100" y="T101"/>
                </a:cxn>
                <a:cxn ang="T165">
                  <a:pos x="T102" y="T103"/>
                </a:cxn>
                <a:cxn ang="T166">
                  <a:pos x="T104" y="T105"/>
                </a:cxn>
                <a:cxn ang="T167">
                  <a:pos x="T106" y="T107"/>
                </a:cxn>
                <a:cxn ang="T168">
                  <a:pos x="T108" y="T109"/>
                </a:cxn>
                <a:cxn ang="T169">
                  <a:pos x="T110" y="T111"/>
                </a:cxn>
                <a:cxn ang="T170">
                  <a:pos x="T112" y="T113"/>
                </a:cxn>
              </a:cxnLst>
              <a:rect l="T171" t="T172" r="T173" b="T174"/>
              <a:pathLst>
                <a:path w="588" h="397">
                  <a:moveTo>
                    <a:pt x="75" y="379"/>
                  </a:moveTo>
                  <a:lnTo>
                    <a:pt x="72" y="375"/>
                  </a:lnTo>
                  <a:lnTo>
                    <a:pt x="70" y="372"/>
                  </a:lnTo>
                  <a:lnTo>
                    <a:pt x="68" y="367"/>
                  </a:lnTo>
                  <a:lnTo>
                    <a:pt x="68" y="362"/>
                  </a:lnTo>
                  <a:lnTo>
                    <a:pt x="66" y="357"/>
                  </a:lnTo>
                  <a:lnTo>
                    <a:pt x="66" y="352"/>
                  </a:lnTo>
                  <a:lnTo>
                    <a:pt x="66" y="347"/>
                  </a:lnTo>
                  <a:lnTo>
                    <a:pt x="66" y="340"/>
                  </a:lnTo>
                  <a:lnTo>
                    <a:pt x="68" y="335"/>
                  </a:lnTo>
                  <a:lnTo>
                    <a:pt x="68" y="330"/>
                  </a:lnTo>
                  <a:lnTo>
                    <a:pt x="68" y="325"/>
                  </a:lnTo>
                  <a:lnTo>
                    <a:pt x="68" y="321"/>
                  </a:lnTo>
                  <a:lnTo>
                    <a:pt x="70" y="318"/>
                  </a:lnTo>
                  <a:lnTo>
                    <a:pt x="70" y="315"/>
                  </a:lnTo>
                  <a:lnTo>
                    <a:pt x="70" y="313"/>
                  </a:lnTo>
                  <a:lnTo>
                    <a:pt x="63" y="304"/>
                  </a:lnTo>
                  <a:lnTo>
                    <a:pt x="61" y="272"/>
                  </a:lnTo>
                  <a:lnTo>
                    <a:pt x="58" y="267"/>
                  </a:lnTo>
                  <a:lnTo>
                    <a:pt x="53" y="264"/>
                  </a:lnTo>
                  <a:lnTo>
                    <a:pt x="50" y="259"/>
                  </a:lnTo>
                  <a:lnTo>
                    <a:pt x="46" y="254"/>
                  </a:lnTo>
                  <a:lnTo>
                    <a:pt x="46" y="249"/>
                  </a:lnTo>
                  <a:lnTo>
                    <a:pt x="46" y="243"/>
                  </a:lnTo>
                  <a:lnTo>
                    <a:pt x="46" y="240"/>
                  </a:lnTo>
                  <a:lnTo>
                    <a:pt x="46" y="237"/>
                  </a:lnTo>
                  <a:lnTo>
                    <a:pt x="48" y="235"/>
                  </a:lnTo>
                  <a:lnTo>
                    <a:pt x="46" y="227"/>
                  </a:lnTo>
                  <a:lnTo>
                    <a:pt x="46" y="218"/>
                  </a:lnTo>
                  <a:lnTo>
                    <a:pt x="44" y="213"/>
                  </a:lnTo>
                  <a:lnTo>
                    <a:pt x="41" y="208"/>
                  </a:lnTo>
                  <a:lnTo>
                    <a:pt x="39" y="205"/>
                  </a:lnTo>
                  <a:lnTo>
                    <a:pt x="38" y="203"/>
                  </a:lnTo>
                  <a:lnTo>
                    <a:pt x="36" y="201"/>
                  </a:lnTo>
                  <a:lnTo>
                    <a:pt x="34" y="199"/>
                  </a:lnTo>
                  <a:lnTo>
                    <a:pt x="29" y="196"/>
                  </a:lnTo>
                  <a:lnTo>
                    <a:pt x="28" y="193"/>
                  </a:lnTo>
                  <a:lnTo>
                    <a:pt x="24" y="188"/>
                  </a:lnTo>
                  <a:lnTo>
                    <a:pt x="24" y="183"/>
                  </a:lnTo>
                  <a:lnTo>
                    <a:pt x="22" y="179"/>
                  </a:lnTo>
                  <a:lnTo>
                    <a:pt x="22" y="174"/>
                  </a:lnTo>
                  <a:lnTo>
                    <a:pt x="22" y="172"/>
                  </a:lnTo>
                  <a:lnTo>
                    <a:pt x="17" y="159"/>
                  </a:lnTo>
                  <a:lnTo>
                    <a:pt x="17" y="144"/>
                  </a:lnTo>
                  <a:lnTo>
                    <a:pt x="9" y="123"/>
                  </a:lnTo>
                  <a:lnTo>
                    <a:pt x="0" y="111"/>
                  </a:lnTo>
                  <a:lnTo>
                    <a:pt x="2" y="103"/>
                  </a:lnTo>
                  <a:lnTo>
                    <a:pt x="16" y="49"/>
                  </a:lnTo>
                  <a:lnTo>
                    <a:pt x="2" y="49"/>
                  </a:lnTo>
                  <a:lnTo>
                    <a:pt x="4" y="40"/>
                  </a:lnTo>
                  <a:lnTo>
                    <a:pt x="7" y="35"/>
                  </a:lnTo>
                  <a:lnTo>
                    <a:pt x="6" y="27"/>
                  </a:lnTo>
                  <a:lnTo>
                    <a:pt x="2" y="18"/>
                  </a:lnTo>
                  <a:lnTo>
                    <a:pt x="4" y="13"/>
                  </a:lnTo>
                  <a:lnTo>
                    <a:pt x="16" y="13"/>
                  </a:lnTo>
                  <a:lnTo>
                    <a:pt x="16" y="12"/>
                  </a:lnTo>
                  <a:lnTo>
                    <a:pt x="19" y="12"/>
                  </a:lnTo>
                  <a:lnTo>
                    <a:pt x="26" y="12"/>
                  </a:lnTo>
                  <a:lnTo>
                    <a:pt x="33" y="12"/>
                  </a:lnTo>
                  <a:lnTo>
                    <a:pt x="43" y="12"/>
                  </a:lnTo>
                  <a:lnTo>
                    <a:pt x="53" y="12"/>
                  </a:lnTo>
                  <a:lnTo>
                    <a:pt x="66" y="12"/>
                  </a:lnTo>
                  <a:lnTo>
                    <a:pt x="80" y="12"/>
                  </a:lnTo>
                  <a:lnTo>
                    <a:pt x="97" y="12"/>
                  </a:lnTo>
                  <a:lnTo>
                    <a:pt x="112" y="12"/>
                  </a:lnTo>
                  <a:lnTo>
                    <a:pt x="131" y="12"/>
                  </a:lnTo>
                  <a:lnTo>
                    <a:pt x="149" y="12"/>
                  </a:lnTo>
                  <a:lnTo>
                    <a:pt x="168" y="12"/>
                  </a:lnTo>
                  <a:lnTo>
                    <a:pt x="188" y="10"/>
                  </a:lnTo>
                  <a:lnTo>
                    <a:pt x="207" y="10"/>
                  </a:lnTo>
                  <a:lnTo>
                    <a:pt x="227" y="10"/>
                  </a:lnTo>
                  <a:lnTo>
                    <a:pt x="249" y="10"/>
                  </a:lnTo>
                  <a:lnTo>
                    <a:pt x="270" y="10"/>
                  </a:lnTo>
                  <a:lnTo>
                    <a:pt x="290" y="10"/>
                  </a:lnTo>
                  <a:lnTo>
                    <a:pt x="310" y="8"/>
                  </a:lnTo>
                  <a:lnTo>
                    <a:pt x="329" y="8"/>
                  </a:lnTo>
                  <a:lnTo>
                    <a:pt x="349" y="8"/>
                  </a:lnTo>
                  <a:lnTo>
                    <a:pt x="368" y="8"/>
                  </a:lnTo>
                  <a:lnTo>
                    <a:pt x="385" y="7"/>
                  </a:lnTo>
                  <a:lnTo>
                    <a:pt x="402" y="7"/>
                  </a:lnTo>
                  <a:lnTo>
                    <a:pt x="418" y="7"/>
                  </a:lnTo>
                  <a:lnTo>
                    <a:pt x="432" y="5"/>
                  </a:lnTo>
                  <a:lnTo>
                    <a:pt x="446" y="5"/>
                  </a:lnTo>
                  <a:lnTo>
                    <a:pt x="456" y="3"/>
                  </a:lnTo>
                  <a:lnTo>
                    <a:pt x="466" y="3"/>
                  </a:lnTo>
                  <a:lnTo>
                    <a:pt x="474" y="1"/>
                  </a:lnTo>
                  <a:lnTo>
                    <a:pt x="479" y="0"/>
                  </a:lnTo>
                  <a:lnTo>
                    <a:pt x="479" y="1"/>
                  </a:lnTo>
                  <a:lnTo>
                    <a:pt x="488" y="22"/>
                  </a:lnTo>
                  <a:lnTo>
                    <a:pt x="490" y="22"/>
                  </a:lnTo>
                  <a:lnTo>
                    <a:pt x="490" y="23"/>
                  </a:lnTo>
                  <a:lnTo>
                    <a:pt x="491" y="23"/>
                  </a:lnTo>
                  <a:lnTo>
                    <a:pt x="493" y="25"/>
                  </a:lnTo>
                  <a:lnTo>
                    <a:pt x="495" y="29"/>
                  </a:lnTo>
                  <a:lnTo>
                    <a:pt x="495" y="34"/>
                  </a:lnTo>
                  <a:lnTo>
                    <a:pt x="493" y="39"/>
                  </a:lnTo>
                  <a:lnTo>
                    <a:pt x="490" y="47"/>
                  </a:lnTo>
                  <a:lnTo>
                    <a:pt x="488" y="52"/>
                  </a:lnTo>
                  <a:lnTo>
                    <a:pt x="486" y="56"/>
                  </a:lnTo>
                  <a:lnTo>
                    <a:pt x="488" y="61"/>
                  </a:lnTo>
                  <a:lnTo>
                    <a:pt x="488" y="64"/>
                  </a:lnTo>
                  <a:lnTo>
                    <a:pt x="490" y="69"/>
                  </a:lnTo>
                  <a:lnTo>
                    <a:pt x="491" y="73"/>
                  </a:lnTo>
                  <a:lnTo>
                    <a:pt x="495" y="76"/>
                  </a:lnTo>
                  <a:lnTo>
                    <a:pt x="496" y="81"/>
                  </a:lnTo>
                  <a:lnTo>
                    <a:pt x="500" y="84"/>
                  </a:lnTo>
                  <a:lnTo>
                    <a:pt x="501" y="89"/>
                  </a:lnTo>
                  <a:lnTo>
                    <a:pt x="501" y="91"/>
                  </a:lnTo>
                  <a:lnTo>
                    <a:pt x="501" y="95"/>
                  </a:lnTo>
                  <a:lnTo>
                    <a:pt x="501" y="96"/>
                  </a:lnTo>
                  <a:lnTo>
                    <a:pt x="501" y="98"/>
                  </a:lnTo>
                  <a:lnTo>
                    <a:pt x="525" y="105"/>
                  </a:lnTo>
                  <a:lnTo>
                    <a:pt x="527" y="106"/>
                  </a:lnTo>
                  <a:lnTo>
                    <a:pt x="530" y="106"/>
                  </a:lnTo>
                  <a:lnTo>
                    <a:pt x="532" y="108"/>
                  </a:lnTo>
                  <a:lnTo>
                    <a:pt x="535" y="111"/>
                  </a:lnTo>
                  <a:lnTo>
                    <a:pt x="537" y="115"/>
                  </a:lnTo>
                  <a:lnTo>
                    <a:pt x="539" y="120"/>
                  </a:lnTo>
                  <a:lnTo>
                    <a:pt x="540" y="125"/>
                  </a:lnTo>
                  <a:lnTo>
                    <a:pt x="540" y="127"/>
                  </a:lnTo>
                  <a:lnTo>
                    <a:pt x="540" y="128"/>
                  </a:lnTo>
                  <a:lnTo>
                    <a:pt x="542" y="130"/>
                  </a:lnTo>
                  <a:lnTo>
                    <a:pt x="545" y="132"/>
                  </a:lnTo>
                  <a:lnTo>
                    <a:pt x="547" y="133"/>
                  </a:lnTo>
                  <a:lnTo>
                    <a:pt x="552" y="135"/>
                  </a:lnTo>
                  <a:lnTo>
                    <a:pt x="556" y="139"/>
                  </a:lnTo>
                  <a:lnTo>
                    <a:pt x="561" y="142"/>
                  </a:lnTo>
                  <a:lnTo>
                    <a:pt x="564" y="145"/>
                  </a:lnTo>
                  <a:lnTo>
                    <a:pt x="564" y="149"/>
                  </a:lnTo>
                  <a:lnTo>
                    <a:pt x="564" y="150"/>
                  </a:lnTo>
                  <a:lnTo>
                    <a:pt x="564" y="152"/>
                  </a:lnTo>
                  <a:lnTo>
                    <a:pt x="562" y="154"/>
                  </a:lnTo>
                  <a:lnTo>
                    <a:pt x="562" y="155"/>
                  </a:lnTo>
                  <a:lnTo>
                    <a:pt x="572" y="162"/>
                  </a:lnTo>
                  <a:lnTo>
                    <a:pt x="574" y="162"/>
                  </a:lnTo>
                  <a:lnTo>
                    <a:pt x="576" y="164"/>
                  </a:lnTo>
                  <a:lnTo>
                    <a:pt x="579" y="166"/>
                  </a:lnTo>
                  <a:lnTo>
                    <a:pt x="584" y="169"/>
                  </a:lnTo>
                  <a:lnTo>
                    <a:pt x="586" y="174"/>
                  </a:lnTo>
                  <a:lnTo>
                    <a:pt x="588" y="181"/>
                  </a:lnTo>
                  <a:lnTo>
                    <a:pt x="588" y="189"/>
                  </a:lnTo>
                  <a:lnTo>
                    <a:pt x="586" y="201"/>
                  </a:lnTo>
                  <a:lnTo>
                    <a:pt x="583" y="210"/>
                  </a:lnTo>
                  <a:lnTo>
                    <a:pt x="579" y="213"/>
                  </a:lnTo>
                  <a:lnTo>
                    <a:pt x="576" y="215"/>
                  </a:lnTo>
                  <a:lnTo>
                    <a:pt x="574" y="213"/>
                  </a:lnTo>
                  <a:lnTo>
                    <a:pt x="572" y="215"/>
                  </a:lnTo>
                  <a:lnTo>
                    <a:pt x="572" y="216"/>
                  </a:lnTo>
                  <a:lnTo>
                    <a:pt x="571" y="225"/>
                  </a:lnTo>
                  <a:lnTo>
                    <a:pt x="571" y="238"/>
                  </a:lnTo>
                  <a:lnTo>
                    <a:pt x="571" y="240"/>
                  </a:lnTo>
                  <a:lnTo>
                    <a:pt x="569" y="242"/>
                  </a:lnTo>
                  <a:lnTo>
                    <a:pt x="567" y="243"/>
                  </a:lnTo>
                  <a:lnTo>
                    <a:pt x="564" y="245"/>
                  </a:lnTo>
                  <a:lnTo>
                    <a:pt x="561" y="247"/>
                  </a:lnTo>
                  <a:lnTo>
                    <a:pt x="554" y="247"/>
                  </a:lnTo>
                  <a:lnTo>
                    <a:pt x="552" y="247"/>
                  </a:lnTo>
                  <a:lnTo>
                    <a:pt x="552" y="249"/>
                  </a:lnTo>
                  <a:lnTo>
                    <a:pt x="552" y="250"/>
                  </a:lnTo>
                  <a:lnTo>
                    <a:pt x="550" y="252"/>
                  </a:lnTo>
                  <a:lnTo>
                    <a:pt x="549" y="254"/>
                  </a:lnTo>
                  <a:lnTo>
                    <a:pt x="544" y="255"/>
                  </a:lnTo>
                  <a:lnTo>
                    <a:pt x="537" y="257"/>
                  </a:lnTo>
                  <a:lnTo>
                    <a:pt x="530" y="257"/>
                  </a:lnTo>
                  <a:lnTo>
                    <a:pt x="523" y="259"/>
                  </a:lnTo>
                  <a:lnTo>
                    <a:pt x="517" y="262"/>
                  </a:lnTo>
                  <a:lnTo>
                    <a:pt x="512" y="265"/>
                  </a:lnTo>
                  <a:lnTo>
                    <a:pt x="508" y="269"/>
                  </a:lnTo>
                  <a:lnTo>
                    <a:pt x="508" y="276"/>
                  </a:lnTo>
                  <a:lnTo>
                    <a:pt x="508" y="282"/>
                  </a:lnTo>
                  <a:lnTo>
                    <a:pt x="512" y="291"/>
                  </a:lnTo>
                  <a:lnTo>
                    <a:pt x="515" y="299"/>
                  </a:lnTo>
                  <a:lnTo>
                    <a:pt x="520" y="304"/>
                  </a:lnTo>
                  <a:lnTo>
                    <a:pt x="522" y="309"/>
                  </a:lnTo>
                  <a:lnTo>
                    <a:pt x="523" y="313"/>
                  </a:lnTo>
                  <a:lnTo>
                    <a:pt x="525" y="318"/>
                  </a:lnTo>
                  <a:lnTo>
                    <a:pt x="523" y="321"/>
                  </a:lnTo>
                  <a:lnTo>
                    <a:pt x="520" y="325"/>
                  </a:lnTo>
                  <a:lnTo>
                    <a:pt x="515" y="331"/>
                  </a:lnTo>
                  <a:lnTo>
                    <a:pt x="515" y="335"/>
                  </a:lnTo>
                  <a:lnTo>
                    <a:pt x="513" y="337"/>
                  </a:lnTo>
                  <a:lnTo>
                    <a:pt x="512" y="340"/>
                  </a:lnTo>
                  <a:lnTo>
                    <a:pt x="512" y="342"/>
                  </a:lnTo>
                  <a:lnTo>
                    <a:pt x="510" y="343"/>
                  </a:lnTo>
                  <a:lnTo>
                    <a:pt x="510" y="345"/>
                  </a:lnTo>
                  <a:lnTo>
                    <a:pt x="510" y="347"/>
                  </a:lnTo>
                  <a:lnTo>
                    <a:pt x="508" y="348"/>
                  </a:lnTo>
                  <a:lnTo>
                    <a:pt x="508" y="352"/>
                  </a:lnTo>
                  <a:lnTo>
                    <a:pt x="508" y="353"/>
                  </a:lnTo>
                  <a:lnTo>
                    <a:pt x="506" y="357"/>
                  </a:lnTo>
                  <a:lnTo>
                    <a:pt x="503" y="359"/>
                  </a:lnTo>
                  <a:lnTo>
                    <a:pt x="498" y="360"/>
                  </a:lnTo>
                  <a:lnTo>
                    <a:pt x="493" y="362"/>
                  </a:lnTo>
                  <a:lnTo>
                    <a:pt x="488" y="364"/>
                  </a:lnTo>
                  <a:lnTo>
                    <a:pt x="484" y="365"/>
                  </a:lnTo>
                  <a:lnTo>
                    <a:pt x="483" y="369"/>
                  </a:lnTo>
                  <a:lnTo>
                    <a:pt x="483" y="372"/>
                  </a:lnTo>
                  <a:lnTo>
                    <a:pt x="483" y="375"/>
                  </a:lnTo>
                  <a:lnTo>
                    <a:pt x="484" y="377"/>
                  </a:lnTo>
                  <a:lnTo>
                    <a:pt x="486" y="381"/>
                  </a:lnTo>
                  <a:lnTo>
                    <a:pt x="488" y="382"/>
                  </a:lnTo>
                  <a:lnTo>
                    <a:pt x="488" y="384"/>
                  </a:lnTo>
                  <a:lnTo>
                    <a:pt x="488" y="387"/>
                  </a:lnTo>
                  <a:lnTo>
                    <a:pt x="486" y="389"/>
                  </a:lnTo>
                  <a:lnTo>
                    <a:pt x="484" y="392"/>
                  </a:lnTo>
                  <a:lnTo>
                    <a:pt x="483" y="394"/>
                  </a:lnTo>
                  <a:lnTo>
                    <a:pt x="481" y="396"/>
                  </a:lnTo>
                  <a:lnTo>
                    <a:pt x="479" y="397"/>
                  </a:lnTo>
                  <a:lnTo>
                    <a:pt x="478" y="397"/>
                  </a:lnTo>
                  <a:lnTo>
                    <a:pt x="476" y="394"/>
                  </a:lnTo>
                  <a:lnTo>
                    <a:pt x="471" y="389"/>
                  </a:lnTo>
                  <a:lnTo>
                    <a:pt x="466" y="384"/>
                  </a:lnTo>
                  <a:lnTo>
                    <a:pt x="462" y="379"/>
                  </a:lnTo>
                  <a:lnTo>
                    <a:pt x="457" y="374"/>
                  </a:lnTo>
                  <a:lnTo>
                    <a:pt x="456" y="370"/>
                  </a:lnTo>
                  <a:lnTo>
                    <a:pt x="454" y="369"/>
                  </a:lnTo>
                  <a:lnTo>
                    <a:pt x="75" y="379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68" name="Freeform 59"/>
            <p:cNvSpPr>
              <a:spLocks/>
            </p:cNvSpPr>
            <p:nvPr/>
          </p:nvSpPr>
          <p:spPr bwMode="auto">
            <a:xfrm>
              <a:off x="2869" y="2644"/>
              <a:ext cx="478" cy="439"/>
            </a:xfrm>
            <a:custGeom>
              <a:avLst/>
              <a:gdLst>
                <a:gd name="T0" fmla="*/ 242 w 492"/>
                <a:gd name="T1" fmla="*/ 294 h 452"/>
                <a:gd name="T2" fmla="*/ 243 w 492"/>
                <a:gd name="T3" fmla="*/ 287 h 452"/>
                <a:gd name="T4" fmla="*/ 244 w 492"/>
                <a:gd name="T5" fmla="*/ 283 h 452"/>
                <a:gd name="T6" fmla="*/ 247 w 492"/>
                <a:gd name="T7" fmla="*/ 280 h 452"/>
                <a:gd name="T8" fmla="*/ 247 w 492"/>
                <a:gd name="T9" fmla="*/ 276 h 452"/>
                <a:gd name="T10" fmla="*/ 242 w 492"/>
                <a:gd name="T11" fmla="*/ 262 h 452"/>
                <a:gd name="T12" fmla="*/ 237 w 492"/>
                <a:gd name="T13" fmla="*/ 246 h 452"/>
                <a:gd name="T14" fmla="*/ 239 w 492"/>
                <a:gd name="T15" fmla="*/ 241 h 452"/>
                <a:gd name="T16" fmla="*/ 247 w 492"/>
                <a:gd name="T17" fmla="*/ 238 h 452"/>
                <a:gd name="T18" fmla="*/ 247 w 492"/>
                <a:gd name="T19" fmla="*/ 234 h 452"/>
                <a:gd name="T20" fmla="*/ 243 w 492"/>
                <a:gd name="T21" fmla="*/ 233 h 452"/>
                <a:gd name="T22" fmla="*/ 243 w 492"/>
                <a:gd name="T23" fmla="*/ 231 h 452"/>
                <a:gd name="T24" fmla="*/ 247 w 492"/>
                <a:gd name="T25" fmla="*/ 226 h 452"/>
                <a:gd name="T26" fmla="*/ 247 w 492"/>
                <a:gd name="T27" fmla="*/ 222 h 452"/>
                <a:gd name="T28" fmla="*/ 245 w 492"/>
                <a:gd name="T29" fmla="*/ 218 h 452"/>
                <a:gd name="T30" fmla="*/ 247 w 492"/>
                <a:gd name="T31" fmla="*/ 213 h 452"/>
                <a:gd name="T32" fmla="*/ 251 w 492"/>
                <a:gd name="T33" fmla="*/ 210 h 452"/>
                <a:gd name="T34" fmla="*/ 254 w 492"/>
                <a:gd name="T35" fmla="*/ 207 h 452"/>
                <a:gd name="T36" fmla="*/ 253 w 492"/>
                <a:gd name="T37" fmla="*/ 202 h 452"/>
                <a:gd name="T38" fmla="*/ 258 w 492"/>
                <a:gd name="T39" fmla="*/ 190 h 452"/>
                <a:gd name="T40" fmla="*/ 278 w 492"/>
                <a:gd name="T41" fmla="*/ 175 h 452"/>
                <a:gd name="T42" fmla="*/ 294 w 492"/>
                <a:gd name="T43" fmla="*/ 136 h 452"/>
                <a:gd name="T44" fmla="*/ 295 w 492"/>
                <a:gd name="T45" fmla="*/ 134 h 452"/>
                <a:gd name="T46" fmla="*/ 297 w 492"/>
                <a:gd name="T47" fmla="*/ 130 h 452"/>
                <a:gd name="T48" fmla="*/ 293 w 492"/>
                <a:gd name="T49" fmla="*/ 128 h 452"/>
                <a:gd name="T50" fmla="*/ 294 w 492"/>
                <a:gd name="T51" fmla="*/ 125 h 452"/>
                <a:gd name="T52" fmla="*/ 301 w 492"/>
                <a:gd name="T53" fmla="*/ 120 h 452"/>
                <a:gd name="T54" fmla="*/ 306 w 492"/>
                <a:gd name="T55" fmla="*/ 112 h 452"/>
                <a:gd name="T56" fmla="*/ 305 w 492"/>
                <a:gd name="T57" fmla="*/ 103 h 452"/>
                <a:gd name="T58" fmla="*/ 302 w 492"/>
                <a:gd name="T59" fmla="*/ 100 h 452"/>
                <a:gd name="T60" fmla="*/ 307 w 492"/>
                <a:gd name="T61" fmla="*/ 88 h 452"/>
                <a:gd name="T62" fmla="*/ 312 w 492"/>
                <a:gd name="T63" fmla="*/ 83 h 452"/>
                <a:gd name="T64" fmla="*/ 315 w 492"/>
                <a:gd name="T65" fmla="*/ 80 h 452"/>
                <a:gd name="T66" fmla="*/ 320 w 492"/>
                <a:gd name="T67" fmla="*/ 72 h 452"/>
                <a:gd name="T68" fmla="*/ 314 w 492"/>
                <a:gd name="T69" fmla="*/ 68 h 452"/>
                <a:gd name="T70" fmla="*/ 312 w 492"/>
                <a:gd name="T71" fmla="*/ 68 h 452"/>
                <a:gd name="T72" fmla="*/ 317 w 492"/>
                <a:gd name="T73" fmla="*/ 64 h 452"/>
                <a:gd name="T74" fmla="*/ 320 w 492"/>
                <a:gd name="T75" fmla="*/ 60 h 452"/>
                <a:gd name="T76" fmla="*/ 327 w 492"/>
                <a:gd name="T77" fmla="*/ 50 h 452"/>
                <a:gd name="T78" fmla="*/ 329 w 492"/>
                <a:gd name="T79" fmla="*/ 45 h 452"/>
                <a:gd name="T80" fmla="*/ 326 w 492"/>
                <a:gd name="T81" fmla="*/ 43 h 452"/>
                <a:gd name="T82" fmla="*/ 283 w 492"/>
                <a:gd name="T83" fmla="*/ 44 h 452"/>
                <a:gd name="T84" fmla="*/ 287 w 492"/>
                <a:gd name="T85" fmla="*/ 37 h 452"/>
                <a:gd name="T86" fmla="*/ 293 w 492"/>
                <a:gd name="T87" fmla="*/ 20 h 452"/>
                <a:gd name="T88" fmla="*/ 302 w 492"/>
                <a:gd name="T89" fmla="*/ 17 h 452"/>
                <a:gd name="T90" fmla="*/ 295 w 492"/>
                <a:gd name="T91" fmla="*/ 5 h 452"/>
                <a:gd name="T92" fmla="*/ 288 w 492"/>
                <a:gd name="T93" fmla="*/ 0 h 452"/>
                <a:gd name="T94" fmla="*/ 280 w 492"/>
                <a:gd name="T95" fmla="*/ 2 h 452"/>
                <a:gd name="T96" fmla="*/ 261 w 492"/>
                <a:gd name="T97" fmla="*/ 3 h 452"/>
                <a:gd name="T98" fmla="*/ 232 w 492"/>
                <a:gd name="T99" fmla="*/ 5 h 452"/>
                <a:gd name="T100" fmla="*/ 198 w 492"/>
                <a:gd name="T101" fmla="*/ 7 h 452"/>
                <a:gd name="T102" fmla="*/ 158 w 492"/>
                <a:gd name="T103" fmla="*/ 10 h 452"/>
                <a:gd name="T104" fmla="*/ 119 w 492"/>
                <a:gd name="T105" fmla="*/ 12 h 452"/>
                <a:gd name="T106" fmla="*/ 83 w 492"/>
                <a:gd name="T107" fmla="*/ 15 h 452"/>
                <a:gd name="T108" fmla="*/ 48 w 492"/>
                <a:gd name="T109" fmla="*/ 17 h 452"/>
                <a:gd name="T110" fmla="*/ 18 w 492"/>
                <a:gd name="T111" fmla="*/ 17 h 452"/>
                <a:gd name="T112" fmla="*/ 6 w 492"/>
                <a:gd name="T113" fmla="*/ 17 h 452"/>
                <a:gd name="T114" fmla="*/ 17 w 492"/>
                <a:gd name="T115" fmla="*/ 106 h 452"/>
                <a:gd name="T116" fmla="*/ 17 w 492"/>
                <a:gd name="T117" fmla="*/ 258 h 452"/>
                <a:gd name="T118" fmla="*/ 44 w 492"/>
                <a:gd name="T119" fmla="*/ 300 h 452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w 492"/>
                <a:gd name="T181" fmla="*/ 0 h 452"/>
                <a:gd name="T182" fmla="*/ 492 w 492"/>
                <a:gd name="T183" fmla="*/ 452 h 452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T180" t="T181" r="T182" b="T183"/>
              <a:pathLst>
                <a:path w="492" h="452">
                  <a:moveTo>
                    <a:pt x="362" y="443"/>
                  </a:moveTo>
                  <a:lnTo>
                    <a:pt x="362" y="443"/>
                  </a:lnTo>
                  <a:lnTo>
                    <a:pt x="362" y="442"/>
                  </a:lnTo>
                  <a:lnTo>
                    <a:pt x="362" y="438"/>
                  </a:lnTo>
                  <a:lnTo>
                    <a:pt x="362" y="435"/>
                  </a:lnTo>
                  <a:lnTo>
                    <a:pt x="364" y="432"/>
                  </a:lnTo>
                  <a:lnTo>
                    <a:pt x="364" y="428"/>
                  </a:lnTo>
                  <a:lnTo>
                    <a:pt x="365" y="426"/>
                  </a:lnTo>
                  <a:lnTo>
                    <a:pt x="369" y="425"/>
                  </a:lnTo>
                  <a:lnTo>
                    <a:pt x="370" y="423"/>
                  </a:lnTo>
                  <a:lnTo>
                    <a:pt x="370" y="421"/>
                  </a:lnTo>
                  <a:lnTo>
                    <a:pt x="370" y="420"/>
                  </a:lnTo>
                  <a:lnTo>
                    <a:pt x="369" y="416"/>
                  </a:lnTo>
                  <a:lnTo>
                    <a:pt x="369" y="415"/>
                  </a:lnTo>
                  <a:lnTo>
                    <a:pt x="367" y="413"/>
                  </a:lnTo>
                  <a:lnTo>
                    <a:pt x="362" y="393"/>
                  </a:lnTo>
                  <a:lnTo>
                    <a:pt x="360" y="386"/>
                  </a:lnTo>
                  <a:lnTo>
                    <a:pt x="352" y="377"/>
                  </a:lnTo>
                  <a:lnTo>
                    <a:pt x="355" y="369"/>
                  </a:lnTo>
                  <a:lnTo>
                    <a:pt x="355" y="364"/>
                  </a:lnTo>
                  <a:lnTo>
                    <a:pt x="357" y="362"/>
                  </a:lnTo>
                  <a:lnTo>
                    <a:pt x="358" y="362"/>
                  </a:lnTo>
                  <a:lnTo>
                    <a:pt x="362" y="360"/>
                  </a:lnTo>
                  <a:lnTo>
                    <a:pt x="364" y="360"/>
                  </a:lnTo>
                  <a:lnTo>
                    <a:pt x="369" y="357"/>
                  </a:lnTo>
                  <a:lnTo>
                    <a:pt x="370" y="355"/>
                  </a:lnTo>
                  <a:lnTo>
                    <a:pt x="370" y="354"/>
                  </a:lnTo>
                  <a:lnTo>
                    <a:pt x="369" y="352"/>
                  </a:lnTo>
                  <a:lnTo>
                    <a:pt x="367" y="350"/>
                  </a:lnTo>
                  <a:lnTo>
                    <a:pt x="365" y="350"/>
                  </a:lnTo>
                  <a:lnTo>
                    <a:pt x="364" y="350"/>
                  </a:lnTo>
                  <a:lnTo>
                    <a:pt x="362" y="350"/>
                  </a:lnTo>
                  <a:lnTo>
                    <a:pt x="362" y="349"/>
                  </a:lnTo>
                  <a:lnTo>
                    <a:pt x="364" y="347"/>
                  </a:lnTo>
                  <a:lnTo>
                    <a:pt x="365" y="345"/>
                  </a:lnTo>
                  <a:lnTo>
                    <a:pt x="367" y="344"/>
                  </a:lnTo>
                  <a:lnTo>
                    <a:pt x="369" y="340"/>
                  </a:lnTo>
                  <a:lnTo>
                    <a:pt x="370" y="338"/>
                  </a:lnTo>
                  <a:lnTo>
                    <a:pt x="370" y="337"/>
                  </a:lnTo>
                  <a:lnTo>
                    <a:pt x="370" y="335"/>
                  </a:lnTo>
                  <a:lnTo>
                    <a:pt x="369" y="332"/>
                  </a:lnTo>
                  <a:lnTo>
                    <a:pt x="367" y="330"/>
                  </a:lnTo>
                  <a:lnTo>
                    <a:pt x="367" y="327"/>
                  </a:lnTo>
                  <a:lnTo>
                    <a:pt x="367" y="323"/>
                  </a:lnTo>
                  <a:lnTo>
                    <a:pt x="367" y="322"/>
                  </a:lnTo>
                  <a:lnTo>
                    <a:pt x="369" y="320"/>
                  </a:lnTo>
                  <a:lnTo>
                    <a:pt x="370" y="318"/>
                  </a:lnTo>
                  <a:lnTo>
                    <a:pt x="372" y="318"/>
                  </a:lnTo>
                  <a:lnTo>
                    <a:pt x="377" y="316"/>
                  </a:lnTo>
                  <a:lnTo>
                    <a:pt x="380" y="315"/>
                  </a:lnTo>
                  <a:lnTo>
                    <a:pt x="380" y="311"/>
                  </a:lnTo>
                  <a:lnTo>
                    <a:pt x="380" y="310"/>
                  </a:lnTo>
                  <a:lnTo>
                    <a:pt x="380" y="308"/>
                  </a:lnTo>
                  <a:lnTo>
                    <a:pt x="379" y="306"/>
                  </a:lnTo>
                  <a:lnTo>
                    <a:pt x="379" y="305"/>
                  </a:lnTo>
                  <a:lnTo>
                    <a:pt x="377" y="305"/>
                  </a:lnTo>
                  <a:lnTo>
                    <a:pt x="392" y="296"/>
                  </a:lnTo>
                  <a:lnTo>
                    <a:pt x="387" y="286"/>
                  </a:lnTo>
                  <a:lnTo>
                    <a:pt x="402" y="271"/>
                  </a:lnTo>
                  <a:lnTo>
                    <a:pt x="408" y="271"/>
                  </a:lnTo>
                  <a:lnTo>
                    <a:pt x="416" y="262"/>
                  </a:lnTo>
                  <a:lnTo>
                    <a:pt x="416" y="232"/>
                  </a:lnTo>
                  <a:lnTo>
                    <a:pt x="426" y="217"/>
                  </a:lnTo>
                  <a:lnTo>
                    <a:pt x="441" y="205"/>
                  </a:lnTo>
                  <a:lnTo>
                    <a:pt x="441" y="203"/>
                  </a:lnTo>
                  <a:lnTo>
                    <a:pt x="443" y="201"/>
                  </a:lnTo>
                  <a:lnTo>
                    <a:pt x="443" y="198"/>
                  </a:lnTo>
                  <a:lnTo>
                    <a:pt x="443" y="196"/>
                  </a:lnTo>
                  <a:lnTo>
                    <a:pt x="445" y="195"/>
                  </a:lnTo>
                  <a:lnTo>
                    <a:pt x="445" y="193"/>
                  </a:lnTo>
                  <a:lnTo>
                    <a:pt x="440" y="193"/>
                  </a:lnTo>
                  <a:lnTo>
                    <a:pt x="438" y="191"/>
                  </a:lnTo>
                  <a:lnTo>
                    <a:pt x="438" y="190"/>
                  </a:lnTo>
                  <a:lnTo>
                    <a:pt x="441" y="188"/>
                  </a:lnTo>
                  <a:lnTo>
                    <a:pt x="445" y="184"/>
                  </a:lnTo>
                  <a:lnTo>
                    <a:pt x="446" y="183"/>
                  </a:lnTo>
                  <a:lnTo>
                    <a:pt x="450" y="181"/>
                  </a:lnTo>
                  <a:lnTo>
                    <a:pt x="452" y="181"/>
                  </a:lnTo>
                  <a:lnTo>
                    <a:pt x="457" y="174"/>
                  </a:lnTo>
                  <a:lnTo>
                    <a:pt x="458" y="168"/>
                  </a:lnTo>
                  <a:lnTo>
                    <a:pt x="460" y="162"/>
                  </a:lnTo>
                  <a:lnTo>
                    <a:pt x="458" y="157"/>
                  </a:lnTo>
                  <a:lnTo>
                    <a:pt x="457" y="154"/>
                  </a:lnTo>
                  <a:lnTo>
                    <a:pt x="455" y="152"/>
                  </a:lnTo>
                  <a:lnTo>
                    <a:pt x="453" y="149"/>
                  </a:lnTo>
                  <a:lnTo>
                    <a:pt x="458" y="137"/>
                  </a:lnTo>
                  <a:lnTo>
                    <a:pt x="458" y="135"/>
                  </a:lnTo>
                  <a:lnTo>
                    <a:pt x="460" y="134"/>
                  </a:lnTo>
                  <a:lnTo>
                    <a:pt x="462" y="132"/>
                  </a:lnTo>
                  <a:lnTo>
                    <a:pt x="463" y="129"/>
                  </a:lnTo>
                  <a:lnTo>
                    <a:pt x="467" y="125"/>
                  </a:lnTo>
                  <a:lnTo>
                    <a:pt x="468" y="122"/>
                  </a:lnTo>
                  <a:lnTo>
                    <a:pt x="470" y="120"/>
                  </a:lnTo>
                  <a:lnTo>
                    <a:pt x="472" y="120"/>
                  </a:lnTo>
                  <a:lnTo>
                    <a:pt x="477" y="113"/>
                  </a:lnTo>
                  <a:lnTo>
                    <a:pt x="479" y="108"/>
                  </a:lnTo>
                  <a:lnTo>
                    <a:pt x="479" y="107"/>
                  </a:lnTo>
                  <a:lnTo>
                    <a:pt x="477" y="103"/>
                  </a:lnTo>
                  <a:lnTo>
                    <a:pt x="474" y="103"/>
                  </a:lnTo>
                  <a:lnTo>
                    <a:pt x="470" y="102"/>
                  </a:lnTo>
                  <a:lnTo>
                    <a:pt x="468" y="102"/>
                  </a:lnTo>
                  <a:lnTo>
                    <a:pt x="470" y="100"/>
                  </a:lnTo>
                  <a:lnTo>
                    <a:pt x="472" y="98"/>
                  </a:lnTo>
                  <a:lnTo>
                    <a:pt x="474" y="96"/>
                  </a:lnTo>
                  <a:lnTo>
                    <a:pt x="477" y="93"/>
                  </a:lnTo>
                  <a:lnTo>
                    <a:pt x="479" y="91"/>
                  </a:lnTo>
                  <a:lnTo>
                    <a:pt x="480" y="90"/>
                  </a:lnTo>
                  <a:lnTo>
                    <a:pt x="482" y="88"/>
                  </a:lnTo>
                  <a:lnTo>
                    <a:pt x="487" y="81"/>
                  </a:lnTo>
                  <a:lnTo>
                    <a:pt x="490" y="76"/>
                  </a:lnTo>
                  <a:lnTo>
                    <a:pt x="492" y="73"/>
                  </a:lnTo>
                  <a:lnTo>
                    <a:pt x="492" y="69"/>
                  </a:lnTo>
                  <a:lnTo>
                    <a:pt x="492" y="66"/>
                  </a:lnTo>
                  <a:lnTo>
                    <a:pt x="490" y="64"/>
                  </a:lnTo>
                  <a:lnTo>
                    <a:pt x="489" y="63"/>
                  </a:lnTo>
                  <a:lnTo>
                    <a:pt x="424" y="66"/>
                  </a:lnTo>
                  <a:lnTo>
                    <a:pt x="424" y="64"/>
                  </a:lnTo>
                  <a:lnTo>
                    <a:pt x="426" y="61"/>
                  </a:lnTo>
                  <a:lnTo>
                    <a:pt x="428" y="58"/>
                  </a:lnTo>
                  <a:lnTo>
                    <a:pt x="430" y="51"/>
                  </a:lnTo>
                  <a:lnTo>
                    <a:pt x="433" y="46"/>
                  </a:lnTo>
                  <a:lnTo>
                    <a:pt x="436" y="39"/>
                  </a:lnTo>
                  <a:lnTo>
                    <a:pt x="440" y="34"/>
                  </a:lnTo>
                  <a:lnTo>
                    <a:pt x="446" y="29"/>
                  </a:lnTo>
                  <a:lnTo>
                    <a:pt x="450" y="24"/>
                  </a:lnTo>
                  <a:lnTo>
                    <a:pt x="452" y="19"/>
                  </a:lnTo>
                  <a:lnTo>
                    <a:pt x="450" y="14"/>
                  </a:lnTo>
                  <a:lnTo>
                    <a:pt x="446" y="8"/>
                  </a:lnTo>
                  <a:lnTo>
                    <a:pt x="443" y="5"/>
                  </a:lnTo>
                  <a:lnTo>
                    <a:pt x="438" y="2"/>
                  </a:lnTo>
                  <a:lnTo>
                    <a:pt x="435" y="0"/>
                  </a:lnTo>
                  <a:lnTo>
                    <a:pt x="431" y="0"/>
                  </a:lnTo>
                  <a:lnTo>
                    <a:pt x="430" y="2"/>
                  </a:lnTo>
                  <a:lnTo>
                    <a:pt x="426" y="2"/>
                  </a:lnTo>
                  <a:lnTo>
                    <a:pt x="419" y="2"/>
                  </a:lnTo>
                  <a:lnTo>
                    <a:pt x="411" y="2"/>
                  </a:lnTo>
                  <a:lnTo>
                    <a:pt x="402" y="3"/>
                  </a:lnTo>
                  <a:lnTo>
                    <a:pt x="391" y="3"/>
                  </a:lnTo>
                  <a:lnTo>
                    <a:pt x="377" y="3"/>
                  </a:lnTo>
                  <a:lnTo>
                    <a:pt x="364" y="5"/>
                  </a:lnTo>
                  <a:lnTo>
                    <a:pt x="348" y="5"/>
                  </a:lnTo>
                  <a:lnTo>
                    <a:pt x="331" y="7"/>
                  </a:lnTo>
                  <a:lnTo>
                    <a:pt x="314" y="7"/>
                  </a:lnTo>
                  <a:lnTo>
                    <a:pt x="296" y="7"/>
                  </a:lnTo>
                  <a:lnTo>
                    <a:pt x="277" y="8"/>
                  </a:lnTo>
                  <a:lnTo>
                    <a:pt x="259" y="8"/>
                  </a:lnTo>
                  <a:lnTo>
                    <a:pt x="238" y="10"/>
                  </a:lnTo>
                  <a:lnTo>
                    <a:pt x="220" y="10"/>
                  </a:lnTo>
                  <a:lnTo>
                    <a:pt x="199" y="12"/>
                  </a:lnTo>
                  <a:lnTo>
                    <a:pt x="179" y="12"/>
                  </a:lnTo>
                  <a:lnTo>
                    <a:pt x="160" y="14"/>
                  </a:lnTo>
                  <a:lnTo>
                    <a:pt x="142" y="14"/>
                  </a:lnTo>
                  <a:lnTo>
                    <a:pt x="123" y="15"/>
                  </a:lnTo>
                  <a:lnTo>
                    <a:pt x="105" y="15"/>
                  </a:lnTo>
                  <a:lnTo>
                    <a:pt x="88" y="17"/>
                  </a:lnTo>
                  <a:lnTo>
                    <a:pt x="72" y="17"/>
                  </a:lnTo>
                  <a:lnTo>
                    <a:pt x="57" y="17"/>
                  </a:lnTo>
                  <a:lnTo>
                    <a:pt x="45" y="19"/>
                  </a:lnTo>
                  <a:lnTo>
                    <a:pt x="32" y="19"/>
                  </a:lnTo>
                  <a:lnTo>
                    <a:pt x="22" y="19"/>
                  </a:lnTo>
                  <a:lnTo>
                    <a:pt x="13" y="19"/>
                  </a:lnTo>
                  <a:lnTo>
                    <a:pt x="6" y="19"/>
                  </a:lnTo>
                  <a:lnTo>
                    <a:pt x="1" y="20"/>
                  </a:lnTo>
                  <a:lnTo>
                    <a:pt x="0" y="20"/>
                  </a:lnTo>
                  <a:lnTo>
                    <a:pt x="20" y="159"/>
                  </a:lnTo>
                  <a:lnTo>
                    <a:pt x="18" y="377"/>
                  </a:lnTo>
                  <a:lnTo>
                    <a:pt x="17" y="374"/>
                  </a:lnTo>
                  <a:lnTo>
                    <a:pt x="28" y="389"/>
                  </a:lnTo>
                  <a:lnTo>
                    <a:pt x="54" y="386"/>
                  </a:lnTo>
                  <a:lnTo>
                    <a:pt x="64" y="388"/>
                  </a:lnTo>
                  <a:lnTo>
                    <a:pt x="64" y="452"/>
                  </a:lnTo>
                  <a:lnTo>
                    <a:pt x="362" y="443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69" name="Freeform 60"/>
            <p:cNvSpPr>
              <a:spLocks/>
            </p:cNvSpPr>
            <p:nvPr/>
          </p:nvSpPr>
          <p:spPr bwMode="auto">
            <a:xfrm>
              <a:off x="2931" y="3072"/>
              <a:ext cx="540" cy="475"/>
            </a:xfrm>
            <a:custGeom>
              <a:avLst/>
              <a:gdLst>
                <a:gd name="T0" fmla="*/ 27 w 555"/>
                <a:gd name="T1" fmla="*/ 234 h 489"/>
                <a:gd name="T2" fmla="*/ 27 w 555"/>
                <a:gd name="T3" fmla="*/ 209 h 489"/>
                <a:gd name="T4" fmla="*/ 43 w 555"/>
                <a:gd name="T5" fmla="*/ 176 h 489"/>
                <a:gd name="T6" fmla="*/ 35 w 555"/>
                <a:gd name="T7" fmla="*/ 153 h 489"/>
                <a:gd name="T8" fmla="*/ 203 w 555"/>
                <a:gd name="T9" fmla="*/ 0 h 489"/>
                <a:gd name="T10" fmla="*/ 204 w 555"/>
                <a:gd name="T11" fmla="*/ 12 h 489"/>
                <a:gd name="T12" fmla="*/ 206 w 555"/>
                <a:gd name="T13" fmla="*/ 30 h 489"/>
                <a:gd name="T14" fmla="*/ 211 w 555"/>
                <a:gd name="T15" fmla="*/ 45 h 489"/>
                <a:gd name="T16" fmla="*/ 217 w 555"/>
                <a:gd name="T17" fmla="*/ 51 h 489"/>
                <a:gd name="T18" fmla="*/ 221 w 555"/>
                <a:gd name="T19" fmla="*/ 63 h 489"/>
                <a:gd name="T20" fmla="*/ 206 w 555"/>
                <a:gd name="T21" fmla="*/ 70 h 489"/>
                <a:gd name="T22" fmla="*/ 209 w 555"/>
                <a:gd name="T23" fmla="*/ 84 h 489"/>
                <a:gd name="T24" fmla="*/ 193 w 555"/>
                <a:gd name="T25" fmla="*/ 118 h 489"/>
                <a:gd name="T26" fmla="*/ 188 w 555"/>
                <a:gd name="T27" fmla="*/ 130 h 489"/>
                <a:gd name="T28" fmla="*/ 186 w 555"/>
                <a:gd name="T29" fmla="*/ 141 h 489"/>
                <a:gd name="T30" fmla="*/ 177 w 555"/>
                <a:gd name="T31" fmla="*/ 153 h 489"/>
                <a:gd name="T32" fmla="*/ 180 w 555"/>
                <a:gd name="T33" fmla="*/ 162 h 489"/>
                <a:gd name="T34" fmla="*/ 313 w 555"/>
                <a:gd name="T35" fmla="*/ 179 h 489"/>
                <a:gd name="T36" fmla="*/ 318 w 555"/>
                <a:gd name="T37" fmla="*/ 202 h 489"/>
                <a:gd name="T38" fmla="*/ 326 w 555"/>
                <a:gd name="T39" fmla="*/ 227 h 489"/>
                <a:gd name="T40" fmla="*/ 304 w 555"/>
                <a:gd name="T41" fmla="*/ 222 h 489"/>
                <a:gd name="T42" fmla="*/ 282 w 555"/>
                <a:gd name="T43" fmla="*/ 220 h 489"/>
                <a:gd name="T44" fmla="*/ 273 w 555"/>
                <a:gd name="T45" fmla="*/ 230 h 489"/>
                <a:gd name="T46" fmla="*/ 289 w 555"/>
                <a:gd name="T47" fmla="*/ 242 h 489"/>
                <a:gd name="T48" fmla="*/ 312 w 555"/>
                <a:gd name="T49" fmla="*/ 234 h 489"/>
                <a:gd name="T50" fmla="*/ 322 w 555"/>
                <a:gd name="T51" fmla="*/ 242 h 489"/>
                <a:gd name="T52" fmla="*/ 322 w 555"/>
                <a:gd name="T53" fmla="*/ 249 h 489"/>
                <a:gd name="T54" fmla="*/ 333 w 555"/>
                <a:gd name="T55" fmla="*/ 247 h 489"/>
                <a:gd name="T56" fmla="*/ 341 w 555"/>
                <a:gd name="T57" fmla="*/ 238 h 489"/>
                <a:gd name="T58" fmla="*/ 342 w 555"/>
                <a:gd name="T59" fmla="*/ 242 h 489"/>
                <a:gd name="T60" fmla="*/ 344 w 555"/>
                <a:gd name="T61" fmla="*/ 263 h 489"/>
                <a:gd name="T62" fmla="*/ 332 w 555"/>
                <a:gd name="T63" fmla="*/ 284 h 489"/>
                <a:gd name="T64" fmla="*/ 370 w 555"/>
                <a:gd name="T65" fmla="*/ 304 h 489"/>
                <a:gd name="T66" fmla="*/ 360 w 555"/>
                <a:gd name="T67" fmla="*/ 320 h 489"/>
                <a:gd name="T68" fmla="*/ 352 w 555"/>
                <a:gd name="T69" fmla="*/ 314 h 489"/>
                <a:gd name="T70" fmla="*/ 342 w 555"/>
                <a:gd name="T71" fmla="*/ 304 h 489"/>
                <a:gd name="T72" fmla="*/ 321 w 555"/>
                <a:gd name="T73" fmla="*/ 300 h 489"/>
                <a:gd name="T74" fmla="*/ 315 w 555"/>
                <a:gd name="T75" fmla="*/ 288 h 489"/>
                <a:gd name="T76" fmla="*/ 291 w 555"/>
                <a:gd name="T77" fmla="*/ 283 h 489"/>
                <a:gd name="T78" fmla="*/ 301 w 555"/>
                <a:gd name="T79" fmla="*/ 300 h 489"/>
                <a:gd name="T80" fmla="*/ 301 w 555"/>
                <a:gd name="T81" fmla="*/ 310 h 489"/>
                <a:gd name="T82" fmla="*/ 290 w 555"/>
                <a:gd name="T83" fmla="*/ 322 h 489"/>
                <a:gd name="T84" fmla="*/ 265 w 555"/>
                <a:gd name="T85" fmla="*/ 313 h 489"/>
                <a:gd name="T86" fmla="*/ 239 w 555"/>
                <a:gd name="T87" fmla="*/ 318 h 489"/>
                <a:gd name="T88" fmla="*/ 223 w 555"/>
                <a:gd name="T89" fmla="*/ 314 h 489"/>
                <a:gd name="T90" fmla="*/ 193 w 555"/>
                <a:gd name="T91" fmla="*/ 291 h 489"/>
                <a:gd name="T92" fmla="*/ 185 w 555"/>
                <a:gd name="T93" fmla="*/ 278 h 489"/>
                <a:gd name="T94" fmla="*/ 173 w 555"/>
                <a:gd name="T95" fmla="*/ 275 h 489"/>
                <a:gd name="T96" fmla="*/ 167 w 555"/>
                <a:gd name="T97" fmla="*/ 268 h 489"/>
                <a:gd name="T98" fmla="*/ 139 w 555"/>
                <a:gd name="T99" fmla="*/ 292 h 489"/>
                <a:gd name="T100" fmla="*/ 114 w 555"/>
                <a:gd name="T101" fmla="*/ 290 h 489"/>
                <a:gd name="T102" fmla="*/ 77 w 555"/>
                <a:gd name="T103" fmla="*/ 278 h 489"/>
                <a:gd name="T104" fmla="*/ 60 w 555"/>
                <a:gd name="T105" fmla="*/ 276 h 489"/>
                <a:gd name="T106" fmla="*/ 57 w 555"/>
                <a:gd name="T107" fmla="*/ 272 h 489"/>
                <a:gd name="T108" fmla="*/ 28 w 555"/>
                <a:gd name="T109" fmla="*/ 280 h 489"/>
                <a:gd name="T110" fmla="*/ 18 w 555"/>
                <a:gd name="T111" fmla="*/ 275 h 489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w 555"/>
                <a:gd name="T169" fmla="*/ 0 h 489"/>
                <a:gd name="T170" fmla="*/ 555 w 555"/>
                <a:gd name="T171" fmla="*/ 489 h 489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T168" t="T169" r="T170" b="T171"/>
              <a:pathLst>
                <a:path w="555" h="489">
                  <a:moveTo>
                    <a:pt x="41" y="390"/>
                  </a:moveTo>
                  <a:lnTo>
                    <a:pt x="47" y="381"/>
                  </a:lnTo>
                  <a:lnTo>
                    <a:pt x="51" y="373"/>
                  </a:lnTo>
                  <a:lnTo>
                    <a:pt x="51" y="366"/>
                  </a:lnTo>
                  <a:lnTo>
                    <a:pt x="49" y="361"/>
                  </a:lnTo>
                  <a:lnTo>
                    <a:pt x="46" y="356"/>
                  </a:lnTo>
                  <a:lnTo>
                    <a:pt x="44" y="352"/>
                  </a:lnTo>
                  <a:lnTo>
                    <a:pt x="41" y="351"/>
                  </a:lnTo>
                  <a:lnTo>
                    <a:pt x="44" y="329"/>
                  </a:lnTo>
                  <a:lnTo>
                    <a:pt x="42" y="327"/>
                  </a:lnTo>
                  <a:lnTo>
                    <a:pt x="41" y="325"/>
                  </a:lnTo>
                  <a:lnTo>
                    <a:pt x="39" y="322"/>
                  </a:lnTo>
                  <a:lnTo>
                    <a:pt x="39" y="319"/>
                  </a:lnTo>
                  <a:lnTo>
                    <a:pt x="41" y="313"/>
                  </a:lnTo>
                  <a:lnTo>
                    <a:pt x="44" y="307"/>
                  </a:lnTo>
                  <a:lnTo>
                    <a:pt x="51" y="298"/>
                  </a:lnTo>
                  <a:lnTo>
                    <a:pt x="54" y="293"/>
                  </a:lnTo>
                  <a:lnTo>
                    <a:pt x="56" y="288"/>
                  </a:lnTo>
                  <a:lnTo>
                    <a:pt x="58" y="281"/>
                  </a:lnTo>
                  <a:lnTo>
                    <a:pt x="59" y="276"/>
                  </a:lnTo>
                  <a:lnTo>
                    <a:pt x="59" y="271"/>
                  </a:lnTo>
                  <a:lnTo>
                    <a:pt x="59" y="264"/>
                  </a:lnTo>
                  <a:lnTo>
                    <a:pt x="59" y="259"/>
                  </a:lnTo>
                  <a:lnTo>
                    <a:pt x="58" y="254"/>
                  </a:lnTo>
                  <a:lnTo>
                    <a:pt x="56" y="249"/>
                  </a:lnTo>
                  <a:lnTo>
                    <a:pt x="54" y="244"/>
                  </a:lnTo>
                  <a:lnTo>
                    <a:pt x="54" y="241"/>
                  </a:lnTo>
                  <a:lnTo>
                    <a:pt x="52" y="236"/>
                  </a:lnTo>
                  <a:lnTo>
                    <a:pt x="51" y="232"/>
                  </a:lnTo>
                  <a:lnTo>
                    <a:pt x="49" y="231"/>
                  </a:lnTo>
                  <a:lnTo>
                    <a:pt x="49" y="229"/>
                  </a:lnTo>
                  <a:lnTo>
                    <a:pt x="42" y="209"/>
                  </a:lnTo>
                  <a:lnTo>
                    <a:pt x="29" y="195"/>
                  </a:lnTo>
                  <a:lnTo>
                    <a:pt x="29" y="165"/>
                  </a:lnTo>
                  <a:lnTo>
                    <a:pt x="5" y="134"/>
                  </a:lnTo>
                  <a:lnTo>
                    <a:pt x="0" y="9"/>
                  </a:lnTo>
                  <a:lnTo>
                    <a:pt x="298" y="0"/>
                  </a:lnTo>
                  <a:lnTo>
                    <a:pt x="296" y="0"/>
                  </a:lnTo>
                  <a:lnTo>
                    <a:pt x="296" y="2"/>
                  </a:lnTo>
                  <a:lnTo>
                    <a:pt x="296" y="4"/>
                  </a:lnTo>
                  <a:lnTo>
                    <a:pt x="296" y="5"/>
                  </a:lnTo>
                  <a:lnTo>
                    <a:pt x="296" y="9"/>
                  </a:lnTo>
                  <a:lnTo>
                    <a:pt x="296" y="11"/>
                  </a:lnTo>
                  <a:lnTo>
                    <a:pt x="298" y="12"/>
                  </a:lnTo>
                  <a:lnTo>
                    <a:pt x="300" y="12"/>
                  </a:lnTo>
                  <a:lnTo>
                    <a:pt x="301" y="11"/>
                  </a:lnTo>
                  <a:lnTo>
                    <a:pt x="303" y="11"/>
                  </a:lnTo>
                  <a:lnTo>
                    <a:pt x="305" y="14"/>
                  </a:lnTo>
                  <a:lnTo>
                    <a:pt x="305" y="16"/>
                  </a:lnTo>
                  <a:lnTo>
                    <a:pt x="306" y="17"/>
                  </a:lnTo>
                  <a:lnTo>
                    <a:pt x="305" y="29"/>
                  </a:lnTo>
                  <a:lnTo>
                    <a:pt x="311" y="34"/>
                  </a:lnTo>
                  <a:lnTo>
                    <a:pt x="303" y="44"/>
                  </a:lnTo>
                  <a:lnTo>
                    <a:pt x="305" y="49"/>
                  </a:lnTo>
                  <a:lnTo>
                    <a:pt x="316" y="48"/>
                  </a:lnTo>
                  <a:lnTo>
                    <a:pt x="316" y="60"/>
                  </a:lnTo>
                  <a:lnTo>
                    <a:pt x="315" y="60"/>
                  </a:lnTo>
                  <a:lnTo>
                    <a:pt x="315" y="61"/>
                  </a:lnTo>
                  <a:lnTo>
                    <a:pt x="313" y="63"/>
                  </a:lnTo>
                  <a:lnTo>
                    <a:pt x="311" y="65"/>
                  </a:lnTo>
                  <a:lnTo>
                    <a:pt x="310" y="66"/>
                  </a:lnTo>
                  <a:lnTo>
                    <a:pt x="311" y="68"/>
                  </a:lnTo>
                  <a:lnTo>
                    <a:pt x="313" y="70"/>
                  </a:lnTo>
                  <a:lnTo>
                    <a:pt x="320" y="70"/>
                  </a:lnTo>
                  <a:lnTo>
                    <a:pt x="320" y="71"/>
                  </a:lnTo>
                  <a:lnTo>
                    <a:pt x="320" y="73"/>
                  </a:lnTo>
                  <a:lnTo>
                    <a:pt x="318" y="75"/>
                  </a:lnTo>
                  <a:lnTo>
                    <a:pt x="318" y="78"/>
                  </a:lnTo>
                  <a:lnTo>
                    <a:pt x="320" y="80"/>
                  </a:lnTo>
                  <a:lnTo>
                    <a:pt x="323" y="82"/>
                  </a:lnTo>
                  <a:lnTo>
                    <a:pt x="328" y="82"/>
                  </a:lnTo>
                  <a:lnTo>
                    <a:pt x="327" y="85"/>
                  </a:lnTo>
                  <a:lnTo>
                    <a:pt x="325" y="87"/>
                  </a:lnTo>
                  <a:lnTo>
                    <a:pt x="325" y="90"/>
                  </a:lnTo>
                  <a:lnTo>
                    <a:pt x="323" y="93"/>
                  </a:lnTo>
                  <a:lnTo>
                    <a:pt x="322" y="97"/>
                  </a:lnTo>
                  <a:lnTo>
                    <a:pt x="320" y="99"/>
                  </a:lnTo>
                  <a:lnTo>
                    <a:pt x="320" y="100"/>
                  </a:lnTo>
                  <a:lnTo>
                    <a:pt x="318" y="100"/>
                  </a:lnTo>
                  <a:lnTo>
                    <a:pt x="315" y="100"/>
                  </a:lnTo>
                  <a:lnTo>
                    <a:pt x="310" y="102"/>
                  </a:lnTo>
                  <a:lnTo>
                    <a:pt x="306" y="102"/>
                  </a:lnTo>
                  <a:lnTo>
                    <a:pt x="303" y="104"/>
                  </a:lnTo>
                  <a:lnTo>
                    <a:pt x="303" y="105"/>
                  </a:lnTo>
                  <a:lnTo>
                    <a:pt x="306" y="107"/>
                  </a:lnTo>
                  <a:lnTo>
                    <a:pt x="313" y="110"/>
                  </a:lnTo>
                  <a:lnTo>
                    <a:pt x="313" y="112"/>
                  </a:lnTo>
                  <a:lnTo>
                    <a:pt x="313" y="114"/>
                  </a:lnTo>
                  <a:lnTo>
                    <a:pt x="311" y="119"/>
                  </a:lnTo>
                  <a:lnTo>
                    <a:pt x="308" y="122"/>
                  </a:lnTo>
                  <a:lnTo>
                    <a:pt x="306" y="126"/>
                  </a:lnTo>
                  <a:lnTo>
                    <a:pt x="303" y="129"/>
                  </a:lnTo>
                  <a:lnTo>
                    <a:pt x="303" y="132"/>
                  </a:lnTo>
                  <a:lnTo>
                    <a:pt x="301" y="134"/>
                  </a:lnTo>
                  <a:lnTo>
                    <a:pt x="300" y="146"/>
                  </a:lnTo>
                  <a:lnTo>
                    <a:pt x="291" y="146"/>
                  </a:lnTo>
                  <a:lnTo>
                    <a:pt x="284" y="173"/>
                  </a:lnTo>
                  <a:lnTo>
                    <a:pt x="276" y="178"/>
                  </a:lnTo>
                  <a:lnTo>
                    <a:pt x="284" y="178"/>
                  </a:lnTo>
                  <a:lnTo>
                    <a:pt x="284" y="180"/>
                  </a:lnTo>
                  <a:lnTo>
                    <a:pt x="283" y="180"/>
                  </a:lnTo>
                  <a:lnTo>
                    <a:pt x="279" y="183"/>
                  </a:lnTo>
                  <a:lnTo>
                    <a:pt x="278" y="185"/>
                  </a:lnTo>
                  <a:lnTo>
                    <a:pt x="274" y="188"/>
                  </a:lnTo>
                  <a:lnTo>
                    <a:pt x="274" y="190"/>
                  </a:lnTo>
                  <a:lnTo>
                    <a:pt x="274" y="193"/>
                  </a:lnTo>
                  <a:lnTo>
                    <a:pt x="276" y="195"/>
                  </a:lnTo>
                  <a:lnTo>
                    <a:pt x="276" y="197"/>
                  </a:lnTo>
                  <a:lnTo>
                    <a:pt x="274" y="198"/>
                  </a:lnTo>
                  <a:lnTo>
                    <a:pt x="272" y="200"/>
                  </a:lnTo>
                  <a:lnTo>
                    <a:pt x="269" y="203"/>
                  </a:lnTo>
                  <a:lnTo>
                    <a:pt x="269" y="207"/>
                  </a:lnTo>
                  <a:lnTo>
                    <a:pt x="267" y="209"/>
                  </a:lnTo>
                  <a:lnTo>
                    <a:pt x="269" y="210"/>
                  </a:lnTo>
                  <a:lnTo>
                    <a:pt x="272" y="210"/>
                  </a:lnTo>
                  <a:lnTo>
                    <a:pt x="274" y="212"/>
                  </a:lnTo>
                  <a:lnTo>
                    <a:pt x="274" y="215"/>
                  </a:lnTo>
                  <a:lnTo>
                    <a:pt x="272" y="217"/>
                  </a:lnTo>
                  <a:lnTo>
                    <a:pt x="267" y="222"/>
                  </a:lnTo>
                  <a:lnTo>
                    <a:pt x="264" y="224"/>
                  </a:lnTo>
                  <a:lnTo>
                    <a:pt x="261" y="225"/>
                  </a:lnTo>
                  <a:lnTo>
                    <a:pt x="259" y="227"/>
                  </a:lnTo>
                  <a:lnTo>
                    <a:pt x="259" y="231"/>
                  </a:lnTo>
                  <a:lnTo>
                    <a:pt x="259" y="232"/>
                  </a:lnTo>
                  <a:lnTo>
                    <a:pt x="261" y="234"/>
                  </a:lnTo>
                  <a:lnTo>
                    <a:pt x="262" y="236"/>
                  </a:lnTo>
                  <a:lnTo>
                    <a:pt x="264" y="236"/>
                  </a:lnTo>
                  <a:lnTo>
                    <a:pt x="266" y="237"/>
                  </a:lnTo>
                  <a:lnTo>
                    <a:pt x="264" y="239"/>
                  </a:lnTo>
                  <a:lnTo>
                    <a:pt x="264" y="242"/>
                  </a:lnTo>
                  <a:lnTo>
                    <a:pt x="264" y="244"/>
                  </a:lnTo>
                  <a:lnTo>
                    <a:pt x="262" y="247"/>
                  </a:lnTo>
                  <a:lnTo>
                    <a:pt x="262" y="251"/>
                  </a:lnTo>
                  <a:lnTo>
                    <a:pt x="262" y="253"/>
                  </a:lnTo>
                  <a:lnTo>
                    <a:pt x="262" y="254"/>
                  </a:lnTo>
                  <a:lnTo>
                    <a:pt x="462" y="241"/>
                  </a:lnTo>
                  <a:lnTo>
                    <a:pt x="462" y="264"/>
                  </a:lnTo>
                  <a:lnTo>
                    <a:pt x="460" y="264"/>
                  </a:lnTo>
                  <a:lnTo>
                    <a:pt x="459" y="268"/>
                  </a:lnTo>
                  <a:lnTo>
                    <a:pt x="457" y="273"/>
                  </a:lnTo>
                  <a:lnTo>
                    <a:pt x="455" y="276"/>
                  </a:lnTo>
                  <a:lnTo>
                    <a:pt x="454" y="283"/>
                  </a:lnTo>
                  <a:lnTo>
                    <a:pt x="454" y="288"/>
                  </a:lnTo>
                  <a:lnTo>
                    <a:pt x="457" y="293"/>
                  </a:lnTo>
                  <a:lnTo>
                    <a:pt x="462" y="297"/>
                  </a:lnTo>
                  <a:lnTo>
                    <a:pt x="464" y="298"/>
                  </a:lnTo>
                  <a:lnTo>
                    <a:pt x="467" y="302"/>
                  </a:lnTo>
                  <a:lnTo>
                    <a:pt x="470" y="307"/>
                  </a:lnTo>
                  <a:lnTo>
                    <a:pt x="476" y="313"/>
                  </a:lnTo>
                  <a:lnTo>
                    <a:pt x="479" y="320"/>
                  </a:lnTo>
                  <a:lnTo>
                    <a:pt x="482" y="327"/>
                  </a:lnTo>
                  <a:lnTo>
                    <a:pt x="482" y="335"/>
                  </a:lnTo>
                  <a:lnTo>
                    <a:pt x="481" y="342"/>
                  </a:lnTo>
                  <a:lnTo>
                    <a:pt x="479" y="342"/>
                  </a:lnTo>
                  <a:lnTo>
                    <a:pt x="477" y="342"/>
                  </a:lnTo>
                  <a:lnTo>
                    <a:pt x="474" y="342"/>
                  </a:lnTo>
                  <a:lnTo>
                    <a:pt x="472" y="342"/>
                  </a:lnTo>
                  <a:lnTo>
                    <a:pt x="470" y="342"/>
                  </a:lnTo>
                  <a:lnTo>
                    <a:pt x="469" y="342"/>
                  </a:lnTo>
                  <a:lnTo>
                    <a:pt x="467" y="342"/>
                  </a:lnTo>
                  <a:lnTo>
                    <a:pt x="450" y="334"/>
                  </a:lnTo>
                  <a:lnTo>
                    <a:pt x="445" y="335"/>
                  </a:lnTo>
                  <a:lnTo>
                    <a:pt x="443" y="334"/>
                  </a:lnTo>
                  <a:lnTo>
                    <a:pt x="442" y="332"/>
                  </a:lnTo>
                  <a:lnTo>
                    <a:pt x="440" y="329"/>
                  </a:lnTo>
                  <a:lnTo>
                    <a:pt x="437" y="325"/>
                  </a:lnTo>
                  <a:lnTo>
                    <a:pt x="432" y="322"/>
                  </a:lnTo>
                  <a:lnTo>
                    <a:pt x="426" y="322"/>
                  </a:lnTo>
                  <a:lnTo>
                    <a:pt x="421" y="324"/>
                  </a:lnTo>
                  <a:lnTo>
                    <a:pt x="415" y="329"/>
                  </a:lnTo>
                  <a:lnTo>
                    <a:pt x="413" y="330"/>
                  </a:lnTo>
                  <a:lnTo>
                    <a:pt x="411" y="332"/>
                  </a:lnTo>
                  <a:lnTo>
                    <a:pt x="410" y="335"/>
                  </a:lnTo>
                  <a:lnTo>
                    <a:pt x="408" y="339"/>
                  </a:lnTo>
                  <a:lnTo>
                    <a:pt x="404" y="341"/>
                  </a:lnTo>
                  <a:lnTo>
                    <a:pt x="403" y="344"/>
                  </a:lnTo>
                  <a:lnTo>
                    <a:pt x="403" y="346"/>
                  </a:lnTo>
                  <a:lnTo>
                    <a:pt x="401" y="346"/>
                  </a:lnTo>
                  <a:lnTo>
                    <a:pt x="401" y="347"/>
                  </a:lnTo>
                  <a:lnTo>
                    <a:pt x="399" y="349"/>
                  </a:lnTo>
                  <a:lnTo>
                    <a:pt x="398" y="352"/>
                  </a:lnTo>
                  <a:lnTo>
                    <a:pt x="398" y="356"/>
                  </a:lnTo>
                  <a:lnTo>
                    <a:pt x="399" y="359"/>
                  </a:lnTo>
                  <a:lnTo>
                    <a:pt x="403" y="361"/>
                  </a:lnTo>
                  <a:lnTo>
                    <a:pt x="411" y="364"/>
                  </a:lnTo>
                  <a:lnTo>
                    <a:pt x="423" y="364"/>
                  </a:lnTo>
                  <a:lnTo>
                    <a:pt x="426" y="366"/>
                  </a:lnTo>
                  <a:lnTo>
                    <a:pt x="428" y="366"/>
                  </a:lnTo>
                  <a:lnTo>
                    <a:pt x="433" y="366"/>
                  </a:lnTo>
                  <a:lnTo>
                    <a:pt x="437" y="364"/>
                  </a:lnTo>
                  <a:lnTo>
                    <a:pt x="443" y="363"/>
                  </a:lnTo>
                  <a:lnTo>
                    <a:pt x="450" y="359"/>
                  </a:lnTo>
                  <a:lnTo>
                    <a:pt x="457" y="352"/>
                  </a:lnTo>
                  <a:lnTo>
                    <a:pt x="459" y="352"/>
                  </a:lnTo>
                  <a:lnTo>
                    <a:pt x="462" y="352"/>
                  </a:lnTo>
                  <a:lnTo>
                    <a:pt x="464" y="356"/>
                  </a:lnTo>
                  <a:lnTo>
                    <a:pt x="465" y="356"/>
                  </a:lnTo>
                  <a:lnTo>
                    <a:pt x="474" y="347"/>
                  </a:lnTo>
                  <a:lnTo>
                    <a:pt x="481" y="352"/>
                  </a:lnTo>
                  <a:lnTo>
                    <a:pt x="474" y="363"/>
                  </a:lnTo>
                  <a:lnTo>
                    <a:pt x="472" y="363"/>
                  </a:lnTo>
                  <a:lnTo>
                    <a:pt x="469" y="364"/>
                  </a:lnTo>
                  <a:lnTo>
                    <a:pt x="465" y="366"/>
                  </a:lnTo>
                  <a:lnTo>
                    <a:pt x="462" y="368"/>
                  </a:lnTo>
                  <a:lnTo>
                    <a:pt x="460" y="369"/>
                  </a:lnTo>
                  <a:lnTo>
                    <a:pt x="459" y="373"/>
                  </a:lnTo>
                  <a:lnTo>
                    <a:pt x="462" y="373"/>
                  </a:lnTo>
                  <a:lnTo>
                    <a:pt x="470" y="374"/>
                  </a:lnTo>
                  <a:lnTo>
                    <a:pt x="472" y="374"/>
                  </a:lnTo>
                  <a:lnTo>
                    <a:pt x="474" y="376"/>
                  </a:lnTo>
                  <a:lnTo>
                    <a:pt x="479" y="378"/>
                  </a:lnTo>
                  <a:lnTo>
                    <a:pt x="484" y="379"/>
                  </a:lnTo>
                  <a:lnTo>
                    <a:pt x="487" y="381"/>
                  </a:lnTo>
                  <a:lnTo>
                    <a:pt x="491" y="379"/>
                  </a:lnTo>
                  <a:lnTo>
                    <a:pt x="491" y="378"/>
                  </a:lnTo>
                  <a:lnTo>
                    <a:pt x="489" y="373"/>
                  </a:lnTo>
                  <a:lnTo>
                    <a:pt x="489" y="371"/>
                  </a:lnTo>
                  <a:lnTo>
                    <a:pt x="491" y="369"/>
                  </a:lnTo>
                  <a:lnTo>
                    <a:pt x="492" y="368"/>
                  </a:lnTo>
                  <a:lnTo>
                    <a:pt x="494" y="364"/>
                  </a:lnTo>
                  <a:lnTo>
                    <a:pt x="496" y="363"/>
                  </a:lnTo>
                  <a:lnTo>
                    <a:pt x="496" y="361"/>
                  </a:lnTo>
                  <a:lnTo>
                    <a:pt x="498" y="359"/>
                  </a:lnTo>
                  <a:lnTo>
                    <a:pt x="499" y="357"/>
                  </a:lnTo>
                  <a:lnTo>
                    <a:pt x="503" y="357"/>
                  </a:lnTo>
                  <a:lnTo>
                    <a:pt x="504" y="357"/>
                  </a:lnTo>
                  <a:lnTo>
                    <a:pt x="506" y="357"/>
                  </a:lnTo>
                  <a:lnTo>
                    <a:pt x="504" y="359"/>
                  </a:lnTo>
                  <a:lnTo>
                    <a:pt x="503" y="361"/>
                  </a:lnTo>
                  <a:lnTo>
                    <a:pt x="503" y="364"/>
                  </a:lnTo>
                  <a:lnTo>
                    <a:pt x="504" y="366"/>
                  </a:lnTo>
                  <a:lnTo>
                    <a:pt x="506" y="369"/>
                  </a:lnTo>
                  <a:lnTo>
                    <a:pt x="508" y="369"/>
                  </a:lnTo>
                  <a:lnTo>
                    <a:pt x="506" y="383"/>
                  </a:lnTo>
                  <a:lnTo>
                    <a:pt x="509" y="388"/>
                  </a:lnTo>
                  <a:lnTo>
                    <a:pt x="523" y="388"/>
                  </a:lnTo>
                  <a:lnTo>
                    <a:pt x="521" y="395"/>
                  </a:lnTo>
                  <a:lnTo>
                    <a:pt x="506" y="395"/>
                  </a:lnTo>
                  <a:lnTo>
                    <a:pt x="499" y="400"/>
                  </a:lnTo>
                  <a:lnTo>
                    <a:pt x="486" y="400"/>
                  </a:lnTo>
                  <a:lnTo>
                    <a:pt x="486" y="417"/>
                  </a:lnTo>
                  <a:lnTo>
                    <a:pt x="486" y="418"/>
                  </a:lnTo>
                  <a:lnTo>
                    <a:pt x="486" y="422"/>
                  </a:lnTo>
                  <a:lnTo>
                    <a:pt x="486" y="423"/>
                  </a:lnTo>
                  <a:lnTo>
                    <a:pt x="486" y="427"/>
                  </a:lnTo>
                  <a:lnTo>
                    <a:pt x="487" y="429"/>
                  </a:lnTo>
                  <a:lnTo>
                    <a:pt x="489" y="430"/>
                  </a:lnTo>
                  <a:lnTo>
                    <a:pt x="494" y="432"/>
                  </a:lnTo>
                  <a:lnTo>
                    <a:pt x="499" y="437"/>
                  </a:lnTo>
                  <a:lnTo>
                    <a:pt x="504" y="442"/>
                  </a:lnTo>
                  <a:lnTo>
                    <a:pt x="516" y="442"/>
                  </a:lnTo>
                  <a:lnTo>
                    <a:pt x="523" y="449"/>
                  </a:lnTo>
                  <a:lnTo>
                    <a:pt x="543" y="456"/>
                  </a:lnTo>
                  <a:lnTo>
                    <a:pt x="542" y="462"/>
                  </a:lnTo>
                  <a:lnTo>
                    <a:pt x="555" y="462"/>
                  </a:lnTo>
                  <a:lnTo>
                    <a:pt x="553" y="474"/>
                  </a:lnTo>
                  <a:lnTo>
                    <a:pt x="542" y="479"/>
                  </a:lnTo>
                  <a:lnTo>
                    <a:pt x="540" y="486"/>
                  </a:lnTo>
                  <a:lnTo>
                    <a:pt x="531" y="478"/>
                  </a:lnTo>
                  <a:lnTo>
                    <a:pt x="530" y="478"/>
                  </a:lnTo>
                  <a:lnTo>
                    <a:pt x="528" y="481"/>
                  </a:lnTo>
                  <a:lnTo>
                    <a:pt x="525" y="484"/>
                  </a:lnTo>
                  <a:lnTo>
                    <a:pt x="521" y="488"/>
                  </a:lnTo>
                  <a:lnTo>
                    <a:pt x="520" y="489"/>
                  </a:lnTo>
                  <a:lnTo>
                    <a:pt x="518" y="489"/>
                  </a:lnTo>
                  <a:lnTo>
                    <a:pt x="518" y="486"/>
                  </a:lnTo>
                  <a:lnTo>
                    <a:pt x="521" y="478"/>
                  </a:lnTo>
                  <a:lnTo>
                    <a:pt x="521" y="474"/>
                  </a:lnTo>
                  <a:lnTo>
                    <a:pt x="518" y="471"/>
                  </a:lnTo>
                  <a:lnTo>
                    <a:pt x="514" y="469"/>
                  </a:lnTo>
                  <a:lnTo>
                    <a:pt x="513" y="467"/>
                  </a:lnTo>
                  <a:lnTo>
                    <a:pt x="513" y="466"/>
                  </a:lnTo>
                  <a:lnTo>
                    <a:pt x="513" y="464"/>
                  </a:lnTo>
                  <a:lnTo>
                    <a:pt x="511" y="462"/>
                  </a:lnTo>
                  <a:lnTo>
                    <a:pt x="508" y="461"/>
                  </a:lnTo>
                  <a:lnTo>
                    <a:pt x="503" y="457"/>
                  </a:lnTo>
                  <a:lnTo>
                    <a:pt x="494" y="456"/>
                  </a:lnTo>
                  <a:lnTo>
                    <a:pt x="484" y="454"/>
                  </a:lnTo>
                  <a:lnTo>
                    <a:pt x="481" y="454"/>
                  </a:lnTo>
                  <a:lnTo>
                    <a:pt x="477" y="454"/>
                  </a:lnTo>
                  <a:lnTo>
                    <a:pt x="476" y="452"/>
                  </a:lnTo>
                  <a:lnTo>
                    <a:pt x="472" y="452"/>
                  </a:lnTo>
                  <a:lnTo>
                    <a:pt x="470" y="452"/>
                  </a:lnTo>
                  <a:lnTo>
                    <a:pt x="469" y="451"/>
                  </a:lnTo>
                  <a:lnTo>
                    <a:pt x="469" y="447"/>
                  </a:lnTo>
                  <a:lnTo>
                    <a:pt x="467" y="442"/>
                  </a:lnTo>
                  <a:lnTo>
                    <a:pt x="465" y="439"/>
                  </a:lnTo>
                  <a:lnTo>
                    <a:pt x="464" y="435"/>
                  </a:lnTo>
                  <a:lnTo>
                    <a:pt x="462" y="432"/>
                  </a:lnTo>
                  <a:lnTo>
                    <a:pt x="459" y="432"/>
                  </a:lnTo>
                  <a:lnTo>
                    <a:pt x="454" y="435"/>
                  </a:lnTo>
                  <a:lnTo>
                    <a:pt x="452" y="435"/>
                  </a:lnTo>
                  <a:lnTo>
                    <a:pt x="447" y="432"/>
                  </a:lnTo>
                  <a:lnTo>
                    <a:pt x="440" y="429"/>
                  </a:lnTo>
                  <a:lnTo>
                    <a:pt x="435" y="425"/>
                  </a:lnTo>
                  <a:lnTo>
                    <a:pt x="430" y="423"/>
                  </a:lnTo>
                  <a:lnTo>
                    <a:pt x="428" y="425"/>
                  </a:lnTo>
                  <a:lnTo>
                    <a:pt x="433" y="430"/>
                  </a:lnTo>
                  <a:lnTo>
                    <a:pt x="443" y="440"/>
                  </a:lnTo>
                  <a:lnTo>
                    <a:pt x="443" y="444"/>
                  </a:lnTo>
                  <a:lnTo>
                    <a:pt x="443" y="445"/>
                  </a:lnTo>
                  <a:lnTo>
                    <a:pt x="445" y="449"/>
                  </a:lnTo>
                  <a:lnTo>
                    <a:pt x="445" y="451"/>
                  </a:lnTo>
                  <a:lnTo>
                    <a:pt x="443" y="451"/>
                  </a:lnTo>
                  <a:lnTo>
                    <a:pt x="442" y="451"/>
                  </a:lnTo>
                  <a:lnTo>
                    <a:pt x="438" y="449"/>
                  </a:lnTo>
                  <a:lnTo>
                    <a:pt x="435" y="451"/>
                  </a:lnTo>
                  <a:lnTo>
                    <a:pt x="433" y="451"/>
                  </a:lnTo>
                  <a:lnTo>
                    <a:pt x="432" y="452"/>
                  </a:lnTo>
                  <a:lnTo>
                    <a:pt x="433" y="456"/>
                  </a:lnTo>
                  <a:lnTo>
                    <a:pt x="437" y="461"/>
                  </a:lnTo>
                  <a:lnTo>
                    <a:pt x="438" y="462"/>
                  </a:lnTo>
                  <a:lnTo>
                    <a:pt x="442" y="466"/>
                  </a:lnTo>
                  <a:lnTo>
                    <a:pt x="445" y="469"/>
                  </a:lnTo>
                  <a:lnTo>
                    <a:pt x="445" y="471"/>
                  </a:lnTo>
                  <a:lnTo>
                    <a:pt x="432" y="484"/>
                  </a:lnTo>
                  <a:lnTo>
                    <a:pt x="430" y="484"/>
                  </a:lnTo>
                  <a:lnTo>
                    <a:pt x="428" y="484"/>
                  </a:lnTo>
                  <a:lnTo>
                    <a:pt x="425" y="483"/>
                  </a:lnTo>
                  <a:lnTo>
                    <a:pt x="425" y="481"/>
                  </a:lnTo>
                  <a:lnTo>
                    <a:pt x="423" y="478"/>
                  </a:lnTo>
                  <a:lnTo>
                    <a:pt x="423" y="473"/>
                  </a:lnTo>
                  <a:lnTo>
                    <a:pt x="411" y="459"/>
                  </a:lnTo>
                  <a:lnTo>
                    <a:pt x="401" y="454"/>
                  </a:lnTo>
                  <a:lnTo>
                    <a:pt x="393" y="462"/>
                  </a:lnTo>
                  <a:lnTo>
                    <a:pt x="386" y="459"/>
                  </a:lnTo>
                  <a:lnTo>
                    <a:pt x="388" y="469"/>
                  </a:lnTo>
                  <a:lnTo>
                    <a:pt x="369" y="484"/>
                  </a:lnTo>
                  <a:lnTo>
                    <a:pt x="366" y="486"/>
                  </a:lnTo>
                  <a:lnTo>
                    <a:pt x="362" y="486"/>
                  </a:lnTo>
                  <a:lnTo>
                    <a:pt x="359" y="486"/>
                  </a:lnTo>
                  <a:lnTo>
                    <a:pt x="355" y="484"/>
                  </a:lnTo>
                  <a:lnTo>
                    <a:pt x="352" y="481"/>
                  </a:lnTo>
                  <a:lnTo>
                    <a:pt x="352" y="478"/>
                  </a:lnTo>
                  <a:lnTo>
                    <a:pt x="355" y="471"/>
                  </a:lnTo>
                  <a:lnTo>
                    <a:pt x="355" y="469"/>
                  </a:lnTo>
                  <a:lnTo>
                    <a:pt x="359" y="467"/>
                  </a:lnTo>
                  <a:lnTo>
                    <a:pt x="360" y="466"/>
                  </a:lnTo>
                  <a:lnTo>
                    <a:pt x="362" y="466"/>
                  </a:lnTo>
                  <a:lnTo>
                    <a:pt x="345" y="467"/>
                  </a:lnTo>
                  <a:lnTo>
                    <a:pt x="342" y="478"/>
                  </a:lnTo>
                  <a:lnTo>
                    <a:pt x="327" y="471"/>
                  </a:lnTo>
                  <a:lnTo>
                    <a:pt x="330" y="462"/>
                  </a:lnTo>
                  <a:lnTo>
                    <a:pt x="308" y="440"/>
                  </a:lnTo>
                  <a:lnTo>
                    <a:pt x="301" y="440"/>
                  </a:lnTo>
                  <a:lnTo>
                    <a:pt x="289" y="435"/>
                  </a:lnTo>
                  <a:lnTo>
                    <a:pt x="288" y="437"/>
                  </a:lnTo>
                  <a:lnTo>
                    <a:pt x="286" y="437"/>
                  </a:lnTo>
                  <a:lnTo>
                    <a:pt x="284" y="439"/>
                  </a:lnTo>
                  <a:lnTo>
                    <a:pt x="281" y="439"/>
                  </a:lnTo>
                  <a:lnTo>
                    <a:pt x="281" y="437"/>
                  </a:lnTo>
                  <a:lnTo>
                    <a:pt x="279" y="435"/>
                  </a:lnTo>
                  <a:lnTo>
                    <a:pt x="278" y="432"/>
                  </a:lnTo>
                  <a:lnTo>
                    <a:pt x="278" y="423"/>
                  </a:lnTo>
                  <a:lnTo>
                    <a:pt x="271" y="420"/>
                  </a:lnTo>
                  <a:lnTo>
                    <a:pt x="271" y="418"/>
                  </a:lnTo>
                  <a:lnTo>
                    <a:pt x="271" y="417"/>
                  </a:lnTo>
                  <a:lnTo>
                    <a:pt x="269" y="413"/>
                  </a:lnTo>
                  <a:lnTo>
                    <a:pt x="269" y="412"/>
                  </a:lnTo>
                  <a:lnTo>
                    <a:pt x="267" y="408"/>
                  </a:lnTo>
                  <a:lnTo>
                    <a:pt x="264" y="407"/>
                  </a:lnTo>
                  <a:lnTo>
                    <a:pt x="261" y="408"/>
                  </a:lnTo>
                  <a:lnTo>
                    <a:pt x="256" y="412"/>
                  </a:lnTo>
                  <a:lnTo>
                    <a:pt x="254" y="413"/>
                  </a:lnTo>
                  <a:lnTo>
                    <a:pt x="252" y="415"/>
                  </a:lnTo>
                  <a:lnTo>
                    <a:pt x="250" y="417"/>
                  </a:lnTo>
                  <a:lnTo>
                    <a:pt x="247" y="417"/>
                  </a:lnTo>
                  <a:lnTo>
                    <a:pt x="245" y="415"/>
                  </a:lnTo>
                  <a:lnTo>
                    <a:pt x="244" y="412"/>
                  </a:lnTo>
                  <a:lnTo>
                    <a:pt x="244" y="405"/>
                  </a:lnTo>
                  <a:lnTo>
                    <a:pt x="245" y="403"/>
                  </a:lnTo>
                  <a:lnTo>
                    <a:pt x="245" y="401"/>
                  </a:lnTo>
                  <a:lnTo>
                    <a:pt x="245" y="400"/>
                  </a:lnTo>
                  <a:lnTo>
                    <a:pt x="232" y="401"/>
                  </a:lnTo>
                  <a:lnTo>
                    <a:pt x="215" y="412"/>
                  </a:lnTo>
                  <a:lnTo>
                    <a:pt x="210" y="415"/>
                  </a:lnTo>
                  <a:lnTo>
                    <a:pt x="225" y="429"/>
                  </a:lnTo>
                  <a:lnTo>
                    <a:pt x="223" y="435"/>
                  </a:lnTo>
                  <a:lnTo>
                    <a:pt x="203" y="440"/>
                  </a:lnTo>
                  <a:lnTo>
                    <a:pt x="200" y="440"/>
                  </a:lnTo>
                  <a:lnTo>
                    <a:pt x="196" y="440"/>
                  </a:lnTo>
                  <a:lnTo>
                    <a:pt x="193" y="440"/>
                  </a:lnTo>
                  <a:lnTo>
                    <a:pt x="186" y="440"/>
                  </a:lnTo>
                  <a:lnTo>
                    <a:pt x="179" y="439"/>
                  </a:lnTo>
                  <a:lnTo>
                    <a:pt x="173" y="439"/>
                  </a:lnTo>
                  <a:lnTo>
                    <a:pt x="166" y="437"/>
                  </a:lnTo>
                  <a:lnTo>
                    <a:pt x="159" y="435"/>
                  </a:lnTo>
                  <a:lnTo>
                    <a:pt x="151" y="434"/>
                  </a:lnTo>
                  <a:lnTo>
                    <a:pt x="142" y="432"/>
                  </a:lnTo>
                  <a:lnTo>
                    <a:pt x="135" y="430"/>
                  </a:lnTo>
                  <a:lnTo>
                    <a:pt x="129" y="427"/>
                  </a:lnTo>
                  <a:lnTo>
                    <a:pt x="122" y="423"/>
                  </a:lnTo>
                  <a:lnTo>
                    <a:pt x="117" y="420"/>
                  </a:lnTo>
                  <a:lnTo>
                    <a:pt x="112" y="417"/>
                  </a:lnTo>
                  <a:lnTo>
                    <a:pt x="108" y="417"/>
                  </a:lnTo>
                  <a:lnTo>
                    <a:pt x="105" y="417"/>
                  </a:lnTo>
                  <a:lnTo>
                    <a:pt x="100" y="415"/>
                  </a:lnTo>
                  <a:lnTo>
                    <a:pt x="95" y="415"/>
                  </a:lnTo>
                  <a:lnTo>
                    <a:pt x="91" y="415"/>
                  </a:lnTo>
                  <a:lnTo>
                    <a:pt x="90" y="415"/>
                  </a:lnTo>
                  <a:lnTo>
                    <a:pt x="88" y="415"/>
                  </a:lnTo>
                  <a:lnTo>
                    <a:pt x="90" y="407"/>
                  </a:lnTo>
                  <a:lnTo>
                    <a:pt x="98" y="400"/>
                  </a:lnTo>
                  <a:lnTo>
                    <a:pt x="88" y="381"/>
                  </a:lnTo>
                  <a:lnTo>
                    <a:pt x="81" y="391"/>
                  </a:lnTo>
                  <a:lnTo>
                    <a:pt x="85" y="396"/>
                  </a:lnTo>
                  <a:lnTo>
                    <a:pt x="81" y="400"/>
                  </a:lnTo>
                  <a:lnTo>
                    <a:pt x="76" y="405"/>
                  </a:lnTo>
                  <a:lnTo>
                    <a:pt x="85" y="408"/>
                  </a:lnTo>
                  <a:lnTo>
                    <a:pt x="81" y="417"/>
                  </a:lnTo>
                  <a:lnTo>
                    <a:pt x="76" y="417"/>
                  </a:lnTo>
                  <a:lnTo>
                    <a:pt x="71" y="417"/>
                  </a:lnTo>
                  <a:lnTo>
                    <a:pt x="64" y="417"/>
                  </a:lnTo>
                  <a:lnTo>
                    <a:pt x="56" y="417"/>
                  </a:lnTo>
                  <a:lnTo>
                    <a:pt x="49" y="418"/>
                  </a:lnTo>
                  <a:lnTo>
                    <a:pt x="42" y="420"/>
                  </a:lnTo>
                  <a:lnTo>
                    <a:pt x="36" y="423"/>
                  </a:lnTo>
                  <a:lnTo>
                    <a:pt x="34" y="423"/>
                  </a:lnTo>
                  <a:lnTo>
                    <a:pt x="32" y="422"/>
                  </a:lnTo>
                  <a:lnTo>
                    <a:pt x="32" y="420"/>
                  </a:lnTo>
                  <a:lnTo>
                    <a:pt x="30" y="417"/>
                  </a:lnTo>
                  <a:lnTo>
                    <a:pt x="29" y="415"/>
                  </a:lnTo>
                  <a:lnTo>
                    <a:pt x="29" y="413"/>
                  </a:lnTo>
                  <a:lnTo>
                    <a:pt x="27" y="413"/>
                  </a:lnTo>
                  <a:lnTo>
                    <a:pt x="39" y="400"/>
                  </a:lnTo>
                  <a:lnTo>
                    <a:pt x="41" y="390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70" name="Freeform 61"/>
            <p:cNvSpPr>
              <a:spLocks/>
            </p:cNvSpPr>
            <p:nvPr/>
          </p:nvSpPr>
          <p:spPr bwMode="auto">
            <a:xfrm>
              <a:off x="3486" y="1959"/>
              <a:ext cx="289" cy="512"/>
            </a:xfrm>
            <a:custGeom>
              <a:avLst/>
              <a:gdLst>
                <a:gd name="T0" fmla="*/ 0 w 298"/>
                <a:gd name="T1" fmla="*/ 333 h 528"/>
                <a:gd name="T2" fmla="*/ 5 w 298"/>
                <a:gd name="T3" fmla="*/ 327 h 528"/>
                <a:gd name="T4" fmla="*/ 7 w 298"/>
                <a:gd name="T5" fmla="*/ 317 h 528"/>
                <a:gd name="T6" fmla="*/ 10 w 298"/>
                <a:gd name="T7" fmla="*/ 307 h 528"/>
                <a:gd name="T8" fmla="*/ 16 w 298"/>
                <a:gd name="T9" fmla="*/ 297 h 528"/>
                <a:gd name="T10" fmla="*/ 20 w 298"/>
                <a:gd name="T11" fmla="*/ 277 h 528"/>
                <a:gd name="T12" fmla="*/ 24 w 298"/>
                <a:gd name="T13" fmla="*/ 271 h 528"/>
                <a:gd name="T14" fmla="*/ 29 w 298"/>
                <a:gd name="T15" fmla="*/ 255 h 528"/>
                <a:gd name="T16" fmla="*/ 18 w 298"/>
                <a:gd name="T17" fmla="*/ 238 h 528"/>
                <a:gd name="T18" fmla="*/ 16 w 298"/>
                <a:gd name="T19" fmla="*/ 217 h 528"/>
                <a:gd name="T20" fmla="*/ 18 w 298"/>
                <a:gd name="T21" fmla="*/ 208 h 528"/>
                <a:gd name="T22" fmla="*/ 16 w 298"/>
                <a:gd name="T23" fmla="*/ 189 h 528"/>
                <a:gd name="T24" fmla="*/ 16 w 298"/>
                <a:gd name="T25" fmla="*/ 161 h 528"/>
                <a:gd name="T26" fmla="*/ 16 w 298"/>
                <a:gd name="T27" fmla="*/ 127 h 528"/>
                <a:gd name="T28" fmla="*/ 16 w 298"/>
                <a:gd name="T29" fmla="*/ 91 h 528"/>
                <a:gd name="T30" fmla="*/ 12 w 298"/>
                <a:gd name="T31" fmla="*/ 59 h 528"/>
                <a:gd name="T32" fmla="*/ 9 w 298"/>
                <a:gd name="T33" fmla="*/ 37 h 528"/>
                <a:gd name="T34" fmla="*/ 7 w 298"/>
                <a:gd name="T35" fmla="*/ 20 h 528"/>
                <a:gd name="T36" fmla="*/ 9 w 298"/>
                <a:gd name="T37" fmla="*/ 22 h 528"/>
                <a:gd name="T38" fmla="*/ 16 w 298"/>
                <a:gd name="T39" fmla="*/ 29 h 528"/>
                <a:gd name="T40" fmla="*/ 18 w 298"/>
                <a:gd name="T41" fmla="*/ 30 h 528"/>
                <a:gd name="T42" fmla="*/ 41 w 298"/>
                <a:gd name="T43" fmla="*/ 16 h 528"/>
                <a:gd name="T44" fmla="*/ 168 w 298"/>
                <a:gd name="T45" fmla="*/ 16 h 528"/>
                <a:gd name="T46" fmla="*/ 191 w 298"/>
                <a:gd name="T47" fmla="*/ 218 h 528"/>
                <a:gd name="T48" fmla="*/ 189 w 298"/>
                <a:gd name="T49" fmla="*/ 228 h 528"/>
                <a:gd name="T50" fmla="*/ 192 w 298"/>
                <a:gd name="T51" fmla="*/ 238 h 528"/>
                <a:gd name="T52" fmla="*/ 193 w 298"/>
                <a:gd name="T53" fmla="*/ 245 h 528"/>
                <a:gd name="T54" fmla="*/ 179 w 298"/>
                <a:gd name="T55" fmla="*/ 247 h 528"/>
                <a:gd name="T56" fmla="*/ 170 w 298"/>
                <a:gd name="T57" fmla="*/ 249 h 528"/>
                <a:gd name="T58" fmla="*/ 166 w 298"/>
                <a:gd name="T59" fmla="*/ 249 h 528"/>
                <a:gd name="T60" fmla="*/ 156 w 298"/>
                <a:gd name="T61" fmla="*/ 256 h 528"/>
                <a:gd name="T62" fmla="*/ 159 w 298"/>
                <a:gd name="T63" fmla="*/ 267 h 528"/>
                <a:gd name="T64" fmla="*/ 156 w 298"/>
                <a:gd name="T65" fmla="*/ 271 h 528"/>
                <a:gd name="T66" fmla="*/ 149 w 298"/>
                <a:gd name="T67" fmla="*/ 278 h 528"/>
                <a:gd name="T68" fmla="*/ 146 w 298"/>
                <a:gd name="T69" fmla="*/ 286 h 528"/>
                <a:gd name="T70" fmla="*/ 146 w 298"/>
                <a:gd name="T71" fmla="*/ 288 h 528"/>
                <a:gd name="T72" fmla="*/ 143 w 298"/>
                <a:gd name="T73" fmla="*/ 289 h 528"/>
                <a:gd name="T74" fmla="*/ 137 w 298"/>
                <a:gd name="T75" fmla="*/ 293 h 528"/>
                <a:gd name="T76" fmla="*/ 133 w 298"/>
                <a:gd name="T77" fmla="*/ 306 h 528"/>
                <a:gd name="T78" fmla="*/ 132 w 298"/>
                <a:gd name="T79" fmla="*/ 311 h 528"/>
                <a:gd name="T80" fmla="*/ 123 w 298"/>
                <a:gd name="T81" fmla="*/ 315 h 528"/>
                <a:gd name="T82" fmla="*/ 110 w 298"/>
                <a:gd name="T83" fmla="*/ 306 h 528"/>
                <a:gd name="T84" fmla="*/ 104 w 298"/>
                <a:gd name="T85" fmla="*/ 302 h 528"/>
                <a:gd name="T86" fmla="*/ 98 w 298"/>
                <a:gd name="T87" fmla="*/ 317 h 528"/>
                <a:gd name="T88" fmla="*/ 92 w 298"/>
                <a:gd name="T89" fmla="*/ 332 h 528"/>
                <a:gd name="T90" fmla="*/ 81 w 298"/>
                <a:gd name="T91" fmla="*/ 324 h 528"/>
                <a:gd name="T92" fmla="*/ 76 w 298"/>
                <a:gd name="T93" fmla="*/ 321 h 528"/>
                <a:gd name="T94" fmla="*/ 67 w 298"/>
                <a:gd name="T95" fmla="*/ 332 h 528"/>
                <a:gd name="T96" fmla="*/ 59 w 298"/>
                <a:gd name="T97" fmla="*/ 337 h 528"/>
                <a:gd name="T98" fmla="*/ 48 w 298"/>
                <a:gd name="T99" fmla="*/ 332 h 528"/>
                <a:gd name="T100" fmla="*/ 42 w 298"/>
                <a:gd name="T101" fmla="*/ 328 h 528"/>
                <a:gd name="T102" fmla="*/ 37 w 298"/>
                <a:gd name="T103" fmla="*/ 329 h 528"/>
                <a:gd name="T104" fmla="*/ 32 w 298"/>
                <a:gd name="T105" fmla="*/ 328 h 528"/>
                <a:gd name="T106" fmla="*/ 32 w 298"/>
                <a:gd name="T107" fmla="*/ 336 h 528"/>
                <a:gd name="T108" fmla="*/ 29 w 298"/>
                <a:gd name="T109" fmla="*/ 339 h 528"/>
                <a:gd name="T110" fmla="*/ 16 w 298"/>
                <a:gd name="T111" fmla="*/ 335 h 528"/>
                <a:gd name="T112" fmla="*/ 12 w 298"/>
                <a:gd name="T113" fmla="*/ 333 h 528"/>
                <a:gd name="T114" fmla="*/ 16 w 298"/>
                <a:gd name="T115" fmla="*/ 339 h 528"/>
                <a:gd name="T116" fmla="*/ 10 w 298"/>
                <a:gd name="T117" fmla="*/ 343 h 528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w 298"/>
                <a:gd name="T178" fmla="*/ 0 h 528"/>
                <a:gd name="T179" fmla="*/ 298 w 298"/>
                <a:gd name="T180" fmla="*/ 528 h 528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T177" t="T178" r="T179" b="T180"/>
              <a:pathLst>
                <a:path w="298" h="528">
                  <a:moveTo>
                    <a:pt x="7" y="528"/>
                  </a:moveTo>
                  <a:lnTo>
                    <a:pt x="2" y="523"/>
                  </a:lnTo>
                  <a:lnTo>
                    <a:pt x="0" y="518"/>
                  </a:lnTo>
                  <a:lnTo>
                    <a:pt x="0" y="513"/>
                  </a:lnTo>
                  <a:lnTo>
                    <a:pt x="0" y="510"/>
                  </a:lnTo>
                  <a:lnTo>
                    <a:pt x="2" y="506"/>
                  </a:lnTo>
                  <a:lnTo>
                    <a:pt x="4" y="505"/>
                  </a:lnTo>
                  <a:lnTo>
                    <a:pt x="5" y="503"/>
                  </a:lnTo>
                  <a:lnTo>
                    <a:pt x="7" y="493"/>
                  </a:lnTo>
                  <a:lnTo>
                    <a:pt x="7" y="491"/>
                  </a:lnTo>
                  <a:lnTo>
                    <a:pt x="7" y="489"/>
                  </a:lnTo>
                  <a:lnTo>
                    <a:pt x="7" y="486"/>
                  </a:lnTo>
                  <a:lnTo>
                    <a:pt x="9" y="481"/>
                  </a:lnTo>
                  <a:lnTo>
                    <a:pt x="9" y="478"/>
                  </a:lnTo>
                  <a:lnTo>
                    <a:pt x="10" y="474"/>
                  </a:lnTo>
                  <a:lnTo>
                    <a:pt x="10" y="471"/>
                  </a:lnTo>
                  <a:lnTo>
                    <a:pt x="10" y="469"/>
                  </a:lnTo>
                  <a:lnTo>
                    <a:pt x="17" y="464"/>
                  </a:lnTo>
                  <a:lnTo>
                    <a:pt x="22" y="456"/>
                  </a:lnTo>
                  <a:lnTo>
                    <a:pt x="26" y="447"/>
                  </a:lnTo>
                  <a:lnTo>
                    <a:pt x="29" y="440"/>
                  </a:lnTo>
                  <a:lnTo>
                    <a:pt x="32" y="432"/>
                  </a:lnTo>
                  <a:lnTo>
                    <a:pt x="34" y="427"/>
                  </a:lnTo>
                  <a:lnTo>
                    <a:pt x="36" y="422"/>
                  </a:lnTo>
                  <a:lnTo>
                    <a:pt x="36" y="420"/>
                  </a:lnTo>
                  <a:lnTo>
                    <a:pt x="38" y="417"/>
                  </a:lnTo>
                  <a:lnTo>
                    <a:pt x="39" y="413"/>
                  </a:lnTo>
                  <a:lnTo>
                    <a:pt x="41" y="412"/>
                  </a:lnTo>
                  <a:lnTo>
                    <a:pt x="43" y="401"/>
                  </a:lnTo>
                  <a:lnTo>
                    <a:pt x="43" y="393"/>
                  </a:lnTo>
                  <a:lnTo>
                    <a:pt x="41" y="384"/>
                  </a:lnTo>
                  <a:lnTo>
                    <a:pt x="38" y="378"/>
                  </a:lnTo>
                  <a:lnTo>
                    <a:pt x="36" y="371"/>
                  </a:lnTo>
                  <a:lnTo>
                    <a:pt x="32" y="366"/>
                  </a:lnTo>
                  <a:lnTo>
                    <a:pt x="31" y="362"/>
                  </a:lnTo>
                  <a:lnTo>
                    <a:pt x="29" y="361"/>
                  </a:lnTo>
                  <a:lnTo>
                    <a:pt x="29" y="357"/>
                  </a:lnTo>
                  <a:lnTo>
                    <a:pt x="29" y="334"/>
                  </a:lnTo>
                  <a:lnTo>
                    <a:pt x="32" y="329"/>
                  </a:lnTo>
                  <a:lnTo>
                    <a:pt x="32" y="327"/>
                  </a:lnTo>
                  <a:lnTo>
                    <a:pt x="32" y="325"/>
                  </a:lnTo>
                  <a:lnTo>
                    <a:pt x="32" y="320"/>
                  </a:lnTo>
                  <a:lnTo>
                    <a:pt x="31" y="315"/>
                  </a:lnTo>
                  <a:lnTo>
                    <a:pt x="31" y="308"/>
                  </a:lnTo>
                  <a:lnTo>
                    <a:pt x="31" y="300"/>
                  </a:lnTo>
                  <a:lnTo>
                    <a:pt x="29" y="291"/>
                  </a:lnTo>
                  <a:lnTo>
                    <a:pt x="29" y="281"/>
                  </a:lnTo>
                  <a:lnTo>
                    <a:pt x="27" y="271"/>
                  </a:lnTo>
                  <a:lnTo>
                    <a:pt x="27" y="259"/>
                  </a:lnTo>
                  <a:lnTo>
                    <a:pt x="26" y="247"/>
                  </a:lnTo>
                  <a:lnTo>
                    <a:pt x="24" y="234"/>
                  </a:lnTo>
                  <a:lnTo>
                    <a:pt x="24" y="222"/>
                  </a:lnTo>
                  <a:lnTo>
                    <a:pt x="22" y="208"/>
                  </a:lnTo>
                  <a:lnTo>
                    <a:pt x="21" y="195"/>
                  </a:lnTo>
                  <a:lnTo>
                    <a:pt x="21" y="181"/>
                  </a:lnTo>
                  <a:lnTo>
                    <a:pt x="19" y="166"/>
                  </a:lnTo>
                  <a:lnTo>
                    <a:pt x="17" y="153"/>
                  </a:lnTo>
                  <a:lnTo>
                    <a:pt x="17" y="139"/>
                  </a:lnTo>
                  <a:lnTo>
                    <a:pt x="16" y="127"/>
                  </a:lnTo>
                  <a:lnTo>
                    <a:pt x="14" y="114"/>
                  </a:lnTo>
                  <a:lnTo>
                    <a:pt x="14" y="102"/>
                  </a:lnTo>
                  <a:lnTo>
                    <a:pt x="12" y="90"/>
                  </a:lnTo>
                  <a:lnTo>
                    <a:pt x="12" y="80"/>
                  </a:lnTo>
                  <a:lnTo>
                    <a:pt x="10" y="70"/>
                  </a:lnTo>
                  <a:lnTo>
                    <a:pt x="10" y="60"/>
                  </a:lnTo>
                  <a:lnTo>
                    <a:pt x="9" y="53"/>
                  </a:lnTo>
                  <a:lnTo>
                    <a:pt x="9" y="46"/>
                  </a:lnTo>
                  <a:lnTo>
                    <a:pt x="9" y="41"/>
                  </a:lnTo>
                  <a:lnTo>
                    <a:pt x="7" y="36"/>
                  </a:lnTo>
                  <a:lnTo>
                    <a:pt x="7" y="34"/>
                  </a:lnTo>
                  <a:lnTo>
                    <a:pt x="7" y="32"/>
                  </a:lnTo>
                  <a:lnTo>
                    <a:pt x="7" y="34"/>
                  </a:lnTo>
                  <a:lnTo>
                    <a:pt x="9" y="36"/>
                  </a:lnTo>
                  <a:lnTo>
                    <a:pt x="10" y="38"/>
                  </a:lnTo>
                  <a:lnTo>
                    <a:pt x="12" y="39"/>
                  </a:lnTo>
                  <a:lnTo>
                    <a:pt x="14" y="41"/>
                  </a:lnTo>
                  <a:lnTo>
                    <a:pt x="16" y="43"/>
                  </a:lnTo>
                  <a:lnTo>
                    <a:pt x="19" y="44"/>
                  </a:lnTo>
                  <a:lnTo>
                    <a:pt x="22" y="44"/>
                  </a:lnTo>
                  <a:lnTo>
                    <a:pt x="27" y="44"/>
                  </a:lnTo>
                  <a:lnTo>
                    <a:pt x="32" y="44"/>
                  </a:lnTo>
                  <a:lnTo>
                    <a:pt x="38" y="43"/>
                  </a:lnTo>
                  <a:lnTo>
                    <a:pt x="46" y="39"/>
                  </a:lnTo>
                  <a:lnTo>
                    <a:pt x="53" y="36"/>
                  </a:lnTo>
                  <a:lnTo>
                    <a:pt x="61" y="29"/>
                  </a:lnTo>
                  <a:lnTo>
                    <a:pt x="71" y="22"/>
                  </a:lnTo>
                  <a:lnTo>
                    <a:pt x="70" y="22"/>
                  </a:lnTo>
                  <a:lnTo>
                    <a:pt x="254" y="0"/>
                  </a:lnTo>
                  <a:lnTo>
                    <a:pt x="258" y="17"/>
                  </a:lnTo>
                  <a:lnTo>
                    <a:pt x="293" y="335"/>
                  </a:lnTo>
                  <a:lnTo>
                    <a:pt x="295" y="334"/>
                  </a:lnTo>
                  <a:lnTo>
                    <a:pt x="293" y="334"/>
                  </a:lnTo>
                  <a:lnTo>
                    <a:pt x="293" y="335"/>
                  </a:lnTo>
                  <a:lnTo>
                    <a:pt x="291" y="337"/>
                  </a:lnTo>
                  <a:lnTo>
                    <a:pt x="291" y="340"/>
                  </a:lnTo>
                  <a:lnTo>
                    <a:pt x="290" y="346"/>
                  </a:lnTo>
                  <a:lnTo>
                    <a:pt x="290" y="351"/>
                  </a:lnTo>
                  <a:lnTo>
                    <a:pt x="290" y="356"/>
                  </a:lnTo>
                  <a:lnTo>
                    <a:pt x="291" y="362"/>
                  </a:lnTo>
                  <a:lnTo>
                    <a:pt x="293" y="364"/>
                  </a:lnTo>
                  <a:lnTo>
                    <a:pt x="295" y="366"/>
                  </a:lnTo>
                  <a:lnTo>
                    <a:pt x="296" y="369"/>
                  </a:lnTo>
                  <a:lnTo>
                    <a:pt x="298" y="371"/>
                  </a:lnTo>
                  <a:lnTo>
                    <a:pt x="298" y="374"/>
                  </a:lnTo>
                  <a:lnTo>
                    <a:pt x="296" y="376"/>
                  </a:lnTo>
                  <a:lnTo>
                    <a:pt x="290" y="378"/>
                  </a:lnTo>
                  <a:lnTo>
                    <a:pt x="281" y="379"/>
                  </a:lnTo>
                  <a:lnTo>
                    <a:pt x="280" y="379"/>
                  </a:lnTo>
                  <a:lnTo>
                    <a:pt x="276" y="379"/>
                  </a:lnTo>
                  <a:lnTo>
                    <a:pt x="273" y="381"/>
                  </a:lnTo>
                  <a:lnTo>
                    <a:pt x="268" y="383"/>
                  </a:lnTo>
                  <a:lnTo>
                    <a:pt x="264" y="383"/>
                  </a:lnTo>
                  <a:lnTo>
                    <a:pt x="261" y="384"/>
                  </a:lnTo>
                  <a:lnTo>
                    <a:pt x="259" y="384"/>
                  </a:lnTo>
                  <a:lnTo>
                    <a:pt x="258" y="384"/>
                  </a:lnTo>
                  <a:lnTo>
                    <a:pt x="254" y="384"/>
                  </a:lnTo>
                  <a:lnTo>
                    <a:pt x="251" y="386"/>
                  </a:lnTo>
                  <a:lnTo>
                    <a:pt x="246" y="388"/>
                  </a:lnTo>
                  <a:lnTo>
                    <a:pt x="242" y="390"/>
                  </a:lnTo>
                  <a:lnTo>
                    <a:pt x="239" y="395"/>
                  </a:lnTo>
                  <a:lnTo>
                    <a:pt x="241" y="400"/>
                  </a:lnTo>
                  <a:lnTo>
                    <a:pt x="244" y="408"/>
                  </a:lnTo>
                  <a:lnTo>
                    <a:pt x="244" y="410"/>
                  </a:lnTo>
                  <a:lnTo>
                    <a:pt x="244" y="412"/>
                  </a:lnTo>
                  <a:lnTo>
                    <a:pt x="242" y="413"/>
                  </a:lnTo>
                  <a:lnTo>
                    <a:pt x="241" y="417"/>
                  </a:lnTo>
                  <a:lnTo>
                    <a:pt x="239" y="418"/>
                  </a:lnTo>
                  <a:lnTo>
                    <a:pt x="236" y="422"/>
                  </a:lnTo>
                  <a:lnTo>
                    <a:pt x="232" y="425"/>
                  </a:lnTo>
                  <a:lnTo>
                    <a:pt x="232" y="427"/>
                  </a:lnTo>
                  <a:lnTo>
                    <a:pt x="230" y="428"/>
                  </a:lnTo>
                  <a:lnTo>
                    <a:pt x="229" y="430"/>
                  </a:lnTo>
                  <a:lnTo>
                    <a:pt x="229" y="434"/>
                  </a:lnTo>
                  <a:lnTo>
                    <a:pt x="227" y="435"/>
                  </a:lnTo>
                  <a:lnTo>
                    <a:pt x="225" y="439"/>
                  </a:lnTo>
                  <a:lnTo>
                    <a:pt x="225" y="440"/>
                  </a:lnTo>
                  <a:lnTo>
                    <a:pt x="225" y="442"/>
                  </a:lnTo>
                  <a:lnTo>
                    <a:pt x="224" y="442"/>
                  </a:lnTo>
                  <a:lnTo>
                    <a:pt x="224" y="444"/>
                  </a:lnTo>
                  <a:lnTo>
                    <a:pt x="222" y="445"/>
                  </a:lnTo>
                  <a:lnTo>
                    <a:pt x="220" y="445"/>
                  </a:lnTo>
                  <a:lnTo>
                    <a:pt x="217" y="447"/>
                  </a:lnTo>
                  <a:lnTo>
                    <a:pt x="212" y="447"/>
                  </a:lnTo>
                  <a:lnTo>
                    <a:pt x="210" y="450"/>
                  </a:lnTo>
                  <a:lnTo>
                    <a:pt x="208" y="456"/>
                  </a:lnTo>
                  <a:lnTo>
                    <a:pt x="207" y="461"/>
                  </a:lnTo>
                  <a:lnTo>
                    <a:pt x="205" y="467"/>
                  </a:lnTo>
                  <a:lnTo>
                    <a:pt x="203" y="471"/>
                  </a:lnTo>
                  <a:lnTo>
                    <a:pt x="203" y="474"/>
                  </a:lnTo>
                  <a:lnTo>
                    <a:pt x="203" y="476"/>
                  </a:lnTo>
                  <a:lnTo>
                    <a:pt x="203" y="478"/>
                  </a:lnTo>
                  <a:lnTo>
                    <a:pt x="202" y="479"/>
                  </a:lnTo>
                  <a:lnTo>
                    <a:pt x="200" y="481"/>
                  </a:lnTo>
                  <a:lnTo>
                    <a:pt x="198" y="483"/>
                  </a:lnTo>
                  <a:lnTo>
                    <a:pt x="193" y="484"/>
                  </a:lnTo>
                  <a:lnTo>
                    <a:pt x="188" y="484"/>
                  </a:lnTo>
                  <a:lnTo>
                    <a:pt x="180" y="483"/>
                  </a:lnTo>
                  <a:lnTo>
                    <a:pt x="170" y="478"/>
                  </a:lnTo>
                  <a:lnTo>
                    <a:pt x="170" y="476"/>
                  </a:lnTo>
                  <a:lnTo>
                    <a:pt x="170" y="472"/>
                  </a:lnTo>
                  <a:lnTo>
                    <a:pt x="168" y="469"/>
                  </a:lnTo>
                  <a:lnTo>
                    <a:pt x="166" y="466"/>
                  </a:lnTo>
                  <a:lnTo>
                    <a:pt x="163" y="464"/>
                  </a:lnTo>
                  <a:lnTo>
                    <a:pt x="159" y="464"/>
                  </a:lnTo>
                  <a:lnTo>
                    <a:pt x="156" y="471"/>
                  </a:lnTo>
                  <a:lnTo>
                    <a:pt x="151" y="481"/>
                  </a:lnTo>
                  <a:lnTo>
                    <a:pt x="151" y="484"/>
                  </a:lnTo>
                  <a:lnTo>
                    <a:pt x="149" y="489"/>
                  </a:lnTo>
                  <a:lnTo>
                    <a:pt x="149" y="496"/>
                  </a:lnTo>
                  <a:lnTo>
                    <a:pt x="148" y="503"/>
                  </a:lnTo>
                  <a:lnTo>
                    <a:pt x="144" y="506"/>
                  </a:lnTo>
                  <a:lnTo>
                    <a:pt x="141" y="510"/>
                  </a:lnTo>
                  <a:lnTo>
                    <a:pt x="134" y="508"/>
                  </a:lnTo>
                  <a:lnTo>
                    <a:pt x="127" y="501"/>
                  </a:lnTo>
                  <a:lnTo>
                    <a:pt x="126" y="500"/>
                  </a:lnTo>
                  <a:lnTo>
                    <a:pt x="126" y="498"/>
                  </a:lnTo>
                  <a:lnTo>
                    <a:pt x="126" y="496"/>
                  </a:lnTo>
                  <a:lnTo>
                    <a:pt x="124" y="493"/>
                  </a:lnTo>
                  <a:lnTo>
                    <a:pt x="122" y="493"/>
                  </a:lnTo>
                  <a:lnTo>
                    <a:pt x="117" y="493"/>
                  </a:lnTo>
                  <a:lnTo>
                    <a:pt x="112" y="498"/>
                  </a:lnTo>
                  <a:lnTo>
                    <a:pt x="104" y="505"/>
                  </a:lnTo>
                  <a:lnTo>
                    <a:pt x="104" y="506"/>
                  </a:lnTo>
                  <a:lnTo>
                    <a:pt x="102" y="510"/>
                  </a:lnTo>
                  <a:lnTo>
                    <a:pt x="100" y="513"/>
                  </a:lnTo>
                  <a:lnTo>
                    <a:pt x="98" y="516"/>
                  </a:lnTo>
                  <a:lnTo>
                    <a:pt x="95" y="520"/>
                  </a:lnTo>
                  <a:lnTo>
                    <a:pt x="90" y="520"/>
                  </a:lnTo>
                  <a:lnTo>
                    <a:pt x="85" y="518"/>
                  </a:lnTo>
                  <a:lnTo>
                    <a:pt x="78" y="513"/>
                  </a:lnTo>
                  <a:lnTo>
                    <a:pt x="78" y="511"/>
                  </a:lnTo>
                  <a:lnTo>
                    <a:pt x="76" y="510"/>
                  </a:lnTo>
                  <a:lnTo>
                    <a:pt x="73" y="508"/>
                  </a:lnTo>
                  <a:lnTo>
                    <a:pt x="70" y="506"/>
                  </a:lnTo>
                  <a:lnTo>
                    <a:pt x="66" y="505"/>
                  </a:lnTo>
                  <a:lnTo>
                    <a:pt x="63" y="505"/>
                  </a:lnTo>
                  <a:lnTo>
                    <a:pt x="58" y="505"/>
                  </a:lnTo>
                  <a:lnTo>
                    <a:pt x="54" y="508"/>
                  </a:lnTo>
                  <a:lnTo>
                    <a:pt x="53" y="506"/>
                  </a:lnTo>
                  <a:lnTo>
                    <a:pt x="51" y="505"/>
                  </a:lnTo>
                  <a:lnTo>
                    <a:pt x="49" y="505"/>
                  </a:lnTo>
                  <a:lnTo>
                    <a:pt x="48" y="505"/>
                  </a:lnTo>
                  <a:lnTo>
                    <a:pt x="46" y="505"/>
                  </a:lnTo>
                  <a:lnTo>
                    <a:pt x="46" y="510"/>
                  </a:lnTo>
                  <a:lnTo>
                    <a:pt x="46" y="515"/>
                  </a:lnTo>
                  <a:lnTo>
                    <a:pt x="46" y="516"/>
                  </a:lnTo>
                  <a:lnTo>
                    <a:pt x="46" y="518"/>
                  </a:lnTo>
                  <a:lnTo>
                    <a:pt x="44" y="520"/>
                  </a:lnTo>
                  <a:lnTo>
                    <a:pt x="44" y="522"/>
                  </a:lnTo>
                  <a:lnTo>
                    <a:pt x="43" y="522"/>
                  </a:lnTo>
                  <a:lnTo>
                    <a:pt x="39" y="520"/>
                  </a:lnTo>
                  <a:lnTo>
                    <a:pt x="36" y="516"/>
                  </a:lnTo>
                  <a:lnTo>
                    <a:pt x="34" y="516"/>
                  </a:lnTo>
                  <a:lnTo>
                    <a:pt x="29" y="515"/>
                  </a:lnTo>
                  <a:lnTo>
                    <a:pt x="24" y="513"/>
                  </a:lnTo>
                  <a:lnTo>
                    <a:pt x="19" y="513"/>
                  </a:lnTo>
                  <a:lnTo>
                    <a:pt x="16" y="513"/>
                  </a:lnTo>
                  <a:lnTo>
                    <a:pt x="12" y="513"/>
                  </a:lnTo>
                  <a:lnTo>
                    <a:pt x="12" y="516"/>
                  </a:lnTo>
                  <a:lnTo>
                    <a:pt x="16" y="520"/>
                  </a:lnTo>
                  <a:lnTo>
                    <a:pt x="16" y="522"/>
                  </a:lnTo>
                  <a:lnTo>
                    <a:pt x="14" y="525"/>
                  </a:lnTo>
                  <a:lnTo>
                    <a:pt x="14" y="527"/>
                  </a:lnTo>
                  <a:lnTo>
                    <a:pt x="12" y="527"/>
                  </a:lnTo>
                  <a:lnTo>
                    <a:pt x="10" y="528"/>
                  </a:lnTo>
                  <a:lnTo>
                    <a:pt x="9" y="528"/>
                  </a:lnTo>
                  <a:lnTo>
                    <a:pt x="7" y="528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71" name="Freeform 62"/>
            <p:cNvSpPr>
              <a:spLocks/>
            </p:cNvSpPr>
            <p:nvPr/>
          </p:nvSpPr>
          <p:spPr bwMode="auto">
            <a:xfrm>
              <a:off x="3357" y="2283"/>
              <a:ext cx="703" cy="359"/>
            </a:xfrm>
            <a:custGeom>
              <a:avLst/>
              <a:gdLst>
                <a:gd name="T0" fmla="*/ 426 w 723"/>
                <a:gd name="T1" fmla="*/ 23 h 370"/>
                <a:gd name="T2" fmla="*/ 415 w 723"/>
                <a:gd name="T3" fmla="*/ 16 h 370"/>
                <a:gd name="T4" fmla="*/ 394 w 723"/>
                <a:gd name="T5" fmla="*/ 26 h 370"/>
                <a:gd name="T6" fmla="*/ 378 w 723"/>
                <a:gd name="T7" fmla="*/ 21 h 370"/>
                <a:gd name="T8" fmla="*/ 362 w 723"/>
                <a:gd name="T9" fmla="*/ 28 h 370"/>
                <a:gd name="T10" fmla="*/ 329 w 723"/>
                <a:gd name="T11" fmla="*/ 16 h 370"/>
                <a:gd name="T12" fmla="*/ 300 w 723"/>
                <a:gd name="T13" fmla="*/ 1 h 370"/>
                <a:gd name="T14" fmla="*/ 289 w 723"/>
                <a:gd name="T15" fmla="*/ 0 h 370"/>
                <a:gd name="T16" fmla="*/ 285 w 723"/>
                <a:gd name="T17" fmla="*/ 16 h 370"/>
                <a:gd name="T18" fmla="*/ 289 w 723"/>
                <a:gd name="T19" fmla="*/ 28 h 370"/>
                <a:gd name="T20" fmla="*/ 267 w 723"/>
                <a:gd name="T21" fmla="*/ 35 h 370"/>
                <a:gd name="T22" fmla="*/ 256 w 723"/>
                <a:gd name="T23" fmla="*/ 38 h 370"/>
                <a:gd name="T24" fmla="*/ 254 w 723"/>
                <a:gd name="T25" fmla="*/ 50 h 370"/>
                <a:gd name="T26" fmla="*/ 245 w 723"/>
                <a:gd name="T27" fmla="*/ 62 h 370"/>
                <a:gd name="T28" fmla="*/ 241 w 723"/>
                <a:gd name="T29" fmla="*/ 70 h 370"/>
                <a:gd name="T30" fmla="*/ 232 w 723"/>
                <a:gd name="T31" fmla="*/ 75 h 370"/>
                <a:gd name="T32" fmla="*/ 226 w 723"/>
                <a:gd name="T33" fmla="*/ 92 h 370"/>
                <a:gd name="T34" fmla="*/ 216 w 723"/>
                <a:gd name="T35" fmla="*/ 99 h 370"/>
                <a:gd name="T36" fmla="*/ 199 w 723"/>
                <a:gd name="T37" fmla="*/ 84 h 370"/>
                <a:gd name="T38" fmla="*/ 188 w 723"/>
                <a:gd name="T39" fmla="*/ 111 h 370"/>
                <a:gd name="T40" fmla="*/ 174 w 723"/>
                <a:gd name="T41" fmla="*/ 106 h 370"/>
                <a:gd name="T42" fmla="*/ 158 w 723"/>
                <a:gd name="T43" fmla="*/ 115 h 370"/>
                <a:gd name="T44" fmla="*/ 142 w 723"/>
                <a:gd name="T45" fmla="*/ 115 h 370"/>
                <a:gd name="T46" fmla="*/ 125 w 723"/>
                <a:gd name="T47" fmla="*/ 114 h 370"/>
                <a:gd name="T48" fmla="*/ 120 w 723"/>
                <a:gd name="T49" fmla="*/ 115 h 370"/>
                <a:gd name="T50" fmla="*/ 118 w 723"/>
                <a:gd name="T51" fmla="*/ 123 h 370"/>
                <a:gd name="T52" fmla="*/ 100 w 723"/>
                <a:gd name="T53" fmla="*/ 117 h 370"/>
                <a:gd name="T54" fmla="*/ 97 w 723"/>
                <a:gd name="T55" fmla="*/ 127 h 370"/>
                <a:gd name="T56" fmla="*/ 90 w 723"/>
                <a:gd name="T57" fmla="*/ 131 h 370"/>
                <a:gd name="T58" fmla="*/ 88 w 723"/>
                <a:gd name="T59" fmla="*/ 146 h 370"/>
                <a:gd name="T60" fmla="*/ 86 w 723"/>
                <a:gd name="T61" fmla="*/ 156 h 370"/>
                <a:gd name="T62" fmla="*/ 65 w 723"/>
                <a:gd name="T63" fmla="*/ 167 h 370"/>
                <a:gd name="T64" fmla="*/ 71 w 723"/>
                <a:gd name="T65" fmla="*/ 188 h 370"/>
                <a:gd name="T66" fmla="*/ 43 w 723"/>
                <a:gd name="T67" fmla="*/ 178 h 370"/>
                <a:gd name="T68" fmla="*/ 18 w 723"/>
                <a:gd name="T69" fmla="*/ 188 h 370"/>
                <a:gd name="T70" fmla="*/ 18 w 723"/>
                <a:gd name="T71" fmla="*/ 198 h 370"/>
                <a:gd name="T72" fmla="*/ 0 w 723"/>
                <a:gd name="T73" fmla="*/ 243 h 370"/>
                <a:gd name="T74" fmla="*/ 108 w 723"/>
                <a:gd name="T75" fmla="*/ 219 h 370"/>
                <a:gd name="T76" fmla="*/ 134 w 723"/>
                <a:gd name="T77" fmla="*/ 219 h 370"/>
                <a:gd name="T78" fmla="*/ 184 w 723"/>
                <a:gd name="T79" fmla="*/ 215 h 370"/>
                <a:gd name="T80" fmla="*/ 264 w 723"/>
                <a:gd name="T81" fmla="*/ 209 h 370"/>
                <a:gd name="T82" fmla="*/ 339 w 723"/>
                <a:gd name="T83" fmla="*/ 203 h 370"/>
                <a:gd name="T84" fmla="*/ 376 w 723"/>
                <a:gd name="T85" fmla="*/ 199 h 370"/>
                <a:gd name="T86" fmla="*/ 390 w 723"/>
                <a:gd name="T87" fmla="*/ 194 h 370"/>
                <a:gd name="T88" fmla="*/ 413 w 723"/>
                <a:gd name="T89" fmla="*/ 181 h 370"/>
                <a:gd name="T90" fmla="*/ 423 w 723"/>
                <a:gd name="T91" fmla="*/ 174 h 370"/>
                <a:gd name="T92" fmla="*/ 436 w 723"/>
                <a:gd name="T93" fmla="*/ 166 h 370"/>
                <a:gd name="T94" fmla="*/ 439 w 723"/>
                <a:gd name="T95" fmla="*/ 156 h 370"/>
                <a:gd name="T96" fmla="*/ 449 w 723"/>
                <a:gd name="T97" fmla="*/ 142 h 370"/>
                <a:gd name="T98" fmla="*/ 473 w 723"/>
                <a:gd name="T99" fmla="*/ 124 h 370"/>
                <a:gd name="T100" fmla="*/ 473 w 723"/>
                <a:gd name="T101" fmla="*/ 123 h 370"/>
                <a:gd name="T102" fmla="*/ 477 w 723"/>
                <a:gd name="T103" fmla="*/ 100 h 370"/>
                <a:gd name="T104" fmla="*/ 464 w 723"/>
                <a:gd name="T105" fmla="*/ 90 h 370"/>
                <a:gd name="T106" fmla="*/ 439 w 723"/>
                <a:gd name="T107" fmla="*/ 58 h 370"/>
                <a:gd name="T108" fmla="*/ 437 w 723"/>
                <a:gd name="T109" fmla="*/ 39 h 370"/>
                <a:gd name="T110" fmla="*/ 439 w 723"/>
                <a:gd name="T111" fmla="*/ 37 h 370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w 723"/>
                <a:gd name="T169" fmla="*/ 0 h 370"/>
                <a:gd name="T170" fmla="*/ 723 w 723"/>
                <a:gd name="T171" fmla="*/ 370 h 370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T168" t="T169" r="T170" b="T171"/>
              <a:pathLst>
                <a:path w="723" h="370">
                  <a:moveTo>
                    <a:pt x="650" y="52"/>
                  </a:moveTo>
                  <a:lnTo>
                    <a:pt x="648" y="50"/>
                  </a:lnTo>
                  <a:lnTo>
                    <a:pt x="647" y="49"/>
                  </a:lnTo>
                  <a:lnTo>
                    <a:pt x="643" y="45"/>
                  </a:lnTo>
                  <a:lnTo>
                    <a:pt x="640" y="42"/>
                  </a:lnTo>
                  <a:lnTo>
                    <a:pt x="635" y="39"/>
                  </a:lnTo>
                  <a:lnTo>
                    <a:pt x="631" y="37"/>
                  </a:lnTo>
                  <a:lnTo>
                    <a:pt x="626" y="37"/>
                  </a:lnTo>
                  <a:lnTo>
                    <a:pt x="623" y="40"/>
                  </a:lnTo>
                  <a:lnTo>
                    <a:pt x="621" y="39"/>
                  </a:lnTo>
                  <a:lnTo>
                    <a:pt x="621" y="35"/>
                  </a:lnTo>
                  <a:lnTo>
                    <a:pt x="621" y="30"/>
                  </a:lnTo>
                  <a:lnTo>
                    <a:pt x="620" y="25"/>
                  </a:lnTo>
                  <a:lnTo>
                    <a:pt x="616" y="22"/>
                  </a:lnTo>
                  <a:lnTo>
                    <a:pt x="611" y="20"/>
                  </a:lnTo>
                  <a:lnTo>
                    <a:pt x="604" y="23"/>
                  </a:lnTo>
                  <a:lnTo>
                    <a:pt x="594" y="32"/>
                  </a:lnTo>
                  <a:lnTo>
                    <a:pt x="593" y="34"/>
                  </a:lnTo>
                  <a:lnTo>
                    <a:pt x="591" y="35"/>
                  </a:lnTo>
                  <a:lnTo>
                    <a:pt x="588" y="39"/>
                  </a:lnTo>
                  <a:lnTo>
                    <a:pt x="584" y="40"/>
                  </a:lnTo>
                  <a:lnTo>
                    <a:pt x="579" y="42"/>
                  </a:lnTo>
                  <a:lnTo>
                    <a:pt x="574" y="44"/>
                  </a:lnTo>
                  <a:lnTo>
                    <a:pt x="567" y="40"/>
                  </a:lnTo>
                  <a:lnTo>
                    <a:pt x="562" y="37"/>
                  </a:lnTo>
                  <a:lnTo>
                    <a:pt x="560" y="35"/>
                  </a:lnTo>
                  <a:lnTo>
                    <a:pt x="559" y="35"/>
                  </a:lnTo>
                  <a:lnTo>
                    <a:pt x="557" y="34"/>
                  </a:lnTo>
                  <a:lnTo>
                    <a:pt x="554" y="35"/>
                  </a:lnTo>
                  <a:lnTo>
                    <a:pt x="550" y="35"/>
                  </a:lnTo>
                  <a:lnTo>
                    <a:pt x="547" y="39"/>
                  </a:lnTo>
                  <a:lnTo>
                    <a:pt x="542" y="44"/>
                  </a:lnTo>
                  <a:lnTo>
                    <a:pt x="540" y="44"/>
                  </a:lnTo>
                  <a:lnTo>
                    <a:pt x="537" y="42"/>
                  </a:lnTo>
                  <a:lnTo>
                    <a:pt x="533" y="42"/>
                  </a:lnTo>
                  <a:lnTo>
                    <a:pt x="532" y="42"/>
                  </a:lnTo>
                  <a:lnTo>
                    <a:pt x="518" y="30"/>
                  </a:lnTo>
                  <a:lnTo>
                    <a:pt x="488" y="28"/>
                  </a:lnTo>
                  <a:lnTo>
                    <a:pt x="488" y="27"/>
                  </a:lnTo>
                  <a:lnTo>
                    <a:pt x="488" y="23"/>
                  </a:lnTo>
                  <a:lnTo>
                    <a:pt x="486" y="20"/>
                  </a:lnTo>
                  <a:lnTo>
                    <a:pt x="484" y="15"/>
                  </a:lnTo>
                  <a:lnTo>
                    <a:pt x="479" y="10"/>
                  </a:lnTo>
                  <a:lnTo>
                    <a:pt x="472" y="5"/>
                  </a:lnTo>
                  <a:lnTo>
                    <a:pt x="462" y="3"/>
                  </a:lnTo>
                  <a:lnTo>
                    <a:pt x="450" y="1"/>
                  </a:lnTo>
                  <a:lnTo>
                    <a:pt x="449" y="1"/>
                  </a:lnTo>
                  <a:lnTo>
                    <a:pt x="445" y="1"/>
                  </a:lnTo>
                  <a:lnTo>
                    <a:pt x="442" y="1"/>
                  </a:lnTo>
                  <a:lnTo>
                    <a:pt x="437" y="1"/>
                  </a:lnTo>
                  <a:lnTo>
                    <a:pt x="432" y="1"/>
                  </a:lnTo>
                  <a:lnTo>
                    <a:pt x="428" y="1"/>
                  </a:lnTo>
                  <a:lnTo>
                    <a:pt x="427" y="1"/>
                  </a:lnTo>
                  <a:lnTo>
                    <a:pt x="425" y="1"/>
                  </a:lnTo>
                  <a:lnTo>
                    <a:pt x="427" y="0"/>
                  </a:lnTo>
                  <a:lnTo>
                    <a:pt x="425" y="0"/>
                  </a:lnTo>
                  <a:lnTo>
                    <a:pt x="425" y="1"/>
                  </a:lnTo>
                  <a:lnTo>
                    <a:pt x="423" y="3"/>
                  </a:lnTo>
                  <a:lnTo>
                    <a:pt x="423" y="6"/>
                  </a:lnTo>
                  <a:lnTo>
                    <a:pt x="422" y="12"/>
                  </a:lnTo>
                  <a:lnTo>
                    <a:pt x="422" y="17"/>
                  </a:lnTo>
                  <a:lnTo>
                    <a:pt x="422" y="22"/>
                  </a:lnTo>
                  <a:lnTo>
                    <a:pt x="423" y="28"/>
                  </a:lnTo>
                  <a:lnTo>
                    <a:pt x="425" y="30"/>
                  </a:lnTo>
                  <a:lnTo>
                    <a:pt x="427" y="32"/>
                  </a:lnTo>
                  <a:lnTo>
                    <a:pt x="428" y="35"/>
                  </a:lnTo>
                  <a:lnTo>
                    <a:pt x="430" y="37"/>
                  </a:lnTo>
                  <a:lnTo>
                    <a:pt x="430" y="40"/>
                  </a:lnTo>
                  <a:lnTo>
                    <a:pt x="428" y="42"/>
                  </a:lnTo>
                  <a:lnTo>
                    <a:pt x="422" y="44"/>
                  </a:lnTo>
                  <a:lnTo>
                    <a:pt x="413" y="45"/>
                  </a:lnTo>
                  <a:lnTo>
                    <a:pt x="412" y="45"/>
                  </a:lnTo>
                  <a:lnTo>
                    <a:pt x="408" y="45"/>
                  </a:lnTo>
                  <a:lnTo>
                    <a:pt x="405" y="47"/>
                  </a:lnTo>
                  <a:lnTo>
                    <a:pt x="400" y="49"/>
                  </a:lnTo>
                  <a:lnTo>
                    <a:pt x="396" y="49"/>
                  </a:lnTo>
                  <a:lnTo>
                    <a:pt x="393" y="50"/>
                  </a:lnTo>
                  <a:lnTo>
                    <a:pt x="391" y="50"/>
                  </a:lnTo>
                  <a:lnTo>
                    <a:pt x="390" y="50"/>
                  </a:lnTo>
                  <a:lnTo>
                    <a:pt x="386" y="50"/>
                  </a:lnTo>
                  <a:lnTo>
                    <a:pt x="383" y="52"/>
                  </a:lnTo>
                  <a:lnTo>
                    <a:pt x="378" y="54"/>
                  </a:lnTo>
                  <a:lnTo>
                    <a:pt x="374" y="56"/>
                  </a:lnTo>
                  <a:lnTo>
                    <a:pt x="371" y="61"/>
                  </a:lnTo>
                  <a:lnTo>
                    <a:pt x="373" y="66"/>
                  </a:lnTo>
                  <a:lnTo>
                    <a:pt x="376" y="74"/>
                  </a:lnTo>
                  <a:lnTo>
                    <a:pt x="376" y="76"/>
                  </a:lnTo>
                  <a:lnTo>
                    <a:pt x="376" y="78"/>
                  </a:lnTo>
                  <a:lnTo>
                    <a:pt x="374" y="79"/>
                  </a:lnTo>
                  <a:lnTo>
                    <a:pt x="373" y="83"/>
                  </a:lnTo>
                  <a:lnTo>
                    <a:pt x="371" y="84"/>
                  </a:lnTo>
                  <a:lnTo>
                    <a:pt x="368" y="88"/>
                  </a:lnTo>
                  <a:lnTo>
                    <a:pt x="364" y="91"/>
                  </a:lnTo>
                  <a:lnTo>
                    <a:pt x="364" y="93"/>
                  </a:lnTo>
                  <a:lnTo>
                    <a:pt x="362" y="94"/>
                  </a:lnTo>
                  <a:lnTo>
                    <a:pt x="361" y="96"/>
                  </a:lnTo>
                  <a:lnTo>
                    <a:pt x="361" y="100"/>
                  </a:lnTo>
                  <a:lnTo>
                    <a:pt x="359" y="101"/>
                  </a:lnTo>
                  <a:lnTo>
                    <a:pt x="357" y="105"/>
                  </a:lnTo>
                  <a:lnTo>
                    <a:pt x="357" y="106"/>
                  </a:lnTo>
                  <a:lnTo>
                    <a:pt x="357" y="108"/>
                  </a:lnTo>
                  <a:lnTo>
                    <a:pt x="356" y="108"/>
                  </a:lnTo>
                  <a:lnTo>
                    <a:pt x="356" y="110"/>
                  </a:lnTo>
                  <a:lnTo>
                    <a:pt x="354" y="111"/>
                  </a:lnTo>
                  <a:lnTo>
                    <a:pt x="352" y="111"/>
                  </a:lnTo>
                  <a:lnTo>
                    <a:pt x="349" y="113"/>
                  </a:lnTo>
                  <a:lnTo>
                    <a:pt x="344" y="113"/>
                  </a:lnTo>
                  <a:lnTo>
                    <a:pt x="342" y="116"/>
                  </a:lnTo>
                  <a:lnTo>
                    <a:pt x="340" y="122"/>
                  </a:lnTo>
                  <a:lnTo>
                    <a:pt x="339" y="127"/>
                  </a:lnTo>
                  <a:lnTo>
                    <a:pt x="337" y="133"/>
                  </a:lnTo>
                  <a:lnTo>
                    <a:pt x="335" y="137"/>
                  </a:lnTo>
                  <a:lnTo>
                    <a:pt x="335" y="140"/>
                  </a:lnTo>
                  <a:lnTo>
                    <a:pt x="335" y="142"/>
                  </a:lnTo>
                  <a:lnTo>
                    <a:pt x="335" y="144"/>
                  </a:lnTo>
                  <a:lnTo>
                    <a:pt x="334" y="145"/>
                  </a:lnTo>
                  <a:lnTo>
                    <a:pt x="332" y="147"/>
                  </a:lnTo>
                  <a:lnTo>
                    <a:pt x="330" y="149"/>
                  </a:lnTo>
                  <a:lnTo>
                    <a:pt x="325" y="150"/>
                  </a:lnTo>
                  <a:lnTo>
                    <a:pt x="320" y="150"/>
                  </a:lnTo>
                  <a:lnTo>
                    <a:pt x="312" y="149"/>
                  </a:lnTo>
                  <a:lnTo>
                    <a:pt x="302" y="144"/>
                  </a:lnTo>
                  <a:lnTo>
                    <a:pt x="302" y="142"/>
                  </a:lnTo>
                  <a:lnTo>
                    <a:pt x="302" y="138"/>
                  </a:lnTo>
                  <a:lnTo>
                    <a:pt x="300" y="135"/>
                  </a:lnTo>
                  <a:lnTo>
                    <a:pt x="298" y="132"/>
                  </a:lnTo>
                  <a:lnTo>
                    <a:pt x="295" y="130"/>
                  </a:lnTo>
                  <a:lnTo>
                    <a:pt x="291" y="130"/>
                  </a:lnTo>
                  <a:lnTo>
                    <a:pt x="288" y="137"/>
                  </a:lnTo>
                  <a:lnTo>
                    <a:pt x="283" y="147"/>
                  </a:lnTo>
                  <a:lnTo>
                    <a:pt x="283" y="150"/>
                  </a:lnTo>
                  <a:lnTo>
                    <a:pt x="281" y="155"/>
                  </a:lnTo>
                  <a:lnTo>
                    <a:pt x="281" y="162"/>
                  </a:lnTo>
                  <a:lnTo>
                    <a:pt x="280" y="169"/>
                  </a:lnTo>
                  <a:lnTo>
                    <a:pt x="276" y="172"/>
                  </a:lnTo>
                  <a:lnTo>
                    <a:pt x="273" y="176"/>
                  </a:lnTo>
                  <a:lnTo>
                    <a:pt x="266" y="174"/>
                  </a:lnTo>
                  <a:lnTo>
                    <a:pt x="259" y="167"/>
                  </a:lnTo>
                  <a:lnTo>
                    <a:pt x="258" y="166"/>
                  </a:lnTo>
                  <a:lnTo>
                    <a:pt x="258" y="164"/>
                  </a:lnTo>
                  <a:lnTo>
                    <a:pt x="258" y="162"/>
                  </a:lnTo>
                  <a:lnTo>
                    <a:pt x="256" y="159"/>
                  </a:lnTo>
                  <a:lnTo>
                    <a:pt x="254" y="159"/>
                  </a:lnTo>
                  <a:lnTo>
                    <a:pt x="249" y="159"/>
                  </a:lnTo>
                  <a:lnTo>
                    <a:pt x="244" y="164"/>
                  </a:lnTo>
                  <a:lnTo>
                    <a:pt x="236" y="171"/>
                  </a:lnTo>
                  <a:lnTo>
                    <a:pt x="236" y="172"/>
                  </a:lnTo>
                  <a:lnTo>
                    <a:pt x="234" y="176"/>
                  </a:lnTo>
                  <a:lnTo>
                    <a:pt x="232" y="179"/>
                  </a:lnTo>
                  <a:lnTo>
                    <a:pt x="230" y="182"/>
                  </a:lnTo>
                  <a:lnTo>
                    <a:pt x="227" y="186"/>
                  </a:lnTo>
                  <a:lnTo>
                    <a:pt x="222" y="186"/>
                  </a:lnTo>
                  <a:lnTo>
                    <a:pt x="217" y="184"/>
                  </a:lnTo>
                  <a:lnTo>
                    <a:pt x="210" y="179"/>
                  </a:lnTo>
                  <a:lnTo>
                    <a:pt x="210" y="177"/>
                  </a:lnTo>
                  <a:lnTo>
                    <a:pt x="208" y="176"/>
                  </a:lnTo>
                  <a:lnTo>
                    <a:pt x="205" y="174"/>
                  </a:lnTo>
                  <a:lnTo>
                    <a:pt x="202" y="172"/>
                  </a:lnTo>
                  <a:lnTo>
                    <a:pt x="198" y="171"/>
                  </a:lnTo>
                  <a:lnTo>
                    <a:pt x="195" y="171"/>
                  </a:lnTo>
                  <a:lnTo>
                    <a:pt x="190" y="171"/>
                  </a:lnTo>
                  <a:lnTo>
                    <a:pt x="186" y="174"/>
                  </a:lnTo>
                  <a:lnTo>
                    <a:pt x="185" y="172"/>
                  </a:lnTo>
                  <a:lnTo>
                    <a:pt x="183" y="171"/>
                  </a:lnTo>
                  <a:lnTo>
                    <a:pt x="181" y="171"/>
                  </a:lnTo>
                  <a:lnTo>
                    <a:pt x="180" y="171"/>
                  </a:lnTo>
                  <a:lnTo>
                    <a:pt x="178" y="171"/>
                  </a:lnTo>
                  <a:lnTo>
                    <a:pt x="178" y="176"/>
                  </a:lnTo>
                  <a:lnTo>
                    <a:pt x="178" y="181"/>
                  </a:lnTo>
                  <a:lnTo>
                    <a:pt x="178" y="182"/>
                  </a:lnTo>
                  <a:lnTo>
                    <a:pt x="178" y="184"/>
                  </a:lnTo>
                  <a:lnTo>
                    <a:pt x="176" y="186"/>
                  </a:lnTo>
                  <a:lnTo>
                    <a:pt x="176" y="188"/>
                  </a:lnTo>
                  <a:lnTo>
                    <a:pt x="175" y="188"/>
                  </a:lnTo>
                  <a:lnTo>
                    <a:pt x="171" y="186"/>
                  </a:lnTo>
                  <a:lnTo>
                    <a:pt x="168" y="182"/>
                  </a:lnTo>
                  <a:lnTo>
                    <a:pt x="166" y="182"/>
                  </a:lnTo>
                  <a:lnTo>
                    <a:pt x="161" y="181"/>
                  </a:lnTo>
                  <a:lnTo>
                    <a:pt x="156" y="179"/>
                  </a:lnTo>
                  <a:lnTo>
                    <a:pt x="151" y="179"/>
                  </a:lnTo>
                  <a:lnTo>
                    <a:pt x="148" y="179"/>
                  </a:lnTo>
                  <a:lnTo>
                    <a:pt x="144" y="179"/>
                  </a:lnTo>
                  <a:lnTo>
                    <a:pt x="144" y="182"/>
                  </a:lnTo>
                  <a:lnTo>
                    <a:pt x="148" y="186"/>
                  </a:lnTo>
                  <a:lnTo>
                    <a:pt x="148" y="188"/>
                  </a:lnTo>
                  <a:lnTo>
                    <a:pt x="146" y="188"/>
                  </a:lnTo>
                  <a:lnTo>
                    <a:pt x="146" y="191"/>
                  </a:lnTo>
                  <a:lnTo>
                    <a:pt x="144" y="193"/>
                  </a:lnTo>
                  <a:lnTo>
                    <a:pt x="142" y="193"/>
                  </a:lnTo>
                  <a:lnTo>
                    <a:pt x="141" y="194"/>
                  </a:lnTo>
                  <a:lnTo>
                    <a:pt x="139" y="194"/>
                  </a:lnTo>
                  <a:lnTo>
                    <a:pt x="136" y="194"/>
                  </a:lnTo>
                  <a:lnTo>
                    <a:pt x="136" y="196"/>
                  </a:lnTo>
                  <a:lnTo>
                    <a:pt x="136" y="198"/>
                  </a:lnTo>
                  <a:lnTo>
                    <a:pt x="134" y="199"/>
                  </a:lnTo>
                  <a:lnTo>
                    <a:pt x="134" y="201"/>
                  </a:lnTo>
                  <a:lnTo>
                    <a:pt x="132" y="204"/>
                  </a:lnTo>
                  <a:lnTo>
                    <a:pt x="131" y="206"/>
                  </a:lnTo>
                  <a:lnTo>
                    <a:pt x="129" y="208"/>
                  </a:lnTo>
                  <a:lnTo>
                    <a:pt x="129" y="210"/>
                  </a:lnTo>
                  <a:lnTo>
                    <a:pt x="127" y="218"/>
                  </a:lnTo>
                  <a:lnTo>
                    <a:pt x="131" y="223"/>
                  </a:lnTo>
                  <a:lnTo>
                    <a:pt x="132" y="225"/>
                  </a:lnTo>
                  <a:lnTo>
                    <a:pt x="134" y="226"/>
                  </a:lnTo>
                  <a:lnTo>
                    <a:pt x="134" y="228"/>
                  </a:lnTo>
                  <a:lnTo>
                    <a:pt x="136" y="232"/>
                  </a:lnTo>
                  <a:lnTo>
                    <a:pt x="136" y="235"/>
                  </a:lnTo>
                  <a:lnTo>
                    <a:pt x="134" y="237"/>
                  </a:lnTo>
                  <a:lnTo>
                    <a:pt x="127" y="238"/>
                  </a:lnTo>
                  <a:lnTo>
                    <a:pt x="119" y="240"/>
                  </a:lnTo>
                  <a:lnTo>
                    <a:pt x="117" y="240"/>
                  </a:lnTo>
                  <a:lnTo>
                    <a:pt x="112" y="240"/>
                  </a:lnTo>
                  <a:lnTo>
                    <a:pt x="107" y="243"/>
                  </a:lnTo>
                  <a:lnTo>
                    <a:pt x="102" y="245"/>
                  </a:lnTo>
                  <a:lnTo>
                    <a:pt x="97" y="250"/>
                  </a:lnTo>
                  <a:lnTo>
                    <a:pt x="95" y="255"/>
                  </a:lnTo>
                  <a:lnTo>
                    <a:pt x="95" y="264"/>
                  </a:lnTo>
                  <a:lnTo>
                    <a:pt x="100" y="272"/>
                  </a:lnTo>
                  <a:lnTo>
                    <a:pt x="100" y="274"/>
                  </a:lnTo>
                  <a:lnTo>
                    <a:pt x="104" y="277"/>
                  </a:lnTo>
                  <a:lnTo>
                    <a:pt x="104" y="281"/>
                  </a:lnTo>
                  <a:lnTo>
                    <a:pt x="105" y="284"/>
                  </a:lnTo>
                  <a:lnTo>
                    <a:pt x="104" y="287"/>
                  </a:lnTo>
                  <a:lnTo>
                    <a:pt x="98" y="289"/>
                  </a:lnTo>
                  <a:lnTo>
                    <a:pt x="88" y="287"/>
                  </a:lnTo>
                  <a:lnTo>
                    <a:pt x="75" y="282"/>
                  </a:lnTo>
                  <a:lnTo>
                    <a:pt x="71" y="281"/>
                  </a:lnTo>
                  <a:lnTo>
                    <a:pt x="68" y="277"/>
                  </a:lnTo>
                  <a:lnTo>
                    <a:pt x="65" y="276"/>
                  </a:lnTo>
                  <a:lnTo>
                    <a:pt x="60" y="272"/>
                  </a:lnTo>
                  <a:lnTo>
                    <a:pt x="54" y="272"/>
                  </a:lnTo>
                  <a:lnTo>
                    <a:pt x="49" y="272"/>
                  </a:lnTo>
                  <a:lnTo>
                    <a:pt x="44" y="276"/>
                  </a:lnTo>
                  <a:lnTo>
                    <a:pt x="38" y="282"/>
                  </a:lnTo>
                  <a:lnTo>
                    <a:pt x="38" y="284"/>
                  </a:lnTo>
                  <a:lnTo>
                    <a:pt x="36" y="286"/>
                  </a:lnTo>
                  <a:lnTo>
                    <a:pt x="32" y="287"/>
                  </a:lnTo>
                  <a:lnTo>
                    <a:pt x="31" y="289"/>
                  </a:lnTo>
                  <a:lnTo>
                    <a:pt x="27" y="292"/>
                  </a:lnTo>
                  <a:lnTo>
                    <a:pt x="26" y="294"/>
                  </a:lnTo>
                  <a:lnTo>
                    <a:pt x="26" y="296"/>
                  </a:lnTo>
                  <a:lnTo>
                    <a:pt x="24" y="296"/>
                  </a:lnTo>
                  <a:lnTo>
                    <a:pt x="26" y="298"/>
                  </a:lnTo>
                  <a:lnTo>
                    <a:pt x="29" y="301"/>
                  </a:lnTo>
                  <a:lnTo>
                    <a:pt x="32" y="303"/>
                  </a:lnTo>
                  <a:lnTo>
                    <a:pt x="34" y="304"/>
                  </a:lnTo>
                  <a:lnTo>
                    <a:pt x="43" y="311"/>
                  </a:lnTo>
                  <a:lnTo>
                    <a:pt x="38" y="320"/>
                  </a:lnTo>
                  <a:lnTo>
                    <a:pt x="38" y="355"/>
                  </a:lnTo>
                  <a:lnTo>
                    <a:pt x="19" y="357"/>
                  </a:lnTo>
                  <a:lnTo>
                    <a:pt x="0" y="370"/>
                  </a:lnTo>
                  <a:lnTo>
                    <a:pt x="0" y="369"/>
                  </a:lnTo>
                  <a:lnTo>
                    <a:pt x="148" y="357"/>
                  </a:lnTo>
                  <a:lnTo>
                    <a:pt x="148" y="333"/>
                  </a:lnTo>
                  <a:lnTo>
                    <a:pt x="149" y="335"/>
                  </a:lnTo>
                  <a:lnTo>
                    <a:pt x="153" y="335"/>
                  </a:lnTo>
                  <a:lnTo>
                    <a:pt x="158" y="335"/>
                  </a:lnTo>
                  <a:lnTo>
                    <a:pt x="164" y="335"/>
                  </a:lnTo>
                  <a:lnTo>
                    <a:pt x="171" y="336"/>
                  </a:lnTo>
                  <a:lnTo>
                    <a:pt x="178" y="336"/>
                  </a:lnTo>
                  <a:lnTo>
                    <a:pt x="186" y="336"/>
                  </a:lnTo>
                  <a:lnTo>
                    <a:pt x="188" y="336"/>
                  </a:lnTo>
                  <a:lnTo>
                    <a:pt x="192" y="336"/>
                  </a:lnTo>
                  <a:lnTo>
                    <a:pt x="197" y="335"/>
                  </a:lnTo>
                  <a:lnTo>
                    <a:pt x="203" y="335"/>
                  </a:lnTo>
                  <a:lnTo>
                    <a:pt x="212" y="333"/>
                  </a:lnTo>
                  <a:lnTo>
                    <a:pt x="222" y="333"/>
                  </a:lnTo>
                  <a:lnTo>
                    <a:pt x="232" y="331"/>
                  </a:lnTo>
                  <a:lnTo>
                    <a:pt x="246" y="331"/>
                  </a:lnTo>
                  <a:lnTo>
                    <a:pt x="259" y="330"/>
                  </a:lnTo>
                  <a:lnTo>
                    <a:pt x="273" y="328"/>
                  </a:lnTo>
                  <a:lnTo>
                    <a:pt x="288" y="328"/>
                  </a:lnTo>
                  <a:lnTo>
                    <a:pt x="305" y="326"/>
                  </a:lnTo>
                  <a:lnTo>
                    <a:pt x="322" y="325"/>
                  </a:lnTo>
                  <a:lnTo>
                    <a:pt x="339" y="323"/>
                  </a:lnTo>
                  <a:lnTo>
                    <a:pt x="356" y="321"/>
                  </a:lnTo>
                  <a:lnTo>
                    <a:pt x="373" y="320"/>
                  </a:lnTo>
                  <a:lnTo>
                    <a:pt x="391" y="318"/>
                  </a:lnTo>
                  <a:lnTo>
                    <a:pt x="408" y="318"/>
                  </a:lnTo>
                  <a:lnTo>
                    <a:pt x="425" y="316"/>
                  </a:lnTo>
                  <a:lnTo>
                    <a:pt x="440" y="314"/>
                  </a:lnTo>
                  <a:lnTo>
                    <a:pt x="457" y="313"/>
                  </a:lnTo>
                  <a:lnTo>
                    <a:pt x="472" y="311"/>
                  </a:lnTo>
                  <a:lnTo>
                    <a:pt x="488" y="309"/>
                  </a:lnTo>
                  <a:lnTo>
                    <a:pt x="501" y="309"/>
                  </a:lnTo>
                  <a:lnTo>
                    <a:pt x="513" y="308"/>
                  </a:lnTo>
                  <a:lnTo>
                    <a:pt x="525" y="306"/>
                  </a:lnTo>
                  <a:lnTo>
                    <a:pt x="535" y="306"/>
                  </a:lnTo>
                  <a:lnTo>
                    <a:pt x="544" y="306"/>
                  </a:lnTo>
                  <a:lnTo>
                    <a:pt x="549" y="304"/>
                  </a:lnTo>
                  <a:lnTo>
                    <a:pt x="554" y="304"/>
                  </a:lnTo>
                  <a:lnTo>
                    <a:pt x="557" y="304"/>
                  </a:lnTo>
                  <a:lnTo>
                    <a:pt x="559" y="304"/>
                  </a:lnTo>
                  <a:lnTo>
                    <a:pt x="560" y="303"/>
                  </a:lnTo>
                  <a:lnTo>
                    <a:pt x="564" y="301"/>
                  </a:lnTo>
                  <a:lnTo>
                    <a:pt x="567" y="299"/>
                  </a:lnTo>
                  <a:lnTo>
                    <a:pt x="571" y="298"/>
                  </a:lnTo>
                  <a:lnTo>
                    <a:pt x="576" y="296"/>
                  </a:lnTo>
                  <a:lnTo>
                    <a:pt x="581" y="292"/>
                  </a:lnTo>
                  <a:lnTo>
                    <a:pt x="586" y="291"/>
                  </a:lnTo>
                  <a:lnTo>
                    <a:pt x="591" y="287"/>
                  </a:lnTo>
                  <a:lnTo>
                    <a:pt x="596" y="286"/>
                  </a:lnTo>
                  <a:lnTo>
                    <a:pt x="601" y="282"/>
                  </a:lnTo>
                  <a:lnTo>
                    <a:pt x="606" y="281"/>
                  </a:lnTo>
                  <a:lnTo>
                    <a:pt x="611" y="277"/>
                  </a:lnTo>
                  <a:lnTo>
                    <a:pt x="615" y="276"/>
                  </a:lnTo>
                  <a:lnTo>
                    <a:pt x="618" y="274"/>
                  </a:lnTo>
                  <a:lnTo>
                    <a:pt x="620" y="274"/>
                  </a:lnTo>
                  <a:lnTo>
                    <a:pt x="621" y="272"/>
                  </a:lnTo>
                  <a:lnTo>
                    <a:pt x="621" y="270"/>
                  </a:lnTo>
                  <a:lnTo>
                    <a:pt x="623" y="269"/>
                  </a:lnTo>
                  <a:lnTo>
                    <a:pt x="625" y="265"/>
                  </a:lnTo>
                  <a:lnTo>
                    <a:pt x="626" y="264"/>
                  </a:lnTo>
                  <a:lnTo>
                    <a:pt x="630" y="260"/>
                  </a:lnTo>
                  <a:lnTo>
                    <a:pt x="635" y="259"/>
                  </a:lnTo>
                  <a:lnTo>
                    <a:pt x="640" y="255"/>
                  </a:lnTo>
                  <a:lnTo>
                    <a:pt x="643" y="255"/>
                  </a:lnTo>
                  <a:lnTo>
                    <a:pt x="643" y="254"/>
                  </a:lnTo>
                  <a:lnTo>
                    <a:pt x="645" y="252"/>
                  </a:lnTo>
                  <a:lnTo>
                    <a:pt x="647" y="252"/>
                  </a:lnTo>
                  <a:lnTo>
                    <a:pt x="647" y="248"/>
                  </a:lnTo>
                  <a:lnTo>
                    <a:pt x="647" y="247"/>
                  </a:lnTo>
                  <a:lnTo>
                    <a:pt x="648" y="245"/>
                  </a:lnTo>
                  <a:lnTo>
                    <a:pt x="648" y="243"/>
                  </a:lnTo>
                  <a:lnTo>
                    <a:pt x="650" y="240"/>
                  </a:lnTo>
                  <a:lnTo>
                    <a:pt x="652" y="238"/>
                  </a:lnTo>
                  <a:lnTo>
                    <a:pt x="653" y="237"/>
                  </a:lnTo>
                  <a:lnTo>
                    <a:pt x="655" y="235"/>
                  </a:lnTo>
                  <a:lnTo>
                    <a:pt x="657" y="232"/>
                  </a:lnTo>
                  <a:lnTo>
                    <a:pt x="659" y="228"/>
                  </a:lnTo>
                  <a:lnTo>
                    <a:pt x="660" y="225"/>
                  </a:lnTo>
                  <a:lnTo>
                    <a:pt x="662" y="221"/>
                  </a:lnTo>
                  <a:lnTo>
                    <a:pt x="664" y="215"/>
                  </a:lnTo>
                  <a:lnTo>
                    <a:pt x="667" y="211"/>
                  </a:lnTo>
                  <a:lnTo>
                    <a:pt x="672" y="208"/>
                  </a:lnTo>
                  <a:lnTo>
                    <a:pt x="677" y="204"/>
                  </a:lnTo>
                  <a:lnTo>
                    <a:pt x="684" y="201"/>
                  </a:lnTo>
                  <a:lnTo>
                    <a:pt x="689" y="198"/>
                  </a:lnTo>
                  <a:lnTo>
                    <a:pt x="694" y="194"/>
                  </a:lnTo>
                  <a:lnTo>
                    <a:pt x="699" y="189"/>
                  </a:lnTo>
                  <a:lnTo>
                    <a:pt x="701" y="184"/>
                  </a:lnTo>
                  <a:lnTo>
                    <a:pt x="703" y="182"/>
                  </a:lnTo>
                  <a:lnTo>
                    <a:pt x="704" y="182"/>
                  </a:lnTo>
                  <a:lnTo>
                    <a:pt x="703" y="184"/>
                  </a:lnTo>
                  <a:lnTo>
                    <a:pt x="701" y="186"/>
                  </a:lnTo>
                  <a:lnTo>
                    <a:pt x="701" y="188"/>
                  </a:lnTo>
                  <a:lnTo>
                    <a:pt x="699" y="188"/>
                  </a:lnTo>
                  <a:lnTo>
                    <a:pt x="699" y="189"/>
                  </a:lnTo>
                  <a:lnTo>
                    <a:pt x="723" y="157"/>
                  </a:lnTo>
                  <a:lnTo>
                    <a:pt x="711" y="157"/>
                  </a:lnTo>
                  <a:lnTo>
                    <a:pt x="711" y="155"/>
                  </a:lnTo>
                  <a:lnTo>
                    <a:pt x="709" y="154"/>
                  </a:lnTo>
                  <a:lnTo>
                    <a:pt x="709" y="152"/>
                  </a:lnTo>
                  <a:lnTo>
                    <a:pt x="708" y="150"/>
                  </a:lnTo>
                  <a:lnTo>
                    <a:pt x="704" y="150"/>
                  </a:lnTo>
                  <a:lnTo>
                    <a:pt x="701" y="149"/>
                  </a:lnTo>
                  <a:lnTo>
                    <a:pt x="696" y="149"/>
                  </a:lnTo>
                  <a:lnTo>
                    <a:pt x="696" y="147"/>
                  </a:lnTo>
                  <a:lnTo>
                    <a:pt x="692" y="142"/>
                  </a:lnTo>
                  <a:lnTo>
                    <a:pt x="687" y="137"/>
                  </a:lnTo>
                  <a:lnTo>
                    <a:pt x="682" y="128"/>
                  </a:lnTo>
                  <a:lnTo>
                    <a:pt x="675" y="120"/>
                  </a:lnTo>
                  <a:lnTo>
                    <a:pt x="669" y="110"/>
                  </a:lnTo>
                  <a:lnTo>
                    <a:pt x="660" y="101"/>
                  </a:lnTo>
                  <a:lnTo>
                    <a:pt x="652" y="91"/>
                  </a:lnTo>
                  <a:lnTo>
                    <a:pt x="652" y="88"/>
                  </a:lnTo>
                  <a:lnTo>
                    <a:pt x="652" y="84"/>
                  </a:lnTo>
                  <a:lnTo>
                    <a:pt x="653" y="79"/>
                  </a:lnTo>
                  <a:lnTo>
                    <a:pt x="653" y="76"/>
                  </a:lnTo>
                  <a:lnTo>
                    <a:pt x="653" y="71"/>
                  </a:lnTo>
                  <a:lnTo>
                    <a:pt x="652" y="64"/>
                  </a:lnTo>
                  <a:lnTo>
                    <a:pt x="650" y="59"/>
                  </a:lnTo>
                  <a:lnTo>
                    <a:pt x="647" y="56"/>
                  </a:lnTo>
                  <a:lnTo>
                    <a:pt x="647" y="52"/>
                  </a:lnTo>
                  <a:lnTo>
                    <a:pt x="647" y="50"/>
                  </a:lnTo>
                  <a:lnTo>
                    <a:pt x="648" y="50"/>
                  </a:lnTo>
                  <a:lnTo>
                    <a:pt x="648" y="52"/>
                  </a:lnTo>
                  <a:lnTo>
                    <a:pt x="650" y="52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572" name="Group 63"/>
            <p:cNvGrpSpPr>
              <a:grpSpLocks/>
            </p:cNvGrpSpPr>
            <p:nvPr/>
          </p:nvGrpSpPr>
          <p:grpSpPr bwMode="auto">
            <a:xfrm>
              <a:off x="4830" y="1006"/>
              <a:ext cx="350" cy="562"/>
              <a:chOff x="5086" y="1113"/>
              <a:chExt cx="359" cy="579"/>
            </a:xfrm>
          </p:grpSpPr>
          <p:sp>
            <p:nvSpPr>
              <p:cNvPr id="698" name="Freeform 64"/>
              <p:cNvSpPr>
                <a:spLocks/>
              </p:cNvSpPr>
              <p:nvPr/>
            </p:nvSpPr>
            <p:spPr bwMode="auto">
              <a:xfrm>
                <a:off x="5086" y="1113"/>
                <a:ext cx="359" cy="579"/>
              </a:xfrm>
              <a:custGeom>
                <a:avLst/>
                <a:gdLst>
                  <a:gd name="T0" fmla="*/ 90 w 359"/>
                  <a:gd name="T1" fmla="*/ 565 h 579"/>
                  <a:gd name="T2" fmla="*/ 74 w 359"/>
                  <a:gd name="T3" fmla="*/ 550 h 579"/>
                  <a:gd name="T4" fmla="*/ 0 w 359"/>
                  <a:gd name="T5" fmla="*/ 318 h 579"/>
                  <a:gd name="T6" fmla="*/ 15 w 359"/>
                  <a:gd name="T7" fmla="*/ 311 h 579"/>
                  <a:gd name="T8" fmla="*/ 18 w 359"/>
                  <a:gd name="T9" fmla="*/ 311 h 579"/>
                  <a:gd name="T10" fmla="*/ 18 w 359"/>
                  <a:gd name="T11" fmla="*/ 294 h 579"/>
                  <a:gd name="T12" fmla="*/ 27 w 359"/>
                  <a:gd name="T13" fmla="*/ 289 h 579"/>
                  <a:gd name="T14" fmla="*/ 30 w 359"/>
                  <a:gd name="T15" fmla="*/ 259 h 579"/>
                  <a:gd name="T16" fmla="*/ 39 w 359"/>
                  <a:gd name="T17" fmla="*/ 250 h 579"/>
                  <a:gd name="T18" fmla="*/ 39 w 359"/>
                  <a:gd name="T19" fmla="*/ 238 h 579"/>
                  <a:gd name="T20" fmla="*/ 47 w 359"/>
                  <a:gd name="T21" fmla="*/ 221 h 579"/>
                  <a:gd name="T22" fmla="*/ 39 w 359"/>
                  <a:gd name="T23" fmla="*/ 198 h 579"/>
                  <a:gd name="T24" fmla="*/ 39 w 359"/>
                  <a:gd name="T25" fmla="*/ 169 h 579"/>
                  <a:gd name="T26" fmla="*/ 44 w 359"/>
                  <a:gd name="T27" fmla="*/ 154 h 579"/>
                  <a:gd name="T28" fmla="*/ 44 w 359"/>
                  <a:gd name="T29" fmla="*/ 125 h 579"/>
                  <a:gd name="T30" fmla="*/ 51 w 359"/>
                  <a:gd name="T31" fmla="*/ 98 h 579"/>
                  <a:gd name="T32" fmla="*/ 91 w 359"/>
                  <a:gd name="T33" fmla="*/ 12 h 579"/>
                  <a:gd name="T34" fmla="*/ 105 w 359"/>
                  <a:gd name="T35" fmla="*/ 34 h 579"/>
                  <a:gd name="T36" fmla="*/ 125 w 359"/>
                  <a:gd name="T37" fmla="*/ 29 h 579"/>
                  <a:gd name="T38" fmla="*/ 145 w 359"/>
                  <a:gd name="T39" fmla="*/ 12 h 579"/>
                  <a:gd name="T40" fmla="*/ 152 w 359"/>
                  <a:gd name="T41" fmla="*/ 3 h 579"/>
                  <a:gd name="T42" fmla="*/ 174 w 359"/>
                  <a:gd name="T43" fmla="*/ 7 h 579"/>
                  <a:gd name="T44" fmla="*/ 205 w 359"/>
                  <a:gd name="T45" fmla="*/ 22 h 579"/>
                  <a:gd name="T46" fmla="*/ 255 w 359"/>
                  <a:gd name="T47" fmla="*/ 177 h 579"/>
                  <a:gd name="T48" fmla="*/ 294 w 359"/>
                  <a:gd name="T49" fmla="*/ 213 h 579"/>
                  <a:gd name="T50" fmla="*/ 311 w 359"/>
                  <a:gd name="T51" fmla="*/ 237 h 579"/>
                  <a:gd name="T52" fmla="*/ 332 w 359"/>
                  <a:gd name="T53" fmla="*/ 243 h 579"/>
                  <a:gd name="T54" fmla="*/ 340 w 359"/>
                  <a:gd name="T55" fmla="*/ 265 h 579"/>
                  <a:gd name="T56" fmla="*/ 359 w 359"/>
                  <a:gd name="T57" fmla="*/ 267 h 579"/>
                  <a:gd name="T58" fmla="*/ 350 w 359"/>
                  <a:gd name="T59" fmla="*/ 289 h 579"/>
                  <a:gd name="T60" fmla="*/ 335 w 359"/>
                  <a:gd name="T61" fmla="*/ 293 h 579"/>
                  <a:gd name="T62" fmla="*/ 323 w 359"/>
                  <a:gd name="T63" fmla="*/ 306 h 579"/>
                  <a:gd name="T64" fmla="*/ 320 w 359"/>
                  <a:gd name="T65" fmla="*/ 320 h 579"/>
                  <a:gd name="T66" fmla="*/ 304 w 359"/>
                  <a:gd name="T67" fmla="*/ 326 h 579"/>
                  <a:gd name="T68" fmla="*/ 299 w 359"/>
                  <a:gd name="T69" fmla="*/ 323 h 579"/>
                  <a:gd name="T70" fmla="*/ 296 w 359"/>
                  <a:gd name="T71" fmla="*/ 330 h 579"/>
                  <a:gd name="T72" fmla="*/ 284 w 359"/>
                  <a:gd name="T73" fmla="*/ 357 h 579"/>
                  <a:gd name="T74" fmla="*/ 264 w 359"/>
                  <a:gd name="T75" fmla="*/ 335 h 579"/>
                  <a:gd name="T76" fmla="*/ 262 w 359"/>
                  <a:gd name="T77" fmla="*/ 348 h 579"/>
                  <a:gd name="T78" fmla="*/ 244 w 359"/>
                  <a:gd name="T79" fmla="*/ 362 h 579"/>
                  <a:gd name="T80" fmla="*/ 220 w 359"/>
                  <a:gd name="T81" fmla="*/ 362 h 579"/>
                  <a:gd name="T82" fmla="*/ 213 w 359"/>
                  <a:gd name="T83" fmla="*/ 353 h 579"/>
                  <a:gd name="T84" fmla="*/ 208 w 359"/>
                  <a:gd name="T85" fmla="*/ 372 h 579"/>
                  <a:gd name="T86" fmla="*/ 198 w 359"/>
                  <a:gd name="T87" fmla="*/ 436 h 579"/>
                  <a:gd name="T88" fmla="*/ 171 w 359"/>
                  <a:gd name="T89" fmla="*/ 450 h 579"/>
                  <a:gd name="T90" fmla="*/ 162 w 359"/>
                  <a:gd name="T91" fmla="*/ 448 h 579"/>
                  <a:gd name="T92" fmla="*/ 156 w 359"/>
                  <a:gd name="T93" fmla="*/ 448 h 579"/>
                  <a:gd name="T94" fmla="*/ 157 w 359"/>
                  <a:gd name="T95" fmla="*/ 475 h 579"/>
                  <a:gd name="T96" fmla="*/ 144 w 359"/>
                  <a:gd name="T97" fmla="*/ 460 h 579"/>
                  <a:gd name="T98" fmla="*/ 125 w 359"/>
                  <a:gd name="T99" fmla="*/ 475 h 579"/>
                  <a:gd name="T100" fmla="*/ 122 w 359"/>
                  <a:gd name="T101" fmla="*/ 506 h 579"/>
                  <a:gd name="T102" fmla="*/ 120 w 359"/>
                  <a:gd name="T103" fmla="*/ 528 h 579"/>
                  <a:gd name="T104" fmla="*/ 106 w 359"/>
                  <a:gd name="T105" fmla="*/ 541 h 579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w 359"/>
                  <a:gd name="T160" fmla="*/ 0 h 579"/>
                  <a:gd name="T161" fmla="*/ 359 w 359"/>
                  <a:gd name="T162" fmla="*/ 579 h 579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T159" t="T160" r="T161" b="T162"/>
                <a:pathLst>
                  <a:path w="359" h="579">
                    <a:moveTo>
                      <a:pt x="98" y="579"/>
                    </a:moveTo>
                    <a:lnTo>
                      <a:pt x="96" y="577"/>
                    </a:lnTo>
                    <a:lnTo>
                      <a:pt x="95" y="575"/>
                    </a:lnTo>
                    <a:lnTo>
                      <a:pt x="91" y="573"/>
                    </a:lnTo>
                    <a:lnTo>
                      <a:pt x="90" y="572"/>
                    </a:lnTo>
                    <a:lnTo>
                      <a:pt x="90" y="565"/>
                    </a:lnTo>
                    <a:lnTo>
                      <a:pt x="88" y="560"/>
                    </a:lnTo>
                    <a:lnTo>
                      <a:pt x="84" y="557"/>
                    </a:lnTo>
                    <a:lnTo>
                      <a:pt x="83" y="553"/>
                    </a:lnTo>
                    <a:lnTo>
                      <a:pt x="79" y="551"/>
                    </a:lnTo>
                    <a:lnTo>
                      <a:pt x="78" y="551"/>
                    </a:lnTo>
                    <a:lnTo>
                      <a:pt x="74" y="550"/>
                    </a:lnTo>
                    <a:lnTo>
                      <a:pt x="68" y="541"/>
                    </a:lnTo>
                    <a:lnTo>
                      <a:pt x="2" y="323"/>
                    </a:lnTo>
                    <a:lnTo>
                      <a:pt x="0" y="323"/>
                    </a:lnTo>
                    <a:lnTo>
                      <a:pt x="0" y="321"/>
                    </a:lnTo>
                    <a:lnTo>
                      <a:pt x="0" y="318"/>
                    </a:lnTo>
                    <a:lnTo>
                      <a:pt x="0" y="315"/>
                    </a:lnTo>
                    <a:lnTo>
                      <a:pt x="2" y="311"/>
                    </a:lnTo>
                    <a:lnTo>
                      <a:pt x="3" y="308"/>
                    </a:lnTo>
                    <a:lnTo>
                      <a:pt x="7" y="306"/>
                    </a:lnTo>
                    <a:lnTo>
                      <a:pt x="10" y="308"/>
                    </a:lnTo>
                    <a:lnTo>
                      <a:pt x="15" y="311"/>
                    </a:lnTo>
                    <a:lnTo>
                      <a:pt x="15" y="313"/>
                    </a:lnTo>
                    <a:lnTo>
                      <a:pt x="17" y="313"/>
                    </a:lnTo>
                    <a:lnTo>
                      <a:pt x="17" y="315"/>
                    </a:lnTo>
                    <a:lnTo>
                      <a:pt x="18" y="315"/>
                    </a:lnTo>
                    <a:lnTo>
                      <a:pt x="18" y="313"/>
                    </a:lnTo>
                    <a:lnTo>
                      <a:pt x="18" y="311"/>
                    </a:lnTo>
                    <a:lnTo>
                      <a:pt x="20" y="306"/>
                    </a:lnTo>
                    <a:lnTo>
                      <a:pt x="20" y="301"/>
                    </a:lnTo>
                    <a:lnTo>
                      <a:pt x="20" y="299"/>
                    </a:lnTo>
                    <a:lnTo>
                      <a:pt x="18" y="298"/>
                    </a:lnTo>
                    <a:lnTo>
                      <a:pt x="18" y="296"/>
                    </a:lnTo>
                    <a:lnTo>
                      <a:pt x="18" y="294"/>
                    </a:lnTo>
                    <a:lnTo>
                      <a:pt x="18" y="293"/>
                    </a:lnTo>
                    <a:lnTo>
                      <a:pt x="20" y="291"/>
                    </a:lnTo>
                    <a:lnTo>
                      <a:pt x="24" y="293"/>
                    </a:lnTo>
                    <a:lnTo>
                      <a:pt x="30" y="294"/>
                    </a:lnTo>
                    <a:lnTo>
                      <a:pt x="29" y="293"/>
                    </a:lnTo>
                    <a:lnTo>
                      <a:pt x="27" y="289"/>
                    </a:lnTo>
                    <a:lnTo>
                      <a:pt x="25" y="284"/>
                    </a:lnTo>
                    <a:lnTo>
                      <a:pt x="24" y="279"/>
                    </a:lnTo>
                    <a:lnTo>
                      <a:pt x="22" y="274"/>
                    </a:lnTo>
                    <a:lnTo>
                      <a:pt x="24" y="267"/>
                    </a:lnTo>
                    <a:lnTo>
                      <a:pt x="25" y="262"/>
                    </a:lnTo>
                    <a:lnTo>
                      <a:pt x="30" y="259"/>
                    </a:lnTo>
                    <a:lnTo>
                      <a:pt x="32" y="257"/>
                    </a:lnTo>
                    <a:lnTo>
                      <a:pt x="34" y="255"/>
                    </a:lnTo>
                    <a:lnTo>
                      <a:pt x="35" y="254"/>
                    </a:lnTo>
                    <a:lnTo>
                      <a:pt x="37" y="252"/>
                    </a:lnTo>
                    <a:lnTo>
                      <a:pt x="39" y="250"/>
                    </a:lnTo>
                    <a:lnTo>
                      <a:pt x="39" y="249"/>
                    </a:lnTo>
                    <a:lnTo>
                      <a:pt x="40" y="249"/>
                    </a:lnTo>
                    <a:lnTo>
                      <a:pt x="40" y="247"/>
                    </a:lnTo>
                    <a:lnTo>
                      <a:pt x="39" y="245"/>
                    </a:lnTo>
                    <a:lnTo>
                      <a:pt x="39" y="242"/>
                    </a:lnTo>
                    <a:lnTo>
                      <a:pt x="39" y="238"/>
                    </a:lnTo>
                    <a:lnTo>
                      <a:pt x="40" y="235"/>
                    </a:lnTo>
                    <a:lnTo>
                      <a:pt x="42" y="230"/>
                    </a:lnTo>
                    <a:lnTo>
                      <a:pt x="44" y="227"/>
                    </a:lnTo>
                    <a:lnTo>
                      <a:pt x="49" y="223"/>
                    </a:lnTo>
                    <a:lnTo>
                      <a:pt x="47" y="223"/>
                    </a:lnTo>
                    <a:lnTo>
                      <a:pt x="47" y="221"/>
                    </a:lnTo>
                    <a:lnTo>
                      <a:pt x="47" y="218"/>
                    </a:lnTo>
                    <a:lnTo>
                      <a:pt x="46" y="215"/>
                    </a:lnTo>
                    <a:lnTo>
                      <a:pt x="44" y="211"/>
                    </a:lnTo>
                    <a:lnTo>
                      <a:pt x="42" y="208"/>
                    </a:lnTo>
                    <a:lnTo>
                      <a:pt x="40" y="203"/>
                    </a:lnTo>
                    <a:lnTo>
                      <a:pt x="39" y="198"/>
                    </a:lnTo>
                    <a:lnTo>
                      <a:pt x="39" y="193"/>
                    </a:lnTo>
                    <a:lnTo>
                      <a:pt x="37" y="188"/>
                    </a:lnTo>
                    <a:lnTo>
                      <a:pt x="37" y="183"/>
                    </a:lnTo>
                    <a:lnTo>
                      <a:pt x="37" y="177"/>
                    </a:lnTo>
                    <a:lnTo>
                      <a:pt x="39" y="172"/>
                    </a:lnTo>
                    <a:lnTo>
                      <a:pt x="39" y="169"/>
                    </a:lnTo>
                    <a:lnTo>
                      <a:pt x="42" y="164"/>
                    </a:lnTo>
                    <a:lnTo>
                      <a:pt x="46" y="161"/>
                    </a:lnTo>
                    <a:lnTo>
                      <a:pt x="46" y="159"/>
                    </a:lnTo>
                    <a:lnTo>
                      <a:pt x="44" y="157"/>
                    </a:lnTo>
                    <a:lnTo>
                      <a:pt x="44" y="154"/>
                    </a:lnTo>
                    <a:lnTo>
                      <a:pt x="44" y="149"/>
                    </a:lnTo>
                    <a:lnTo>
                      <a:pt x="44" y="145"/>
                    </a:lnTo>
                    <a:lnTo>
                      <a:pt x="44" y="140"/>
                    </a:lnTo>
                    <a:lnTo>
                      <a:pt x="44" y="135"/>
                    </a:lnTo>
                    <a:lnTo>
                      <a:pt x="44" y="130"/>
                    </a:lnTo>
                    <a:lnTo>
                      <a:pt x="44" y="125"/>
                    </a:lnTo>
                    <a:lnTo>
                      <a:pt x="44" y="120"/>
                    </a:lnTo>
                    <a:lnTo>
                      <a:pt x="44" y="115"/>
                    </a:lnTo>
                    <a:lnTo>
                      <a:pt x="46" y="110"/>
                    </a:lnTo>
                    <a:lnTo>
                      <a:pt x="47" y="105"/>
                    </a:lnTo>
                    <a:lnTo>
                      <a:pt x="49" y="101"/>
                    </a:lnTo>
                    <a:lnTo>
                      <a:pt x="51" y="98"/>
                    </a:lnTo>
                    <a:lnTo>
                      <a:pt x="78" y="15"/>
                    </a:lnTo>
                    <a:lnTo>
                      <a:pt x="79" y="13"/>
                    </a:lnTo>
                    <a:lnTo>
                      <a:pt x="81" y="13"/>
                    </a:lnTo>
                    <a:lnTo>
                      <a:pt x="84" y="12"/>
                    </a:lnTo>
                    <a:lnTo>
                      <a:pt x="88" y="10"/>
                    </a:lnTo>
                    <a:lnTo>
                      <a:pt x="91" y="12"/>
                    </a:lnTo>
                    <a:lnTo>
                      <a:pt x="95" y="13"/>
                    </a:lnTo>
                    <a:lnTo>
                      <a:pt x="98" y="18"/>
                    </a:lnTo>
                    <a:lnTo>
                      <a:pt x="101" y="29"/>
                    </a:lnTo>
                    <a:lnTo>
                      <a:pt x="101" y="30"/>
                    </a:lnTo>
                    <a:lnTo>
                      <a:pt x="103" y="32"/>
                    </a:lnTo>
                    <a:lnTo>
                      <a:pt x="105" y="34"/>
                    </a:lnTo>
                    <a:lnTo>
                      <a:pt x="108" y="35"/>
                    </a:lnTo>
                    <a:lnTo>
                      <a:pt x="110" y="37"/>
                    </a:lnTo>
                    <a:lnTo>
                      <a:pt x="115" y="37"/>
                    </a:lnTo>
                    <a:lnTo>
                      <a:pt x="118" y="34"/>
                    </a:lnTo>
                    <a:lnTo>
                      <a:pt x="125" y="30"/>
                    </a:lnTo>
                    <a:lnTo>
                      <a:pt x="125" y="29"/>
                    </a:lnTo>
                    <a:lnTo>
                      <a:pt x="128" y="27"/>
                    </a:lnTo>
                    <a:lnTo>
                      <a:pt x="132" y="23"/>
                    </a:lnTo>
                    <a:lnTo>
                      <a:pt x="135" y="20"/>
                    </a:lnTo>
                    <a:lnTo>
                      <a:pt x="139" y="17"/>
                    </a:lnTo>
                    <a:lnTo>
                      <a:pt x="142" y="13"/>
                    </a:lnTo>
                    <a:lnTo>
                      <a:pt x="145" y="12"/>
                    </a:lnTo>
                    <a:lnTo>
                      <a:pt x="152" y="10"/>
                    </a:lnTo>
                    <a:lnTo>
                      <a:pt x="152" y="8"/>
                    </a:lnTo>
                    <a:lnTo>
                      <a:pt x="152" y="5"/>
                    </a:lnTo>
                    <a:lnTo>
                      <a:pt x="152" y="3"/>
                    </a:lnTo>
                    <a:lnTo>
                      <a:pt x="154" y="1"/>
                    </a:lnTo>
                    <a:lnTo>
                      <a:pt x="157" y="0"/>
                    </a:lnTo>
                    <a:lnTo>
                      <a:pt x="162" y="1"/>
                    </a:lnTo>
                    <a:lnTo>
                      <a:pt x="169" y="3"/>
                    </a:lnTo>
                    <a:lnTo>
                      <a:pt x="171" y="5"/>
                    </a:lnTo>
                    <a:lnTo>
                      <a:pt x="174" y="7"/>
                    </a:lnTo>
                    <a:lnTo>
                      <a:pt x="179" y="10"/>
                    </a:lnTo>
                    <a:lnTo>
                      <a:pt x="186" y="13"/>
                    </a:lnTo>
                    <a:lnTo>
                      <a:pt x="193" y="15"/>
                    </a:lnTo>
                    <a:lnTo>
                      <a:pt x="198" y="18"/>
                    </a:lnTo>
                    <a:lnTo>
                      <a:pt x="203" y="20"/>
                    </a:lnTo>
                    <a:lnTo>
                      <a:pt x="205" y="22"/>
                    </a:lnTo>
                    <a:lnTo>
                      <a:pt x="213" y="30"/>
                    </a:lnTo>
                    <a:lnTo>
                      <a:pt x="254" y="164"/>
                    </a:lnTo>
                    <a:lnTo>
                      <a:pt x="254" y="166"/>
                    </a:lnTo>
                    <a:lnTo>
                      <a:pt x="254" y="169"/>
                    </a:lnTo>
                    <a:lnTo>
                      <a:pt x="254" y="172"/>
                    </a:lnTo>
                    <a:lnTo>
                      <a:pt x="255" y="177"/>
                    </a:lnTo>
                    <a:lnTo>
                      <a:pt x="260" y="184"/>
                    </a:lnTo>
                    <a:lnTo>
                      <a:pt x="266" y="188"/>
                    </a:lnTo>
                    <a:lnTo>
                      <a:pt x="276" y="191"/>
                    </a:lnTo>
                    <a:lnTo>
                      <a:pt x="289" y="193"/>
                    </a:lnTo>
                    <a:lnTo>
                      <a:pt x="294" y="196"/>
                    </a:lnTo>
                    <a:lnTo>
                      <a:pt x="294" y="213"/>
                    </a:lnTo>
                    <a:lnTo>
                      <a:pt x="303" y="221"/>
                    </a:lnTo>
                    <a:lnTo>
                      <a:pt x="304" y="225"/>
                    </a:lnTo>
                    <a:lnTo>
                      <a:pt x="306" y="228"/>
                    </a:lnTo>
                    <a:lnTo>
                      <a:pt x="308" y="233"/>
                    </a:lnTo>
                    <a:lnTo>
                      <a:pt x="311" y="237"/>
                    </a:lnTo>
                    <a:lnTo>
                      <a:pt x="315" y="238"/>
                    </a:lnTo>
                    <a:lnTo>
                      <a:pt x="318" y="238"/>
                    </a:lnTo>
                    <a:lnTo>
                      <a:pt x="321" y="237"/>
                    </a:lnTo>
                    <a:lnTo>
                      <a:pt x="323" y="237"/>
                    </a:lnTo>
                    <a:lnTo>
                      <a:pt x="326" y="240"/>
                    </a:lnTo>
                    <a:lnTo>
                      <a:pt x="332" y="243"/>
                    </a:lnTo>
                    <a:lnTo>
                      <a:pt x="337" y="247"/>
                    </a:lnTo>
                    <a:lnTo>
                      <a:pt x="340" y="250"/>
                    </a:lnTo>
                    <a:lnTo>
                      <a:pt x="345" y="254"/>
                    </a:lnTo>
                    <a:lnTo>
                      <a:pt x="348" y="257"/>
                    </a:lnTo>
                    <a:lnTo>
                      <a:pt x="340" y="265"/>
                    </a:lnTo>
                    <a:lnTo>
                      <a:pt x="347" y="276"/>
                    </a:lnTo>
                    <a:lnTo>
                      <a:pt x="350" y="272"/>
                    </a:lnTo>
                    <a:lnTo>
                      <a:pt x="354" y="271"/>
                    </a:lnTo>
                    <a:lnTo>
                      <a:pt x="357" y="267"/>
                    </a:lnTo>
                    <a:lnTo>
                      <a:pt x="359" y="267"/>
                    </a:lnTo>
                    <a:lnTo>
                      <a:pt x="359" y="269"/>
                    </a:lnTo>
                    <a:lnTo>
                      <a:pt x="359" y="274"/>
                    </a:lnTo>
                    <a:lnTo>
                      <a:pt x="354" y="284"/>
                    </a:lnTo>
                    <a:lnTo>
                      <a:pt x="352" y="287"/>
                    </a:lnTo>
                    <a:lnTo>
                      <a:pt x="350" y="289"/>
                    </a:lnTo>
                    <a:lnTo>
                      <a:pt x="347" y="293"/>
                    </a:lnTo>
                    <a:lnTo>
                      <a:pt x="345" y="296"/>
                    </a:lnTo>
                    <a:lnTo>
                      <a:pt x="343" y="298"/>
                    </a:lnTo>
                    <a:lnTo>
                      <a:pt x="342" y="299"/>
                    </a:lnTo>
                    <a:lnTo>
                      <a:pt x="342" y="301"/>
                    </a:lnTo>
                    <a:lnTo>
                      <a:pt x="335" y="293"/>
                    </a:lnTo>
                    <a:lnTo>
                      <a:pt x="330" y="298"/>
                    </a:lnTo>
                    <a:lnTo>
                      <a:pt x="333" y="306"/>
                    </a:lnTo>
                    <a:lnTo>
                      <a:pt x="326" y="308"/>
                    </a:lnTo>
                    <a:lnTo>
                      <a:pt x="325" y="308"/>
                    </a:lnTo>
                    <a:lnTo>
                      <a:pt x="323" y="306"/>
                    </a:lnTo>
                    <a:lnTo>
                      <a:pt x="321" y="306"/>
                    </a:lnTo>
                    <a:lnTo>
                      <a:pt x="318" y="306"/>
                    </a:lnTo>
                    <a:lnTo>
                      <a:pt x="318" y="308"/>
                    </a:lnTo>
                    <a:lnTo>
                      <a:pt x="318" y="311"/>
                    </a:lnTo>
                    <a:lnTo>
                      <a:pt x="320" y="316"/>
                    </a:lnTo>
                    <a:lnTo>
                      <a:pt x="320" y="320"/>
                    </a:lnTo>
                    <a:lnTo>
                      <a:pt x="318" y="321"/>
                    </a:lnTo>
                    <a:lnTo>
                      <a:pt x="316" y="323"/>
                    </a:lnTo>
                    <a:lnTo>
                      <a:pt x="313" y="325"/>
                    </a:lnTo>
                    <a:lnTo>
                      <a:pt x="310" y="326"/>
                    </a:lnTo>
                    <a:lnTo>
                      <a:pt x="306" y="326"/>
                    </a:lnTo>
                    <a:lnTo>
                      <a:pt x="304" y="326"/>
                    </a:lnTo>
                    <a:lnTo>
                      <a:pt x="301" y="325"/>
                    </a:lnTo>
                    <a:lnTo>
                      <a:pt x="298" y="321"/>
                    </a:lnTo>
                    <a:lnTo>
                      <a:pt x="299" y="323"/>
                    </a:lnTo>
                    <a:lnTo>
                      <a:pt x="299" y="321"/>
                    </a:lnTo>
                    <a:lnTo>
                      <a:pt x="298" y="321"/>
                    </a:lnTo>
                    <a:lnTo>
                      <a:pt x="298" y="323"/>
                    </a:lnTo>
                    <a:lnTo>
                      <a:pt x="296" y="326"/>
                    </a:lnTo>
                    <a:lnTo>
                      <a:pt x="296" y="330"/>
                    </a:lnTo>
                    <a:lnTo>
                      <a:pt x="296" y="338"/>
                    </a:lnTo>
                    <a:lnTo>
                      <a:pt x="294" y="340"/>
                    </a:lnTo>
                    <a:lnTo>
                      <a:pt x="293" y="345"/>
                    </a:lnTo>
                    <a:lnTo>
                      <a:pt x="289" y="347"/>
                    </a:lnTo>
                    <a:lnTo>
                      <a:pt x="289" y="348"/>
                    </a:lnTo>
                    <a:lnTo>
                      <a:pt x="284" y="357"/>
                    </a:lnTo>
                    <a:lnTo>
                      <a:pt x="277" y="348"/>
                    </a:lnTo>
                    <a:lnTo>
                      <a:pt x="277" y="342"/>
                    </a:lnTo>
                    <a:lnTo>
                      <a:pt x="267" y="337"/>
                    </a:lnTo>
                    <a:lnTo>
                      <a:pt x="267" y="335"/>
                    </a:lnTo>
                    <a:lnTo>
                      <a:pt x="266" y="335"/>
                    </a:lnTo>
                    <a:lnTo>
                      <a:pt x="264" y="335"/>
                    </a:lnTo>
                    <a:lnTo>
                      <a:pt x="262" y="335"/>
                    </a:lnTo>
                    <a:lnTo>
                      <a:pt x="260" y="337"/>
                    </a:lnTo>
                    <a:lnTo>
                      <a:pt x="260" y="338"/>
                    </a:lnTo>
                    <a:lnTo>
                      <a:pt x="260" y="342"/>
                    </a:lnTo>
                    <a:lnTo>
                      <a:pt x="262" y="347"/>
                    </a:lnTo>
                    <a:lnTo>
                      <a:pt x="262" y="348"/>
                    </a:lnTo>
                    <a:lnTo>
                      <a:pt x="260" y="350"/>
                    </a:lnTo>
                    <a:lnTo>
                      <a:pt x="257" y="353"/>
                    </a:lnTo>
                    <a:lnTo>
                      <a:pt x="254" y="355"/>
                    </a:lnTo>
                    <a:lnTo>
                      <a:pt x="249" y="359"/>
                    </a:lnTo>
                    <a:lnTo>
                      <a:pt x="245" y="360"/>
                    </a:lnTo>
                    <a:lnTo>
                      <a:pt x="244" y="362"/>
                    </a:lnTo>
                    <a:lnTo>
                      <a:pt x="242" y="362"/>
                    </a:lnTo>
                    <a:lnTo>
                      <a:pt x="244" y="375"/>
                    </a:lnTo>
                    <a:lnTo>
                      <a:pt x="223" y="375"/>
                    </a:lnTo>
                    <a:lnTo>
                      <a:pt x="230" y="364"/>
                    </a:lnTo>
                    <a:lnTo>
                      <a:pt x="220" y="364"/>
                    </a:lnTo>
                    <a:lnTo>
                      <a:pt x="220" y="362"/>
                    </a:lnTo>
                    <a:lnTo>
                      <a:pt x="220" y="359"/>
                    </a:lnTo>
                    <a:lnTo>
                      <a:pt x="218" y="353"/>
                    </a:lnTo>
                    <a:lnTo>
                      <a:pt x="218" y="350"/>
                    </a:lnTo>
                    <a:lnTo>
                      <a:pt x="216" y="348"/>
                    </a:lnTo>
                    <a:lnTo>
                      <a:pt x="215" y="348"/>
                    </a:lnTo>
                    <a:lnTo>
                      <a:pt x="213" y="353"/>
                    </a:lnTo>
                    <a:lnTo>
                      <a:pt x="210" y="364"/>
                    </a:lnTo>
                    <a:lnTo>
                      <a:pt x="210" y="365"/>
                    </a:lnTo>
                    <a:lnTo>
                      <a:pt x="210" y="367"/>
                    </a:lnTo>
                    <a:lnTo>
                      <a:pt x="210" y="370"/>
                    </a:lnTo>
                    <a:lnTo>
                      <a:pt x="208" y="372"/>
                    </a:lnTo>
                    <a:lnTo>
                      <a:pt x="208" y="375"/>
                    </a:lnTo>
                    <a:lnTo>
                      <a:pt x="208" y="377"/>
                    </a:lnTo>
                    <a:lnTo>
                      <a:pt x="210" y="411"/>
                    </a:lnTo>
                    <a:lnTo>
                      <a:pt x="205" y="421"/>
                    </a:lnTo>
                    <a:lnTo>
                      <a:pt x="198" y="436"/>
                    </a:lnTo>
                    <a:lnTo>
                      <a:pt x="193" y="428"/>
                    </a:lnTo>
                    <a:lnTo>
                      <a:pt x="183" y="431"/>
                    </a:lnTo>
                    <a:lnTo>
                      <a:pt x="179" y="450"/>
                    </a:lnTo>
                    <a:lnTo>
                      <a:pt x="171" y="448"/>
                    </a:lnTo>
                    <a:lnTo>
                      <a:pt x="171" y="450"/>
                    </a:lnTo>
                    <a:lnTo>
                      <a:pt x="171" y="453"/>
                    </a:lnTo>
                    <a:lnTo>
                      <a:pt x="169" y="453"/>
                    </a:lnTo>
                    <a:lnTo>
                      <a:pt x="169" y="455"/>
                    </a:lnTo>
                    <a:lnTo>
                      <a:pt x="167" y="455"/>
                    </a:lnTo>
                    <a:lnTo>
                      <a:pt x="166" y="453"/>
                    </a:lnTo>
                    <a:lnTo>
                      <a:pt x="162" y="448"/>
                    </a:lnTo>
                    <a:lnTo>
                      <a:pt x="162" y="447"/>
                    </a:lnTo>
                    <a:lnTo>
                      <a:pt x="161" y="447"/>
                    </a:lnTo>
                    <a:lnTo>
                      <a:pt x="161" y="445"/>
                    </a:lnTo>
                    <a:lnTo>
                      <a:pt x="159" y="445"/>
                    </a:lnTo>
                    <a:lnTo>
                      <a:pt x="157" y="447"/>
                    </a:lnTo>
                    <a:lnTo>
                      <a:pt x="156" y="448"/>
                    </a:lnTo>
                    <a:lnTo>
                      <a:pt x="156" y="453"/>
                    </a:lnTo>
                    <a:lnTo>
                      <a:pt x="154" y="462"/>
                    </a:lnTo>
                    <a:lnTo>
                      <a:pt x="156" y="463"/>
                    </a:lnTo>
                    <a:lnTo>
                      <a:pt x="156" y="467"/>
                    </a:lnTo>
                    <a:lnTo>
                      <a:pt x="156" y="472"/>
                    </a:lnTo>
                    <a:lnTo>
                      <a:pt x="157" y="475"/>
                    </a:lnTo>
                    <a:lnTo>
                      <a:pt x="156" y="477"/>
                    </a:lnTo>
                    <a:lnTo>
                      <a:pt x="154" y="475"/>
                    </a:lnTo>
                    <a:lnTo>
                      <a:pt x="152" y="469"/>
                    </a:lnTo>
                    <a:lnTo>
                      <a:pt x="147" y="457"/>
                    </a:lnTo>
                    <a:lnTo>
                      <a:pt x="144" y="460"/>
                    </a:lnTo>
                    <a:lnTo>
                      <a:pt x="140" y="462"/>
                    </a:lnTo>
                    <a:lnTo>
                      <a:pt x="137" y="465"/>
                    </a:lnTo>
                    <a:lnTo>
                      <a:pt x="132" y="469"/>
                    </a:lnTo>
                    <a:lnTo>
                      <a:pt x="128" y="472"/>
                    </a:lnTo>
                    <a:lnTo>
                      <a:pt x="127" y="475"/>
                    </a:lnTo>
                    <a:lnTo>
                      <a:pt x="125" y="475"/>
                    </a:lnTo>
                    <a:lnTo>
                      <a:pt x="122" y="497"/>
                    </a:lnTo>
                    <a:lnTo>
                      <a:pt x="127" y="499"/>
                    </a:lnTo>
                    <a:lnTo>
                      <a:pt x="127" y="506"/>
                    </a:lnTo>
                    <a:lnTo>
                      <a:pt x="123" y="506"/>
                    </a:lnTo>
                    <a:lnTo>
                      <a:pt x="122" y="506"/>
                    </a:lnTo>
                    <a:lnTo>
                      <a:pt x="118" y="507"/>
                    </a:lnTo>
                    <a:lnTo>
                      <a:pt x="117" y="511"/>
                    </a:lnTo>
                    <a:lnTo>
                      <a:pt x="115" y="514"/>
                    </a:lnTo>
                    <a:lnTo>
                      <a:pt x="117" y="519"/>
                    </a:lnTo>
                    <a:lnTo>
                      <a:pt x="120" y="528"/>
                    </a:lnTo>
                    <a:lnTo>
                      <a:pt x="118" y="529"/>
                    </a:lnTo>
                    <a:lnTo>
                      <a:pt x="117" y="533"/>
                    </a:lnTo>
                    <a:lnTo>
                      <a:pt x="113" y="536"/>
                    </a:lnTo>
                    <a:lnTo>
                      <a:pt x="110" y="538"/>
                    </a:lnTo>
                    <a:lnTo>
                      <a:pt x="108" y="541"/>
                    </a:lnTo>
                    <a:lnTo>
                      <a:pt x="106" y="541"/>
                    </a:lnTo>
                    <a:lnTo>
                      <a:pt x="106" y="543"/>
                    </a:lnTo>
                    <a:lnTo>
                      <a:pt x="106" y="565"/>
                    </a:lnTo>
                    <a:lnTo>
                      <a:pt x="98" y="57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99" name="Freeform 65"/>
              <p:cNvSpPr>
                <a:spLocks/>
              </p:cNvSpPr>
              <p:nvPr/>
            </p:nvSpPr>
            <p:spPr bwMode="auto">
              <a:xfrm>
                <a:off x="5343" y="1465"/>
                <a:ext cx="17" cy="23"/>
              </a:xfrm>
              <a:custGeom>
                <a:avLst/>
                <a:gdLst>
                  <a:gd name="T0" fmla="*/ 9 w 17"/>
                  <a:gd name="T1" fmla="*/ 0 h 23"/>
                  <a:gd name="T2" fmla="*/ 17 w 17"/>
                  <a:gd name="T3" fmla="*/ 7 h 23"/>
                  <a:gd name="T4" fmla="*/ 14 w 17"/>
                  <a:gd name="T5" fmla="*/ 15 h 23"/>
                  <a:gd name="T6" fmla="*/ 10 w 17"/>
                  <a:gd name="T7" fmla="*/ 17 h 23"/>
                  <a:gd name="T8" fmla="*/ 10 w 17"/>
                  <a:gd name="T9" fmla="*/ 17 h 23"/>
                  <a:gd name="T10" fmla="*/ 12 w 17"/>
                  <a:gd name="T11" fmla="*/ 18 h 23"/>
                  <a:gd name="T12" fmla="*/ 12 w 17"/>
                  <a:gd name="T13" fmla="*/ 20 h 23"/>
                  <a:gd name="T14" fmla="*/ 12 w 17"/>
                  <a:gd name="T15" fmla="*/ 23 h 23"/>
                  <a:gd name="T16" fmla="*/ 10 w 17"/>
                  <a:gd name="T17" fmla="*/ 23 h 23"/>
                  <a:gd name="T18" fmla="*/ 9 w 17"/>
                  <a:gd name="T19" fmla="*/ 23 h 23"/>
                  <a:gd name="T20" fmla="*/ 5 w 17"/>
                  <a:gd name="T21" fmla="*/ 22 h 23"/>
                  <a:gd name="T22" fmla="*/ 0 w 17"/>
                  <a:gd name="T23" fmla="*/ 18 h 23"/>
                  <a:gd name="T24" fmla="*/ 0 w 17"/>
                  <a:gd name="T25" fmla="*/ 17 h 23"/>
                  <a:gd name="T26" fmla="*/ 0 w 17"/>
                  <a:gd name="T27" fmla="*/ 12 h 23"/>
                  <a:gd name="T28" fmla="*/ 0 w 17"/>
                  <a:gd name="T29" fmla="*/ 10 h 23"/>
                  <a:gd name="T30" fmla="*/ 2 w 17"/>
                  <a:gd name="T31" fmla="*/ 8 h 23"/>
                  <a:gd name="T32" fmla="*/ 9 w 17"/>
                  <a:gd name="T33" fmla="*/ 0 h 23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7"/>
                  <a:gd name="T52" fmla="*/ 0 h 23"/>
                  <a:gd name="T53" fmla="*/ 17 w 17"/>
                  <a:gd name="T54" fmla="*/ 23 h 23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7" h="23">
                    <a:moveTo>
                      <a:pt x="9" y="0"/>
                    </a:moveTo>
                    <a:lnTo>
                      <a:pt x="17" y="7"/>
                    </a:lnTo>
                    <a:lnTo>
                      <a:pt x="14" y="15"/>
                    </a:lnTo>
                    <a:lnTo>
                      <a:pt x="10" y="17"/>
                    </a:lnTo>
                    <a:lnTo>
                      <a:pt x="12" y="18"/>
                    </a:lnTo>
                    <a:lnTo>
                      <a:pt x="12" y="20"/>
                    </a:lnTo>
                    <a:lnTo>
                      <a:pt x="12" y="23"/>
                    </a:lnTo>
                    <a:lnTo>
                      <a:pt x="10" y="23"/>
                    </a:lnTo>
                    <a:lnTo>
                      <a:pt x="9" y="23"/>
                    </a:lnTo>
                    <a:lnTo>
                      <a:pt x="5" y="22"/>
                    </a:lnTo>
                    <a:lnTo>
                      <a:pt x="0" y="18"/>
                    </a:lnTo>
                    <a:lnTo>
                      <a:pt x="0" y="17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2" y="8"/>
                    </a:lnTo>
                    <a:lnTo>
                      <a:pt x="9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573" name="Group 66"/>
            <p:cNvGrpSpPr>
              <a:grpSpLocks/>
            </p:cNvGrpSpPr>
            <p:nvPr/>
          </p:nvGrpSpPr>
          <p:grpSpPr bwMode="auto">
            <a:xfrm>
              <a:off x="4607" y="1852"/>
              <a:ext cx="126" cy="291"/>
              <a:chOff x="4856" y="1462"/>
              <a:chExt cx="130" cy="300"/>
            </a:xfrm>
          </p:grpSpPr>
          <p:sp>
            <p:nvSpPr>
              <p:cNvPr id="696" name="Freeform 67"/>
              <p:cNvSpPr>
                <a:spLocks/>
              </p:cNvSpPr>
              <p:nvPr/>
            </p:nvSpPr>
            <p:spPr bwMode="auto">
              <a:xfrm>
                <a:off x="4856" y="1462"/>
                <a:ext cx="130" cy="300"/>
              </a:xfrm>
              <a:custGeom>
                <a:avLst/>
                <a:gdLst>
                  <a:gd name="T0" fmla="*/ 12 w 130"/>
                  <a:gd name="T1" fmla="*/ 202 h 300"/>
                  <a:gd name="T2" fmla="*/ 23 w 130"/>
                  <a:gd name="T3" fmla="*/ 192 h 300"/>
                  <a:gd name="T4" fmla="*/ 32 w 130"/>
                  <a:gd name="T5" fmla="*/ 186 h 300"/>
                  <a:gd name="T6" fmla="*/ 39 w 130"/>
                  <a:gd name="T7" fmla="*/ 171 h 300"/>
                  <a:gd name="T8" fmla="*/ 49 w 130"/>
                  <a:gd name="T9" fmla="*/ 159 h 300"/>
                  <a:gd name="T10" fmla="*/ 57 w 130"/>
                  <a:gd name="T11" fmla="*/ 154 h 300"/>
                  <a:gd name="T12" fmla="*/ 59 w 130"/>
                  <a:gd name="T13" fmla="*/ 146 h 300"/>
                  <a:gd name="T14" fmla="*/ 56 w 130"/>
                  <a:gd name="T15" fmla="*/ 141 h 300"/>
                  <a:gd name="T16" fmla="*/ 49 w 130"/>
                  <a:gd name="T17" fmla="*/ 137 h 300"/>
                  <a:gd name="T18" fmla="*/ 32 w 130"/>
                  <a:gd name="T19" fmla="*/ 122 h 300"/>
                  <a:gd name="T20" fmla="*/ 20 w 130"/>
                  <a:gd name="T21" fmla="*/ 112 h 300"/>
                  <a:gd name="T22" fmla="*/ 3 w 130"/>
                  <a:gd name="T23" fmla="*/ 93 h 300"/>
                  <a:gd name="T24" fmla="*/ 6 w 130"/>
                  <a:gd name="T25" fmla="*/ 76 h 300"/>
                  <a:gd name="T26" fmla="*/ 0 w 130"/>
                  <a:gd name="T27" fmla="*/ 56 h 300"/>
                  <a:gd name="T28" fmla="*/ 28 w 130"/>
                  <a:gd name="T29" fmla="*/ 0 h 300"/>
                  <a:gd name="T30" fmla="*/ 113 w 130"/>
                  <a:gd name="T31" fmla="*/ 60 h 300"/>
                  <a:gd name="T32" fmla="*/ 106 w 130"/>
                  <a:gd name="T33" fmla="*/ 76 h 300"/>
                  <a:gd name="T34" fmla="*/ 106 w 130"/>
                  <a:gd name="T35" fmla="*/ 87 h 300"/>
                  <a:gd name="T36" fmla="*/ 96 w 130"/>
                  <a:gd name="T37" fmla="*/ 95 h 300"/>
                  <a:gd name="T38" fmla="*/ 113 w 130"/>
                  <a:gd name="T39" fmla="*/ 102 h 300"/>
                  <a:gd name="T40" fmla="*/ 118 w 130"/>
                  <a:gd name="T41" fmla="*/ 100 h 300"/>
                  <a:gd name="T42" fmla="*/ 120 w 130"/>
                  <a:gd name="T43" fmla="*/ 97 h 300"/>
                  <a:gd name="T44" fmla="*/ 122 w 130"/>
                  <a:gd name="T45" fmla="*/ 95 h 300"/>
                  <a:gd name="T46" fmla="*/ 125 w 130"/>
                  <a:gd name="T47" fmla="*/ 98 h 300"/>
                  <a:gd name="T48" fmla="*/ 127 w 130"/>
                  <a:gd name="T49" fmla="*/ 107 h 300"/>
                  <a:gd name="T50" fmla="*/ 127 w 130"/>
                  <a:gd name="T51" fmla="*/ 127 h 300"/>
                  <a:gd name="T52" fmla="*/ 127 w 130"/>
                  <a:gd name="T53" fmla="*/ 141 h 300"/>
                  <a:gd name="T54" fmla="*/ 127 w 130"/>
                  <a:gd name="T55" fmla="*/ 146 h 300"/>
                  <a:gd name="T56" fmla="*/ 127 w 130"/>
                  <a:gd name="T57" fmla="*/ 151 h 300"/>
                  <a:gd name="T58" fmla="*/ 130 w 130"/>
                  <a:gd name="T59" fmla="*/ 161 h 300"/>
                  <a:gd name="T60" fmla="*/ 130 w 130"/>
                  <a:gd name="T61" fmla="*/ 173 h 300"/>
                  <a:gd name="T62" fmla="*/ 130 w 130"/>
                  <a:gd name="T63" fmla="*/ 183 h 300"/>
                  <a:gd name="T64" fmla="*/ 128 w 130"/>
                  <a:gd name="T65" fmla="*/ 181 h 300"/>
                  <a:gd name="T66" fmla="*/ 125 w 130"/>
                  <a:gd name="T67" fmla="*/ 163 h 300"/>
                  <a:gd name="T68" fmla="*/ 122 w 130"/>
                  <a:gd name="T69" fmla="*/ 151 h 300"/>
                  <a:gd name="T70" fmla="*/ 118 w 130"/>
                  <a:gd name="T71" fmla="*/ 151 h 300"/>
                  <a:gd name="T72" fmla="*/ 122 w 130"/>
                  <a:gd name="T73" fmla="*/ 168 h 300"/>
                  <a:gd name="T74" fmla="*/ 122 w 130"/>
                  <a:gd name="T75" fmla="*/ 175 h 300"/>
                  <a:gd name="T76" fmla="*/ 122 w 130"/>
                  <a:gd name="T77" fmla="*/ 186 h 300"/>
                  <a:gd name="T78" fmla="*/ 122 w 130"/>
                  <a:gd name="T79" fmla="*/ 190 h 300"/>
                  <a:gd name="T80" fmla="*/ 122 w 130"/>
                  <a:gd name="T81" fmla="*/ 193 h 300"/>
                  <a:gd name="T82" fmla="*/ 118 w 130"/>
                  <a:gd name="T83" fmla="*/ 202 h 300"/>
                  <a:gd name="T84" fmla="*/ 115 w 130"/>
                  <a:gd name="T85" fmla="*/ 208 h 300"/>
                  <a:gd name="T86" fmla="*/ 110 w 130"/>
                  <a:gd name="T87" fmla="*/ 219 h 300"/>
                  <a:gd name="T88" fmla="*/ 108 w 130"/>
                  <a:gd name="T89" fmla="*/ 230 h 300"/>
                  <a:gd name="T90" fmla="*/ 103 w 130"/>
                  <a:gd name="T91" fmla="*/ 239 h 300"/>
                  <a:gd name="T92" fmla="*/ 94 w 130"/>
                  <a:gd name="T93" fmla="*/ 249 h 300"/>
                  <a:gd name="T94" fmla="*/ 96 w 130"/>
                  <a:gd name="T95" fmla="*/ 256 h 300"/>
                  <a:gd name="T96" fmla="*/ 86 w 130"/>
                  <a:gd name="T97" fmla="*/ 290 h 300"/>
                  <a:gd name="T98" fmla="*/ 76 w 130"/>
                  <a:gd name="T99" fmla="*/ 300 h 300"/>
                  <a:gd name="T100" fmla="*/ 71 w 130"/>
                  <a:gd name="T101" fmla="*/ 295 h 300"/>
                  <a:gd name="T102" fmla="*/ 72 w 130"/>
                  <a:gd name="T103" fmla="*/ 285 h 300"/>
                  <a:gd name="T104" fmla="*/ 74 w 130"/>
                  <a:gd name="T105" fmla="*/ 276 h 300"/>
                  <a:gd name="T106" fmla="*/ 64 w 130"/>
                  <a:gd name="T107" fmla="*/ 271 h 300"/>
                  <a:gd name="T108" fmla="*/ 49 w 130"/>
                  <a:gd name="T109" fmla="*/ 278 h 300"/>
                  <a:gd name="T110" fmla="*/ 44 w 130"/>
                  <a:gd name="T111" fmla="*/ 271 h 300"/>
                  <a:gd name="T112" fmla="*/ 34 w 130"/>
                  <a:gd name="T113" fmla="*/ 266 h 300"/>
                  <a:gd name="T114" fmla="*/ 23 w 130"/>
                  <a:gd name="T115" fmla="*/ 261 h 300"/>
                  <a:gd name="T116" fmla="*/ 6 w 130"/>
                  <a:gd name="T117" fmla="*/ 247 h 300"/>
                  <a:gd name="T118" fmla="*/ 3 w 130"/>
                  <a:gd name="T119" fmla="*/ 237 h 300"/>
                  <a:gd name="T120" fmla="*/ 1 w 130"/>
                  <a:gd name="T121" fmla="*/ 227 h 300"/>
                  <a:gd name="T122" fmla="*/ 3 w 130"/>
                  <a:gd name="T123" fmla="*/ 219 h 300"/>
                  <a:gd name="T124" fmla="*/ 13 w 130"/>
                  <a:gd name="T125" fmla="*/ 205 h 300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  <a:gd name="T189" fmla="*/ 0 w 130"/>
                  <a:gd name="T190" fmla="*/ 0 h 300"/>
                  <a:gd name="T191" fmla="*/ 130 w 130"/>
                  <a:gd name="T192" fmla="*/ 300 h 300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T189" t="T190" r="T191" b="T192"/>
                <a:pathLst>
                  <a:path w="130" h="300">
                    <a:moveTo>
                      <a:pt x="8" y="205"/>
                    </a:moveTo>
                    <a:lnTo>
                      <a:pt x="8" y="203"/>
                    </a:lnTo>
                    <a:lnTo>
                      <a:pt x="12" y="202"/>
                    </a:lnTo>
                    <a:lnTo>
                      <a:pt x="15" y="198"/>
                    </a:lnTo>
                    <a:lnTo>
                      <a:pt x="20" y="195"/>
                    </a:lnTo>
                    <a:lnTo>
                      <a:pt x="23" y="192"/>
                    </a:lnTo>
                    <a:lnTo>
                      <a:pt x="28" y="190"/>
                    </a:lnTo>
                    <a:lnTo>
                      <a:pt x="30" y="186"/>
                    </a:lnTo>
                    <a:lnTo>
                      <a:pt x="32" y="186"/>
                    </a:lnTo>
                    <a:lnTo>
                      <a:pt x="32" y="181"/>
                    </a:lnTo>
                    <a:lnTo>
                      <a:pt x="35" y="176"/>
                    </a:lnTo>
                    <a:lnTo>
                      <a:pt x="39" y="171"/>
                    </a:lnTo>
                    <a:lnTo>
                      <a:pt x="42" y="166"/>
                    </a:lnTo>
                    <a:lnTo>
                      <a:pt x="45" y="163"/>
                    </a:lnTo>
                    <a:lnTo>
                      <a:pt x="49" y="159"/>
                    </a:lnTo>
                    <a:lnTo>
                      <a:pt x="52" y="158"/>
                    </a:lnTo>
                    <a:lnTo>
                      <a:pt x="54" y="156"/>
                    </a:lnTo>
                    <a:lnTo>
                      <a:pt x="57" y="154"/>
                    </a:lnTo>
                    <a:lnTo>
                      <a:pt x="59" y="151"/>
                    </a:lnTo>
                    <a:lnTo>
                      <a:pt x="59" y="149"/>
                    </a:lnTo>
                    <a:lnTo>
                      <a:pt x="59" y="146"/>
                    </a:lnTo>
                    <a:lnTo>
                      <a:pt x="57" y="144"/>
                    </a:lnTo>
                    <a:lnTo>
                      <a:pt x="56" y="142"/>
                    </a:lnTo>
                    <a:lnTo>
                      <a:pt x="56" y="141"/>
                    </a:lnTo>
                    <a:lnTo>
                      <a:pt x="54" y="141"/>
                    </a:lnTo>
                    <a:lnTo>
                      <a:pt x="52" y="139"/>
                    </a:lnTo>
                    <a:lnTo>
                      <a:pt x="49" y="137"/>
                    </a:lnTo>
                    <a:lnTo>
                      <a:pt x="44" y="132"/>
                    </a:lnTo>
                    <a:lnTo>
                      <a:pt x="39" y="127"/>
                    </a:lnTo>
                    <a:lnTo>
                      <a:pt x="32" y="122"/>
                    </a:lnTo>
                    <a:lnTo>
                      <a:pt x="27" y="117"/>
                    </a:lnTo>
                    <a:lnTo>
                      <a:pt x="22" y="114"/>
                    </a:lnTo>
                    <a:lnTo>
                      <a:pt x="20" y="112"/>
                    </a:lnTo>
                    <a:lnTo>
                      <a:pt x="10" y="107"/>
                    </a:lnTo>
                    <a:lnTo>
                      <a:pt x="5" y="100"/>
                    </a:lnTo>
                    <a:lnTo>
                      <a:pt x="3" y="93"/>
                    </a:lnTo>
                    <a:lnTo>
                      <a:pt x="3" y="87"/>
                    </a:lnTo>
                    <a:lnTo>
                      <a:pt x="5" y="82"/>
                    </a:lnTo>
                    <a:lnTo>
                      <a:pt x="6" y="76"/>
                    </a:lnTo>
                    <a:lnTo>
                      <a:pt x="8" y="73"/>
                    </a:lnTo>
                    <a:lnTo>
                      <a:pt x="10" y="73"/>
                    </a:lnTo>
                    <a:lnTo>
                      <a:pt x="0" y="56"/>
                    </a:lnTo>
                    <a:lnTo>
                      <a:pt x="17" y="31"/>
                    </a:lnTo>
                    <a:lnTo>
                      <a:pt x="23" y="9"/>
                    </a:lnTo>
                    <a:lnTo>
                      <a:pt x="28" y="0"/>
                    </a:lnTo>
                    <a:lnTo>
                      <a:pt x="113" y="27"/>
                    </a:lnTo>
                    <a:lnTo>
                      <a:pt x="115" y="60"/>
                    </a:lnTo>
                    <a:lnTo>
                      <a:pt x="113" y="60"/>
                    </a:lnTo>
                    <a:lnTo>
                      <a:pt x="105" y="75"/>
                    </a:lnTo>
                    <a:lnTo>
                      <a:pt x="105" y="76"/>
                    </a:lnTo>
                    <a:lnTo>
                      <a:pt x="106" y="76"/>
                    </a:lnTo>
                    <a:lnTo>
                      <a:pt x="106" y="80"/>
                    </a:lnTo>
                    <a:lnTo>
                      <a:pt x="106" y="83"/>
                    </a:lnTo>
                    <a:lnTo>
                      <a:pt x="106" y="87"/>
                    </a:lnTo>
                    <a:lnTo>
                      <a:pt x="105" y="90"/>
                    </a:lnTo>
                    <a:lnTo>
                      <a:pt x="101" y="93"/>
                    </a:lnTo>
                    <a:lnTo>
                      <a:pt x="96" y="95"/>
                    </a:lnTo>
                    <a:lnTo>
                      <a:pt x="94" y="100"/>
                    </a:lnTo>
                    <a:lnTo>
                      <a:pt x="113" y="100"/>
                    </a:lnTo>
                    <a:lnTo>
                      <a:pt x="113" y="102"/>
                    </a:lnTo>
                    <a:lnTo>
                      <a:pt x="116" y="104"/>
                    </a:lnTo>
                    <a:lnTo>
                      <a:pt x="118" y="104"/>
                    </a:lnTo>
                    <a:lnTo>
                      <a:pt x="118" y="100"/>
                    </a:lnTo>
                    <a:lnTo>
                      <a:pt x="118" y="98"/>
                    </a:lnTo>
                    <a:lnTo>
                      <a:pt x="120" y="97"/>
                    </a:lnTo>
                    <a:lnTo>
                      <a:pt x="122" y="95"/>
                    </a:lnTo>
                    <a:lnTo>
                      <a:pt x="123" y="95"/>
                    </a:lnTo>
                    <a:lnTo>
                      <a:pt x="123" y="97"/>
                    </a:lnTo>
                    <a:lnTo>
                      <a:pt x="125" y="98"/>
                    </a:lnTo>
                    <a:lnTo>
                      <a:pt x="125" y="100"/>
                    </a:lnTo>
                    <a:lnTo>
                      <a:pt x="125" y="104"/>
                    </a:lnTo>
                    <a:lnTo>
                      <a:pt x="127" y="107"/>
                    </a:lnTo>
                    <a:lnTo>
                      <a:pt x="127" y="112"/>
                    </a:lnTo>
                    <a:lnTo>
                      <a:pt x="127" y="119"/>
                    </a:lnTo>
                    <a:lnTo>
                      <a:pt x="127" y="127"/>
                    </a:lnTo>
                    <a:lnTo>
                      <a:pt x="125" y="137"/>
                    </a:lnTo>
                    <a:lnTo>
                      <a:pt x="125" y="139"/>
                    </a:lnTo>
                    <a:lnTo>
                      <a:pt x="127" y="141"/>
                    </a:lnTo>
                    <a:lnTo>
                      <a:pt x="127" y="142"/>
                    </a:lnTo>
                    <a:lnTo>
                      <a:pt x="127" y="144"/>
                    </a:lnTo>
                    <a:lnTo>
                      <a:pt x="127" y="146"/>
                    </a:lnTo>
                    <a:lnTo>
                      <a:pt x="127" y="148"/>
                    </a:lnTo>
                    <a:lnTo>
                      <a:pt x="127" y="149"/>
                    </a:lnTo>
                    <a:lnTo>
                      <a:pt x="127" y="151"/>
                    </a:lnTo>
                    <a:lnTo>
                      <a:pt x="128" y="153"/>
                    </a:lnTo>
                    <a:lnTo>
                      <a:pt x="128" y="156"/>
                    </a:lnTo>
                    <a:lnTo>
                      <a:pt x="130" y="161"/>
                    </a:lnTo>
                    <a:lnTo>
                      <a:pt x="130" y="164"/>
                    </a:lnTo>
                    <a:lnTo>
                      <a:pt x="130" y="170"/>
                    </a:lnTo>
                    <a:lnTo>
                      <a:pt x="130" y="173"/>
                    </a:lnTo>
                    <a:lnTo>
                      <a:pt x="130" y="178"/>
                    </a:lnTo>
                    <a:lnTo>
                      <a:pt x="130" y="180"/>
                    </a:lnTo>
                    <a:lnTo>
                      <a:pt x="130" y="183"/>
                    </a:lnTo>
                    <a:lnTo>
                      <a:pt x="128" y="181"/>
                    </a:lnTo>
                    <a:lnTo>
                      <a:pt x="127" y="178"/>
                    </a:lnTo>
                    <a:lnTo>
                      <a:pt x="127" y="171"/>
                    </a:lnTo>
                    <a:lnTo>
                      <a:pt x="125" y="163"/>
                    </a:lnTo>
                    <a:lnTo>
                      <a:pt x="123" y="153"/>
                    </a:lnTo>
                    <a:lnTo>
                      <a:pt x="123" y="151"/>
                    </a:lnTo>
                    <a:lnTo>
                      <a:pt x="122" y="151"/>
                    </a:lnTo>
                    <a:lnTo>
                      <a:pt x="120" y="149"/>
                    </a:lnTo>
                    <a:lnTo>
                      <a:pt x="118" y="151"/>
                    </a:lnTo>
                    <a:lnTo>
                      <a:pt x="118" y="154"/>
                    </a:lnTo>
                    <a:lnTo>
                      <a:pt x="120" y="159"/>
                    </a:lnTo>
                    <a:lnTo>
                      <a:pt x="122" y="168"/>
                    </a:lnTo>
                    <a:lnTo>
                      <a:pt x="122" y="170"/>
                    </a:lnTo>
                    <a:lnTo>
                      <a:pt x="122" y="171"/>
                    </a:lnTo>
                    <a:lnTo>
                      <a:pt x="122" y="175"/>
                    </a:lnTo>
                    <a:lnTo>
                      <a:pt x="122" y="178"/>
                    </a:lnTo>
                    <a:lnTo>
                      <a:pt x="122" y="183"/>
                    </a:lnTo>
                    <a:lnTo>
                      <a:pt x="122" y="186"/>
                    </a:lnTo>
                    <a:lnTo>
                      <a:pt x="122" y="188"/>
                    </a:lnTo>
                    <a:lnTo>
                      <a:pt x="122" y="190"/>
                    </a:lnTo>
                    <a:lnTo>
                      <a:pt x="122" y="192"/>
                    </a:lnTo>
                    <a:lnTo>
                      <a:pt x="122" y="193"/>
                    </a:lnTo>
                    <a:lnTo>
                      <a:pt x="122" y="197"/>
                    </a:lnTo>
                    <a:lnTo>
                      <a:pt x="122" y="198"/>
                    </a:lnTo>
                    <a:lnTo>
                      <a:pt x="118" y="202"/>
                    </a:lnTo>
                    <a:lnTo>
                      <a:pt x="116" y="205"/>
                    </a:lnTo>
                    <a:lnTo>
                      <a:pt x="116" y="207"/>
                    </a:lnTo>
                    <a:lnTo>
                      <a:pt x="115" y="208"/>
                    </a:lnTo>
                    <a:lnTo>
                      <a:pt x="115" y="212"/>
                    </a:lnTo>
                    <a:lnTo>
                      <a:pt x="115" y="214"/>
                    </a:lnTo>
                    <a:lnTo>
                      <a:pt x="110" y="219"/>
                    </a:lnTo>
                    <a:lnTo>
                      <a:pt x="108" y="227"/>
                    </a:lnTo>
                    <a:lnTo>
                      <a:pt x="108" y="229"/>
                    </a:lnTo>
                    <a:lnTo>
                      <a:pt x="108" y="230"/>
                    </a:lnTo>
                    <a:lnTo>
                      <a:pt x="106" y="232"/>
                    </a:lnTo>
                    <a:lnTo>
                      <a:pt x="105" y="236"/>
                    </a:lnTo>
                    <a:lnTo>
                      <a:pt x="103" y="239"/>
                    </a:lnTo>
                    <a:lnTo>
                      <a:pt x="100" y="244"/>
                    </a:lnTo>
                    <a:lnTo>
                      <a:pt x="98" y="247"/>
                    </a:lnTo>
                    <a:lnTo>
                      <a:pt x="94" y="249"/>
                    </a:lnTo>
                    <a:lnTo>
                      <a:pt x="94" y="251"/>
                    </a:lnTo>
                    <a:lnTo>
                      <a:pt x="96" y="254"/>
                    </a:lnTo>
                    <a:lnTo>
                      <a:pt x="96" y="256"/>
                    </a:lnTo>
                    <a:lnTo>
                      <a:pt x="96" y="258"/>
                    </a:lnTo>
                    <a:lnTo>
                      <a:pt x="89" y="281"/>
                    </a:lnTo>
                    <a:lnTo>
                      <a:pt x="86" y="290"/>
                    </a:lnTo>
                    <a:lnTo>
                      <a:pt x="83" y="296"/>
                    </a:lnTo>
                    <a:lnTo>
                      <a:pt x="79" y="300"/>
                    </a:lnTo>
                    <a:lnTo>
                      <a:pt x="76" y="300"/>
                    </a:lnTo>
                    <a:lnTo>
                      <a:pt x="74" y="300"/>
                    </a:lnTo>
                    <a:lnTo>
                      <a:pt x="72" y="296"/>
                    </a:lnTo>
                    <a:lnTo>
                      <a:pt x="71" y="295"/>
                    </a:lnTo>
                    <a:lnTo>
                      <a:pt x="71" y="290"/>
                    </a:lnTo>
                    <a:lnTo>
                      <a:pt x="72" y="286"/>
                    </a:lnTo>
                    <a:lnTo>
                      <a:pt x="72" y="285"/>
                    </a:lnTo>
                    <a:lnTo>
                      <a:pt x="74" y="283"/>
                    </a:lnTo>
                    <a:lnTo>
                      <a:pt x="74" y="280"/>
                    </a:lnTo>
                    <a:lnTo>
                      <a:pt x="74" y="276"/>
                    </a:lnTo>
                    <a:lnTo>
                      <a:pt x="72" y="273"/>
                    </a:lnTo>
                    <a:lnTo>
                      <a:pt x="69" y="271"/>
                    </a:lnTo>
                    <a:lnTo>
                      <a:pt x="64" y="271"/>
                    </a:lnTo>
                    <a:lnTo>
                      <a:pt x="56" y="273"/>
                    </a:lnTo>
                    <a:lnTo>
                      <a:pt x="49" y="278"/>
                    </a:lnTo>
                    <a:lnTo>
                      <a:pt x="49" y="276"/>
                    </a:lnTo>
                    <a:lnTo>
                      <a:pt x="47" y="274"/>
                    </a:lnTo>
                    <a:lnTo>
                      <a:pt x="44" y="271"/>
                    </a:lnTo>
                    <a:lnTo>
                      <a:pt x="42" y="269"/>
                    </a:lnTo>
                    <a:lnTo>
                      <a:pt x="39" y="266"/>
                    </a:lnTo>
                    <a:lnTo>
                      <a:pt x="34" y="266"/>
                    </a:lnTo>
                    <a:lnTo>
                      <a:pt x="28" y="264"/>
                    </a:lnTo>
                    <a:lnTo>
                      <a:pt x="27" y="263"/>
                    </a:lnTo>
                    <a:lnTo>
                      <a:pt x="23" y="261"/>
                    </a:lnTo>
                    <a:lnTo>
                      <a:pt x="20" y="258"/>
                    </a:lnTo>
                    <a:lnTo>
                      <a:pt x="18" y="256"/>
                    </a:lnTo>
                    <a:lnTo>
                      <a:pt x="6" y="247"/>
                    </a:lnTo>
                    <a:lnTo>
                      <a:pt x="6" y="239"/>
                    </a:lnTo>
                    <a:lnTo>
                      <a:pt x="3" y="237"/>
                    </a:lnTo>
                    <a:lnTo>
                      <a:pt x="1" y="234"/>
                    </a:lnTo>
                    <a:lnTo>
                      <a:pt x="1" y="230"/>
                    </a:lnTo>
                    <a:lnTo>
                      <a:pt x="1" y="227"/>
                    </a:lnTo>
                    <a:lnTo>
                      <a:pt x="1" y="224"/>
                    </a:lnTo>
                    <a:lnTo>
                      <a:pt x="1" y="220"/>
                    </a:lnTo>
                    <a:lnTo>
                      <a:pt x="3" y="219"/>
                    </a:lnTo>
                    <a:lnTo>
                      <a:pt x="5" y="217"/>
                    </a:lnTo>
                    <a:lnTo>
                      <a:pt x="12" y="208"/>
                    </a:lnTo>
                    <a:lnTo>
                      <a:pt x="13" y="205"/>
                    </a:lnTo>
                    <a:lnTo>
                      <a:pt x="8" y="20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97" name="Freeform 68"/>
              <p:cNvSpPr>
                <a:spLocks/>
              </p:cNvSpPr>
              <p:nvPr/>
            </p:nvSpPr>
            <p:spPr bwMode="auto">
              <a:xfrm>
                <a:off x="4856" y="1462"/>
                <a:ext cx="130" cy="300"/>
              </a:xfrm>
              <a:custGeom>
                <a:avLst/>
                <a:gdLst>
                  <a:gd name="T0" fmla="*/ 12 w 130"/>
                  <a:gd name="T1" fmla="*/ 202 h 300"/>
                  <a:gd name="T2" fmla="*/ 28 w 130"/>
                  <a:gd name="T3" fmla="*/ 190 h 300"/>
                  <a:gd name="T4" fmla="*/ 32 w 130"/>
                  <a:gd name="T5" fmla="*/ 181 h 300"/>
                  <a:gd name="T6" fmla="*/ 45 w 130"/>
                  <a:gd name="T7" fmla="*/ 163 h 300"/>
                  <a:gd name="T8" fmla="*/ 54 w 130"/>
                  <a:gd name="T9" fmla="*/ 156 h 300"/>
                  <a:gd name="T10" fmla="*/ 59 w 130"/>
                  <a:gd name="T11" fmla="*/ 146 h 300"/>
                  <a:gd name="T12" fmla="*/ 54 w 130"/>
                  <a:gd name="T13" fmla="*/ 141 h 300"/>
                  <a:gd name="T14" fmla="*/ 44 w 130"/>
                  <a:gd name="T15" fmla="*/ 132 h 300"/>
                  <a:gd name="T16" fmla="*/ 22 w 130"/>
                  <a:gd name="T17" fmla="*/ 114 h 300"/>
                  <a:gd name="T18" fmla="*/ 5 w 130"/>
                  <a:gd name="T19" fmla="*/ 100 h 300"/>
                  <a:gd name="T20" fmla="*/ 6 w 130"/>
                  <a:gd name="T21" fmla="*/ 76 h 300"/>
                  <a:gd name="T22" fmla="*/ 17 w 130"/>
                  <a:gd name="T23" fmla="*/ 31 h 300"/>
                  <a:gd name="T24" fmla="*/ 115 w 130"/>
                  <a:gd name="T25" fmla="*/ 60 h 300"/>
                  <a:gd name="T26" fmla="*/ 105 w 130"/>
                  <a:gd name="T27" fmla="*/ 76 h 300"/>
                  <a:gd name="T28" fmla="*/ 106 w 130"/>
                  <a:gd name="T29" fmla="*/ 87 h 300"/>
                  <a:gd name="T30" fmla="*/ 94 w 130"/>
                  <a:gd name="T31" fmla="*/ 100 h 300"/>
                  <a:gd name="T32" fmla="*/ 116 w 130"/>
                  <a:gd name="T33" fmla="*/ 104 h 300"/>
                  <a:gd name="T34" fmla="*/ 118 w 130"/>
                  <a:gd name="T35" fmla="*/ 98 h 300"/>
                  <a:gd name="T36" fmla="*/ 122 w 130"/>
                  <a:gd name="T37" fmla="*/ 95 h 300"/>
                  <a:gd name="T38" fmla="*/ 125 w 130"/>
                  <a:gd name="T39" fmla="*/ 98 h 300"/>
                  <a:gd name="T40" fmla="*/ 127 w 130"/>
                  <a:gd name="T41" fmla="*/ 112 h 300"/>
                  <a:gd name="T42" fmla="*/ 125 w 130"/>
                  <a:gd name="T43" fmla="*/ 137 h 300"/>
                  <a:gd name="T44" fmla="*/ 127 w 130"/>
                  <a:gd name="T45" fmla="*/ 144 h 300"/>
                  <a:gd name="T46" fmla="*/ 127 w 130"/>
                  <a:gd name="T47" fmla="*/ 151 h 300"/>
                  <a:gd name="T48" fmla="*/ 130 w 130"/>
                  <a:gd name="T49" fmla="*/ 161 h 300"/>
                  <a:gd name="T50" fmla="*/ 130 w 130"/>
                  <a:gd name="T51" fmla="*/ 178 h 300"/>
                  <a:gd name="T52" fmla="*/ 130 w 130"/>
                  <a:gd name="T53" fmla="*/ 183 h 300"/>
                  <a:gd name="T54" fmla="*/ 125 w 130"/>
                  <a:gd name="T55" fmla="*/ 163 h 300"/>
                  <a:gd name="T56" fmla="*/ 122 w 130"/>
                  <a:gd name="T57" fmla="*/ 151 h 300"/>
                  <a:gd name="T58" fmla="*/ 118 w 130"/>
                  <a:gd name="T59" fmla="*/ 154 h 300"/>
                  <a:gd name="T60" fmla="*/ 122 w 130"/>
                  <a:gd name="T61" fmla="*/ 170 h 300"/>
                  <a:gd name="T62" fmla="*/ 122 w 130"/>
                  <a:gd name="T63" fmla="*/ 183 h 300"/>
                  <a:gd name="T64" fmla="*/ 122 w 130"/>
                  <a:gd name="T65" fmla="*/ 190 h 300"/>
                  <a:gd name="T66" fmla="*/ 122 w 130"/>
                  <a:gd name="T67" fmla="*/ 193 h 300"/>
                  <a:gd name="T68" fmla="*/ 116 w 130"/>
                  <a:gd name="T69" fmla="*/ 205 h 300"/>
                  <a:gd name="T70" fmla="*/ 115 w 130"/>
                  <a:gd name="T71" fmla="*/ 212 h 300"/>
                  <a:gd name="T72" fmla="*/ 108 w 130"/>
                  <a:gd name="T73" fmla="*/ 227 h 300"/>
                  <a:gd name="T74" fmla="*/ 105 w 130"/>
                  <a:gd name="T75" fmla="*/ 236 h 300"/>
                  <a:gd name="T76" fmla="*/ 94 w 130"/>
                  <a:gd name="T77" fmla="*/ 249 h 300"/>
                  <a:gd name="T78" fmla="*/ 96 w 130"/>
                  <a:gd name="T79" fmla="*/ 256 h 300"/>
                  <a:gd name="T80" fmla="*/ 86 w 130"/>
                  <a:gd name="T81" fmla="*/ 290 h 300"/>
                  <a:gd name="T82" fmla="*/ 74 w 130"/>
                  <a:gd name="T83" fmla="*/ 300 h 300"/>
                  <a:gd name="T84" fmla="*/ 72 w 130"/>
                  <a:gd name="T85" fmla="*/ 286 h 300"/>
                  <a:gd name="T86" fmla="*/ 74 w 130"/>
                  <a:gd name="T87" fmla="*/ 280 h 300"/>
                  <a:gd name="T88" fmla="*/ 64 w 130"/>
                  <a:gd name="T89" fmla="*/ 271 h 300"/>
                  <a:gd name="T90" fmla="*/ 49 w 130"/>
                  <a:gd name="T91" fmla="*/ 278 h 300"/>
                  <a:gd name="T92" fmla="*/ 42 w 130"/>
                  <a:gd name="T93" fmla="*/ 269 h 300"/>
                  <a:gd name="T94" fmla="*/ 28 w 130"/>
                  <a:gd name="T95" fmla="*/ 264 h 300"/>
                  <a:gd name="T96" fmla="*/ 18 w 130"/>
                  <a:gd name="T97" fmla="*/ 256 h 300"/>
                  <a:gd name="T98" fmla="*/ 3 w 130"/>
                  <a:gd name="T99" fmla="*/ 237 h 300"/>
                  <a:gd name="T100" fmla="*/ 1 w 130"/>
                  <a:gd name="T101" fmla="*/ 227 h 300"/>
                  <a:gd name="T102" fmla="*/ 5 w 130"/>
                  <a:gd name="T103" fmla="*/ 217 h 300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w 130"/>
                  <a:gd name="T157" fmla="*/ 0 h 300"/>
                  <a:gd name="T158" fmla="*/ 130 w 130"/>
                  <a:gd name="T159" fmla="*/ 300 h 300"/>
                </a:gdLst>
                <a:ahLst/>
                <a:cxnLst>
                  <a:cxn ang="T104">
                    <a:pos x="T0" y="T1"/>
                  </a:cxn>
                  <a:cxn ang="T105">
                    <a:pos x="T2" y="T3"/>
                  </a:cxn>
                  <a:cxn ang="T106">
                    <a:pos x="T4" y="T5"/>
                  </a:cxn>
                  <a:cxn ang="T107">
                    <a:pos x="T6" y="T7"/>
                  </a:cxn>
                  <a:cxn ang="T108">
                    <a:pos x="T8" y="T9"/>
                  </a:cxn>
                  <a:cxn ang="T109">
                    <a:pos x="T10" y="T11"/>
                  </a:cxn>
                  <a:cxn ang="T110">
                    <a:pos x="T12" y="T13"/>
                  </a:cxn>
                  <a:cxn ang="T111">
                    <a:pos x="T14" y="T15"/>
                  </a:cxn>
                  <a:cxn ang="T112">
                    <a:pos x="T16" y="T17"/>
                  </a:cxn>
                  <a:cxn ang="T113">
                    <a:pos x="T18" y="T19"/>
                  </a:cxn>
                  <a:cxn ang="T114">
                    <a:pos x="T20" y="T21"/>
                  </a:cxn>
                  <a:cxn ang="T115">
                    <a:pos x="T22" y="T23"/>
                  </a:cxn>
                  <a:cxn ang="T116">
                    <a:pos x="T24" y="T25"/>
                  </a:cxn>
                  <a:cxn ang="T117">
                    <a:pos x="T26" y="T27"/>
                  </a:cxn>
                  <a:cxn ang="T118">
                    <a:pos x="T28" y="T29"/>
                  </a:cxn>
                  <a:cxn ang="T119">
                    <a:pos x="T30" y="T31"/>
                  </a:cxn>
                  <a:cxn ang="T120">
                    <a:pos x="T32" y="T33"/>
                  </a:cxn>
                  <a:cxn ang="T121">
                    <a:pos x="T34" y="T35"/>
                  </a:cxn>
                  <a:cxn ang="T122">
                    <a:pos x="T36" y="T37"/>
                  </a:cxn>
                  <a:cxn ang="T123">
                    <a:pos x="T38" y="T39"/>
                  </a:cxn>
                  <a:cxn ang="T124">
                    <a:pos x="T40" y="T41"/>
                  </a:cxn>
                  <a:cxn ang="T125">
                    <a:pos x="T42" y="T43"/>
                  </a:cxn>
                  <a:cxn ang="T126">
                    <a:pos x="T44" y="T45"/>
                  </a:cxn>
                  <a:cxn ang="T127">
                    <a:pos x="T46" y="T47"/>
                  </a:cxn>
                  <a:cxn ang="T128">
                    <a:pos x="T48" y="T49"/>
                  </a:cxn>
                  <a:cxn ang="T129">
                    <a:pos x="T50" y="T51"/>
                  </a:cxn>
                  <a:cxn ang="T130">
                    <a:pos x="T52" y="T53"/>
                  </a:cxn>
                  <a:cxn ang="T131">
                    <a:pos x="T54" y="T55"/>
                  </a:cxn>
                  <a:cxn ang="T132">
                    <a:pos x="T56" y="T57"/>
                  </a:cxn>
                  <a:cxn ang="T133">
                    <a:pos x="T58" y="T59"/>
                  </a:cxn>
                  <a:cxn ang="T134">
                    <a:pos x="T60" y="T61"/>
                  </a:cxn>
                  <a:cxn ang="T135">
                    <a:pos x="T62" y="T63"/>
                  </a:cxn>
                  <a:cxn ang="T136">
                    <a:pos x="T64" y="T65"/>
                  </a:cxn>
                  <a:cxn ang="T137">
                    <a:pos x="T66" y="T67"/>
                  </a:cxn>
                  <a:cxn ang="T138">
                    <a:pos x="T68" y="T69"/>
                  </a:cxn>
                  <a:cxn ang="T139">
                    <a:pos x="T70" y="T71"/>
                  </a:cxn>
                  <a:cxn ang="T140">
                    <a:pos x="T72" y="T73"/>
                  </a:cxn>
                  <a:cxn ang="T141">
                    <a:pos x="T74" y="T75"/>
                  </a:cxn>
                  <a:cxn ang="T142">
                    <a:pos x="T76" y="T77"/>
                  </a:cxn>
                  <a:cxn ang="T143">
                    <a:pos x="T78" y="T79"/>
                  </a:cxn>
                  <a:cxn ang="T144">
                    <a:pos x="T80" y="T81"/>
                  </a:cxn>
                  <a:cxn ang="T145">
                    <a:pos x="T82" y="T83"/>
                  </a:cxn>
                  <a:cxn ang="T146">
                    <a:pos x="T84" y="T85"/>
                  </a:cxn>
                  <a:cxn ang="T147">
                    <a:pos x="T86" y="T87"/>
                  </a:cxn>
                  <a:cxn ang="T148">
                    <a:pos x="T88" y="T89"/>
                  </a:cxn>
                  <a:cxn ang="T149">
                    <a:pos x="T90" y="T91"/>
                  </a:cxn>
                  <a:cxn ang="T150">
                    <a:pos x="T92" y="T93"/>
                  </a:cxn>
                  <a:cxn ang="T151">
                    <a:pos x="T94" y="T95"/>
                  </a:cxn>
                  <a:cxn ang="T152">
                    <a:pos x="T96" y="T97"/>
                  </a:cxn>
                  <a:cxn ang="T153">
                    <a:pos x="T98" y="T99"/>
                  </a:cxn>
                  <a:cxn ang="T154">
                    <a:pos x="T100" y="T101"/>
                  </a:cxn>
                  <a:cxn ang="T155">
                    <a:pos x="T102" y="T103"/>
                  </a:cxn>
                </a:cxnLst>
                <a:rect l="T156" t="T157" r="T158" b="T159"/>
                <a:pathLst>
                  <a:path w="130" h="300">
                    <a:moveTo>
                      <a:pt x="8" y="205"/>
                    </a:moveTo>
                    <a:lnTo>
                      <a:pt x="8" y="205"/>
                    </a:lnTo>
                    <a:lnTo>
                      <a:pt x="8" y="203"/>
                    </a:lnTo>
                    <a:lnTo>
                      <a:pt x="12" y="202"/>
                    </a:lnTo>
                    <a:lnTo>
                      <a:pt x="15" y="198"/>
                    </a:lnTo>
                    <a:lnTo>
                      <a:pt x="20" y="195"/>
                    </a:lnTo>
                    <a:lnTo>
                      <a:pt x="23" y="192"/>
                    </a:lnTo>
                    <a:lnTo>
                      <a:pt x="28" y="190"/>
                    </a:lnTo>
                    <a:lnTo>
                      <a:pt x="30" y="186"/>
                    </a:lnTo>
                    <a:lnTo>
                      <a:pt x="32" y="186"/>
                    </a:lnTo>
                    <a:lnTo>
                      <a:pt x="32" y="181"/>
                    </a:lnTo>
                    <a:lnTo>
                      <a:pt x="35" y="176"/>
                    </a:lnTo>
                    <a:lnTo>
                      <a:pt x="39" y="171"/>
                    </a:lnTo>
                    <a:lnTo>
                      <a:pt x="42" y="166"/>
                    </a:lnTo>
                    <a:lnTo>
                      <a:pt x="45" y="163"/>
                    </a:lnTo>
                    <a:lnTo>
                      <a:pt x="49" y="159"/>
                    </a:lnTo>
                    <a:lnTo>
                      <a:pt x="52" y="158"/>
                    </a:lnTo>
                    <a:lnTo>
                      <a:pt x="54" y="156"/>
                    </a:lnTo>
                    <a:lnTo>
                      <a:pt x="57" y="154"/>
                    </a:lnTo>
                    <a:lnTo>
                      <a:pt x="59" y="151"/>
                    </a:lnTo>
                    <a:lnTo>
                      <a:pt x="59" y="149"/>
                    </a:lnTo>
                    <a:lnTo>
                      <a:pt x="59" y="146"/>
                    </a:lnTo>
                    <a:lnTo>
                      <a:pt x="57" y="144"/>
                    </a:lnTo>
                    <a:lnTo>
                      <a:pt x="56" y="142"/>
                    </a:lnTo>
                    <a:lnTo>
                      <a:pt x="56" y="141"/>
                    </a:lnTo>
                    <a:lnTo>
                      <a:pt x="54" y="141"/>
                    </a:lnTo>
                    <a:lnTo>
                      <a:pt x="52" y="139"/>
                    </a:lnTo>
                    <a:lnTo>
                      <a:pt x="49" y="137"/>
                    </a:lnTo>
                    <a:lnTo>
                      <a:pt x="44" y="132"/>
                    </a:lnTo>
                    <a:lnTo>
                      <a:pt x="39" y="127"/>
                    </a:lnTo>
                    <a:lnTo>
                      <a:pt x="32" y="122"/>
                    </a:lnTo>
                    <a:lnTo>
                      <a:pt x="27" y="117"/>
                    </a:lnTo>
                    <a:lnTo>
                      <a:pt x="22" y="114"/>
                    </a:lnTo>
                    <a:lnTo>
                      <a:pt x="20" y="112"/>
                    </a:lnTo>
                    <a:lnTo>
                      <a:pt x="10" y="107"/>
                    </a:lnTo>
                    <a:lnTo>
                      <a:pt x="5" y="100"/>
                    </a:lnTo>
                    <a:lnTo>
                      <a:pt x="3" y="93"/>
                    </a:lnTo>
                    <a:lnTo>
                      <a:pt x="3" y="87"/>
                    </a:lnTo>
                    <a:lnTo>
                      <a:pt x="5" y="82"/>
                    </a:lnTo>
                    <a:lnTo>
                      <a:pt x="6" y="76"/>
                    </a:lnTo>
                    <a:lnTo>
                      <a:pt x="8" y="73"/>
                    </a:lnTo>
                    <a:lnTo>
                      <a:pt x="10" y="73"/>
                    </a:lnTo>
                    <a:lnTo>
                      <a:pt x="0" y="56"/>
                    </a:lnTo>
                    <a:lnTo>
                      <a:pt x="17" y="31"/>
                    </a:lnTo>
                    <a:lnTo>
                      <a:pt x="23" y="9"/>
                    </a:lnTo>
                    <a:lnTo>
                      <a:pt x="28" y="0"/>
                    </a:lnTo>
                    <a:lnTo>
                      <a:pt x="113" y="27"/>
                    </a:lnTo>
                    <a:lnTo>
                      <a:pt x="115" y="60"/>
                    </a:lnTo>
                    <a:lnTo>
                      <a:pt x="113" y="60"/>
                    </a:lnTo>
                    <a:lnTo>
                      <a:pt x="105" y="75"/>
                    </a:lnTo>
                    <a:lnTo>
                      <a:pt x="105" y="76"/>
                    </a:lnTo>
                    <a:lnTo>
                      <a:pt x="106" y="76"/>
                    </a:lnTo>
                    <a:lnTo>
                      <a:pt x="106" y="80"/>
                    </a:lnTo>
                    <a:lnTo>
                      <a:pt x="106" y="83"/>
                    </a:lnTo>
                    <a:lnTo>
                      <a:pt x="106" y="87"/>
                    </a:lnTo>
                    <a:lnTo>
                      <a:pt x="105" y="90"/>
                    </a:lnTo>
                    <a:lnTo>
                      <a:pt x="101" y="93"/>
                    </a:lnTo>
                    <a:lnTo>
                      <a:pt x="96" y="95"/>
                    </a:lnTo>
                    <a:lnTo>
                      <a:pt x="94" y="100"/>
                    </a:lnTo>
                    <a:lnTo>
                      <a:pt x="113" y="100"/>
                    </a:lnTo>
                    <a:lnTo>
                      <a:pt x="113" y="102"/>
                    </a:lnTo>
                    <a:lnTo>
                      <a:pt x="116" y="104"/>
                    </a:lnTo>
                    <a:lnTo>
                      <a:pt x="118" y="104"/>
                    </a:lnTo>
                    <a:lnTo>
                      <a:pt x="118" y="100"/>
                    </a:lnTo>
                    <a:lnTo>
                      <a:pt x="118" y="98"/>
                    </a:lnTo>
                    <a:lnTo>
                      <a:pt x="120" y="97"/>
                    </a:lnTo>
                    <a:lnTo>
                      <a:pt x="122" y="95"/>
                    </a:lnTo>
                    <a:lnTo>
                      <a:pt x="123" y="95"/>
                    </a:lnTo>
                    <a:lnTo>
                      <a:pt x="123" y="97"/>
                    </a:lnTo>
                    <a:lnTo>
                      <a:pt x="125" y="98"/>
                    </a:lnTo>
                    <a:lnTo>
                      <a:pt x="125" y="100"/>
                    </a:lnTo>
                    <a:lnTo>
                      <a:pt x="125" y="104"/>
                    </a:lnTo>
                    <a:lnTo>
                      <a:pt x="127" y="107"/>
                    </a:lnTo>
                    <a:lnTo>
                      <a:pt x="127" y="112"/>
                    </a:lnTo>
                    <a:lnTo>
                      <a:pt x="127" y="119"/>
                    </a:lnTo>
                    <a:lnTo>
                      <a:pt x="127" y="127"/>
                    </a:lnTo>
                    <a:lnTo>
                      <a:pt x="125" y="137"/>
                    </a:lnTo>
                    <a:lnTo>
                      <a:pt x="125" y="139"/>
                    </a:lnTo>
                    <a:lnTo>
                      <a:pt x="127" y="141"/>
                    </a:lnTo>
                    <a:lnTo>
                      <a:pt x="127" y="142"/>
                    </a:lnTo>
                    <a:lnTo>
                      <a:pt x="127" y="144"/>
                    </a:lnTo>
                    <a:lnTo>
                      <a:pt x="127" y="146"/>
                    </a:lnTo>
                    <a:lnTo>
                      <a:pt x="127" y="148"/>
                    </a:lnTo>
                    <a:lnTo>
                      <a:pt x="127" y="149"/>
                    </a:lnTo>
                    <a:lnTo>
                      <a:pt x="127" y="151"/>
                    </a:lnTo>
                    <a:lnTo>
                      <a:pt x="128" y="153"/>
                    </a:lnTo>
                    <a:lnTo>
                      <a:pt x="128" y="156"/>
                    </a:lnTo>
                    <a:lnTo>
                      <a:pt x="130" y="161"/>
                    </a:lnTo>
                    <a:lnTo>
                      <a:pt x="130" y="164"/>
                    </a:lnTo>
                    <a:lnTo>
                      <a:pt x="130" y="170"/>
                    </a:lnTo>
                    <a:lnTo>
                      <a:pt x="130" y="173"/>
                    </a:lnTo>
                    <a:lnTo>
                      <a:pt x="130" y="178"/>
                    </a:lnTo>
                    <a:lnTo>
                      <a:pt x="130" y="180"/>
                    </a:lnTo>
                    <a:lnTo>
                      <a:pt x="130" y="183"/>
                    </a:lnTo>
                    <a:lnTo>
                      <a:pt x="128" y="181"/>
                    </a:lnTo>
                    <a:lnTo>
                      <a:pt x="127" y="178"/>
                    </a:lnTo>
                    <a:lnTo>
                      <a:pt x="127" y="171"/>
                    </a:lnTo>
                    <a:lnTo>
                      <a:pt x="125" y="163"/>
                    </a:lnTo>
                    <a:lnTo>
                      <a:pt x="123" y="153"/>
                    </a:lnTo>
                    <a:lnTo>
                      <a:pt x="123" y="151"/>
                    </a:lnTo>
                    <a:lnTo>
                      <a:pt x="122" y="151"/>
                    </a:lnTo>
                    <a:lnTo>
                      <a:pt x="120" y="149"/>
                    </a:lnTo>
                    <a:lnTo>
                      <a:pt x="118" y="151"/>
                    </a:lnTo>
                    <a:lnTo>
                      <a:pt x="118" y="154"/>
                    </a:lnTo>
                    <a:lnTo>
                      <a:pt x="120" y="159"/>
                    </a:lnTo>
                    <a:lnTo>
                      <a:pt x="122" y="168"/>
                    </a:lnTo>
                    <a:lnTo>
                      <a:pt x="122" y="170"/>
                    </a:lnTo>
                    <a:lnTo>
                      <a:pt x="122" y="171"/>
                    </a:lnTo>
                    <a:lnTo>
                      <a:pt x="122" y="175"/>
                    </a:lnTo>
                    <a:lnTo>
                      <a:pt x="122" y="178"/>
                    </a:lnTo>
                    <a:lnTo>
                      <a:pt x="122" y="183"/>
                    </a:lnTo>
                    <a:lnTo>
                      <a:pt x="122" y="186"/>
                    </a:lnTo>
                    <a:lnTo>
                      <a:pt x="122" y="188"/>
                    </a:lnTo>
                    <a:lnTo>
                      <a:pt x="122" y="190"/>
                    </a:lnTo>
                    <a:lnTo>
                      <a:pt x="122" y="192"/>
                    </a:lnTo>
                    <a:lnTo>
                      <a:pt x="122" y="193"/>
                    </a:lnTo>
                    <a:lnTo>
                      <a:pt x="122" y="197"/>
                    </a:lnTo>
                    <a:lnTo>
                      <a:pt x="122" y="198"/>
                    </a:lnTo>
                    <a:lnTo>
                      <a:pt x="118" y="202"/>
                    </a:lnTo>
                    <a:lnTo>
                      <a:pt x="116" y="205"/>
                    </a:lnTo>
                    <a:lnTo>
                      <a:pt x="116" y="207"/>
                    </a:lnTo>
                    <a:lnTo>
                      <a:pt x="115" y="208"/>
                    </a:lnTo>
                    <a:lnTo>
                      <a:pt x="115" y="212"/>
                    </a:lnTo>
                    <a:lnTo>
                      <a:pt x="115" y="214"/>
                    </a:lnTo>
                    <a:lnTo>
                      <a:pt x="110" y="219"/>
                    </a:lnTo>
                    <a:lnTo>
                      <a:pt x="108" y="227"/>
                    </a:lnTo>
                    <a:lnTo>
                      <a:pt x="108" y="229"/>
                    </a:lnTo>
                    <a:lnTo>
                      <a:pt x="108" y="230"/>
                    </a:lnTo>
                    <a:lnTo>
                      <a:pt x="106" y="232"/>
                    </a:lnTo>
                    <a:lnTo>
                      <a:pt x="105" y="236"/>
                    </a:lnTo>
                    <a:lnTo>
                      <a:pt x="103" y="239"/>
                    </a:lnTo>
                    <a:lnTo>
                      <a:pt x="100" y="244"/>
                    </a:lnTo>
                    <a:lnTo>
                      <a:pt x="98" y="247"/>
                    </a:lnTo>
                    <a:lnTo>
                      <a:pt x="94" y="249"/>
                    </a:lnTo>
                    <a:lnTo>
                      <a:pt x="94" y="251"/>
                    </a:lnTo>
                    <a:lnTo>
                      <a:pt x="96" y="254"/>
                    </a:lnTo>
                    <a:lnTo>
                      <a:pt x="96" y="256"/>
                    </a:lnTo>
                    <a:lnTo>
                      <a:pt x="96" y="258"/>
                    </a:lnTo>
                    <a:lnTo>
                      <a:pt x="89" y="281"/>
                    </a:lnTo>
                    <a:lnTo>
                      <a:pt x="86" y="290"/>
                    </a:lnTo>
                    <a:lnTo>
                      <a:pt x="83" y="296"/>
                    </a:lnTo>
                    <a:lnTo>
                      <a:pt x="79" y="300"/>
                    </a:lnTo>
                    <a:lnTo>
                      <a:pt x="76" y="300"/>
                    </a:lnTo>
                    <a:lnTo>
                      <a:pt x="74" y="300"/>
                    </a:lnTo>
                    <a:lnTo>
                      <a:pt x="72" y="296"/>
                    </a:lnTo>
                    <a:lnTo>
                      <a:pt x="71" y="295"/>
                    </a:lnTo>
                    <a:lnTo>
                      <a:pt x="71" y="290"/>
                    </a:lnTo>
                    <a:lnTo>
                      <a:pt x="72" y="286"/>
                    </a:lnTo>
                    <a:lnTo>
                      <a:pt x="72" y="285"/>
                    </a:lnTo>
                    <a:lnTo>
                      <a:pt x="74" y="283"/>
                    </a:lnTo>
                    <a:lnTo>
                      <a:pt x="74" y="280"/>
                    </a:lnTo>
                    <a:lnTo>
                      <a:pt x="74" y="276"/>
                    </a:lnTo>
                    <a:lnTo>
                      <a:pt x="72" y="273"/>
                    </a:lnTo>
                    <a:lnTo>
                      <a:pt x="69" y="271"/>
                    </a:lnTo>
                    <a:lnTo>
                      <a:pt x="64" y="271"/>
                    </a:lnTo>
                    <a:lnTo>
                      <a:pt x="56" y="273"/>
                    </a:lnTo>
                    <a:lnTo>
                      <a:pt x="49" y="278"/>
                    </a:lnTo>
                    <a:lnTo>
                      <a:pt x="49" y="276"/>
                    </a:lnTo>
                    <a:lnTo>
                      <a:pt x="47" y="274"/>
                    </a:lnTo>
                    <a:lnTo>
                      <a:pt x="44" y="271"/>
                    </a:lnTo>
                    <a:lnTo>
                      <a:pt x="42" y="269"/>
                    </a:lnTo>
                    <a:lnTo>
                      <a:pt x="39" y="266"/>
                    </a:lnTo>
                    <a:lnTo>
                      <a:pt x="34" y="266"/>
                    </a:lnTo>
                    <a:lnTo>
                      <a:pt x="28" y="264"/>
                    </a:lnTo>
                    <a:lnTo>
                      <a:pt x="27" y="263"/>
                    </a:lnTo>
                    <a:lnTo>
                      <a:pt x="23" y="261"/>
                    </a:lnTo>
                    <a:lnTo>
                      <a:pt x="20" y="258"/>
                    </a:lnTo>
                    <a:lnTo>
                      <a:pt x="18" y="256"/>
                    </a:lnTo>
                    <a:lnTo>
                      <a:pt x="6" y="247"/>
                    </a:lnTo>
                    <a:lnTo>
                      <a:pt x="6" y="239"/>
                    </a:lnTo>
                    <a:lnTo>
                      <a:pt x="3" y="237"/>
                    </a:lnTo>
                    <a:lnTo>
                      <a:pt x="1" y="234"/>
                    </a:lnTo>
                    <a:lnTo>
                      <a:pt x="1" y="230"/>
                    </a:lnTo>
                    <a:lnTo>
                      <a:pt x="1" y="227"/>
                    </a:lnTo>
                    <a:lnTo>
                      <a:pt x="1" y="224"/>
                    </a:lnTo>
                    <a:lnTo>
                      <a:pt x="1" y="220"/>
                    </a:lnTo>
                    <a:lnTo>
                      <a:pt x="3" y="219"/>
                    </a:lnTo>
                    <a:lnTo>
                      <a:pt x="5" y="217"/>
                    </a:lnTo>
                    <a:lnTo>
                      <a:pt x="12" y="208"/>
                    </a:lnTo>
                    <a:lnTo>
                      <a:pt x="13" y="205"/>
                    </a:lnTo>
                    <a:lnTo>
                      <a:pt x="8" y="205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574" name="Freeform 69"/>
            <p:cNvSpPr>
              <a:spLocks/>
            </p:cNvSpPr>
            <p:nvPr/>
          </p:nvSpPr>
          <p:spPr bwMode="auto">
            <a:xfrm>
              <a:off x="3295" y="2545"/>
              <a:ext cx="810" cy="287"/>
            </a:xfrm>
            <a:custGeom>
              <a:avLst/>
              <a:gdLst>
                <a:gd name="T0" fmla="*/ 562 w 833"/>
                <a:gd name="T1" fmla="*/ 0 h 295"/>
                <a:gd name="T2" fmla="*/ 562 w 833"/>
                <a:gd name="T3" fmla="*/ 12 h 295"/>
                <a:gd name="T4" fmla="*/ 562 w 833"/>
                <a:gd name="T5" fmla="*/ 18 h 295"/>
                <a:gd name="T6" fmla="*/ 556 w 833"/>
                <a:gd name="T7" fmla="*/ 22 h 295"/>
                <a:gd name="T8" fmla="*/ 549 w 833"/>
                <a:gd name="T9" fmla="*/ 37 h 295"/>
                <a:gd name="T10" fmla="*/ 544 w 833"/>
                <a:gd name="T11" fmla="*/ 46 h 295"/>
                <a:gd name="T12" fmla="*/ 534 w 833"/>
                <a:gd name="T13" fmla="*/ 45 h 295"/>
                <a:gd name="T14" fmla="*/ 519 w 833"/>
                <a:gd name="T15" fmla="*/ 55 h 295"/>
                <a:gd name="T16" fmla="*/ 508 w 833"/>
                <a:gd name="T17" fmla="*/ 65 h 295"/>
                <a:gd name="T18" fmla="*/ 505 w 833"/>
                <a:gd name="T19" fmla="*/ 57 h 295"/>
                <a:gd name="T20" fmla="*/ 497 w 833"/>
                <a:gd name="T21" fmla="*/ 60 h 295"/>
                <a:gd name="T22" fmla="*/ 492 w 833"/>
                <a:gd name="T23" fmla="*/ 69 h 295"/>
                <a:gd name="T24" fmla="*/ 488 w 833"/>
                <a:gd name="T25" fmla="*/ 78 h 295"/>
                <a:gd name="T26" fmla="*/ 483 w 833"/>
                <a:gd name="T27" fmla="*/ 84 h 295"/>
                <a:gd name="T28" fmla="*/ 473 w 833"/>
                <a:gd name="T29" fmla="*/ 88 h 295"/>
                <a:gd name="T30" fmla="*/ 457 w 833"/>
                <a:gd name="T31" fmla="*/ 99 h 295"/>
                <a:gd name="T32" fmla="*/ 449 w 833"/>
                <a:gd name="T33" fmla="*/ 108 h 295"/>
                <a:gd name="T34" fmla="*/ 432 w 833"/>
                <a:gd name="T35" fmla="*/ 114 h 295"/>
                <a:gd name="T36" fmla="*/ 424 w 833"/>
                <a:gd name="T37" fmla="*/ 123 h 295"/>
                <a:gd name="T38" fmla="*/ 421 w 833"/>
                <a:gd name="T39" fmla="*/ 130 h 295"/>
                <a:gd name="T40" fmla="*/ 413 w 833"/>
                <a:gd name="T41" fmla="*/ 139 h 295"/>
                <a:gd name="T42" fmla="*/ 405 w 833"/>
                <a:gd name="T43" fmla="*/ 140 h 295"/>
                <a:gd name="T44" fmla="*/ 317 w 833"/>
                <a:gd name="T45" fmla="*/ 172 h 295"/>
                <a:gd name="T46" fmla="*/ 7 w 833"/>
                <a:gd name="T47" fmla="*/ 200 h 295"/>
                <a:gd name="T48" fmla="*/ 0 w 833"/>
                <a:gd name="T49" fmla="*/ 198 h 295"/>
                <a:gd name="T50" fmla="*/ 8 w 833"/>
                <a:gd name="T51" fmla="*/ 193 h 295"/>
                <a:gd name="T52" fmla="*/ 18 w 833"/>
                <a:gd name="T53" fmla="*/ 188 h 295"/>
                <a:gd name="T54" fmla="*/ 18 w 833"/>
                <a:gd name="T55" fmla="*/ 177 h 295"/>
                <a:gd name="T56" fmla="*/ 15 w 833"/>
                <a:gd name="T57" fmla="*/ 171 h 295"/>
                <a:gd name="T58" fmla="*/ 18 w 833"/>
                <a:gd name="T59" fmla="*/ 161 h 295"/>
                <a:gd name="T60" fmla="*/ 18 w 833"/>
                <a:gd name="T61" fmla="*/ 157 h 295"/>
                <a:gd name="T62" fmla="*/ 18 w 833"/>
                <a:gd name="T63" fmla="*/ 151 h 295"/>
                <a:gd name="T64" fmla="*/ 27 w 833"/>
                <a:gd name="T65" fmla="*/ 143 h 295"/>
                <a:gd name="T66" fmla="*/ 22 w 833"/>
                <a:gd name="T67" fmla="*/ 140 h 295"/>
                <a:gd name="T68" fmla="*/ 18 w 833"/>
                <a:gd name="T69" fmla="*/ 139 h 295"/>
                <a:gd name="T70" fmla="*/ 20 w 833"/>
                <a:gd name="T71" fmla="*/ 137 h 295"/>
                <a:gd name="T72" fmla="*/ 27 w 833"/>
                <a:gd name="T73" fmla="*/ 131 h 295"/>
                <a:gd name="T74" fmla="*/ 35 w 833"/>
                <a:gd name="T75" fmla="*/ 124 h 295"/>
                <a:gd name="T76" fmla="*/ 40 w 833"/>
                <a:gd name="T77" fmla="*/ 117 h 295"/>
                <a:gd name="T78" fmla="*/ 37 w 833"/>
                <a:gd name="T79" fmla="*/ 114 h 295"/>
                <a:gd name="T80" fmla="*/ 43 w 833"/>
                <a:gd name="T81" fmla="*/ 101 h 295"/>
                <a:gd name="T82" fmla="*/ 45 w 833"/>
                <a:gd name="T83" fmla="*/ 101 h 295"/>
                <a:gd name="T84" fmla="*/ 44 w 833"/>
                <a:gd name="T85" fmla="*/ 97 h 295"/>
                <a:gd name="T86" fmla="*/ 38 w 833"/>
                <a:gd name="T87" fmla="*/ 90 h 295"/>
                <a:gd name="T88" fmla="*/ 42 w 833"/>
                <a:gd name="T89" fmla="*/ 88 h 295"/>
                <a:gd name="T90" fmla="*/ 44 w 833"/>
                <a:gd name="T91" fmla="*/ 88 h 295"/>
                <a:gd name="T92" fmla="*/ 143 w 833"/>
                <a:gd name="T93" fmla="*/ 59 h 295"/>
                <a:gd name="T94" fmla="*/ 144 w 833"/>
                <a:gd name="T95" fmla="*/ 46 h 295"/>
                <a:gd name="T96" fmla="*/ 154 w 833"/>
                <a:gd name="T97" fmla="*/ 46 h 295"/>
                <a:gd name="T98" fmla="*/ 169 w 833"/>
                <a:gd name="T99" fmla="*/ 46 h 295"/>
                <a:gd name="T100" fmla="*/ 177 w 833"/>
                <a:gd name="T101" fmla="*/ 46 h 295"/>
                <a:gd name="T102" fmla="*/ 194 w 833"/>
                <a:gd name="T103" fmla="*/ 45 h 295"/>
                <a:gd name="T104" fmla="*/ 218 w 833"/>
                <a:gd name="T105" fmla="*/ 43 h 295"/>
                <a:gd name="T106" fmla="*/ 250 w 833"/>
                <a:gd name="T107" fmla="*/ 41 h 295"/>
                <a:gd name="T108" fmla="*/ 283 w 833"/>
                <a:gd name="T109" fmla="*/ 37 h 295"/>
                <a:gd name="T110" fmla="*/ 319 w 833"/>
                <a:gd name="T111" fmla="*/ 34 h 295"/>
                <a:gd name="T112" fmla="*/ 352 w 833"/>
                <a:gd name="T113" fmla="*/ 29 h 295"/>
                <a:gd name="T114" fmla="*/ 382 w 833"/>
                <a:gd name="T115" fmla="*/ 25 h 295"/>
                <a:gd name="T116" fmla="*/ 405 w 833"/>
                <a:gd name="T117" fmla="*/ 22 h 295"/>
                <a:gd name="T118" fmla="*/ 417 w 833"/>
                <a:gd name="T119" fmla="*/ 20 h 295"/>
                <a:gd name="T120" fmla="*/ 544 w 833"/>
                <a:gd name="T121" fmla="*/ 7 h 295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w 833"/>
                <a:gd name="T184" fmla="*/ 0 h 295"/>
                <a:gd name="T185" fmla="*/ 833 w 833"/>
                <a:gd name="T186" fmla="*/ 295 h 295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T183" t="T184" r="T185" b="T186"/>
              <a:pathLst>
                <a:path w="833" h="295">
                  <a:moveTo>
                    <a:pt x="804" y="7"/>
                  </a:moveTo>
                  <a:lnTo>
                    <a:pt x="816" y="0"/>
                  </a:lnTo>
                  <a:lnTo>
                    <a:pt x="831" y="0"/>
                  </a:lnTo>
                  <a:lnTo>
                    <a:pt x="831" y="2"/>
                  </a:lnTo>
                  <a:lnTo>
                    <a:pt x="831" y="6"/>
                  </a:lnTo>
                  <a:lnTo>
                    <a:pt x="831" y="12"/>
                  </a:lnTo>
                  <a:lnTo>
                    <a:pt x="831" y="17"/>
                  </a:lnTo>
                  <a:lnTo>
                    <a:pt x="833" y="24"/>
                  </a:lnTo>
                  <a:lnTo>
                    <a:pt x="831" y="31"/>
                  </a:lnTo>
                  <a:lnTo>
                    <a:pt x="831" y="34"/>
                  </a:lnTo>
                  <a:lnTo>
                    <a:pt x="831" y="36"/>
                  </a:lnTo>
                  <a:lnTo>
                    <a:pt x="824" y="36"/>
                  </a:lnTo>
                  <a:lnTo>
                    <a:pt x="819" y="39"/>
                  </a:lnTo>
                  <a:lnTo>
                    <a:pt x="814" y="44"/>
                  </a:lnTo>
                  <a:lnTo>
                    <a:pt x="811" y="51"/>
                  </a:lnTo>
                  <a:lnTo>
                    <a:pt x="807" y="58"/>
                  </a:lnTo>
                  <a:lnTo>
                    <a:pt x="805" y="63"/>
                  </a:lnTo>
                  <a:lnTo>
                    <a:pt x="804" y="66"/>
                  </a:lnTo>
                  <a:lnTo>
                    <a:pt x="797" y="63"/>
                  </a:lnTo>
                  <a:lnTo>
                    <a:pt x="790" y="63"/>
                  </a:lnTo>
                  <a:lnTo>
                    <a:pt x="782" y="68"/>
                  </a:lnTo>
                  <a:lnTo>
                    <a:pt x="773" y="75"/>
                  </a:lnTo>
                  <a:lnTo>
                    <a:pt x="767" y="83"/>
                  </a:lnTo>
                  <a:lnTo>
                    <a:pt x="760" y="90"/>
                  </a:lnTo>
                  <a:lnTo>
                    <a:pt x="755" y="94"/>
                  </a:lnTo>
                  <a:lnTo>
                    <a:pt x="753" y="94"/>
                  </a:lnTo>
                  <a:lnTo>
                    <a:pt x="751" y="88"/>
                  </a:lnTo>
                  <a:lnTo>
                    <a:pt x="748" y="87"/>
                  </a:lnTo>
                  <a:lnTo>
                    <a:pt x="746" y="85"/>
                  </a:lnTo>
                  <a:lnTo>
                    <a:pt x="743" y="85"/>
                  </a:lnTo>
                  <a:lnTo>
                    <a:pt x="739" y="87"/>
                  </a:lnTo>
                  <a:lnTo>
                    <a:pt x="736" y="88"/>
                  </a:lnTo>
                  <a:lnTo>
                    <a:pt x="733" y="92"/>
                  </a:lnTo>
                  <a:lnTo>
                    <a:pt x="731" y="97"/>
                  </a:lnTo>
                  <a:lnTo>
                    <a:pt x="728" y="100"/>
                  </a:lnTo>
                  <a:lnTo>
                    <a:pt x="724" y="105"/>
                  </a:lnTo>
                  <a:lnTo>
                    <a:pt x="723" y="110"/>
                  </a:lnTo>
                  <a:lnTo>
                    <a:pt x="721" y="114"/>
                  </a:lnTo>
                  <a:lnTo>
                    <a:pt x="717" y="119"/>
                  </a:lnTo>
                  <a:lnTo>
                    <a:pt x="717" y="121"/>
                  </a:lnTo>
                  <a:lnTo>
                    <a:pt x="716" y="122"/>
                  </a:lnTo>
                  <a:lnTo>
                    <a:pt x="716" y="124"/>
                  </a:lnTo>
                  <a:lnTo>
                    <a:pt x="707" y="126"/>
                  </a:lnTo>
                  <a:lnTo>
                    <a:pt x="699" y="129"/>
                  </a:lnTo>
                  <a:lnTo>
                    <a:pt x="690" y="134"/>
                  </a:lnTo>
                  <a:lnTo>
                    <a:pt x="682" y="141"/>
                  </a:lnTo>
                  <a:lnTo>
                    <a:pt x="677" y="146"/>
                  </a:lnTo>
                  <a:lnTo>
                    <a:pt x="670" y="153"/>
                  </a:lnTo>
                  <a:lnTo>
                    <a:pt x="667" y="156"/>
                  </a:lnTo>
                  <a:lnTo>
                    <a:pt x="665" y="158"/>
                  </a:lnTo>
                  <a:lnTo>
                    <a:pt x="655" y="158"/>
                  </a:lnTo>
                  <a:lnTo>
                    <a:pt x="646" y="161"/>
                  </a:lnTo>
                  <a:lnTo>
                    <a:pt x="640" y="165"/>
                  </a:lnTo>
                  <a:lnTo>
                    <a:pt x="633" y="170"/>
                  </a:lnTo>
                  <a:lnTo>
                    <a:pt x="630" y="175"/>
                  </a:lnTo>
                  <a:lnTo>
                    <a:pt x="626" y="180"/>
                  </a:lnTo>
                  <a:lnTo>
                    <a:pt x="624" y="183"/>
                  </a:lnTo>
                  <a:lnTo>
                    <a:pt x="624" y="185"/>
                  </a:lnTo>
                  <a:lnTo>
                    <a:pt x="623" y="192"/>
                  </a:lnTo>
                  <a:lnTo>
                    <a:pt x="619" y="197"/>
                  </a:lnTo>
                  <a:lnTo>
                    <a:pt x="616" y="202"/>
                  </a:lnTo>
                  <a:lnTo>
                    <a:pt x="611" y="204"/>
                  </a:lnTo>
                  <a:lnTo>
                    <a:pt x="608" y="205"/>
                  </a:lnTo>
                  <a:lnTo>
                    <a:pt x="602" y="205"/>
                  </a:lnTo>
                  <a:lnTo>
                    <a:pt x="599" y="205"/>
                  </a:lnTo>
                  <a:lnTo>
                    <a:pt x="599" y="239"/>
                  </a:lnTo>
                  <a:lnTo>
                    <a:pt x="470" y="253"/>
                  </a:lnTo>
                  <a:lnTo>
                    <a:pt x="218" y="275"/>
                  </a:lnTo>
                  <a:lnTo>
                    <a:pt x="7" y="293"/>
                  </a:lnTo>
                  <a:lnTo>
                    <a:pt x="7" y="295"/>
                  </a:lnTo>
                  <a:lnTo>
                    <a:pt x="2" y="295"/>
                  </a:lnTo>
                  <a:lnTo>
                    <a:pt x="0" y="293"/>
                  </a:lnTo>
                  <a:lnTo>
                    <a:pt x="0" y="292"/>
                  </a:lnTo>
                  <a:lnTo>
                    <a:pt x="3" y="290"/>
                  </a:lnTo>
                  <a:lnTo>
                    <a:pt x="7" y="286"/>
                  </a:lnTo>
                  <a:lnTo>
                    <a:pt x="8" y="285"/>
                  </a:lnTo>
                  <a:lnTo>
                    <a:pt x="12" y="283"/>
                  </a:lnTo>
                  <a:lnTo>
                    <a:pt x="14" y="283"/>
                  </a:lnTo>
                  <a:lnTo>
                    <a:pt x="19" y="276"/>
                  </a:lnTo>
                  <a:lnTo>
                    <a:pt x="20" y="270"/>
                  </a:lnTo>
                  <a:lnTo>
                    <a:pt x="22" y="264"/>
                  </a:lnTo>
                  <a:lnTo>
                    <a:pt x="20" y="259"/>
                  </a:lnTo>
                  <a:lnTo>
                    <a:pt x="19" y="256"/>
                  </a:lnTo>
                  <a:lnTo>
                    <a:pt x="17" y="254"/>
                  </a:lnTo>
                  <a:lnTo>
                    <a:pt x="15" y="251"/>
                  </a:lnTo>
                  <a:lnTo>
                    <a:pt x="20" y="239"/>
                  </a:lnTo>
                  <a:lnTo>
                    <a:pt x="20" y="237"/>
                  </a:lnTo>
                  <a:lnTo>
                    <a:pt x="22" y="236"/>
                  </a:lnTo>
                  <a:lnTo>
                    <a:pt x="24" y="234"/>
                  </a:lnTo>
                  <a:lnTo>
                    <a:pt x="25" y="231"/>
                  </a:lnTo>
                  <a:lnTo>
                    <a:pt x="29" y="227"/>
                  </a:lnTo>
                  <a:lnTo>
                    <a:pt x="30" y="224"/>
                  </a:lnTo>
                  <a:lnTo>
                    <a:pt x="32" y="222"/>
                  </a:lnTo>
                  <a:lnTo>
                    <a:pt x="34" y="222"/>
                  </a:lnTo>
                  <a:lnTo>
                    <a:pt x="39" y="215"/>
                  </a:lnTo>
                  <a:lnTo>
                    <a:pt x="41" y="210"/>
                  </a:lnTo>
                  <a:lnTo>
                    <a:pt x="41" y="209"/>
                  </a:lnTo>
                  <a:lnTo>
                    <a:pt x="39" y="205"/>
                  </a:lnTo>
                  <a:lnTo>
                    <a:pt x="36" y="205"/>
                  </a:lnTo>
                  <a:lnTo>
                    <a:pt x="32" y="204"/>
                  </a:lnTo>
                  <a:lnTo>
                    <a:pt x="30" y="204"/>
                  </a:lnTo>
                  <a:lnTo>
                    <a:pt x="32" y="202"/>
                  </a:lnTo>
                  <a:lnTo>
                    <a:pt x="34" y="200"/>
                  </a:lnTo>
                  <a:lnTo>
                    <a:pt x="36" y="198"/>
                  </a:lnTo>
                  <a:lnTo>
                    <a:pt x="39" y="195"/>
                  </a:lnTo>
                  <a:lnTo>
                    <a:pt x="41" y="193"/>
                  </a:lnTo>
                  <a:lnTo>
                    <a:pt x="42" y="192"/>
                  </a:lnTo>
                  <a:lnTo>
                    <a:pt x="44" y="190"/>
                  </a:lnTo>
                  <a:lnTo>
                    <a:pt x="49" y="183"/>
                  </a:lnTo>
                  <a:lnTo>
                    <a:pt x="52" y="178"/>
                  </a:lnTo>
                  <a:lnTo>
                    <a:pt x="54" y="175"/>
                  </a:lnTo>
                  <a:lnTo>
                    <a:pt x="54" y="171"/>
                  </a:lnTo>
                  <a:lnTo>
                    <a:pt x="54" y="168"/>
                  </a:lnTo>
                  <a:lnTo>
                    <a:pt x="52" y="166"/>
                  </a:lnTo>
                  <a:lnTo>
                    <a:pt x="51" y="165"/>
                  </a:lnTo>
                  <a:lnTo>
                    <a:pt x="61" y="148"/>
                  </a:lnTo>
                  <a:lnTo>
                    <a:pt x="63" y="148"/>
                  </a:lnTo>
                  <a:lnTo>
                    <a:pt x="64" y="148"/>
                  </a:lnTo>
                  <a:lnTo>
                    <a:pt x="64" y="146"/>
                  </a:lnTo>
                  <a:lnTo>
                    <a:pt x="63" y="143"/>
                  </a:lnTo>
                  <a:lnTo>
                    <a:pt x="58" y="139"/>
                  </a:lnTo>
                  <a:lnTo>
                    <a:pt x="54" y="136"/>
                  </a:lnTo>
                  <a:lnTo>
                    <a:pt x="52" y="132"/>
                  </a:lnTo>
                  <a:lnTo>
                    <a:pt x="52" y="131"/>
                  </a:lnTo>
                  <a:lnTo>
                    <a:pt x="54" y="129"/>
                  </a:lnTo>
                  <a:lnTo>
                    <a:pt x="58" y="129"/>
                  </a:lnTo>
                  <a:lnTo>
                    <a:pt x="59" y="129"/>
                  </a:lnTo>
                  <a:lnTo>
                    <a:pt x="61" y="129"/>
                  </a:lnTo>
                  <a:lnTo>
                    <a:pt x="63" y="129"/>
                  </a:lnTo>
                  <a:lnTo>
                    <a:pt x="64" y="100"/>
                  </a:lnTo>
                  <a:lnTo>
                    <a:pt x="64" y="99"/>
                  </a:lnTo>
                  <a:lnTo>
                    <a:pt x="212" y="87"/>
                  </a:lnTo>
                  <a:lnTo>
                    <a:pt x="212" y="63"/>
                  </a:lnTo>
                  <a:lnTo>
                    <a:pt x="213" y="65"/>
                  </a:lnTo>
                  <a:lnTo>
                    <a:pt x="217" y="65"/>
                  </a:lnTo>
                  <a:lnTo>
                    <a:pt x="222" y="65"/>
                  </a:lnTo>
                  <a:lnTo>
                    <a:pt x="228" y="65"/>
                  </a:lnTo>
                  <a:lnTo>
                    <a:pt x="235" y="66"/>
                  </a:lnTo>
                  <a:lnTo>
                    <a:pt x="242" y="66"/>
                  </a:lnTo>
                  <a:lnTo>
                    <a:pt x="250" y="66"/>
                  </a:lnTo>
                  <a:lnTo>
                    <a:pt x="252" y="66"/>
                  </a:lnTo>
                  <a:lnTo>
                    <a:pt x="256" y="66"/>
                  </a:lnTo>
                  <a:lnTo>
                    <a:pt x="261" y="65"/>
                  </a:lnTo>
                  <a:lnTo>
                    <a:pt x="267" y="65"/>
                  </a:lnTo>
                  <a:lnTo>
                    <a:pt x="276" y="63"/>
                  </a:lnTo>
                  <a:lnTo>
                    <a:pt x="286" y="63"/>
                  </a:lnTo>
                  <a:lnTo>
                    <a:pt x="296" y="61"/>
                  </a:lnTo>
                  <a:lnTo>
                    <a:pt x="310" y="61"/>
                  </a:lnTo>
                  <a:lnTo>
                    <a:pt x="323" y="60"/>
                  </a:lnTo>
                  <a:lnTo>
                    <a:pt x="337" y="58"/>
                  </a:lnTo>
                  <a:lnTo>
                    <a:pt x="352" y="58"/>
                  </a:lnTo>
                  <a:lnTo>
                    <a:pt x="369" y="56"/>
                  </a:lnTo>
                  <a:lnTo>
                    <a:pt x="386" y="55"/>
                  </a:lnTo>
                  <a:lnTo>
                    <a:pt x="403" y="53"/>
                  </a:lnTo>
                  <a:lnTo>
                    <a:pt x="420" y="51"/>
                  </a:lnTo>
                  <a:lnTo>
                    <a:pt x="437" y="50"/>
                  </a:lnTo>
                  <a:lnTo>
                    <a:pt x="455" y="48"/>
                  </a:lnTo>
                  <a:lnTo>
                    <a:pt x="472" y="48"/>
                  </a:lnTo>
                  <a:lnTo>
                    <a:pt x="489" y="46"/>
                  </a:lnTo>
                  <a:lnTo>
                    <a:pt x="504" y="44"/>
                  </a:lnTo>
                  <a:lnTo>
                    <a:pt x="521" y="43"/>
                  </a:lnTo>
                  <a:lnTo>
                    <a:pt x="536" y="41"/>
                  </a:lnTo>
                  <a:lnTo>
                    <a:pt x="552" y="39"/>
                  </a:lnTo>
                  <a:lnTo>
                    <a:pt x="565" y="39"/>
                  </a:lnTo>
                  <a:lnTo>
                    <a:pt x="577" y="38"/>
                  </a:lnTo>
                  <a:lnTo>
                    <a:pt x="589" y="36"/>
                  </a:lnTo>
                  <a:lnTo>
                    <a:pt x="599" y="36"/>
                  </a:lnTo>
                  <a:lnTo>
                    <a:pt x="608" y="36"/>
                  </a:lnTo>
                  <a:lnTo>
                    <a:pt x="613" y="34"/>
                  </a:lnTo>
                  <a:lnTo>
                    <a:pt x="618" y="34"/>
                  </a:lnTo>
                  <a:lnTo>
                    <a:pt x="621" y="34"/>
                  </a:lnTo>
                  <a:lnTo>
                    <a:pt x="623" y="34"/>
                  </a:lnTo>
                  <a:lnTo>
                    <a:pt x="804" y="7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575" name="Group 70"/>
            <p:cNvGrpSpPr>
              <a:grpSpLocks/>
            </p:cNvGrpSpPr>
            <p:nvPr/>
          </p:nvGrpSpPr>
          <p:grpSpPr bwMode="auto">
            <a:xfrm>
              <a:off x="3183" y="2812"/>
              <a:ext cx="342" cy="594"/>
              <a:chOff x="3392" y="2451"/>
              <a:chExt cx="352" cy="612"/>
            </a:xfrm>
          </p:grpSpPr>
          <p:sp>
            <p:nvSpPr>
              <p:cNvPr id="694" name="Freeform 71"/>
              <p:cNvSpPr>
                <a:spLocks/>
              </p:cNvSpPr>
              <p:nvPr/>
            </p:nvSpPr>
            <p:spPr bwMode="auto">
              <a:xfrm>
                <a:off x="3392" y="2451"/>
                <a:ext cx="352" cy="612"/>
              </a:xfrm>
              <a:custGeom>
                <a:avLst/>
                <a:gdLst>
                  <a:gd name="T0" fmla="*/ 262 w 352"/>
                  <a:gd name="T1" fmla="*/ 594 h 612"/>
                  <a:gd name="T2" fmla="*/ 276 w 352"/>
                  <a:gd name="T3" fmla="*/ 589 h 612"/>
                  <a:gd name="T4" fmla="*/ 291 w 352"/>
                  <a:gd name="T5" fmla="*/ 585 h 612"/>
                  <a:gd name="T6" fmla="*/ 305 w 352"/>
                  <a:gd name="T7" fmla="*/ 580 h 612"/>
                  <a:gd name="T8" fmla="*/ 293 w 352"/>
                  <a:gd name="T9" fmla="*/ 577 h 612"/>
                  <a:gd name="T10" fmla="*/ 313 w 352"/>
                  <a:gd name="T11" fmla="*/ 577 h 612"/>
                  <a:gd name="T12" fmla="*/ 315 w 352"/>
                  <a:gd name="T13" fmla="*/ 583 h 612"/>
                  <a:gd name="T14" fmla="*/ 333 w 352"/>
                  <a:gd name="T15" fmla="*/ 577 h 612"/>
                  <a:gd name="T16" fmla="*/ 343 w 352"/>
                  <a:gd name="T17" fmla="*/ 585 h 612"/>
                  <a:gd name="T18" fmla="*/ 352 w 352"/>
                  <a:gd name="T19" fmla="*/ 578 h 612"/>
                  <a:gd name="T20" fmla="*/ 333 w 352"/>
                  <a:gd name="T21" fmla="*/ 0 h 612"/>
                  <a:gd name="T22" fmla="*/ 122 w 352"/>
                  <a:gd name="T23" fmla="*/ 20 h 612"/>
                  <a:gd name="T24" fmla="*/ 120 w 352"/>
                  <a:gd name="T25" fmla="*/ 28 h 612"/>
                  <a:gd name="T26" fmla="*/ 93 w 352"/>
                  <a:gd name="T27" fmla="*/ 59 h 612"/>
                  <a:gd name="T28" fmla="*/ 64 w 352"/>
                  <a:gd name="T29" fmla="*/ 113 h 612"/>
                  <a:gd name="T30" fmla="*/ 56 w 352"/>
                  <a:gd name="T31" fmla="*/ 133 h 612"/>
                  <a:gd name="T32" fmla="*/ 57 w 352"/>
                  <a:gd name="T33" fmla="*/ 142 h 612"/>
                  <a:gd name="T34" fmla="*/ 46 w 352"/>
                  <a:gd name="T35" fmla="*/ 147 h 612"/>
                  <a:gd name="T36" fmla="*/ 44 w 352"/>
                  <a:gd name="T37" fmla="*/ 157 h 612"/>
                  <a:gd name="T38" fmla="*/ 47 w 352"/>
                  <a:gd name="T39" fmla="*/ 165 h 612"/>
                  <a:gd name="T40" fmla="*/ 41 w 352"/>
                  <a:gd name="T41" fmla="*/ 174 h 612"/>
                  <a:gd name="T42" fmla="*/ 42 w 352"/>
                  <a:gd name="T43" fmla="*/ 177 h 612"/>
                  <a:gd name="T44" fmla="*/ 47 w 352"/>
                  <a:gd name="T45" fmla="*/ 182 h 612"/>
                  <a:gd name="T46" fmla="*/ 35 w 352"/>
                  <a:gd name="T47" fmla="*/ 189 h 612"/>
                  <a:gd name="T48" fmla="*/ 29 w 352"/>
                  <a:gd name="T49" fmla="*/ 204 h 612"/>
                  <a:gd name="T50" fmla="*/ 44 w 352"/>
                  <a:gd name="T51" fmla="*/ 240 h 612"/>
                  <a:gd name="T52" fmla="*/ 47 w 352"/>
                  <a:gd name="T53" fmla="*/ 248 h 612"/>
                  <a:gd name="T54" fmla="*/ 42 w 352"/>
                  <a:gd name="T55" fmla="*/ 253 h 612"/>
                  <a:gd name="T56" fmla="*/ 39 w 352"/>
                  <a:gd name="T57" fmla="*/ 265 h 612"/>
                  <a:gd name="T58" fmla="*/ 37 w 352"/>
                  <a:gd name="T59" fmla="*/ 270 h 612"/>
                  <a:gd name="T60" fmla="*/ 37 w 352"/>
                  <a:gd name="T61" fmla="*/ 279 h 612"/>
                  <a:gd name="T62" fmla="*/ 42 w 352"/>
                  <a:gd name="T63" fmla="*/ 281 h 612"/>
                  <a:gd name="T64" fmla="*/ 47 w 352"/>
                  <a:gd name="T65" fmla="*/ 287 h 612"/>
                  <a:gd name="T66" fmla="*/ 46 w 352"/>
                  <a:gd name="T67" fmla="*/ 319 h 612"/>
                  <a:gd name="T68" fmla="*/ 56 w 352"/>
                  <a:gd name="T69" fmla="*/ 331 h 612"/>
                  <a:gd name="T70" fmla="*/ 52 w 352"/>
                  <a:gd name="T71" fmla="*/ 338 h 612"/>
                  <a:gd name="T72" fmla="*/ 61 w 352"/>
                  <a:gd name="T73" fmla="*/ 341 h 612"/>
                  <a:gd name="T74" fmla="*/ 61 w 352"/>
                  <a:gd name="T75" fmla="*/ 350 h 612"/>
                  <a:gd name="T76" fmla="*/ 68 w 352"/>
                  <a:gd name="T77" fmla="*/ 355 h 612"/>
                  <a:gd name="T78" fmla="*/ 63 w 352"/>
                  <a:gd name="T79" fmla="*/ 367 h 612"/>
                  <a:gd name="T80" fmla="*/ 56 w 352"/>
                  <a:gd name="T81" fmla="*/ 370 h 612"/>
                  <a:gd name="T82" fmla="*/ 44 w 352"/>
                  <a:gd name="T83" fmla="*/ 375 h 612"/>
                  <a:gd name="T84" fmla="*/ 54 w 352"/>
                  <a:gd name="T85" fmla="*/ 384 h 612"/>
                  <a:gd name="T86" fmla="*/ 44 w 352"/>
                  <a:gd name="T87" fmla="*/ 399 h 612"/>
                  <a:gd name="T88" fmla="*/ 32 w 352"/>
                  <a:gd name="T89" fmla="*/ 416 h 612"/>
                  <a:gd name="T90" fmla="*/ 25 w 352"/>
                  <a:gd name="T91" fmla="*/ 450 h 612"/>
                  <a:gd name="T92" fmla="*/ 15 w 352"/>
                  <a:gd name="T93" fmla="*/ 458 h 612"/>
                  <a:gd name="T94" fmla="*/ 17 w 352"/>
                  <a:gd name="T95" fmla="*/ 467 h 612"/>
                  <a:gd name="T96" fmla="*/ 10 w 352"/>
                  <a:gd name="T97" fmla="*/ 477 h 612"/>
                  <a:gd name="T98" fmla="*/ 15 w 352"/>
                  <a:gd name="T99" fmla="*/ 482 h 612"/>
                  <a:gd name="T100" fmla="*/ 5 w 352"/>
                  <a:gd name="T101" fmla="*/ 494 h 612"/>
                  <a:gd name="T102" fmla="*/ 0 w 352"/>
                  <a:gd name="T103" fmla="*/ 502 h 612"/>
                  <a:gd name="T104" fmla="*/ 7 w 352"/>
                  <a:gd name="T105" fmla="*/ 507 h 612"/>
                  <a:gd name="T106" fmla="*/ 3 w 352"/>
                  <a:gd name="T107" fmla="*/ 517 h 612"/>
                  <a:gd name="T108" fmla="*/ 203 w 352"/>
                  <a:gd name="T109" fmla="*/ 511 h 612"/>
                  <a:gd name="T110" fmla="*/ 198 w 352"/>
                  <a:gd name="T111" fmla="*/ 543 h 612"/>
                  <a:gd name="T112" fmla="*/ 198 w 352"/>
                  <a:gd name="T113" fmla="*/ 563 h 612"/>
                  <a:gd name="T114" fmla="*/ 211 w 352"/>
                  <a:gd name="T115" fmla="*/ 577 h 612"/>
                  <a:gd name="T116" fmla="*/ 223 w 352"/>
                  <a:gd name="T117" fmla="*/ 605 h 612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352"/>
                  <a:gd name="T178" fmla="*/ 0 h 612"/>
                  <a:gd name="T179" fmla="*/ 352 w 352"/>
                  <a:gd name="T180" fmla="*/ 612 h 612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352" h="612">
                    <a:moveTo>
                      <a:pt x="240" y="609"/>
                    </a:moveTo>
                    <a:lnTo>
                      <a:pt x="252" y="599"/>
                    </a:lnTo>
                    <a:lnTo>
                      <a:pt x="252" y="590"/>
                    </a:lnTo>
                    <a:lnTo>
                      <a:pt x="262" y="594"/>
                    </a:lnTo>
                    <a:lnTo>
                      <a:pt x="266" y="592"/>
                    </a:lnTo>
                    <a:lnTo>
                      <a:pt x="271" y="590"/>
                    </a:lnTo>
                    <a:lnTo>
                      <a:pt x="276" y="589"/>
                    </a:lnTo>
                    <a:lnTo>
                      <a:pt x="281" y="587"/>
                    </a:lnTo>
                    <a:lnTo>
                      <a:pt x="284" y="585"/>
                    </a:lnTo>
                    <a:lnTo>
                      <a:pt x="288" y="585"/>
                    </a:lnTo>
                    <a:lnTo>
                      <a:pt x="291" y="585"/>
                    </a:lnTo>
                    <a:lnTo>
                      <a:pt x="301" y="583"/>
                    </a:lnTo>
                    <a:lnTo>
                      <a:pt x="306" y="583"/>
                    </a:lnTo>
                    <a:lnTo>
                      <a:pt x="306" y="582"/>
                    </a:lnTo>
                    <a:lnTo>
                      <a:pt x="305" y="580"/>
                    </a:lnTo>
                    <a:lnTo>
                      <a:pt x="301" y="578"/>
                    </a:lnTo>
                    <a:lnTo>
                      <a:pt x="296" y="577"/>
                    </a:lnTo>
                    <a:lnTo>
                      <a:pt x="293" y="577"/>
                    </a:lnTo>
                    <a:lnTo>
                      <a:pt x="301" y="573"/>
                    </a:lnTo>
                    <a:lnTo>
                      <a:pt x="306" y="573"/>
                    </a:lnTo>
                    <a:lnTo>
                      <a:pt x="311" y="575"/>
                    </a:lnTo>
                    <a:lnTo>
                      <a:pt x="313" y="577"/>
                    </a:lnTo>
                    <a:lnTo>
                      <a:pt x="315" y="578"/>
                    </a:lnTo>
                    <a:lnTo>
                      <a:pt x="315" y="582"/>
                    </a:lnTo>
                    <a:lnTo>
                      <a:pt x="315" y="583"/>
                    </a:lnTo>
                    <a:lnTo>
                      <a:pt x="323" y="585"/>
                    </a:lnTo>
                    <a:lnTo>
                      <a:pt x="332" y="575"/>
                    </a:lnTo>
                    <a:lnTo>
                      <a:pt x="333" y="577"/>
                    </a:lnTo>
                    <a:lnTo>
                      <a:pt x="335" y="578"/>
                    </a:lnTo>
                    <a:lnTo>
                      <a:pt x="335" y="580"/>
                    </a:lnTo>
                    <a:lnTo>
                      <a:pt x="340" y="583"/>
                    </a:lnTo>
                    <a:lnTo>
                      <a:pt x="343" y="585"/>
                    </a:lnTo>
                    <a:lnTo>
                      <a:pt x="347" y="585"/>
                    </a:lnTo>
                    <a:lnTo>
                      <a:pt x="349" y="583"/>
                    </a:lnTo>
                    <a:lnTo>
                      <a:pt x="350" y="582"/>
                    </a:lnTo>
                    <a:lnTo>
                      <a:pt x="352" y="578"/>
                    </a:lnTo>
                    <a:lnTo>
                      <a:pt x="352" y="577"/>
                    </a:lnTo>
                    <a:lnTo>
                      <a:pt x="328" y="392"/>
                    </a:lnTo>
                    <a:lnTo>
                      <a:pt x="333" y="0"/>
                    </a:lnTo>
                    <a:lnTo>
                      <a:pt x="122" y="18"/>
                    </a:lnTo>
                    <a:lnTo>
                      <a:pt x="122" y="20"/>
                    </a:lnTo>
                    <a:lnTo>
                      <a:pt x="122" y="22"/>
                    </a:lnTo>
                    <a:lnTo>
                      <a:pt x="120" y="25"/>
                    </a:lnTo>
                    <a:lnTo>
                      <a:pt x="120" y="27"/>
                    </a:lnTo>
                    <a:lnTo>
                      <a:pt x="120" y="28"/>
                    </a:lnTo>
                    <a:lnTo>
                      <a:pt x="118" y="30"/>
                    </a:lnTo>
                    <a:lnTo>
                      <a:pt x="118" y="32"/>
                    </a:lnTo>
                    <a:lnTo>
                      <a:pt x="103" y="44"/>
                    </a:lnTo>
                    <a:lnTo>
                      <a:pt x="93" y="59"/>
                    </a:lnTo>
                    <a:lnTo>
                      <a:pt x="93" y="89"/>
                    </a:lnTo>
                    <a:lnTo>
                      <a:pt x="85" y="98"/>
                    </a:lnTo>
                    <a:lnTo>
                      <a:pt x="79" y="98"/>
                    </a:lnTo>
                    <a:lnTo>
                      <a:pt x="64" y="113"/>
                    </a:lnTo>
                    <a:lnTo>
                      <a:pt x="69" y="123"/>
                    </a:lnTo>
                    <a:lnTo>
                      <a:pt x="54" y="132"/>
                    </a:lnTo>
                    <a:lnTo>
                      <a:pt x="56" y="132"/>
                    </a:lnTo>
                    <a:lnTo>
                      <a:pt x="56" y="133"/>
                    </a:lnTo>
                    <a:lnTo>
                      <a:pt x="57" y="135"/>
                    </a:lnTo>
                    <a:lnTo>
                      <a:pt x="57" y="137"/>
                    </a:lnTo>
                    <a:lnTo>
                      <a:pt x="57" y="138"/>
                    </a:lnTo>
                    <a:lnTo>
                      <a:pt x="57" y="142"/>
                    </a:lnTo>
                    <a:lnTo>
                      <a:pt x="54" y="143"/>
                    </a:lnTo>
                    <a:lnTo>
                      <a:pt x="49" y="145"/>
                    </a:lnTo>
                    <a:lnTo>
                      <a:pt x="47" y="145"/>
                    </a:lnTo>
                    <a:lnTo>
                      <a:pt x="46" y="147"/>
                    </a:lnTo>
                    <a:lnTo>
                      <a:pt x="44" y="149"/>
                    </a:lnTo>
                    <a:lnTo>
                      <a:pt x="44" y="150"/>
                    </a:lnTo>
                    <a:lnTo>
                      <a:pt x="44" y="154"/>
                    </a:lnTo>
                    <a:lnTo>
                      <a:pt x="44" y="157"/>
                    </a:lnTo>
                    <a:lnTo>
                      <a:pt x="46" y="159"/>
                    </a:lnTo>
                    <a:lnTo>
                      <a:pt x="47" y="162"/>
                    </a:lnTo>
                    <a:lnTo>
                      <a:pt x="47" y="164"/>
                    </a:lnTo>
                    <a:lnTo>
                      <a:pt x="47" y="165"/>
                    </a:lnTo>
                    <a:lnTo>
                      <a:pt x="46" y="167"/>
                    </a:lnTo>
                    <a:lnTo>
                      <a:pt x="44" y="171"/>
                    </a:lnTo>
                    <a:lnTo>
                      <a:pt x="42" y="172"/>
                    </a:lnTo>
                    <a:lnTo>
                      <a:pt x="41" y="174"/>
                    </a:lnTo>
                    <a:lnTo>
                      <a:pt x="39" y="176"/>
                    </a:lnTo>
                    <a:lnTo>
                      <a:pt x="39" y="177"/>
                    </a:lnTo>
                    <a:lnTo>
                      <a:pt x="41" y="177"/>
                    </a:lnTo>
                    <a:lnTo>
                      <a:pt x="42" y="177"/>
                    </a:lnTo>
                    <a:lnTo>
                      <a:pt x="44" y="177"/>
                    </a:lnTo>
                    <a:lnTo>
                      <a:pt x="46" y="179"/>
                    </a:lnTo>
                    <a:lnTo>
                      <a:pt x="47" y="181"/>
                    </a:lnTo>
                    <a:lnTo>
                      <a:pt x="47" y="182"/>
                    </a:lnTo>
                    <a:lnTo>
                      <a:pt x="46" y="184"/>
                    </a:lnTo>
                    <a:lnTo>
                      <a:pt x="41" y="187"/>
                    </a:lnTo>
                    <a:lnTo>
                      <a:pt x="39" y="187"/>
                    </a:lnTo>
                    <a:lnTo>
                      <a:pt x="35" y="189"/>
                    </a:lnTo>
                    <a:lnTo>
                      <a:pt x="34" y="189"/>
                    </a:lnTo>
                    <a:lnTo>
                      <a:pt x="32" y="191"/>
                    </a:lnTo>
                    <a:lnTo>
                      <a:pt x="32" y="196"/>
                    </a:lnTo>
                    <a:lnTo>
                      <a:pt x="29" y="204"/>
                    </a:lnTo>
                    <a:lnTo>
                      <a:pt x="37" y="213"/>
                    </a:lnTo>
                    <a:lnTo>
                      <a:pt x="39" y="220"/>
                    </a:lnTo>
                    <a:lnTo>
                      <a:pt x="44" y="240"/>
                    </a:lnTo>
                    <a:lnTo>
                      <a:pt x="46" y="242"/>
                    </a:lnTo>
                    <a:lnTo>
                      <a:pt x="46" y="243"/>
                    </a:lnTo>
                    <a:lnTo>
                      <a:pt x="47" y="247"/>
                    </a:lnTo>
                    <a:lnTo>
                      <a:pt x="47" y="248"/>
                    </a:lnTo>
                    <a:lnTo>
                      <a:pt x="47" y="250"/>
                    </a:lnTo>
                    <a:lnTo>
                      <a:pt x="46" y="252"/>
                    </a:lnTo>
                    <a:lnTo>
                      <a:pt x="42" y="253"/>
                    </a:lnTo>
                    <a:lnTo>
                      <a:pt x="41" y="255"/>
                    </a:lnTo>
                    <a:lnTo>
                      <a:pt x="41" y="259"/>
                    </a:lnTo>
                    <a:lnTo>
                      <a:pt x="39" y="262"/>
                    </a:lnTo>
                    <a:lnTo>
                      <a:pt x="39" y="265"/>
                    </a:lnTo>
                    <a:lnTo>
                      <a:pt x="39" y="269"/>
                    </a:lnTo>
                    <a:lnTo>
                      <a:pt x="39" y="270"/>
                    </a:lnTo>
                    <a:lnTo>
                      <a:pt x="37" y="270"/>
                    </a:lnTo>
                    <a:lnTo>
                      <a:pt x="37" y="272"/>
                    </a:lnTo>
                    <a:lnTo>
                      <a:pt x="37" y="274"/>
                    </a:lnTo>
                    <a:lnTo>
                      <a:pt x="37" y="275"/>
                    </a:lnTo>
                    <a:lnTo>
                      <a:pt x="37" y="279"/>
                    </a:lnTo>
                    <a:lnTo>
                      <a:pt x="37" y="281"/>
                    </a:lnTo>
                    <a:lnTo>
                      <a:pt x="39" y="282"/>
                    </a:lnTo>
                    <a:lnTo>
                      <a:pt x="41" y="282"/>
                    </a:lnTo>
                    <a:lnTo>
                      <a:pt x="42" y="281"/>
                    </a:lnTo>
                    <a:lnTo>
                      <a:pt x="44" y="281"/>
                    </a:lnTo>
                    <a:lnTo>
                      <a:pt x="46" y="284"/>
                    </a:lnTo>
                    <a:lnTo>
                      <a:pt x="46" y="286"/>
                    </a:lnTo>
                    <a:lnTo>
                      <a:pt x="47" y="287"/>
                    </a:lnTo>
                    <a:lnTo>
                      <a:pt x="46" y="299"/>
                    </a:lnTo>
                    <a:lnTo>
                      <a:pt x="52" y="304"/>
                    </a:lnTo>
                    <a:lnTo>
                      <a:pt x="44" y="314"/>
                    </a:lnTo>
                    <a:lnTo>
                      <a:pt x="46" y="319"/>
                    </a:lnTo>
                    <a:lnTo>
                      <a:pt x="57" y="318"/>
                    </a:lnTo>
                    <a:lnTo>
                      <a:pt x="57" y="330"/>
                    </a:lnTo>
                    <a:lnTo>
                      <a:pt x="56" y="330"/>
                    </a:lnTo>
                    <a:lnTo>
                      <a:pt x="56" y="331"/>
                    </a:lnTo>
                    <a:lnTo>
                      <a:pt x="54" y="333"/>
                    </a:lnTo>
                    <a:lnTo>
                      <a:pt x="52" y="335"/>
                    </a:lnTo>
                    <a:lnTo>
                      <a:pt x="51" y="336"/>
                    </a:lnTo>
                    <a:lnTo>
                      <a:pt x="52" y="338"/>
                    </a:lnTo>
                    <a:lnTo>
                      <a:pt x="54" y="340"/>
                    </a:lnTo>
                    <a:lnTo>
                      <a:pt x="61" y="340"/>
                    </a:lnTo>
                    <a:lnTo>
                      <a:pt x="61" y="341"/>
                    </a:lnTo>
                    <a:lnTo>
                      <a:pt x="61" y="343"/>
                    </a:lnTo>
                    <a:lnTo>
                      <a:pt x="59" y="345"/>
                    </a:lnTo>
                    <a:lnTo>
                      <a:pt x="59" y="348"/>
                    </a:lnTo>
                    <a:lnTo>
                      <a:pt x="61" y="350"/>
                    </a:lnTo>
                    <a:lnTo>
                      <a:pt x="64" y="352"/>
                    </a:lnTo>
                    <a:lnTo>
                      <a:pt x="69" y="352"/>
                    </a:lnTo>
                    <a:lnTo>
                      <a:pt x="68" y="355"/>
                    </a:lnTo>
                    <a:lnTo>
                      <a:pt x="66" y="357"/>
                    </a:lnTo>
                    <a:lnTo>
                      <a:pt x="66" y="360"/>
                    </a:lnTo>
                    <a:lnTo>
                      <a:pt x="64" y="363"/>
                    </a:lnTo>
                    <a:lnTo>
                      <a:pt x="63" y="367"/>
                    </a:lnTo>
                    <a:lnTo>
                      <a:pt x="61" y="369"/>
                    </a:lnTo>
                    <a:lnTo>
                      <a:pt x="61" y="370"/>
                    </a:lnTo>
                    <a:lnTo>
                      <a:pt x="59" y="370"/>
                    </a:lnTo>
                    <a:lnTo>
                      <a:pt x="56" y="370"/>
                    </a:lnTo>
                    <a:lnTo>
                      <a:pt x="51" y="372"/>
                    </a:lnTo>
                    <a:lnTo>
                      <a:pt x="47" y="372"/>
                    </a:lnTo>
                    <a:lnTo>
                      <a:pt x="44" y="374"/>
                    </a:lnTo>
                    <a:lnTo>
                      <a:pt x="44" y="375"/>
                    </a:lnTo>
                    <a:lnTo>
                      <a:pt x="47" y="377"/>
                    </a:lnTo>
                    <a:lnTo>
                      <a:pt x="54" y="380"/>
                    </a:lnTo>
                    <a:lnTo>
                      <a:pt x="54" y="382"/>
                    </a:lnTo>
                    <a:lnTo>
                      <a:pt x="54" y="384"/>
                    </a:lnTo>
                    <a:lnTo>
                      <a:pt x="52" y="389"/>
                    </a:lnTo>
                    <a:lnTo>
                      <a:pt x="49" y="392"/>
                    </a:lnTo>
                    <a:lnTo>
                      <a:pt x="47" y="396"/>
                    </a:lnTo>
                    <a:lnTo>
                      <a:pt x="44" y="399"/>
                    </a:lnTo>
                    <a:lnTo>
                      <a:pt x="44" y="402"/>
                    </a:lnTo>
                    <a:lnTo>
                      <a:pt x="42" y="404"/>
                    </a:lnTo>
                    <a:lnTo>
                      <a:pt x="41" y="416"/>
                    </a:lnTo>
                    <a:lnTo>
                      <a:pt x="32" y="416"/>
                    </a:lnTo>
                    <a:lnTo>
                      <a:pt x="25" y="443"/>
                    </a:lnTo>
                    <a:lnTo>
                      <a:pt x="17" y="448"/>
                    </a:lnTo>
                    <a:lnTo>
                      <a:pt x="25" y="448"/>
                    </a:lnTo>
                    <a:lnTo>
                      <a:pt x="25" y="450"/>
                    </a:lnTo>
                    <a:lnTo>
                      <a:pt x="24" y="450"/>
                    </a:lnTo>
                    <a:lnTo>
                      <a:pt x="20" y="453"/>
                    </a:lnTo>
                    <a:lnTo>
                      <a:pt x="19" y="455"/>
                    </a:lnTo>
                    <a:lnTo>
                      <a:pt x="15" y="458"/>
                    </a:lnTo>
                    <a:lnTo>
                      <a:pt x="15" y="460"/>
                    </a:lnTo>
                    <a:lnTo>
                      <a:pt x="15" y="463"/>
                    </a:lnTo>
                    <a:lnTo>
                      <a:pt x="17" y="465"/>
                    </a:lnTo>
                    <a:lnTo>
                      <a:pt x="17" y="467"/>
                    </a:lnTo>
                    <a:lnTo>
                      <a:pt x="15" y="468"/>
                    </a:lnTo>
                    <a:lnTo>
                      <a:pt x="13" y="470"/>
                    </a:lnTo>
                    <a:lnTo>
                      <a:pt x="10" y="473"/>
                    </a:lnTo>
                    <a:lnTo>
                      <a:pt x="10" y="477"/>
                    </a:lnTo>
                    <a:lnTo>
                      <a:pt x="8" y="479"/>
                    </a:lnTo>
                    <a:lnTo>
                      <a:pt x="10" y="480"/>
                    </a:lnTo>
                    <a:lnTo>
                      <a:pt x="13" y="480"/>
                    </a:lnTo>
                    <a:lnTo>
                      <a:pt x="15" y="482"/>
                    </a:lnTo>
                    <a:lnTo>
                      <a:pt x="15" y="485"/>
                    </a:lnTo>
                    <a:lnTo>
                      <a:pt x="13" y="487"/>
                    </a:lnTo>
                    <a:lnTo>
                      <a:pt x="8" y="492"/>
                    </a:lnTo>
                    <a:lnTo>
                      <a:pt x="5" y="494"/>
                    </a:lnTo>
                    <a:lnTo>
                      <a:pt x="2" y="495"/>
                    </a:lnTo>
                    <a:lnTo>
                      <a:pt x="0" y="497"/>
                    </a:lnTo>
                    <a:lnTo>
                      <a:pt x="0" y="501"/>
                    </a:lnTo>
                    <a:lnTo>
                      <a:pt x="0" y="502"/>
                    </a:lnTo>
                    <a:lnTo>
                      <a:pt x="2" y="504"/>
                    </a:lnTo>
                    <a:lnTo>
                      <a:pt x="3" y="506"/>
                    </a:lnTo>
                    <a:lnTo>
                      <a:pt x="5" y="506"/>
                    </a:lnTo>
                    <a:lnTo>
                      <a:pt x="7" y="507"/>
                    </a:lnTo>
                    <a:lnTo>
                      <a:pt x="5" y="509"/>
                    </a:lnTo>
                    <a:lnTo>
                      <a:pt x="5" y="512"/>
                    </a:lnTo>
                    <a:lnTo>
                      <a:pt x="5" y="514"/>
                    </a:lnTo>
                    <a:lnTo>
                      <a:pt x="3" y="517"/>
                    </a:lnTo>
                    <a:lnTo>
                      <a:pt x="3" y="521"/>
                    </a:lnTo>
                    <a:lnTo>
                      <a:pt x="3" y="523"/>
                    </a:lnTo>
                    <a:lnTo>
                      <a:pt x="3" y="524"/>
                    </a:lnTo>
                    <a:lnTo>
                      <a:pt x="203" y="511"/>
                    </a:lnTo>
                    <a:lnTo>
                      <a:pt x="203" y="534"/>
                    </a:lnTo>
                    <a:lnTo>
                      <a:pt x="201" y="534"/>
                    </a:lnTo>
                    <a:lnTo>
                      <a:pt x="200" y="538"/>
                    </a:lnTo>
                    <a:lnTo>
                      <a:pt x="198" y="543"/>
                    </a:lnTo>
                    <a:lnTo>
                      <a:pt x="196" y="546"/>
                    </a:lnTo>
                    <a:lnTo>
                      <a:pt x="195" y="553"/>
                    </a:lnTo>
                    <a:lnTo>
                      <a:pt x="195" y="558"/>
                    </a:lnTo>
                    <a:lnTo>
                      <a:pt x="198" y="563"/>
                    </a:lnTo>
                    <a:lnTo>
                      <a:pt x="203" y="567"/>
                    </a:lnTo>
                    <a:lnTo>
                      <a:pt x="205" y="568"/>
                    </a:lnTo>
                    <a:lnTo>
                      <a:pt x="208" y="572"/>
                    </a:lnTo>
                    <a:lnTo>
                      <a:pt x="211" y="577"/>
                    </a:lnTo>
                    <a:lnTo>
                      <a:pt x="217" y="583"/>
                    </a:lnTo>
                    <a:lnTo>
                      <a:pt x="220" y="590"/>
                    </a:lnTo>
                    <a:lnTo>
                      <a:pt x="223" y="597"/>
                    </a:lnTo>
                    <a:lnTo>
                      <a:pt x="223" y="605"/>
                    </a:lnTo>
                    <a:lnTo>
                      <a:pt x="222" y="612"/>
                    </a:lnTo>
                    <a:lnTo>
                      <a:pt x="240" y="60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95" name="Freeform 72"/>
              <p:cNvSpPr>
                <a:spLocks/>
              </p:cNvSpPr>
              <p:nvPr/>
            </p:nvSpPr>
            <p:spPr bwMode="auto">
              <a:xfrm>
                <a:off x="3392" y="2451"/>
                <a:ext cx="352" cy="612"/>
              </a:xfrm>
              <a:custGeom>
                <a:avLst/>
                <a:gdLst>
                  <a:gd name="T0" fmla="*/ 262 w 352"/>
                  <a:gd name="T1" fmla="*/ 594 h 612"/>
                  <a:gd name="T2" fmla="*/ 281 w 352"/>
                  <a:gd name="T3" fmla="*/ 587 h 612"/>
                  <a:gd name="T4" fmla="*/ 301 w 352"/>
                  <a:gd name="T5" fmla="*/ 583 h 612"/>
                  <a:gd name="T6" fmla="*/ 296 w 352"/>
                  <a:gd name="T7" fmla="*/ 577 h 612"/>
                  <a:gd name="T8" fmla="*/ 306 w 352"/>
                  <a:gd name="T9" fmla="*/ 573 h 612"/>
                  <a:gd name="T10" fmla="*/ 315 w 352"/>
                  <a:gd name="T11" fmla="*/ 582 h 612"/>
                  <a:gd name="T12" fmla="*/ 332 w 352"/>
                  <a:gd name="T13" fmla="*/ 575 h 612"/>
                  <a:gd name="T14" fmla="*/ 340 w 352"/>
                  <a:gd name="T15" fmla="*/ 583 h 612"/>
                  <a:gd name="T16" fmla="*/ 352 w 352"/>
                  <a:gd name="T17" fmla="*/ 578 h 612"/>
                  <a:gd name="T18" fmla="*/ 333 w 352"/>
                  <a:gd name="T19" fmla="*/ 0 h 612"/>
                  <a:gd name="T20" fmla="*/ 122 w 352"/>
                  <a:gd name="T21" fmla="*/ 22 h 612"/>
                  <a:gd name="T22" fmla="*/ 118 w 352"/>
                  <a:gd name="T23" fmla="*/ 32 h 612"/>
                  <a:gd name="T24" fmla="*/ 79 w 352"/>
                  <a:gd name="T25" fmla="*/ 98 h 612"/>
                  <a:gd name="T26" fmla="*/ 56 w 352"/>
                  <a:gd name="T27" fmla="*/ 132 h 612"/>
                  <a:gd name="T28" fmla="*/ 57 w 352"/>
                  <a:gd name="T29" fmla="*/ 142 h 612"/>
                  <a:gd name="T30" fmla="*/ 46 w 352"/>
                  <a:gd name="T31" fmla="*/ 147 h 612"/>
                  <a:gd name="T32" fmla="*/ 46 w 352"/>
                  <a:gd name="T33" fmla="*/ 159 h 612"/>
                  <a:gd name="T34" fmla="*/ 46 w 352"/>
                  <a:gd name="T35" fmla="*/ 167 h 612"/>
                  <a:gd name="T36" fmla="*/ 39 w 352"/>
                  <a:gd name="T37" fmla="*/ 177 h 612"/>
                  <a:gd name="T38" fmla="*/ 46 w 352"/>
                  <a:gd name="T39" fmla="*/ 179 h 612"/>
                  <a:gd name="T40" fmla="*/ 41 w 352"/>
                  <a:gd name="T41" fmla="*/ 187 h 612"/>
                  <a:gd name="T42" fmla="*/ 32 w 352"/>
                  <a:gd name="T43" fmla="*/ 196 h 612"/>
                  <a:gd name="T44" fmla="*/ 44 w 352"/>
                  <a:gd name="T45" fmla="*/ 240 h 612"/>
                  <a:gd name="T46" fmla="*/ 47 w 352"/>
                  <a:gd name="T47" fmla="*/ 248 h 612"/>
                  <a:gd name="T48" fmla="*/ 42 w 352"/>
                  <a:gd name="T49" fmla="*/ 253 h 612"/>
                  <a:gd name="T50" fmla="*/ 39 w 352"/>
                  <a:gd name="T51" fmla="*/ 269 h 612"/>
                  <a:gd name="T52" fmla="*/ 37 w 352"/>
                  <a:gd name="T53" fmla="*/ 272 h 612"/>
                  <a:gd name="T54" fmla="*/ 39 w 352"/>
                  <a:gd name="T55" fmla="*/ 282 h 612"/>
                  <a:gd name="T56" fmla="*/ 46 w 352"/>
                  <a:gd name="T57" fmla="*/ 284 h 612"/>
                  <a:gd name="T58" fmla="*/ 44 w 352"/>
                  <a:gd name="T59" fmla="*/ 314 h 612"/>
                  <a:gd name="T60" fmla="*/ 56 w 352"/>
                  <a:gd name="T61" fmla="*/ 330 h 612"/>
                  <a:gd name="T62" fmla="*/ 52 w 352"/>
                  <a:gd name="T63" fmla="*/ 338 h 612"/>
                  <a:gd name="T64" fmla="*/ 61 w 352"/>
                  <a:gd name="T65" fmla="*/ 341 h 612"/>
                  <a:gd name="T66" fmla="*/ 64 w 352"/>
                  <a:gd name="T67" fmla="*/ 352 h 612"/>
                  <a:gd name="T68" fmla="*/ 66 w 352"/>
                  <a:gd name="T69" fmla="*/ 357 h 612"/>
                  <a:gd name="T70" fmla="*/ 61 w 352"/>
                  <a:gd name="T71" fmla="*/ 370 h 612"/>
                  <a:gd name="T72" fmla="*/ 47 w 352"/>
                  <a:gd name="T73" fmla="*/ 372 h 612"/>
                  <a:gd name="T74" fmla="*/ 54 w 352"/>
                  <a:gd name="T75" fmla="*/ 380 h 612"/>
                  <a:gd name="T76" fmla="*/ 47 w 352"/>
                  <a:gd name="T77" fmla="*/ 396 h 612"/>
                  <a:gd name="T78" fmla="*/ 32 w 352"/>
                  <a:gd name="T79" fmla="*/ 416 h 612"/>
                  <a:gd name="T80" fmla="*/ 25 w 352"/>
                  <a:gd name="T81" fmla="*/ 450 h 612"/>
                  <a:gd name="T82" fmla="*/ 15 w 352"/>
                  <a:gd name="T83" fmla="*/ 460 h 612"/>
                  <a:gd name="T84" fmla="*/ 15 w 352"/>
                  <a:gd name="T85" fmla="*/ 468 h 612"/>
                  <a:gd name="T86" fmla="*/ 10 w 352"/>
                  <a:gd name="T87" fmla="*/ 480 h 612"/>
                  <a:gd name="T88" fmla="*/ 13 w 352"/>
                  <a:gd name="T89" fmla="*/ 487 h 612"/>
                  <a:gd name="T90" fmla="*/ 0 w 352"/>
                  <a:gd name="T91" fmla="*/ 497 h 612"/>
                  <a:gd name="T92" fmla="*/ 5 w 352"/>
                  <a:gd name="T93" fmla="*/ 506 h 612"/>
                  <a:gd name="T94" fmla="*/ 5 w 352"/>
                  <a:gd name="T95" fmla="*/ 514 h 612"/>
                  <a:gd name="T96" fmla="*/ 203 w 352"/>
                  <a:gd name="T97" fmla="*/ 511 h 612"/>
                  <a:gd name="T98" fmla="*/ 198 w 352"/>
                  <a:gd name="T99" fmla="*/ 543 h 612"/>
                  <a:gd name="T100" fmla="*/ 203 w 352"/>
                  <a:gd name="T101" fmla="*/ 567 h 612"/>
                  <a:gd name="T102" fmla="*/ 217 w 352"/>
                  <a:gd name="T103" fmla="*/ 583 h 612"/>
                  <a:gd name="T104" fmla="*/ 240 w 352"/>
                  <a:gd name="T105" fmla="*/ 609 h 612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w 352"/>
                  <a:gd name="T160" fmla="*/ 0 h 612"/>
                  <a:gd name="T161" fmla="*/ 352 w 352"/>
                  <a:gd name="T162" fmla="*/ 612 h 612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T159" t="T160" r="T161" b="T162"/>
                <a:pathLst>
                  <a:path w="352" h="612">
                    <a:moveTo>
                      <a:pt x="240" y="609"/>
                    </a:moveTo>
                    <a:lnTo>
                      <a:pt x="252" y="599"/>
                    </a:lnTo>
                    <a:lnTo>
                      <a:pt x="252" y="590"/>
                    </a:lnTo>
                    <a:lnTo>
                      <a:pt x="262" y="594"/>
                    </a:lnTo>
                    <a:lnTo>
                      <a:pt x="266" y="592"/>
                    </a:lnTo>
                    <a:lnTo>
                      <a:pt x="271" y="590"/>
                    </a:lnTo>
                    <a:lnTo>
                      <a:pt x="276" y="589"/>
                    </a:lnTo>
                    <a:lnTo>
                      <a:pt x="281" y="587"/>
                    </a:lnTo>
                    <a:lnTo>
                      <a:pt x="284" y="585"/>
                    </a:lnTo>
                    <a:lnTo>
                      <a:pt x="288" y="585"/>
                    </a:lnTo>
                    <a:lnTo>
                      <a:pt x="291" y="585"/>
                    </a:lnTo>
                    <a:lnTo>
                      <a:pt x="301" y="583"/>
                    </a:lnTo>
                    <a:lnTo>
                      <a:pt x="306" y="583"/>
                    </a:lnTo>
                    <a:lnTo>
                      <a:pt x="306" y="582"/>
                    </a:lnTo>
                    <a:lnTo>
                      <a:pt x="305" y="580"/>
                    </a:lnTo>
                    <a:lnTo>
                      <a:pt x="301" y="578"/>
                    </a:lnTo>
                    <a:lnTo>
                      <a:pt x="296" y="577"/>
                    </a:lnTo>
                    <a:lnTo>
                      <a:pt x="293" y="577"/>
                    </a:lnTo>
                    <a:lnTo>
                      <a:pt x="301" y="573"/>
                    </a:lnTo>
                    <a:lnTo>
                      <a:pt x="306" y="573"/>
                    </a:lnTo>
                    <a:lnTo>
                      <a:pt x="311" y="575"/>
                    </a:lnTo>
                    <a:lnTo>
                      <a:pt x="313" y="577"/>
                    </a:lnTo>
                    <a:lnTo>
                      <a:pt x="315" y="578"/>
                    </a:lnTo>
                    <a:lnTo>
                      <a:pt x="315" y="582"/>
                    </a:lnTo>
                    <a:lnTo>
                      <a:pt x="315" y="583"/>
                    </a:lnTo>
                    <a:lnTo>
                      <a:pt x="323" y="585"/>
                    </a:lnTo>
                    <a:lnTo>
                      <a:pt x="332" y="575"/>
                    </a:lnTo>
                    <a:lnTo>
                      <a:pt x="333" y="577"/>
                    </a:lnTo>
                    <a:lnTo>
                      <a:pt x="335" y="578"/>
                    </a:lnTo>
                    <a:lnTo>
                      <a:pt x="335" y="580"/>
                    </a:lnTo>
                    <a:lnTo>
                      <a:pt x="340" y="583"/>
                    </a:lnTo>
                    <a:lnTo>
                      <a:pt x="343" y="585"/>
                    </a:lnTo>
                    <a:lnTo>
                      <a:pt x="347" y="585"/>
                    </a:lnTo>
                    <a:lnTo>
                      <a:pt x="349" y="583"/>
                    </a:lnTo>
                    <a:lnTo>
                      <a:pt x="350" y="582"/>
                    </a:lnTo>
                    <a:lnTo>
                      <a:pt x="352" y="578"/>
                    </a:lnTo>
                    <a:lnTo>
                      <a:pt x="352" y="577"/>
                    </a:lnTo>
                    <a:lnTo>
                      <a:pt x="328" y="392"/>
                    </a:lnTo>
                    <a:lnTo>
                      <a:pt x="333" y="0"/>
                    </a:lnTo>
                    <a:lnTo>
                      <a:pt x="122" y="18"/>
                    </a:lnTo>
                    <a:lnTo>
                      <a:pt x="122" y="20"/>
                    </a:lnTo>
                    <a:lnTo>
                      <a:pt x="122" y="22"/>
                    </a:lnTo>
                    <a:lnTo>
                      <a:pt x="120" y="25"/>
                    </a:lnTo>
                    <a:lnTo>
                      <a:pt x="120" y="27"/>
                    </a:lnTo>
                    <a:lnTo>
                      <a:pt x="120" y="28"/>
                    </a:lnTo>
                    <a:lnTo>
                      <a:pt x="118" y="30"/>
                    </a:lnTo>
                    <a:lnTo>
                      <a:pt x="118" y="32"/>
                    </a:lnTo>
                    <a:lnTo>
                      <a:pt x="103" y="44"/>
                    </a:lnTo>
                    <a:lnTo>
                      <a:pt x="93" y="59"/>
                    </a:lnTo>
                    <a:lnTo>
                      <a:pt x="93" y="89"/>
                    </a:lnTo>
                    <a:lnTo>
                      <a:pt x="85" y="98"/>
                    </a:lnTo>
                    <a:lnTo>
                      <a:pt x="79" y="98"/>
                    </a:lnTo>
                    <a:lnTo>
                      <a:pt x="64" y="113"/>
                    </a:lnTo>
                    <a:lnTo>
                      <a:pt x="69" y="123"/>
                    </a:lnTo>
                    <a:lnTo>
                      <a:pt x="54" y="132"/>
                    </a:lnTo>
                    <a:lnTo>
                      <a:pt x="56" y="132"/>
                    </a:lnTo>
                    <a:lnTo>
                      <a:pt x="56" y="133"/>
                    </a:lnTo>
                    <a:lnTo>
                      <a:pt x="57" y="135"/>
                    </a:lnTo>
                    <a:lnTo>
                      <a:pt x="57" y="137"/>
                    </a:lnTo>
                    <a:lnTo>
                      <a:pt x="57" y="138"/>
                    </a:lnTo>
                    <a:lnTo>
                      <a:pt x="57" y="142"/>
                    </a:lnTo>
                    <a:lnTo>
                      <a:pt x="54" y="143"/>
                    </a:lnTo>
                    <a:lnTo>
                      <a:pt x="49" y="145"/>
                    </a:lnTo>
                    <a:lnTo>
                      <a:pt x="47" y="145"/>
                    </a:lnTo>
                    <a:lnTo>
                      <a:pt x="46" y="147"/>
                    </a:lnTo>
                    <a:lnTo>
                      <a:pt x="44" y="149"/>
                    </a:lnTo>
                    <a:lnTo>
                      <a:pt x="44" y="150"/>
                    </a:lnTo>
                    <a:lnTo>
                      <a:pt x="44" y="154"/>
                    </a:lnTo>
                    <a:lnTo>
                      <a:pt x="44" y="157"/>
                    </a:lnTo>
                    <a:lnTo>
                      <a:pt x="46" y="159"/>
                    </a:lnTo>
                    <a:lnTo>
                      <a:pt x="47" y="162"/>
                    </a:lnTo>
                    <a:lnTo>
                      <a:pt x="47" y="164"/>
                    </a:lnTo>
                    <a:lnTo>
                      <a:pt x="47" y="165"/>
                    </a:lnTo>
                    <a:lnTo>
                      <a:pt x="46" y="167"/>
                    </a:lnTo>
                    <a:lnTo>
                      <a:pt x="44" y="171"/>
                    </a:lnTo>
                    <a:lnTo>
                      <a:pt x="42" y="172"/>
                    </a:lnTo>
                    <a:lnTo>
                      <a:pt x="41" y="174"/>
                    </a:lnTo>
                    <a:lnTo>
                      <a:pt x="39" y="176"/>
                    </a:lnTo>
                    <a:lnTo>
                      <a:pt x="39" y="177"/>
                    </a:lnTo>
                    <a:lnTo>
                      <a:pt x="41" y="177"/>
                    </a:lnTo>
                    <a:lnTo>
                      <a:pt x="42" y="177"/>
                    </a:lnTo>
                    <a:lnTo>
                      <a:pt x="44" y="177"/>
                    </a:lnTo>
                    <a:lnTo>
                      <a:pt x="46" y="179"/>
                    </a:lnTo>
                    <a:lnTo>
                      <a:pt x="47" y="181"/>
                    </a:lnTo>
                    <a:lnTo>
                      <a:pt x="47" y="182"/>
                    </a:lnTo>
                    <a:lnTo>
                      <a:pt x="46" y="184"/>
                    </a:lnTo>
                    <a:lnTo>
                      <a:pt x="41" y="187"/>
                    </a:lnTo>
                    <a:lnTo>
                      <a:pt x="39" y="187"/>
                    </a:lnTo>
                    <a:lnTo>
                      <a:pt x="35" y="189"/>
                    </a:lnTo>
                    <a:lnTo>
                      <a:pt x="34" y="189"/>
                    </a:lnTo>
                    <a:lnTo>
                      <a:pt x="32" y="191"/>
                    </a:lnTo>
                    <a:lnTo>
                      <a:pt x="32" y="196"/>
                    </a:lnTo>
                    <a:lnTo>
                      <a:pt x="29" y="204"/>
                    </a:lnTo>
                    <a:lnTo>
                      <a:pt x="37" y="213"/>
                    </a:lnTo>
                    <a:lnTo>
                      <a:pt x="39" y="220"/>
                    </a:lnTo>
                    <a:lnTo>
                      <a:pt x="44" y="240"/>
                    </a:lnTo>
                    <a:lnTo>
                      <a:pt x="46" y="242"/>
                    </a:lnTo>
                    <a:lnTo>
                      <a:pt x="46" y="243"/>
                    </a:lnTo>
                    <a:lnTo>
                      <a:pt x="47" y="247"/>
                    </a:lnTo>
                    <a:lnTo>
                      <a:pt x="47" y="248"/>
                    </a:lnTo>
                    <a:lnTo>
                      <a:pt x="47" y="250"/>
                    </a:lnTo>
                    <a:lnTo>
                      <a:pt x="46" y="252"/>
                    </a:lnTo>
                    <a:lnTo>
                      <a:pt x="42" y="253"/>
                    </a:lnTo>
                    <a:lnTo>
                      <a:pt x="41" y="255"/>
                    </a:lnTo>
                    <a:lnTo>
                      <a:pt x="41" y="259"/>
                    </a:lnTo>
                    <a:lnTo>
                      <a:pt x="39" y="262"/>
                    </a:lnTo>
                    <a:lnTo>
                      <a:pt x="39" y="265"/>
                    </a:lnTo>
                    <a:lnTo>
                      <a:pt x="39" y="269"/>
                    </a:lnTo>
                    <a:lnTo>
                      <a:pt x="39" y="270"/>
                    </a:lnTo>
                    <a:lnTo>
                      <a:pt x="37" y="270"/>
                    </a:lnTo>
                    <a:lnTo>
                      <a:pt x="37" y="272"/>
                    </a:lnTo>
                    <a:lnTo>
                      <a:pt x="37" y="274"/>
                    </a:lnTo>
                    <a:lnTo>
                      <a:pt x="37" y="275"/>
                    </a:lnTo>
                    <a:lnTo>
                      <a:pt x="37" y="279"/>
                    </a:lnTo>
                    <a:lnTo>
                      <a:pt x="37" y="281"/>
                    </a:lnTo>
                    <a:lnTo>
                      <a:pt x="39" y="282"/>
                    </a:lnTo>
                    <a:lnTo>
                      <a:pt x="41" y="282"/>
                    </a:lnTo>
                    <a:lnTo>
                      <a:pt x="42" y="281"/>
                    </a:lnTo>
                    <a:lnTo>
                      <a:pt x="44" y="281"/>
                    </a:lnTo>
                    <a:lnTo>
                      <a:pt x="46" y="284"/>
                    </a:lnTo>
                    <a:lnTo>
                      <a:pt x="46" y="286"/>
                    </a:lnTo>
                    <a:lnTo>
                      <a:pt x="47" y="287"/>
                    </a:lnTo>
                    <a:lnTo>
                      <a:pt x="46" y="299"/>
                    </a:lnTo>
                    <a:lnTo>
                      <a:pt x="52" y="304"/>
                    </a:lnTo>
                    <a:lnTo>
                      <a:pt x="44" y="314"/>
                    </a:lnTo>
                    <a:lnTo>
                      <a:pt x="46" y="319"/>
                    </a:lnTo>
                    <a:lnTo>
                      <a:pt x="57" y="318"/>
                    </a:lnTo>
                    <a:lnTo>
                      <a:pt x="57" y="330"/>
                    </a:lnTo>
                    <a:lnTo>
                      <a:pt x="56" y="330"/>
                    </a:lnTo>
                    <a:lnTo>
                      <a:pt x="56" y="331"/>
                    </a:lnTo>
                    <a:lnTo>
                      <a:pt x="54" y="333"/>
                    </a:lnTo>
                    <a:lnTo>
                      <a:pt x="52" y="335"/>
                    </a:lnTo>
                    <a:lnTo>
                      <a:pt x="51" y="336"/>
                    </a:lnTo>
                    <a:lnTo>
                      <a:pt x="52" y="338"/>
                    </a:lnTo>
                    <a:lnTo>
                      <a:pt x="54" y="340"/>
                    </a:lnTo>
                    <a:lnTo>
                      <a:pt x="61" y="340"/>
                    </a:lnTo>
                    <a:lnTo>
                      <a:pt x="61" y="341"/>
                    </a:lnTo>
                    <a:lnTo>
                      <a:pt x="61" y="343"/>
                    </a:lnTo>
                    <a:lnTo>
                      <a:pt x="59" y="345"/>
                    </a:lnTo>
                    <a:lnTo>
                      <a:pt x="59" y="348"/>
                    </a:lnTo>
                    <a:lnTo>
                      <a:pt x="61" y="350"/>
                    </a:lnTo>
                    <a:lnTo>
                      <a:pt x="64" y="352"/>
                    </a:lnTo>
                    <a:lnTo>
                      <a:pt x="69" y="352"/>
                    </a:lnTo>
                    <a:lnTo>
                      <a:pt x="68" y="355"/>
                    </a:lnTo>
                    <a:lnTo>
                      <a:pt x="66" y="357"/>
                    </a:lnTo>
                    <a:lnTo>
                      <a:pt x="66" y="360"/>
                    </a:lnTo>
                    <a:lnTo>
                      <a:pt x="64" y="363"/>
                    </a:lnTo>
                    <a:lnTo>
                      <a:pt x="63" y="367"/>
                    </a:lnTo>
                    <a:lnTo>
                      <a:pt x="61" y="369"/>
                    </a:lnTo>
                    <a:lnTo>
                      <a:pt x="61" y="370"/>
                    </a:lnTo>
                    <a:lnTo>
                      <a:pt x="59" y="370"/>
                    </a:lnTo>
                    <a:lnTo>
                      <a:pt x="56" y="370"/>
                    </a:lnTo>
                    <a:lnTo>
                      <a:pt x="51" y="372"/>
                    </a:lnTo>
                    <a:lnTo>
                      <a:pt x="47" y="372"/>
                    </a:lnTo>
                    <a:lnTo>
                      <a:pt x="44" y="374"/>
                    </a:lnTo>
                    <a:lnTo>
                      <a:pt x="44" y="375"/>
                    </a:lnTo>
                    <a:lnTo>
                      <a:pt x="47" y="377"/>
                    </a:lnTo>
                    <a:lnTo>
                      <a:pt x="54" y="380"/>
                    </a:lnTo>
                    <a:lnTo>
                      <a:pt x="54" y="382"/>
                    </a:lnTo>
                    <a:lnTo>
                      <a:pt x="54" y="384"/>
                    </a:lnTo>
                    <a:lnTo>
                      <a:pt x="52" y="389"/>
                    </a:lnTo>
                    <a:lnTo>
                      <a:pt x="49" y="392"/>
                    </a:lnTo>
                    <a:lnTo>
                      <a:pt x="47" y="396"/>
                    </a:lnTo>
                    <a:lnTo>
                      <a:pt x="44" y="399"/>
                    </a:lnTo>
                    <a:lnTo>
                      <a:pt x="44" y="402"/>
                    </a:lnTo>
                    <a:lnTo>
                      <a:pt x="42" y="404"/>
                    </a:lnTo>
                    <a:lnTo>
                      <a:pt x="41" y="416"/>
                    </a:lnTo>
                    <a:lnTo>
                      <a:pt x="32" y="416"/>
                    </a:lnTo>
                    <a:lnTo>
                      <a:pt x="25" y="443"/>
                    </a:lnTo>
                    <a:lnTo>
                      <a:pt x="17" y="448"/>
                    </a:lnTo>
                    <a:lnTo>
                      <a:pt x="25" y="448"/>
                    </a:lnTo>
                    <a:lnTo>
                      <a:pt x="25" y="450"/>
                    </a:lnTo>
                    <a:lnTo>
                      <a:pt x="24" y="450"/>
                    </a:lnTo>
                    <a:lnTo>
                      <a:pt x="20" y="453"/>
                    </a:lnTo>
                    <a:lnTo>
                      <a:pt x="19" y="455"/>
                    </a:lnTo>
                    <a:lnTo>
                      <a:pt x="15" y="458"/>
                    </a:lnTo>
                    <a:lnTo>
                      <a:pt x="15" y="460"/>
                    </a:lnTo>
                    <a:lnTo>
                      <a:pt x="15" y="463"/>
                    </a:lnTo>
                    <a:lnTo>
                      <a:pt x="17" y="465"/>
                    </a:lnTo>
                    <a:lnTo>
                      <a:pt x="17" y="467"/>
                    </a:lnTo>
                    <a:lnTo>
                      <a:pt x="15" y="468"/>
                    </a:lnTo>
                    <a:lnTo>
                      <a:pt x="13" y="470"/>
                    </a:lnTo>
                    <a:lnTo>
                      <a:pt x="10" y="473"/>
                    </a:lnTo>
                    <a:lnTo>
                      <a:pt x="10" y="477"/>
                    </a:lnTo>
                    <a:lnTo>
                      <a:pt x="8" y="479"/>
                    </a:lnTo>
                    <a:lnTo>
                      <a:pt x="10" y="480"/>
                    </a:lnTo>
                    <a:lnTo>
                      <a:pt x="13" y="480"/>
                    </a:lnTo>
                    <a:lnTo>
                      <a:pt x="15" y="482"/>
                    </a:lnTo>
                    <a:lnTo>
                      <a:pt x="15" y="485"/>
                    </a:lnTo>
                    <a:lnTo>
                      <a:pt x="13" y="487"/>
                    </a:lnTo>
                    <a:lnTo>
                      <a:pt x="8" y="492"/>
                    </a:lnTo>
                    <a:lnTo>
                      <a:pt x="5" y="494"/>
                    </a:lnTo>
                    <a:lnTo>
                      <a:pt x="2" y="495"/>
                    </a:lnTo>
                    <a:lnTo>
                      <a:pt x="0" y="497"/>
                    </a:lnTo>
                    <a:lnTo>
                      <a:pt x="0" y="501"/>
                    </a:lnTo>
                    <a:lnTo>
                      <a:pt x="0" y="502"/>
                    </a:lnTo>
                    <a:lnTo>
                      <a:pt x="2" y="504"/>
                    </a:lnTo>
                    <a:lnTo>
                      <a:pt x="3" y="506"/>
                    </a:lnTo>
                    <a:lnTo>
                      <a:pt x="5" y="506"/>
                    </a:lnTo>
                    <a:lnTo>
                      <a:pt x="7" y="507"/>
                    </a:lnTo>
                    <a:lnTo>
                      <a:pt x="5" y="509"/>
                    </a:lnTo>
                    <a:lnTo>
                      <a:pt x="5" y="512"/>
                    </a:lnTo>
                    <a:lnTo>
                      <a:pt x="5" y="514"/>
                    </a:lnTo>
                    <a:lnTo>
                      <a:pt x="3" y="517"/>
                    </a:lnTo>
                    <a:lnTo>
                      <a:pt x="3" y="521"/>
                    </a:lnTo>
                    <a:lnTo>
                      <a:pt x="3" y="523"/>
                    </a:lnTo>
                    <a:lnTo>
                      <a:pt x="3" y="524"/>
                    </a:lnTo>
                    <a:lnTo>
                      <a:pt x="203" y="511"/>
                    </a:lnTo>
                    <a:lnTo>
                      <a:pt x="203" y="534"/>
                    </a:lnTo>
                    <a:lnTo>
                      <a:pt x="201" y="534"/>
                    </a:lnTo>
                    <a:lnTo>
                      <a:pt x="200" y="538"/>
                    </a:lnTo>
                    <a:lnTo>
                      <a:pt x="198" y="543"/>
                    </a:lnTo>
                    <a:lnTo>
                      <a:pt x="196" y="546"/>
                    </a:lnTo>
                    <a:lnTo>
                      <a:pt x="195" y="553"/>
                    </a:lnTo>
                    <a:lnTo>
                      <a:pt x="195" y="558"/>
                    </a:lnTo>
                    <a:lnTo>
                      <a:pt x="198" y="563"/>
                    </a:lnTo>
                    <a:lnTo>
                      <a:pt x="203" y="567"/>
                    </a:lnTo>
                    <a:lnTo>
                      <a:pt x="205" y="568"/>
                    </a:lnTo>
                    <a:lnTo>
                      <a:pt x="208" y="572"/>
                    </a:lnTo>
                    <a:lnTo>
                      <a:pt x="211" y="577"/>
                    </a:lnTo>
                    <a:lnTo>
                      <a:pt x="217" y="583"/>
                    </a:lnTo>
                    <a:lnTo>
                      <a:pt x="220" y="590"/>
                    </a:lnTo>
                    <a:lnTo>
                      <a:pt x="223" y="597"/>
                    </a:lnTo>
                    <a:lnTo>
                      <a:pt x="223" y="605"/>
                    </a:lnTo>
                    <a:lnTo>
                      <a:pt x="222" y="612"/>
                    </a:lnTo>
                    <a:lnTo>
                      <a:pt x="240" y="609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576" name="Group 73"/>
            <p:cNvGrpSpPr>
              <a:grpSpLocks/>
            </p:cNvGrpSpPr>
            <p:nvPr/>
          </p:nvGrpSpPr>
          <p:grpSpPr bwMode="auto">
            <a:xfrm>
              <a:off x="4248" y="2069"/>
              <a:ext cx="436" cy="217"/>
              <a:chOff x="4487" y="1686"/>
              <a:chExt cx="448" cy="223"/>
            </a:xfrm>
          </p:grpSpPr>
          <p:sp>
            <p:nvSpPr>
              <p:cNvPr id="692" name="Freeform 74"/>
              <p:cNvSpPr>
                <a:spLocks/>
              </p:cNvSpPr>
              <p:nvPr/>
            </p:nvSpPr>
            <p:spPr bwMode="auto">
              <a:xfrm>
                <a:off x="4487" y="1686"/>
                <a:ext cx="448" cy="223"/>
              </a:xfrm>
              <a:custGeom>
                <a:avLst/>
                <a:gdLst>
                  <a:gd name="T0" fmla="*/ 249 w 448"/>
                  <a:gd name="T1" fmla="*/ 155 h 223"/>
                  <a:gd name="T2" fmla="*/ 238 w 448"/>
                  <a:gd name="T3" fmla="*/ 189 h 223"/>
                  <a:gd name="T4" fmla="*/ 252 w 448"/>
                  <a:gd name="T5" fmla="*/ 186 h 223"/>
                  <a:gd name="T6" fmla="*/ 264 w 448"/>
                  <a:gd name="T7" fmla="*/ 188 h 223"/>
                  <a:gd name="T8" fmla="*/ 284 w 448"/>
                  <a:gd name="T9" fmla="*/ 201 h 223"/>
                  <a:gd name="T10" fmla="*/ 330 w 448"/>
                  <a:gd name="T11" fmla="*/ 215 h 223"/>
                  <a:gd name="T12" fmla="*/ 299 w 448"/>
                  <a:gd name="T13" fmla="*/ 179 h 223"/>
                  <a:gd name="T14" fmla="*/ 308 w 448"/>
                  <a:gd name="T15" fmla="*/ 177 h 223"/>
                  <a:gd name="T16" fmla="*/ 316 w 448"/>
                  <a:gd name="T17" fmla="*/ 172 h 223"/>
                  <a:gd name="T18" fmla="*/ 299 w 448"/>
                  <a:gd name="T19" fmla="*/ 142 h 223"/>
                  <a:gd name="T20" fmla="*/ 299 w 448"/>
                  <a:gd name="T21" fmla="*/ 111 h 223"/>
                  <a:gd name="T22" fmla="*/ 291 w 448"/>
                  <a:gd name="T23" fmla="*/ 81 h 223"/>
                  <a:gd name="T24" fmla="*/ 301 w 448"/>
                  <a:gd name="T25" fmla="*/ 66 h 223"/>
                  <a:gd name="T26" fmla="*/ 301 w 448"/>
                  <a:gd name="T27" fmla="*/ 52 h 223"/>
                  <a:gd name="T28" fmla="*/ 308 w 448"/>
                  <a:gd name="T29" fmla="*/ 61 h 223"/>
                  <a:gd name="T30" fmla="*/ 321 w 448"/>
                  <a:gd name="T31" fmla="*/ 42 h 223"/>
                  <a:gd name="T32" fmla="*/ 320 w 448"/>
                  <a:gd name="T33" fmla="*/ 28 h 223"/>
                  <a:gd name="T34" fmla="*/ 331 w 448"/>
                  <a:gd name="T35" fmla="*/ 27 h 223"/>
                  <a:gd name="T36" fmla="*/ 337 w 448"/>
                  <a:gd name="T37" fmla="*/ 32 h 223"/>
                  <a:gd name="T38" fmla="*/ 331 w 448"/>
                  <a:gd name="T39" fmla="*/ 44 h 223"/>
                  <a:gd name="T40" fmla="*/ 316 w 448"/>
                  <a:gd name="T41" fmla="*/ 72 h 223"/>
                  <a:gd name="T42" fmla="*/ 326 w 448"/>
                  <a:gd name="T43" fmla="*/ 83 h 223"/>
                  <a:gd name="T44" fmla="*/ 335 w 448"/>
                  <a:gd name="T45" fmla="*/ 76 h 223"/>
                  <a:gd name="T46" fmla="*/ 326 w 448"/>
                  <a:gd name="T47" fmla="*/ 91 h 223"/>
                  <a:gd name="T48" fmla="*/ 325 w 448"/>
                  <a:gd name="T49" fmla="*/ 110 h 223"/>
                  <a:gd name="T50" fmla="*/ 320 w 448"/>
                  <a:gd name="T51" fmla="*/ 127 h 223"/>
                  <a:gd name="T52" fmla="*/ 340 w 448"/>
                  <a:gd name="T53" fmla="*/ 145 h 223"/>
                  <a:gd name="T54" fmla="*/ 325 w 448"/>
                  <a:gd name="T55" fmla="*/ 150 h 223"/>
                  <a:gd name="T56" fmla="*/ 335 w 448"/>
                  <a:gd name="T57" fmla="*/ 157 h 223"/>
                  <a:gd name="T58" fmla="*/ 337 w 448"/>
                  <a:gd name="T59" fmla="*/ 176 h 223"/>
                  <a:gd name="T60" fmla="*/ 348 w 448"/>
                  <a:gd name="T61" fmla="*/ 182 h 223"/>
                  <a:gd name="T62" fmla="*/ 360 w 448"/>
                  <a:gd name="T63" fmla="*/ 186 h 223"/>
                  <a:gd name="T64" fmla="*/ 355 w 448"/>
                  <a:gd name="T65" fmla="*/ 176 h 223"/>
                  <a:gd name="T66" fmla="*/ 364 w 448"/>
                  <a:gd name="T67" fmla="*/ 177 h 223"/>
                  <a:gd name="T68" fmla="*/ 372 w 448"/>
                  <a:gd name="T69" fmla="*/ 181 h 223"/>
                  <a:gd name="T70" fmla="*/ 369 w 448"/>
                  <a:gd name="T71" fmla="*/ 198 h 223"/>
                  <a:gd name="T72" fmla="*/ 382 w 448"/>
                  <a:gd name="T73" fmla="*/ 194 h 223"/>
                  <a:gd name="T74" fmla="*/ 381 w 448"/>
                  <a:gd name="T75" fmla="*/ 211 h 223"/>
                  <a:gd name="T76" fmla="*/ 387 w 448"/>
                  <a:gd name="T77" fmla="*/ 223 h 223"/>
                  <a:gd name="T78" fmla="*/ 409 w 448"/>
                  <a:gd name="T79" fmla="*/ 206 h 223"/>
                  <a:gd name="T80" fmla="*/ 440 w 448"/>
                  <a:gd name="T81" fmla="*/ 145 h 223"/>
                  <a:gd name="T82" fmla="*/ 441 w 448"/>
                  <a:gd name="T83" fmla="*/ 172 h 223"/>
                  <a:gd name="T84" fmla="*/ 435 w 448"/>
                  <a:gd name="T85" fmla="*/ 203 h 223"/>
                  <a:gd name="T86" fmla="*/ 433 w 448"/>
                  <a:gd name="T87" fmla="*/ 215 h 223"/>
                  <a:gd name="T88" fmla="*/ 436 w 448"/>
                  <a:gd name="T89" fmla="*/ 213 h 223"/>
                  <a:gd name="T90" fmla="*/ 447 w 448"/>
                  <a:gd name="T91" fmla="*/ 179 h 223"/>
                  <a:gd name="T92" fmla="*/ 448 w 448"/>
                  <a:gd name="T93" fmla="*/ 144 h 223"/>
                  <a:gd name="T94" fmla="*/ 0 w 448"/>
                  <a:gd name="T95" fmla="*/ 66 h 223"/>
                  <a:gd name="T96" fmla="*/ 52 w 448"/>
                  <a:gd name="T97" fmla="*/ 94 h 223"/>
                  <a:gd name="T98" fmla="*/ 84 w 448"/>
                  <a:gd name="T99" fmla="*/ 74 h 223"/>
                  <a:gd name="T100" fmla="*/ 111 w 448"/>
                  <a:gd name="T101" fmla="*/ 54 h 223"/>
                  <a:gd name="T102" fmla="*/ 147 w 448"/>
                  <a:gd name="T103" fmla="*/ 56 h 223"/>
                  <a:gd name="T104" fmla="*/ 159 w 448"/>
                  <a:gd name="T105" fmla="*/ 62 h 223"/>
                  <a:gd name="T106" fmla="*/ 176 w 448"/>
                  <a:gd name="T107" fmla="*/ 88 h 223"/>
                  <a:gd name="T108" fmla="*/ 193 w 448"/>
                  <a:gd name="T109" fmla="*/ 86 h 223"/>
                  <a:gd name="T110" fmla="*/ 198 w 448"/>
                  <a:gd name="T111" fmla="*/ 108 h 223"/>
                  <a:gd name="T112" fmla="*/ 228 w 448"/>
                  <a:gd name="T113" fmla="*/ 115 h 223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448"/>
                  <a:gd name="T172" fmla="*/ 0 h 223"/>
                  <a:gd name="T173" fmla="*/ 448 w 448"/>
                  <a:gd name="T174" fmla="*/ 223 h 223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448" h="223">
                    <a:moveTo>
                      <a:pt x="247" y="115"/>
                    </a:moveTo>
                    <a:lnTo>
                      <a:pt x="260" y="123"/>
                    </a:lnTo>
                    <a:lnTo>
                      <a:pt x="252" y="137"/>
                    </a:lnTo>
                    <a:lnTo>
                      <a:pt x="252" y="145"/>
                    </a:lnTo>
                    <a:lnTo>
                      <a:pt x="252" y="147"/>
                    </a:lnTo>
                    <a:lnTo>
                      <a:pt x="250" y="150"/>
                    </a:lnTo>
                    <a:lnTo>
                      <a:pt x="249" y="155"/>
                    </a:lnTo>
                    <a:lnTo>
                      <a:pt x="245" y="162"/>
                    </a:lnTo>
                    <a:lnTo>
                      <a:pt x="243" y="169"/>
                    </a:lnTo>
                    <a:lnTo>
                      <a:pt x="240" y="176"/>
                    </a:lnTo>
                    <a:lnTo>
                      <a:pt x="238" y="179"/>
                    </a:lnTo>
                    <a:lnTo>
                      <a:pt x="238" y="181"/>
                    </a:lnTo>
                    <a:lnTo>
                      <a:pt x="237" y="186"/>
                    </a:lnTo>
                    <a:lnTo>
                      <a:pt x="238" y="189"/>
                    </a:lnTo>
                    <a:lnTo>
                      <a:pt x="240" y="193"/>
                    </a:lnTo>
                    <a:lnTo>
                      <a:pt x="242" y="193"/>
                    </a:lnTo>
                    <a:lnTo>
                      <a:pt x="243" y="193"/>
                    </a:lnTo>
                    <a:lnTo>
                      <a:pt x="247" y="193"/>
                    </a:lnTo>
                    <a:lnTo>
                      <a:pt x="249" y="191"/>
                    </a:lnTo>
                    <a:lnTo>
                      <a:pt x="250" y="191"/>
                    </a:lnTo>
                    <a:lnTo>
                      <a:pt x="252" y="186"/>
                    </a:lnTo>
                    <a:lnTo>
                      <a:pt x="255" y="182"/>
                    </a:lnTo>
                    <a:lnTo>
                      <a:pt x="257" y="182"/>
                    </a:lnTo>
                    <a:lnTo>
                      <a:pt x="259" y="182"/>
                    </a:lnTo>
                    <a:lnTo>
                      <a:pt x="260" y="184"/>
                    </a:lnTo>
                    <a:lnTo>
                      <a:pt x="262" y="186"/>
                    </a:lnTo>
                    <a:lnTo>
                      <a:pt x="264" y="188"/>
                    </a:lnTo>
                    <a:lnTo>
                      <a:pt x="274" y="201"/>
                    </a:lnTo>
                    <a:lnTo>
                      <a:pt x="277" y="201"/>
                    </a:lnTo>
                    <a:lnTo>
                      <a:pt x="277" y="193"/>
                    </a:lnTo>
                    <a:lnTo>
                      <a:pt x="282" y="193"/>
                    </a:lnTo>
                    <a:lnTo>
                      <a:pt x="282" y="194"/>
                    </a:lnTo>
                    <a:lnTo>
                      <a:pt x="284" y="198"/>
                    </a:lnTo>
                    <a:lnTo>
                      <a:pt x="284" y="201"/>
                    </a:lnTo>
                    <a:lnTo>
                      <a:pt x="286" y="201"/>
                    </a:lnTo>
                    <a:lnTo>
                      <a:pt x="298" y="201"/>
                    </a:lnTo>
                    <a:lnTo>
                      <a:pt x="308" y="203"/>
                    </a:lnTo>
                    <a:lnTo>
                      <a:pt x="316" y="204"/>
                    </a:lnTo>
                    <a:lnTo>
                      <a:pt x="321" y="208"/>
                    </a:lnTo>
                    <a:lnTo>
                      <a:pt x="326" y="211"/>
                    </a:lnTo>
                    <a:lnTo>
                      <a:pt x="330" y="215"/>
                    </a:lnTo>
                    <a:lnTo>
                      <a:pt x="331" y="216"/>
                    </a:lnTo>
                    <a:lnTo>
                      <a:pt x="331" y="218"/>
                    </a:lnTo>
                    <a:lnTo>
                      <a:pt x="335" y="210"/>
                    </a:lnTo>
                    <a:lnTo>
                      <a:pt x="326" y="199"/>
                    </a:lnTo>
                    <a:lnTo>
                      <a:pt x="325" y="191"/>
                    </a:lnTo>
                    <a:lnTo>
                      <a:pt x="313" y="188"/>
                    </a:lnTo>
                    <a:lnTo>
                      <a:pt x="299" y="179"/>
                    </a:lnTo>
                    <a:lnTo>
                      <a:pt x="289" y="171"/>
                    </a:lnTo>
                    <a:lnTo>
                      <a:pt x="291" y="167"/>
                    </a:lnTo>
                    <a:lnTo>
                      <a:pt x="299" y="174"/>
                    </a:lnTo>
                    <a:lnTo>
                      <a:pt x="301" y="174"/>
                    </a:lnTo>
                    <a:lnTo>
                      <a:pt x="303" y="176"/>
                    </a:lnTo>
                    <a:lnTo>
                      <a:pt x="306" y="176"/>
                    </a:lnTo>
                    <a:lnTo>
                      <a:pt x="308" y="177"/>
                    </a:lnTo>
                    <a:lnTo>
                      <a:pt x="316" y="182"/>
                    </a:lnTo>
                    <a:lnTo>
                      <a:pt x="321" y="184"/>
                    </a:lnTo>
                    <a:lnTo>
                      <a:pt x="323" y="182"/>
                    </a:lnTo>
                    <a:lnTo>
                      <a:pt x="323" y="181"/>
                    </a:lnTo>
                    <a:lnTo>
                      <a:pt x="321" y="177"/>
                    </a:lnTo>
                    <a:lnTo>
                      <a:pt x="318" y="176"/>
                    </a:lnTo>
                    <a:lnTo>
                      <a:pt x="316" y="172"/>
                    </a:lnTo>
                    <a:lnTo>
                      <a:pt x="315" y="172"/>
                    </a:lnTo>
                    <a:lnTo>
                      <a:pt x="311" y="167"/>
                    </a:lnTo>
                    <a:lnTo>
                      <a:pt x="308" y="164"/>
                    </a:lnTo>
                    <a:lnTo>
                      <a:pt x="304" y="159"/>
                    </a:lnTo>
                    <a:lnTo>
                      <a:pt x="303" y="154"/>
                    </a:lnTo>
                    <a:lnTo>
                      <a:pt x="299" y="149"/>
                    </a:lnTo>
                    <a:lnTo>
                      <a:pt x="299" y="142"/>
                    </a:lnTo>
                    <a:lnTo>
                      <a:pt x="298" y="137"/>
                    </a:lnTo>
                    <a:lnTo>
                      <a:pt x="298" y="132"/>
                    </a:lnTo>
                    <a:lnTo>
                      <a:pt x="298" y="127"/>
                    </a:lnTo>
                    <a:lnTo>
                      <a:pt x="298" y="122"/>
                    </a:lnTo>
                    <a:lnTo>
                      <a:pt x="298" y="118"/>
                    </a:lnTo>
                    <a:lnTo>
                      <a:pt x="299" y="115"/>
                    </a:lnTo>
                    <a:lnTo>
                      <a:pt x="299" y="111"/>
                    </a:lnTo>
                    <a:lnTo>
                      <a:pt x="299" y="108"/>
                    </a:lnTo>
                    <a:lnTo>
                      <a:pt x="299" y="106"/>
                    </a:lnTo>
                    <a:lnTo>
                      <a:pt x="299" y="98"/>
                    </a:lnTo>
                    <a:lnTo>
                      <a:pt x="296" y="93"/>
                    </a:lnTo>
                    <a:lnTo>
                      <a:pt x="294" y="86"/>
                    </a:lnTo>
                    <a:lnTo>
                      <a:pt x="291" y="81"/>
                    </a:lnTo>
                    <a:lnTo>
                      <a:pt x="287" y="78"/>
                    </a:lnTo>
                    <a:lnTo>
                      <a:pt x="286" y="74"/>
                    </a:lnTo>
                    <a:lnTo>
                      <a:pt x="284" y="72"/>
                    </a:lnTo>
                    <a:lnTo>
                      <a:pt x="282" y="72"/>
                    </a:lnTo>
                    <a:lnTo>
                      <a:pt x="296" y="72"/>
                    </a:lnTo>
                    <a:lnTo>
                      <a:pt x="301" y="67"/>
                    </a:lnTo>
                    <a:lnTo>
                      <a:pt x="301" y="66"/>
                    </a:lnTo>
                    <a:lnTo>
                      <a:pt x="301" y="64"/>
                    </a:lnTo>
                    <a:lnTo>
                      <a:pt x="301" y="61"/>
                    </a:lnTo>
                    <a:lnTo>
                      <a:pt x="301" y="59"/>
                    </a:lnTo>
                    <a:lnTo>
                      <a:pt x="299" y="56"/>
                    </a:lnTo>
                    <a:lnTo>
                      <a:pt x="298" y="52"/>
                    </a:lnTo>
                    <a:lnTo>
                      <a:pt x="299" y="52"/>
                    </a:lnTo>
                    <a:lnTo>
                      <a:pt x="301" y="52"/>
                    </a:lnTo>
                    <a:lnTo>
                      <a:pt x="303" y="52"/>
                    </a:lnTo>
                    <a:lnTo>
                      <a:pt x="303" y="54"/>
                    </a:lnTo>
                    <a:lnTo>
                      <a:pt x="304" y="56"/>
                    </a:lnTo>
                    <a:lnTo>
                      <a:pt x="306" y="59"/>
                    </a:lnTo>
                    <a:lnTo>
                      <a:pt x="306" y="61"/>
                    </a:lnTo>
                    <a:lnTo>
                      <a:pt x="308" y="61"/>
                    </a:lnTo>
                    <a:lnTo>
                      <a:pt x="309" y="59"/>
                    </a:lnTo>
                    <a:lnTo>
                      <a:pt x="309" y="57"/>
                    </a:lnTo>
                    <a:lnTo>
                      <a:pt x="311" y="56"/>
                    </a:lnTo>
                    <a:lnTo>
                      <a:pt x="321" y="42"/>
                    </a:lnTo>
                    <a:lnTo>
                      <a:pt x="320" y="40"/>
                    </a:lnTo>
                    <a:lnTo>
                      <a:pt x="320" y="39"/>
                    </a:lnTo>
                    <a:lnTo>
                      <a:pt x="320" y="35"/>
                    </a:lnTo>
                    <a:lnTo>
                      <a:pt x="320" y="34"/>
                    </a:lnTo>
                    <a:lnTo>
                      <a:pt x="320" y="32"/>
                    </a:lnTo>
                    <a:lnTo>
                      <a:pt x="320" y="28"/>
                    </a:lnTo>
                    <a:lnTo>
                      <a:pt x="325" y="23"/>
                    </a:lnTo>
                    <a:lnTo>
                      <a:pt x="328" y="22"/>
                    </a:lnTo>
                    <a:lnTo>
                      <a:pt x="330" y="20"/>
                    </a:lnTo>
                    <a:lnTo>
                      <a:pt x="331" y="22"/>
                    </a:lnTo>
                    <a:lnTo>
                      <a:pt x="331" y="23"/>
                    </a:lnTo>
                    <a:lnTo>
                      <a:pt x="331" y="25"/>
                    </a:lnTo>
                    <a:lnTo>
                      <a:pt x="331" y="27"/>
                    </a:lnTo>
                    <a:lnTo>
                      <a:pt x="330" y="27"/>
                    </a:lnTo>
                    <a:lnTo>
                      <a:pt x="330" y="32"/>
                    </a:lnTo>
                    <a:lnTo>
                      <a:pt x="330" y="35"/>
                    </a:lnTo>
                    <a:lnTo>
                      <a:pt x="333" y="35"/>
                    </a:lnTo>
                    <a:lnTo>
                      <a:pt x="335" y="34"/>
                    </a:lnTo>
                    <a:lnTo>
                      <a:pt x="337" y="32"/>
                    </a:lnTo>
                    <a:lnTo>
                      <a:pt x="338" y="30"/>
                    </a:lnTo>
                    <a:lnTo>
                      <a:pt x="340" y="30"/>
                    </a:lnTo>
                    <a:lnTo>
                      <a:pt x="338" y="34"/>
                    </a:lnTo>
                    <a:lnTo>
                      <a:pt x="338" y="37"/>
                    </a:lnTo>
                    <a:lnTo>
                      <a:pt x="337" y="39"/>
                    </a:lnTo>
                    <a:lnTo>
                      <a:pt x="333" y="42"/>
                    </a:lnTo>
                    <a:lnTo>
                      <a:pt x="331" y="44"/>
                    </a:lnTo>
                    <a:lnTo>
                      <a:pt x="330" y="45"/>
                    </a:lnTo>
                    <a:lnTo>
                      <a:pt x="330" y="47"/>
                    </a:lnTo>
                    <a:lnTo>
                      <a:pt x="328" y="47"/>
                    </a:lnTo>
                    <a:lnTo>
                      <a:pt x="323" y="52"/>
                    </a:lnTo>
                    <a:lnTo>
                      <a:pt x="320" y="59"/>
                    </a:lnTo>
                    <a:lnTo>
                      <a:pt x="316" y="66"/>
                    </a:lnTo>
                    <a:lnTo>
                      <a:pt x="316" y="72"/>
                    </a:lnTo>
                    <a:lnTo>
                      <a:pt x="316" y="79"/>
                    </a:lnTo>
                    <a:lnTo>
                      <a:pt x="316" y="84"/>
                    </a:lnTo>
                    <a:lnTo>
                      <a:pt x="318" y="88"/>
                    </a:lnTo>
                    <a:lnTo>
                      <a:pt x="318" y="89"/>
                    </a:lnTo>
                    <a:lnTo>
                      <a:pt x="321" y="88"/>
                    </a:lnTo>
                    <a:lnTo>
                      <a:pt x="323" y="86"/>
                    </a:lnTo>
                    <a:lnTo>
                      <a:pt x="326" y="83"/>
                    </a:lnTo>
                    <a:lnTo>
                      <a:pt x="328" y="79"/>
                    </a:lnTo>
                    <a:lnTo>
                      <a:pt x="330" y="76"/>
                    </a:lnTo>
                    <a:lnTo>
                      <a:pt x="331" y="72"/>
                    </a:lnTo>
                    <a:lnTo>
                      <a:pt x="333" y="71"/>
                    </a:lnTo>
                    <a:lnTo>
                      <a:pt x="333" y="69"/>
                    </a:lnTo>
                    <a:lnTo>
                      <a:pt x="335" y="72"/>
                    </a:lnTo>
                    <a:lnTo>
                      <a:pt x="335" y="76"/>
                    </a:lnTo>
                    <a:lnTo>
                      <a:pt x="333" y="79"/>
                    </a:lnTo>
                    <a:lnTo>
                      <a:pt x="331" y="83"/>
                    </a:lnTo>
                    <a:lnTo>
                      <a:pt x="330" y="86"/>
                    </a:lnTo>
                    <a:lnTo>
                      <a:pt x="328" y="88"/>
                    </a:lnTo>
                    <a:lnTo>
                      <a:pt x="328" y="89"/>
                    </a:lnTo>
                    <a:lnTo>
                      <a:pt x="326" y="89"/>
                    </a:lnTo>
                    <a:lnTo>
                      <a:pt x="326" y="91"/>
                    </a:lnTo>
                    <a:lnTo>
                      <a:pt x="326" y="93"/>
                    </a:lnTo>
                    <a:lnTo>
                      <a:pt x="326" y="96"/>
                    </a:lnTo>
                    <a:lnTo>
                      <a:pt x="326" y="100"/>
                    </a:lnTo>
                    <a:lnTo>
                      <a:pt x="326" y="103"/>
                    </a:lnTo>
                    <a:lnTo>
                      <a:pt x="326" y="106"/>
                    </a:lnTo>
                    <a:lnTo>
                      <a:pt x="325" y="110"/>
                    </a:lnTo>
                    <a:lnTo>
                      <a:pt x="320" y="116"/>
                    </a:lnTo>
                    <a:lnTo>
                      <a:pt x="318" y="120"/>
                    </a:lnTo>
                    <a:lnTo>
                      <a:pt x="316" y="123"/>
                    </a:lnTo>
                    <a:lnTo>
                      <a:pt x="316" y="125"/>
                    </a:lnTo>
                    <a:lnTo>
                      <a:pt x="318" y="127"/>
                    </a:lnTo>
                    <a:lnTo>
                      <a:pt x="320" y="127"/>
                    </a:lnTo>
                    <a:lnTo>
                      <a:pt x="330" y="132"/>
                    </a:lnTo>
                    <a:lnTo>
                      <a:pt x="337" y="137"/>
                    </a:lnTo>
                    <a:lnTo>
                      <a:pt x="340" y="140"/>
                    </a:lnTo>
                    <a:lnTo>
                      <a:pt x="342" y="142"/>
                    </a:lnTo>
                    <a:lnTo>
                      <a:pt x="342" y="144"/>
                    </a:lnTo>
                    <a:lnTo>
                      <a:pt x="340" y="145"/>
                    </a:lnTo>
                    <a:lnTo>
                      <a:pt x="338" y="145"/>
                    </a:lnTo>
                    <a:lnTo>
                      <a:pt x="337" y="145"/>
                    </a:lnTo>
                    <a:lnTo>
                      <a:pt x="331" y="145"/>
                    </a:lnTo>
                    <a:lnTo>
                      <a:pt x="328" y="147"/>
                    </a:lnTo>
                    <a:lnTo>
                      <a:pt x="325" y="147"/>
                    </a:lnTo>
                    <a:lnTo>
                      <a:pt x="325" y="149"/>
                    </a:lnTo>
                    <a:lnTo>
                      <a:pt x="325" y="150"/>
                    </a:lnTo>
                    <a:lnTo>
                      <a:pt x="325" y="152"/>
                    </a:lnTo>
                    <a:lnTo>
                      <a:pt x="326" y="152"/>
                    </a:lnTo>
                    <a:lnTo>
                      <a:pt x="333" y="152"/>
                    </a:lnTo>
                    <a:lnTo>
                      <a:pt x="337" y="154"/>
                    </a:lnTo>
                    <a:lnTo>
                      <a:pt x="337" y="155"/>
                    </a:lnTo>
                    <a:lnTo>
                      <a:pt x="335" y="157"/>
                    </a:lnTo>
                    <a:lnTo>
                      <a:pt x="331" y="159"/>
                    </a:lnTo>
                    <a:lnTo>
                      <a:pt x="328" y="160"/>
                    </a:lnTo>
                    <a:lnTo>
                      <a:pt x="326" y="160"/>
                    </a:lnTo>
                    <a:lnTo>
                      <a:pt x="325" y="162"/>
                    </a:lnTo>
                    <a:lnTo>
                      <a:pt x="325" y="166"/>
                    </a:lnTo>
                    <a:lnTo>
                      <a:pt x="335" y="177"/>
                    </a:lnTo>
                    <a:lnTo>
                      <a:pt x="337" y="176"/>
                    </a:lnTo>
                    <a:lnTo>
                      <a:pt x="338" y="176"/>
                    </a:lnTo>
                    <a:lnTo>
                      <a:pt x="340" y="174"/>
                    </a:lnTo>
                    <a:lnTo>
                      <a:pt x="342" y="176"/>
                    </a:lnTo>
                    <a:lnTo>
                      <a:pt x="345" y="177"/>
                    </a:lnTo>
                    <a:lnTo>
                      <a:pt x="347" y="181"/>
                    </a:lnTo>
                    <a:lnTo>
                      <a:pt x="348" y="182"/>
                    </a:lnTo>
                    <a:lnTo>
                      <a:pt x="348" y="184"/>
                    </a:lnTo>
                    <a:lnTo>
                      <a:pt x="350" y="186"/>
                    </a:lnTo>
                    <a:lnTo>
                      <a:pt x="352" y="188"/>
                    </a:lnTo>
                    <a:lnTo>
                      <a:pt x="355" y="188"/>
                    </a:lnTo>
                    <a:lnTo>
                      <a:pt x="359" y="186"/>
                    </a:lnTo>
                    <a:lnTo>
                      <a:pt x="360" y="186"/>
                    </a:lnTo>
                    <a:lnTo>
                      <a:pt x="359" y="184"/>
                    </a:lnTo>
                    <a:lnTo>
                      <a:pt x="359" y="182"/>
                    </a:lnTo>
                    <a:lnTo>
                      <a:pt x="357" y="179"/>
                    </a:lnTo>
                    <a:lnTo>
                      <a:pt x="355" y="176"/>
                    </a:lnTo>
                    <a:lnTo>
                      <a:pt x="357" y="174"/>
                    </a:lnTo>
                    <a:lnTo>
                      <a:pt x="359" y="172"/>
                    </a:lnTo>
                    <a:lnTo>
                      <a:pt x="360" y="171"/>
                    </a:lnTo>
                    <a:lnTo>
                      <a:pt x="362" y="171"/>
                    </a:lnTo>
                    <a:lnTo>
                      <a:pt x="364" y="171"/>
                    </a:lnTo>
                    <a:lnTo>
                      <a:pt x="364" y="177"/>
                    </a:lnTo>
                    <a:lnTo>
                      <a:pt x="364" y="182"/>
                    </a:lnTo>
                    <a:lnTo>
                      <a:pt x="365" y="184"/>
                    </a:lnTo>
                    <a:lnTo>
                      <a:pt x="367" y="186"/>
                    </a:lnTo>
                    <a:lnTo>
                      <a:pt x="369" y="184"/>
                    </a:lnTo>
                    <a:lnTo>
                      <a:pt x="370" y="182"/>
                    </a:lnTo>
                    <a:lnTo>
                      <a:pt x="372" y="182"/>
                    </a:lnTo>
                    <a:lnTo>
                      <a:pt x="372" y="181"/>
                    </a:lnTo>
                    <a:lnTo>
                      <a:pt x="374" y="181"/>
                    </a:lnTo>
                    <a:lnTo>
                      <a:pt x="375" y="182"/>
                    </a:lnTo>
                    <a:lnTo>
                      <a:pt x="377" y="184"/>
                    </a:lnTo>
                    <a:lnTo>
                      <a:pt x="370" y="191"/>
                    </a:lnTo>
                    <a:lnTo>
                      <a:pt x="369" y="194"/>
                    </a:lnTo>
                    <a:lnTo>
                      <a:pt x="369" y="198"/>
                    </a:lnTo>
                    <a:lnTo>
                      <a:pt x="372" y="198"/>
                    </a:lnTo>
                    <a:lnTo>
                      <a:pt x="375" y="196"/>
                    </a:lnTo>
                    <a:lnTo>
                      <a:pt x="379" y="194"/>
                    </a:lnTo>
                    <a:lnTo>
                      <a:pt x="382" y="193"/>
                    </a:lnTo>
                    <a:lnTo>
                      <a:pt x="382" y="194"/>
                    </a:lnTo>
                    <a:lnTo>
                      <a:pt x="382" y="198"/>
                    </a:lnTo>
                    <a:lnTo>
                      <a:pt x="382" y="199"/>
                    </a:lnTo>
                    <a:lnTo>
                      <a:pt x="382" y="203"/>
                    </a:lnTo>
                    <a:lnTo>
                      <a:pt x="382" y="204"/>
                    </a:lnTo>
                    <a:lnTo>
                      <a:pt x="382" y="206"/>
                    </a:lnTo>
                    <a:lnTo>
                      <a:pt x="381" y="211"/>
                    </a:lnTo>
                    <a:lnTo>
                      <a:pt x="381" y="215"/>
                    </a:lnTo>
                    <a:lnTo>
                      <a:pt x="381" y="218"/>
                    </a:lnTo>
                    <a:lnTo>
                      <a:pt x="382" y="220"/>
                    </a:lnTo>
                    <a:lnTo>
                      <a:pt x="384" y="221"/>
                    </a:lnTo>
                    <a:lnTo>
                      <a:pt x="386" y="223"/>
                    </a:lnTo>
                    <a:lnTo>
                      <a:pt x="387" y="223"/>
                    </a:lnTo>
                    <a:lnTo>
                      <a:pt x="394" y="220"/>
                    </a:lnTo>
                    <a:lnTo>
                      <a:pt x="397" y="216"/>
                    </a:lnTo>
                    <a:lnTo>
                      <a:pt x="399" y="215"/>
                    </a:lnTo>
                    <a:lnTo>
                      <a:pt x="403" y="211"/>
                    </a:lnTo>
                    <a:lnTo>
                      <a:pt x="406" y="210"/>
                    </a:lnTo>
                    <a:lnTo>
                      <a:pt x="409" y="206"/>
                    </a:lnTo>
                    <a:lnTo>
                      <a:pt x="413" y="204"/>
                    </a:lnTo>
                    <a:lnTo>
                      <a:pt x="418" y="203"/>
                    </a:lnTo>
                    <a:lnTo>
                      <a:pt x="425" y="203"/>
                    </a:lnTo>
                    <a:lnTo>
                      <a:pt x="430" y="198"/>
                    </a:lnTo>
                    <a:lnTo>
                      <a:pt x="431" y="171"/>
                    </a:lnTo>
                    <a:lnTo>
                      <a:pt x="436" y="171"/>
                    </a:lnTo>
                    <a:lnTo>
                      <a:pt x="440" y="145"/>
                    </a:lnTo>
                    <a:lnTo>
                      <a:pt x="441" y="144"/>
                    </a:lnTo>
                    <a:lnTo>
                      <a:pt x="443" y="144"/>
                    </a:lnTo>
                    <a:lnTo>
                      <a:pt x="443" y="145"/>
                    </a:lnTo>
                    <a:lnTo>
                      <a:pt x="443" y="155"/>
                    </a:lnTo>
                    <a:lnTo>
                      <a:pt x="441" y="164"/>
                    </a:lnTo>
                    <a:lnTo>
                      <a:pt x="441" y="172"/>
                    </a:lnTo>
                    <a:lnTo>
                      <a:pt x="440" y="179"/>
                    </a:lnTo>
                    <a:lnTo>
                      <a:pt x="438" y="184"/>
                    </a:lnTo>
                    <a:lnTo>
                      <a:pt x="438" y="189"/>
                    </a:lnTo>
                    <a:lnTo>
                      <a:pt x="436" y="194"/>
                    </a:lnTo>
                    <a:lnTo>
                      <a:pt x="436" y="198"/>
                    </a:lnTo>
                    <a:lnTo>
                      <a:pt x="435" y="201"/>
                    </a:lnTo>
                    <a:lnTo>
                      <a:pt x="435" y="203"/>
                    </a:lnTo>
                    <a:lnTo>
                      <a:pt x="435" y="204"/>
                    </a:lnTo>
                    <a:lnTo>
                      <a:pt x="433" y="206"/>
                    </a:lnTo>
                    <a:lnTo>
                      <a:pt x="433" y="208"/>
                    </a:lnTo>
                    <a:lnTo>
                      <a:pt x="433" y="210"/>
                    </a:lnTo>
                    <a:lnTo>
                      <a:pt x="433" y="215"/>
                    </a:lnTo>
                    <a:lnTo>
                      <a:pt x="433" y="216"/>
                    </a:lnTo>
                    <a:lnTo>
                      <a:pt x="433" y="218"/>
                    </a:lnTo>
                    <a:lnTo>
                      <a:pt x="435" y="216"/>
                    </a:lnTo>
                    <a:lnTo>
                      <a:pt x="435" y="215"/>
                    </a:lnTo>
                    <a:lnTo>
                      <a:pt x="436" y="215"/>
                    </a:lnTo>
                    <a:lnTo>
                      <a:pt x="436" y="213"/>
                    </a:lnTo>
                    <a:lnTo>
                      <a:pt x="438" y="211"/>
                    </a:lnTo>
                    <a:lnTo>
                      <a:pt x="440" y="206"/>
                    </a:lnTo>
                    <a:lnTo>
                      <a:pt x="441" y="203"/>
                    </a:lnTo>
                    <a:lnTo>
                      <a:pt x="443" y="198"/>
                    </a:lnTo>
                    <a:lnTo>
                      <a:pt x="443" y="191"/>
                    </a:lnTo>
                    <a:lnTo>
                      <a:pt x="445" y="186"/>
                    </a:lnTo>
                    <a:lnTo>
                      <a:pt x="447" y="179"/>
                    </a:lnTo>
                    <a:lnTo>
                      <a:pt x="447" y="172"/>
                    </a:lnTo>
                    <a:lnTo>
                      <a:pt x="447" y="167"/>
                    </a:lnTo>
                    <a:lnTo>
                      <a:pt x="447" y="160"/>
                    </a:lnTo>
                    <a:lnTo>
                      <a:pt x="447" y="155"/>
                    </a:lnTo>
                    <a:lnTo>
                      <a:pt x="448" y="150"/>
                    </a:lnTo>
                    <a:lnTo>
                      <a:pt x="448" y="147"/>
                    </a:lnTo>
                    <a:lnTo>
                      <a:pt x="448" y="144"/>
                    </a:lnTo>
                    <a:lnTo>
                      <a:pt x="448" y="142"/>
                    </a:lnTo>
                    <a:lnTo>
                      <a:pt x="386" y="154"/>
                    </a:lnTo>
                    <a:lnTo>
                      <a:pt x="345" y="0"/>
                    </a:lnTo>
                    <a:lnTo>
                      <a:pt x="0" y="66"/>
                    </a:lnTo>
                    <a:lnTo>
                      <a:pt x="10" y="127"/>
                    </a:lnTo>
                    <a:lnTo>
                      <a:pt x="45" y="94"/>
                    </a:lnTo>
                    <a:lnTo>
                      <a:pt x="45" y="96"/>
                    </a:lnTo>
                    <a:lnTo>
                      <a:pt x="47" y="96"/>
                    </a:lnTo>
                    <a:lnTo>
                      <a:pt x="49" y="96"/>
                    </a:lnTo>
                    <a:lnTo>
                      <a:pt x="52" y="94"/>
                    </a:lnTo>
                    <a:lnTo>
                      <a:pt x="57" y="89"/>
                    </a:lnTo>
                    <a:lnTo>
                      <a:pt x="62" y="83"/>
                    </a:lnTo>
                    <a:lnTo>
                      <a:pt x="69" y="71"/>
                    </a:lnTo>
                    <a:lnTo>
                      <a:pt x="71" y="71"/>
                    </a:lnTo>
                    <a:lnTo>
                      <a:pt x="74" y="72"/>
                    </a:lnTo>
                    <a:lnTo>
                      <a:pt x="79" y="74"/>
                    </a:lnTo>
                    <a:lnTo>
                      <a:pt x="84" y="74"/>
                    </a:lnTo>
                    <a:lnTo>
                      <a:pt x="89" y="74"/>
                    </a:lnTo>
                    <a:lnTo>
                      <a:pt x="96" y="72"/>
                    </a:lnTo>
                    <a:lnTo>
                      <a:pt x="101" y="67"/>
                    </a:lnTo>
                    <a:lnTo>
                      <a:pt x="106" y="61"/>
                    </a:lnTo>
                    <a:lnTo>
                      <a:pt x="108" y="59"/>
                    </a:lnTo>
                    <a:lnTo>
                      <a:pt x="108" y="57"/>
                    </a:lnTo>
                    <a:lnTo>
                      <a:pt x="111" y="54"/>
                    </a:lnTo>
                    <a:lnTo>
                      <a:pt x="115" y="52"/>
                    </a:lnTo>
                    <a:lnTo>
                      <a:pt x="120" y="50"/>
                    </a:lnTo>
                    <a:lnTo>
                      <a:pt x="125" y="50"/>
                    </a:lnTo>
                    <a:lnTo>
                      <a:pt x="133" y="52"/>
                    </a:lnTo>
                    <a:lnTo>
                      <a:pt x="144" y="56"/>
                    </a:lnTo>
                    <a:lnTo>
                      <a:pt x="145" y="56"/>
                    </a:lnTo>
                    <a:lnTo>
                      <a:pt x="147" y="56"/>
                    </a:lnTo>
                    <a:lnTo>
                      <a:pt x="149" y="56"/>
                    </a:lnTo>
                    <a:lnTo>
                      <a:pt x="150" y="56"/>
                    </a:lnTo>
                    <a:lnTo>
                      <a:pt x="154" y="56"/>
                    </a:lnTo>
                    <a:lnTo>
                      <a:pt x="155" y="56"/>
                    </a:lnTo>
                    <a:lnTo>
                      <a:pt x="157" y="56"/>
                    </a:lnTo>
                    <a:lnTo>
                      <a:pt x="159" y="62"/>
                    </a:lnTo>
                    <a:lnTo>
                      <a:pt x="161" y="64"/>
                    </a:lnTo>
                    <a:lnTo>
                      <a:pt x="164" y="66"/>
                    </a:lnTo>
                    <a:lnTo>
                      <a:pt x="167" y="69"/>
                    </a:lnTo>
                    <a:lnTo>
                      <a:pt x="171" y="72"/>
                    </a:lnTo>
                    <a:lnTo>
                      <a:pt x="174" y="78"/>
                    </a:lnTo>
                    <a:lnTo>
                      <a:pt x="176" y="83"/>
                    </a:lnTo>
                    <a:lnTo>
                      <a:pt x="176" y="88"/>
                    </a:lnTo>
                    <a:lnTo>
                      <a:pt x="172" y="93"/>
                    </a:lnTo>
                    <a:lnTo>
                      <a:pt x="174" y="91"/>
                    </a:lnTo>
                    <a:lnTo>
                      <a:pt x="176" y="89"/>
                    </a:lnTo>
                    <a:lnTo>
                      <a:pt x="179" y="89"/>
                    </a:lnTo>
                    <a:lnTo>
                      <a:pt x="184" y="88"/>
                    </a:lnTo>
                    <a:lnTo>
                      <a:pt x="188" y="86"/>
                    </a:lnTo>
                    <a:lnTo>
                      <a:pt x="193" y="86"/>
                    </a:lnTo>
                    <a:lnTo>
                      <a:pt x="196" y="89"/>
                    </a:lnTo>
                    <a:lnTo>
                      <a:pt x="199" y="93"/>
                    </a:lnTo>
                    <a:lnTo>
                      <a:pt x="199" y="94"/>
                    </a:lnTo>
                    <a:lnTo>
                      <a:pt x="198" y="98"/>
                    </a:lnTo>
                    <a:lnTo>
                      <a:pt x="198" y="100"/>
                    </a:lnTo>
                    <a:lnTo>
                      <a:pt x="198" y="103"/>
                    </a:lnTo>
                    <a:lnTo>
                      <a:pt x="198" y="108"/>
                    </a:lnTo>
                    <a:lnTo>
                      <a:pt x="203" y="110"/>
                    </a:lnTo>
                    <a:lnTo>
                      <a:pt x="210" y="113"/>
                    </a:lnTo>
                    <a:lnTo>
                      <a:pt x="221" y="113"/>
                    </a:lnTo>
                    <a:lnTo>
                      <a:pt x="223" y="113"/>
                    </a:lnTo>
                    <a:lnTo>
                      <a:pt x="227" y="115"/>
                    </a:lnTo>
                    <a:lnTo>
                      <a:pt x="228" y="115"/>
                    </a:lnTo>
                    <a:lnTo>
                      <a:pt x="230" y="116"/>
                    </a:lnTo>
                    <a:lnTo>
                      <a:pt x="233" y="118"/>
                    </a:lnTo>
                    <a:lnTo>
                      <a:pt x="237" y="120"/>
                    </a:lnTo>
                    <a:lnTo>
                      <a:pt x="240" y="122"/>
                    </a:lnTo>
                    <a:lnTo>
                      <a:pt x="247" y="11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93" name="Freeform 75"/>
              <p:cNvSpPr>
                <a:spLocks/>
              </p:cNvSpPr>
              <p:nvPr/>
            </p:nvSpPr>
            <p:spPr bwMode="auto">
              <a:xfrm>
                <a:off x="4487" y="1686"/>
                <a:ext cx="448" cy="223"/>
              </a:xfrm>
              <a:custGeom>
                <a:avLst/>
                <a:gdLst>
                  <a:gd name="T0" fmla="*/ 249 w 448"/>
                  <a:gd name="T1" fmla="*/ 155 h 223"/>
                  <a:gd name="T2" fmla="*/ 238 w 448"/>
                  <a:gd name="T3" fmla="*/ 189 h 223"/>
                  <a:gd name="T4" fmla="*/ 252 w 448"/>
                  <a:gd name="T5" fmla="*/ 186 h 223"/>
                  <a:gd name="T6" fmla="*/ 274 w 448"/>
                  <a:gd name="T7" fmla="*/ 201 h 223"/>
                  <a:gd name="T8" fmla="*/ 286 w 448"/>
                  <a:gd name="T9" fmla="*/ 201 h 223"/>
                  <a:gd name="T10" fmla="*/ 331 w 448"/>
                  <a:gd name="T11" fmla="*/ 216 h 223"/>
                  <a:gd name="T12" fmla="*/ 291 w 448"/>
                  <a:gd name="T13" fmla="*/ 167 h 223"/>
                  <a:gd name="T14" fmla="*/ 316 w 448"/>
                  <a:gd name="T15" fmla="*/ 182 h 223"/>
                  <a:gd name="T16" fmla="*/ 315 w 448"/>
                  <a:gd name="T17" fmla="*/ 172 h 223"/>
                  <a:gd name="T18" fmla="*/ 298 w 448"/>
                  <a:gd name="T19" fmla="*/ 132 h 223"/>
                  <a:gd name="T20" fmla="*/ 299 w 448"/>
                  <a:gd name="T21" fmla="*/ 106 h 223"/>
                  <a:gd name="T22" fmla="*/ 284 w 448"/>
                  <a:gd name="T23" fmla="*/ 72 h 223"/>
                  <a:gd name="T24" fmla="*/ 301 w 448"/>
                  <a:gd name="T25" fmla="*/ 59 h 223"/>
                  <a:gd name="T26" fmla="*/ 304 w 448"/>
                  <a:gd name="T27" fmla="*/ 56 h 223"/>
                  <a:gd name="T28" fmla="*/ 309 w 448"/>
                  <a:gd name="T29" fmla="*/ 57 h 223"/>
                  <a:gd name="T30" fmla="*/ 320 w 448"/>
                  <a:gd name="T31" fmla="*/ 35 h 223"/>
                  <a:gd name="T32" fmla="*/ 330 w 448"/>
                  <a:gd name="T33" fmla="*/ 20 h 223"/>
                  <a:gd name="T34" fmla="*/ 330 w 448"/>
                  <a:gd name="T35" fmla="*/ 35 h 223"/>
                  <a:gd name="T36" fmla="*/ 338 w 448"/>
                  <a:gd name="T37" fmla="*/ 34 h 223"/>
                  <a:gd name="T38" fmla="*/ 328 w 448"/>
                  <a:gd name="T39" fmla="*/ 47 h 223"/>
                  <a:gd name="T40" fmla="*/ 318 w 448"/>
                  <a:gd name="T41" fmla="*/ 89 h 223"/>
                  <a:gd name="T42" fmla="*/ 333 w 448"/>
                  <a:gd name="T43" fmla="*/ 71 h 223"/>
                  <a:gd name="T44" fmla="*/ 328 w 448"/>
                  <a:gd name="T45" fmla="*/ 88 h 223"/>
                  <a:gd name="T46" fmla="*/ 326 w 448"/>
                  <a:gd name="T47" fmla="*/ 103 h 223"/>
                  <a:gd name="T48" fmla="*/ 316 w 448"/>
                  <a:gd name="T49" fmla="*/ 125 h 223"/>
                  <a:gd name="T50" fmla="*/ 340 w 448"/>
                  <a:gd name="T51" fmla="*/ 140 h 223"/>
                  <a:gd name="T52" fmla="*/ 328 w 448"/>
                  <a:gd name="T53" fmla="*/ 147 h 223"/>
                  <a:gd name="T54" fmla="*/ 333 w 448"/>
                  <a:gd name="T55" fmla="*/ 152 h 223"/>
                  <a:gd name="T56" fmla="*/ 325 w 448"/>
                  <a:gd name="T57" fmla="*/ 166 h 223"/>
                  <a:gd name="T58" fmla="*/ 342 w 448"/>
                  <a:gd name="T59" fmla="*/ 176 h 223"/>
                  <a:gd name="T60" fmla="*/ 352 w 448"/>
                  <a:gd name="T61" fmla="*/ 188 h 223"/>
                  <a:gd name="T62" fmla="*/ 359 w 448"/>
                  <a:gd name="T63" fmla="*/ 182 h 223"/>
                  <a:gd name="T64" fmla="*/ 362 w 448"/>
                  <a:gd name="T65" fmla="*/ 171 h 223"/>
                  <a:gd name="T66" fmla="*/ 370 w 448"/>
                  <a:gd name="T67" fmla="*/ 182 h 223"/>
                  <a:gd name="T68" fmla="*/ 377 w 448"/>
                  <a:gd name="T69" fmla="*/ 184 h 223"/>
                  <a:gd name="T70" fmla="*/ 382 w 448"/>
                  <a:gd name="T71" fmla="*/ 193 h 223"/>
                  <a:gd name="T72" fmla="*/ 382 w 448"/>
                  <a:gd name="T73" fmla="*/ 206 h 223"/>
                  <a:gd name="T74" fmla="*/ 386 w 448"/>
                  <a:gd name="T75" fmla="*/ 223 h 223"/>
                  <a:gd name="T76" fmla="*/ 403 w 448"/>
                  <a:gd name="T77" fmla="*/ 211 h 223"/>
                  <a:gd name="T78" fmla="*/ 436 w 448"/>
                  <a:gd name="T79" fmla="*/ 171 h 223"/>
                  <a:gd name="T80" fmla="*/ 443 w 448"/>
                  <a:gd name="T81" fmla="*/ 155 h 223"/>
                  <a:gd name="T82" fmla="*/ 435 w 448"/>
                  <a:gd name="T83" fmla="*/ 201 h 223"/>
                  <a:gd name="T84" fmla="*/ 433 w 448"/>
                  <a:gd name="T85" fmla="*/ 210 h 223"/>
                  <a:gd name="T86" fmla="*/ 436 w 448"/>
                  <a:gd name="T87" fmla="*/ 213 h 223"/>
                  <a:gd name="T88" fmla="*/ 447 w 448"/>
                  <a:gd name="T89" fmla="*/ 179 h 223"/>
                  <a:gd name="T90" fmla="*/ 448 w 448"/>
                  <a:gd name="T91" fmla="*/ 142 h 223"/>
                  <a:gd name="T92" fmla="*/ 45 w 448"/>
                  <a:gd name="T93" fmla="*/ 94 h 223"/>
                  <a:gd name="T94" fmla="*/ 62 w 448"/>
                  <a:gd name="T95" fmla="*/ 83 h 223"/>
                  <a:gd name="T96" fmla="*/ 96 w 448"/>
                  <a:gd name="T97" fmla="*/ 72 h 223"/>
                  <a:gd name="T98" fmla="*/ 120 w 448"/>
                  <a:gd name="T99" fmla="*/ 50 h 223"/>
                  <a:gd name="T100" fmla="*/ 150 w 448"/>
                  <a:gd name="T101" fmla="*/ 56 h 223"/>
                  <a:gd name="T102" fmla="*/ 164 w 448"/>
                  <a:gd name="T103" fmla="*/ 66 h 223"/>
                  <a:gd name="T104" fmla="*/ 174 w 448"/>
                  <a:gd name="T105" fmla="*/ 91 h 223"/>
                  <a:gd name="T106" fmla="*/ 199 w 448"/>
                  <a:gd name="T107" fmla="*/ 93 h 223"/>
                  <a:gd name="T108" fmla="*/ 221 w 448"/>
                  <a:gd name="T109" fmla="*/ 113 h 223"/>
                  <a:gd name="T110" fmla="*/ 237 w 448"/>
                  <a:gd name="T111" fmla="*/ 120 h 223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448"/>
                  <a:gd name="T169" fmla="*/ 0 h 223"/>
                  <a:gd name="T170" fmla="*/ 448 w 448"/>
                  <a:gd name="T171" fmla="*/ 223 h 223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448" h="223">
                    <a:moveTo>
                      <a:pt x="247" y="115"/>
                    </a:moveTo>
                    <a:lnTo>
                      <a:pt x="260" y="123"/>
                    </a:lnTo>
                    <a:lnTo>
                      <a:pt x="252" y="137"/>
                    </a:lnTo>
                    <a:lnTo>
                      <a:pt x="252" y="145"/>
                    </a:lnTo>
                    <a:lnTo>
                      <a:pt x="252" y="147"/>
                    </a:lnTo>
                    <a:lnTo>
                      <a:pt x="250" y="150"/>
                    </a:lnTo>
                    <a:lnTo>
                      <a:pt x="249" y="155"/>
                    </a:lnTo>
                    <a:lnTo>
                      <a:pt x="245" y="162"/>
                    </a:lnTo>
                    <a:lnTo>
                      <a:pt x="243" y="169"/>
                    </a:lnTo>
                    <a:lnTo>
                      <a:pt x="240" y="176"/>
                    </a:lnTo>
                    <a:lnTo>
                      <a:pt x="238" y="179"/>
                    </a:lnTo>
                    <a:lnTo>
                      <a:pt x="238" y="181"/>
                    </a:lnTo>
                    <a:lnTo>
                      <a:pt x="237" y="186"/>
                    </a:lnTo>
                    <a:lnTo>
                      <a:pt x="238" y="189"/>
                    </a:lnTo>
                    <a:lnTo>
                      <a:pt x="240" y="193"/>
                    </a:lnTo>
                    <a:lnTo>
                      <a:pt x="242" y="193"/>
                    </a:lnTo>
                    <a:lnTo>
                      <a:pt x="243" y="193"/>
                    </a:lnTo>
                    <a:lnTo>
                      <a:pt x="247" y="193"/>
                    </a:lnTo>
                    <a:lnTo>
                      <a:pt x="249" y="191"/>
                    </a:lnTo>
                    <a:lnTo>
                      <a:pt x="250" y="191"/>
                    </a:lnTo>
                    <a:lnTo>
                      <a:pt x="252" y="186"/>
                    </a:lnTo>
                    <a:lnTo>
                      <a:pt x="255" y="182"/>
                    </a:lnTo>
                    <a:lnTo>
                      <a:pt x="257" y="182"/>
                    </a:lnTo>
                    <a:lnTo>
                      <a:pt x="259" y="182"/>
                    </a:lnTo>
                    <a:lnTo>
                      <a:pt x="260" y="184"/>
                    </a:lnTo>
                    <a:lnTo>
                      <a:pt x="262" y="186"/>
                    </a:lnTo>
                    <a:lnTo>
                      <a:pt x="264" y="188"/>
                    </a:lnTo>
                    <a:lnTo>
                      <a:pt x="274" y="201"/>
                    </a:lnTo>
                    <a:lnTo>
                      <a:pt x="277" y="201"/>
                    </a:lnTo>
                    <a:lnTo>
                      <a:pt x="277" y="193"/>
                    </a:lnTo>
                    <a:lnTo>
                      <a:pt x="282" y="193"/>
                    </a:lnTo>
                    <a:lnTo>
                      <a:pt x="282" y="194"/>
                    </a:lnTo>
                    <a:lnTo>
                      <a:pt x="284" y="198"/>
                    </a:lnTo>
                    <a:lnTo>
                      <a:pt x="284" y="201"/>
                    </a:lnTo>
                    <a:lnTo>
                      <a:pt x="286" y="201"/>
                    </a:lnTo>
                    <a:lnTo>
                      <a:pt x="298" y="201"/>
                    </a:lnTo>
                    <a:lnTo>
                      <a:pt x="308" y="203"/>
                    </a:lnTo>
                    <a:lnTo>
                      <a:pt x="316" y="204"/>
                    </a:lnTo>
                    <a:lnTo>
                      <a:pt x="321" y="208"/>
                    </a:lnTo>
                    <a:lnTo>
                      <a:pt x="326" y="211"/>
                    </a:lnTo>
                    <a:lnTo>
                      <a:pt x="330" y="215"/>
                    </a:lnTo>
                    <a:lnTo>
                      <a:pt x="331" y="216"/>
                    </a:lnTo>
                    <a:lnTo>
                      <a:pt x="331" y="218"/>
                    </a:lnTo>
                    <a:lnTo>
                      <a:pt x="335" y="210"/>
                    </a:lnTo>
                    <a:lnTo>
                      <a:pt x="326" y="199"/>
                    </a:lnTo>
                    <a:lnTo>
                      <a:pt x="325" y="191"/>
                    </a:lnTo>
                    <a:lnTo>
                      <a:pt x="313" y="188"/>
                    </a:lnTo>
                    <a:lnTo>
                      <a:pt x="299" y="179"/>
                    </a:lnTo>
                    <a:lnTo>
                      <a:pt x="289" y="171"/>
                    </a:lnTo>
                    <a:lnTo>
                      <a:pt x="291" y="167"/>
                    </a:lnTo>
                    <a:lnTo>
                      <a:pt x="299" y="174"/>
                    </a:lnTo>
                    <a:lnTo>
                      <a:pt x="301" y="174"/>
                    </a:lnTo>
                    <a:lnTo>
                      <a:pt x="303" y="176"/>
                    </a:lnTo>
                    <a:lnTo>
                      <a:pt x="306" y="176"/>
                    </a:lnTo>
                    <a:lnTo>
                      <a:pt x="308" y="177"/>
                    </a:lnTo>
                    <a:lnTo>
                      <a:pt x="316" y="182"/>
                    </a:lnTo>
                    <a:lnTo>
                      <a:pt x="321" y="184"/>
                    </a:lnTo>
                    <a:lnTo>
                      <a:pt x="323" y="182"/>
                    </a:lnTo>
                    <a:lnTo>
                      <a:pt x="323" y="181"/>
                    </a:lnTo>
                    <a:lnTo>
                      <a:pt x="321" y="177"/>
                    </a:lnTo>
                    <a:lnTo>
                      <a:pt x="318" y="176"/>
                    </a:lnTo>
                    <a:lnTo>
                      <a:pt x="316" y="172"/>
                    </a:lnTo>
                    <a:lnTo>
                      <a:pt x="315" y="172"/>
                    </a:lnTo>
                    <a:lnTo>
                      <a:pt x="311" y="167"/>
                    </a:lnTo>
                    <a:lnTo>
                      <a:pt x="308" y="164"/>
                    </a:lnTo>
                    <a:lnTo>
                      <a:pt x="304" y="159"/>
                    </a:lnTo>
                    <a:lnTo>
                      <a:pt x="303" y="154"/>
                    </a:lnTo>
                    <a:lnTo>
                      <a:pt x="299" y="149"/>
                    </a:lnTo>
                    <a:lnTo>
                      <a:pt x="299" y="142"/>
                    </a:lnTo>
                    <a:lnTo>
                      <a:pt x="298" y="137"/>
                    </a:lnTo>
                    <a:lnTo>
                      <a:pt x="298" y="132"/>
                    </a:lnTo>
                    <a:lnTo>
                      <a:pt x="298" y="127"/>
                    </a:lnTo>
                    <a:lnTo>
                      <a:pt x="298" y="122"/>
                    </a:lnTo>
                    <a:lnTo>
                      <a:pt x="298" y="118"/>
                    </a:lnTo>
                    <a:lnTo>
                      <a:pt x="299" y="115"/>
                    </a:lnTo>
                    <a:lnTo>
                      <a:pt x="299" y="111"/>
                    </a:lnTo>
                    <a:lnTo>
                      <a:pt x="299" y="108"/>
                    </a:lnTo>
                    <a:lnTo>
                      <a:pt x="299" y="106"/>
                    </a:lnTo>
                    <a:lnTo>
                      <a:pt x="299" y="98"/>
                    </a:lnTo>
                    <a:lnTo>
                      <a:pt x="296" y="93"/>
                    </a:lnTo>
                    <a:lnTo>
                      <a:pt x="294" y="86"/>
                    </a:lnTo>
                    <a:lnTo>
                      <a:pt x="291" y="81"/>
                    </a:lnTo>
                    <a:lnTo>
                      <a:pt x="287" y="78"/>
                    </a:lnTo>
                    <a:lnTo>
                      <a:pt x="286" y="74"/>
                    </a:lnTo>
                    <a:lnTo>
                      <a:pt x="284" y="72"/>
                    </a:lnTo>
                    <a:lnTo>
                      <a:pt x="282" y="72"/>
                    </a:lnTo>
                    <a:lnTo>
                      <a:pt x="296" y="72"/>
                    </a:lnTo>
                    <a:lnTo>
                      <a:pt x="301" y="67"/>
                    </a:lnTo>
                    <a:lnTo>
                      <a:pt x="301" y="66"/>
                    </a:lnTo>
                    <a:lnTo>
                      <a:pt x="301" y="64"/>
                    </a:lnTo>
                    <a:lnTo>
                      <a:pt x="301" y="61"/>
                    </a:lnTo>
                    <a:lnTo>
                      <a:pt x="301" y="59"/>
                    </a:lnTo>
                    <a:lnTo>
                      <a:pt x="299" y="56"/>
                    </a:lnTo>
                    <a:lnTo>
                      <a:pt x="298" y="52"/>
                    </a:lnTo>
                    <a:lnTo>
                      <a:pt x="299" y="52"/>
                    </a:lnTo>
                    <a:lnTo>
                      <a:pt x="301" y="52"/>
                    </a:lnTo>
                    <a:lnTo>
                      <a:pt x="303" y="52"/>
                    </a:lnTo>
                    <a:lnTo>
                      <a:pt x="303" y="54"/>
                    </a:lnTo>
                    <a:lnTo>
                      <a:pt x="304" y="56"/>
                    </a:lnTo>
                    <a:lnTo>
                      <a:pt x="306" y="59"/>
                    </a:lnTo>
                    <a:lnTo>
                      <a:pt x="306" y="61"/>
                    </a:lnTo>
                    <a:lnTo>
                      <a:pt x="308" y="61"/>
                    </a:lnTo>
                    <a:lnTo>
                      <a:pt x="309" y="59"/>
                    </a:lnTo>
                    <a:lnTo>
                      <a:pt x="309" y="57"/>
                    </a:lnTo>
                    <a:lnTo>
                      <a:pt x="311" y="56"/>
                    </a:lnTo>
                    <a:lnTo>
                      <a:pt x="321" y="42"/>
                    </a:lnTo>
                    <a:lnTo>
                      <a:pt x="320" y="40"/>
                    </a:lnTo>
                    <a:lnTo>
                      <a:pt x="320" y="39"/>
                    </a:lnTo>
                    <a:lnTo>
                      <a:pt x="320" y="35"/>
                    </a:lnTo>
                    <a:lnTo>
                      <a:pt x="320" y="34"/>
                    </a:lnTo>
                    <a:lnTo>
                      <a:pt x="320" y="32"/>
                    </a:lnTo>
                    <a:lnTo>
                      <a:pt x="320" y="28"/>
                    </a:lnTo>
                    <a:lnTo>
                      <a:pt x="325" y="23"/>
                    </a:lnTo>
                    <a:lnTo>
                      <a:pt x="328" y="22"/>
                    </a:lnTo>
                    <a:lnTo>
                      <a:pt x="330" y="20"/>
                    </a:lnTo>
                    <a:lnTo>
                      <a:pt x="331" y="22"/>
                    </a:lnTo>
                    <a:lnTo>
                      <a:pt x="331" y="23"/>
                    </a:lnTo>
                    <a:lnTo>
                      <a:pt x="331" y="25"/>
                    </a:lnTo>
                    <a:lnTo>
                      <a:pt x="331" y="27"/>
                    </a:lnTo>
                    <a:lnTo>
                      <a:pt x="330" y="27"/>
                    </a:lnTo>
                    <a:lnTo>
                      <a:pt x="330" y="32"/>
                    </a:lnTo>
                    <a:lnTo>
                      <a:pt x="330" y="35"/>
                    </a:lnTo>
                    <a:lnTo>
                      <a:pt x="333" y="35"/>
                    </a:lnTo>
                    <a:lnTo>
                      <a:pt x="335" y="34"/>
                    </a:lnTo>
                    <a:lnTo>
                      <a:pt x="337" y="32"/>
                    </a:lnTo>
                    <a:lnTo>
                      <a:pt x="338" y="30"/>
                    </a:lnTo>
                    <a:lnTo>
                      <a:pt x="340" y="30"/>
                    </a:lnTo>
                    <a:lnTo>
                      <a:pt x="338" y="34"/>
                    </a:lnTo>
                    <a:lnTo>
                      <a:pt x="338" y="37"/>
                    </a:lnTo>
                    <a:lnTo>
                      <a:pt x="337" y="39"/>
                    </a:lnTo>
                    <a:lnTo>
                      <a:pt x="333" y="42"/>
                    </a:lnTo>
                    <a:lnTo>
                      <a:pt x="331" y="44"/>
                    </a:lnTo>
                    <a:lnTo>
                      <a:pt x="330" y="45"/>
                    </a:lnTo>
                    <a:lnTo>
                      <a:pt x="330" y="47"/>
                    </a:lnTo>
                    <a:lnTo>
                      <a:pt x="328" y="47"/>
                    </a:lnTo>
                    <a:lnTo>
                      <a:pt x="323" y="52"/>
                    </a:lnTo>
                    <a:lnTo>
                      <a:pt x="320" y="59"/>
                    </a:lnTo>
                    <a:lnTo>
                      <a:pt x="316" y="66"/>
                    </a:lnTo>
                    <a:lnTo>
                      <a:pt x="316" y="72"/>
                    </a:lnTo>
                    <a:lnTo>
                      <a:pt x="316" y="79"/>
                    </a:lnTo>
                    <a:lnTo>
                      <a:pt x="316" y="84"/>
                    </a:lnTo>
                    <a:lnTo>
                      <a:pt x="318" y="88"/>
                    </a:lnTo>
                    <a:lnTo>
                      <a:pt x="318" y="89"/>
                    </a:lnTo>
                    <a:lnTo>
                      <a:pt x="321" y="88"/>
                    </a:lnTo>
                    <a:lnTo>
                      <a:pt x="323" y="86"/>
                    </a:lnTo>
                    <a:lnTo>
                      <a:pt x="326" y="83"/>
                    </a:lnTo>
                    <a:lnTo>
                      <a:pt x="328" y="79"/>
                    </a:lnTo>
                    <a:lnTo>
                      <a:pt x="330" y="76"/>
                    </a:lnTo>
                    <a:lnTo>
                      <a:pt x="331" y="72"/>
                    </a:lnTo>
                    <a:lnTo>
                      <a:pt x="333" y="71"/>
                    </a:lnTo>
                    <a:lnTo>
                      <a:pt x="333" y="69"/>
                    </a:lnTo>
                    <a:lnTo>
                      <a:pt x="335" y="72"/>
                    </a:lnTo>
                    <a:lnTo>
                      <a:pt x="335" y="76"/>
                    </a:lnTo>
                    <a:lnTo>
                      <a:pt x="333" y="79"/>
                    </a:lnTo>
                    <a:lnTo>
                      <a:pt x="331" y="83"/>
                    </a:lnTo>
                    <a:lnTo>
                      <a:pt x="330" y="86"/>
                    </a:lnTo>
                    <a:lnTo>
                      <a:pt x="328" y="88"/>
                    </a:lnTo>
                    <a:lnTo>
                      <a:pt x="328" y="89"/>
                    </a:lnTo>
                    <a:lnTo>
                      <a:pt x="326" y="89"/>
                    </a:lnTo>
                    <a:lnTo>
                      <a:pt x="326" y="91"/>
                    </a:lnTo>
                    <a:lnTo>
                      <a:pt x="326" y="93"/>
                    </a:lnTo>
                    <a:lnTo>
                      <a:pt x="326" y="96"/>
                    </a:lnTo>
                    <a:lnTo>
                      <a:pt x="326" y="100"/>
                    </a:lnTo>
                    <a:lnTo>
                      <a:pt x="326" y="103"/>
                    </a:lnTo>
                    <a:lnTo>
                      <a:pt x="326" y="106"/>
                    </a:lnTo>
                    <a:lnTo>
                      <a:pt x="325" y="110"/>
                    </a:lnTo>
                    <a:lnTo>
                      <a:pt x="320" y="116"/>
                    </a:lnTo>
                    <a:lnTo>
                      <a:pt x="318" y="120"/>
                    </a:lnTo>
                    <a:lnTo>
                      <a:pt x="316" y="123"/>
                    </a:lnTo>
                    <a:lnTo>
                      <a:pt x="316" y="125"/>
                    </a:lnTo>
                    <a:lnTo>
                      <a:pt x="318" y="127"/>
                    </a:lnTo>
                    <a:lnTo>
                      <a:pt x="320" y="127"/>
                    </a:lnTo>
                    <a:lnTo>
                      <a:pt x="330" y="132"/>
                    </a:lnTo>
                    <a:lnTo>
                      <a:pt x="337" y="137"/>
                    </a:lnTo>
                    <a:lnTo>
                      <a:pt x="340" y="140"/>
                    </a:lnTo>
                    <a:lnTo>
                      <a:pt x="342" y="142"/>
                    </a:lnTo>
                    <a:lnTo>
                      <a:pt x="342" y="144"/>
                    </a:lnTo>
                    <a:lnTo>
                      <a:pt x="340" y="145"/>
                    </a:lnTo>
                    <a:lnTo>
                      <a:pt x="338" y="145"/>
                    </a:lnTo>
                    <a:lnTo>
                      <a:pt x="337" y="145"/>
                    </a:lnTo>
                    <a:lnTo>
                      <a:pt x="331" y="145"/>
                    </a:lnTo>
                    <a:lnTo>
                      <a:pt x="328" y="147"/>
                    </a:lnTo>
                    <a:lnTo>
                      <a:pt x="325" y="147"/>
                    </a:lnTo>
                    <a:lnTo>
                      <a:pt x="325" y="149"/>
                    </a:lnTo>
                    <a:lnTo>
                      <a:pt x="325" y="150"/>
                    </a:lnTo>
                    <a:lnTo>
                      <a:pt x="325" y="152"/>
                    </a:lnTo>
                    <a:lnTo>
                      <a:pt x="326" y="152"/>
                    </a:lnTo>
                    <a:lnTo>
                      <a:pt x="333" y="152"/>
                    </a:lnTo>
                    <a:lnTo>
                      <a:pt x="337" y="154"/>
                    </a:lnTo>
                    <a:lnTo>
                      <a:pt x="337" y="155"/>
                    </a:lnTo>
                    <a:lnTo>
                      <a:pt x="335" y="157"/>
                    </a:lnTo>
                    <a:lnTo>
                      <a:pt x="331" y="159"/>
                    </a:lnTo>
                    <a:lnTo>
                      <a:pt x="328" y="160"/>
                    </a:lnTo>
                    <a:lnTo>
                      <a:pt x="326" y="160"/>
                    </a:lnTo>
                    <a:lnTo>
                      <a:pt x="325" y="162"/>
                    </a:lnTo>
                    <a:lnTo>
                      <a:pt x="325" y="166"/>
                    </a:lnTo>
                    <a:lnTo>
                      <a:pt x="335" y="177"/>
                    </a:lnTo>
                    <a:lnTo>
                      <a:pt x="337" y="176"/>
                    </a:lnTo>
                    <a:lnTo>
                      <a:pt x="338" y="176"/>
                    </a:lnTo>
                    <a:lnTo>
                      <a:pt x="340" y="174"/>
                    </a:lnTo>
                    <a:lnTo>
                      <a:pt x="342" y="176"/>
                    </a:lnTo>
                    <a:lnTo>
                      <a:pt x="345" y="177"/>
                    </a:lnTo>
                    <a:lnTo>
                      <a:pt x="347" y="181"/>
                    </a:lnTo>
                    <a:lnTo>
                      <a:pt x="348" y="182"/>
                    </a:lnTo>
                    <a:lnTo>
                      <a:pt x="348" y="184"/>
                    </a:lnTo>
                    <a:lnTo>
                      <a:pt x="350" y="186"/>
                    </a:lnTo>
                    <a:lnTo>
                      <a:pt x="352" y="188"/>
                    </a:lnTo>
                    <a:lnTo>
                      <a:pt x="355" y="188"/>
                    </a:lnTo>
                    <a:lnTo>
                      <a:pt x="359" y="186"/>
                    </a:lnTo>
                    <a:lnTo>
                      <a:pt x="360" y="186"/>
                    </a:lnTo>
                    <a:lnTo>
                      <a:pt x="359" y="184"/>
                    </a:lnTo>
                    <a:lnTo>
                      <a:pt x="359" y="182"/>
                    </a:lnTo>
                    <a:lnTo>
                      <a:pt x="357" y="179"/>
                    </a:lnTo>
                    <a:lnTo>
                      <a:pt x="355" y="176"/>
                    </a:lnTo>
                    <a:lnTo>
                      <a:pt x="357" y="174"/>
                    </a:lnTo>
                    <a:lnTo>
                      <a:pt x="359" y="172"/>
                    </a:lnTo>
                    <a:lnTo>
                      <a:pt x="360" y="171"/>
                    </a:lnTo>
                    <a:lnTo>
                      <a:pt x="362" y="171"/>
                    </a:lnTo>
                    <a:lnTo>
                      <a:pt x="364" y="171"/>
                    </a:lnTo>
                    <a:lnTo>
                      <a:pt x="364" y="177"/>
                    </a:lnTo>
                    <a:lnTo>
                      <a:pt x="364" y="182"/>
                    </a:lnTo>
                    <a:lnTo>
                      <a:pt x="365" y="184"/>
                    </a:lnTo>
                    <a:lnTo>
                      <a:pt x="367" y="186"/>
                    </a:lnTo>
                    <a:lnTo>
                      <a:pt x="369" y="184"/>
                    </a:lnTo>
                    <a:lnTo>
                      <a:pt x="370" y="182"/>
                    </a:lnTo>
                    <a:lnTo>
                      <a:pt x="372" y="182"/>
                    </a:lnTo>
                    <a:lnTo>
                      <a:pt x="372" y="181"/>
                    </a:lnTo>
                    <a:lnTo>
                      <a:pt x="374" y="181"/>
                    </a:lnTo>
                    <a:lnTo>
                      <a:pt x="375" y="182"/>
                    </a:lnTo>
                    <a:lnTo>
                      <a:pt x="377" y="184"/>
                    </a:lnTo>
                    <a:lnTo>
                      <a:pt x="370" y="191"/>
                    </a:lnTo>
                    <a:lnTo>
                      <a:pt x="369" y="194"/>
                    </a:lnTo>
                    <a:lnTo>
                      <a:pt x="369" y="198"/>
                    </a:lnTo>
                    <a:lnTo>
                      <a:pt x="372" y="198"/>
                    </a:lnTo>
                    <a:lnTo>
                      <a:pt x="375" y="196"/>
                    </a:lnTo>
                    <a:lnTo>
                      <a:pt x="379" y="194"/>
                    </a:lnTo>
                    <a:lnTo>
                      <a:pt x="382" y="193"/>
                    </a:lnTo>
                    <a:lnTo>
                      <a:pt x="382" y="194"/>
                    </a:lnTo>
                    <a:lnTo>
                      <a:pt x="382" y="198"/>
                    </a:lnTo>
                    <a:lnTo>
                      <a:pt x="382" y="199"/>
                    </a:lnTo>
                    <a:lnTo>
                      <a:pt x="382" y="203"/>
                    </a:lnTo>
                    <a:lnTo>
                      <a:pt x="382" y="204"/>
                    </a:lnTo>
                    <a:lnTo>
                      <a:pt x="382" y="206"/>
                    </a:lnTo>
                    <a:lnTo>
                      <a:pt x="381" y="211"/>
                    </a:lnTo>
                    <a:lnTo>
                      <a:pt x="381" y="215"/>
                    </a:lnTo>
                    <a:lnTo>
                      <a:pt x="381" y="218"/>
                    </a:lnTo>
                    <a:lnTo>
                      <a:pt x="382" y="220"/>
                    </a:lnTo>
                    <a:lnTo>
                      <a:pt x="384" y="221"/>
                    </a:lnTo>
                    <a:lnTo>
                      <a:pt x="386" y="223"/>
                    </a:lnTo>
                    <a:lnTo>
                      <a:pt x="387" y="223"/>
                    </a:lnTo>
                    <a:lnTo>
                      <a:pt x="394" y="220"/>
                    </a:lnTo>
                    <a:lnTo>
                      <a:pt x="397" y="216"/>
                    </a:lnTo>
                    <a:lnTo>
                      <a:pt x="399" y="215"/>
                    </a:lnTo>
                    <a:lnTo>
                      <a:pt x="403" y="211"/>
                    </a:lnTo>
                    <a:lnTo>
                      <a:pt x="406" y="210"/>
                    </a:lnTo>
                    <a:lnTo>
                      <a:pt x="409" y="206"/>
                    </a:lnTo>
                    <a:lnTo>
                      <a:pt x="413" y="204"/>
                    </a:lnTo>
                    <a:lnTo>
                      <a:pt x="418" y="203"/>
                    </a:lnTo>
                    <a:lnTo>
                      <a:pt x="425" y="203"/>
                    </a:lnTo>
                    <a:lnTo>
                      <a:pt x="430" y="198"/>
                    </a:lnTo>
                    <a:lnTo>
                      <a:pt x="431" y="171"/>
                    </a:lnTo>
                    <a:lnTo>
                      <a:pt x="436" y="171"/>
                    </a:lnTo>
                    <a:lnTo>
                      <a:pt x="440" y="145"/>
                    </a:lnTo>
                    <a:lnTo>
                      <a:pt x="441" y="144"/>
                    </a:lnTo>
                    <a:lnTo>
                      <a:pt x="443" y="144"/>
                    </a:lnTo>
                    <a:lnTo>
                      <a:pt x="443" y="145"/>
                    </a:lnTo>
                    <a:lnTo>
                      <a:pt x="443" y="155"/>
                    </a:lnTo>
                    <a:lnTo>
                      <a:pt x="441" y="164"/>
                    </a:lnTo>
                    <a:lnTo>
                      <a:pt x="441" y="172"/>
                    </a:lnTo>
                    <a:lnTo>
                      <a:pt x="440" y="179"/>
                    </a:lnTo>
                    <a:lnTo>
                      <a:pt x="438" y="184"/>
                    </a:lnTo>
                    <a:lnTo>
                      <a:pt x="438" y="189"/>
                    </a:lnTo>
                    <a:lnTo>
                      <a:pt x="436" y="194"/>
                    </a:lnTo>
                    <a:lnTo>
                      <a:pt x="436" y="198"/>
                    </a:lnTo>
                    <a:lnTo>
                      <a:pt x="435" y="201"/>
                    </a:lnTo>
                    <a:lnTo>
                      <a:pt x="435" y="203"/>
                    </a:lnTo>
                    <a:lnTo>
                      <a:pt x="435" y="204"/>
                    </a:lnTo>
                    <a:lnTo>
                      <a:pt x="433" y="206"/>
                    </a:lnTo>
                    <a:lnTo>
                      <a:pt x="433" y="208"/>
                    </a:lnTo>
                    <a:lnTo>
                      <a:pt x="433" y="210"/>
                    </a:lnTo>
                    <a:lnTo>
                      <a:pt x="433" y="215"/>
                    </a:lnTo>
                    <a:lnTo>
                      <a:pt x="433" y="216"/>
                    </a:lnTo>
                    <a:lnTo>
                      <a:pt x="433" y="218"/>
                    </a:lnTo>
                    <a:lnTo>
                      <a:pt x="435" y="216"/>
                    </a:lnTo>
                    <a:lnTo>
                      <a:pt x="435" y="215"/>
                    </a:lnTo>
                    <a:lnTo>
                      <a:pt x="436" y="215"/>
                    </a:lnTo>
                    <a:lnTo>
                      <a:pt x="436" y="213"/>
                    </a:lnTo>
                    <a:lnTo>
                      <a:pt x="438" y="211"/>
                    </a:lnTo>
                    <a:lnTo>
                      <a:pt x="440" y="206"/>
                    </a:lnTo>
                    <a:lnTo>
                      <a:pt x="441" y="203"/>
                    </a:lnTo>
                    <a:lnTo>
                      <a:pt x="443" y="198"/>
                    </a:lnTo>
                    <a:lnTo>
                      <a:pt x="443" y="191"/>
                    </a:lnTo>
                    <a:lnTo>
                      <a:pt x="445" y="186"/>
                    </a:lnTo>
                    <a:lnTo>
                      <a:pt x="447" y="179"/>
                    </a:lnTo>
                    <a:lnTo>
                      <a:pt x="447" y="172"/>
                    </a:lnTo>
                    <a:lnTo>
                      <a:pt x="447" y="167"/>
                    </a:lnTo>
                    <a:lnTo>
                      <a:pt x="447" y="160"/>
                    </a:lnTo>
                    <a:lnTo>
                      <a:pt x="447" y="155"/>
                    </a:lnTo>
                    <a:lnTo>
                      <a:pt x="448" y="150"/>
                    </a:lnTo>
                    <a:lnTo>
                      <a:pt x="448" y="147"/>
                    </a:lnTo>
                    <a:lnTo>
                      <a:pt x="448" y="144"/>
                    </a:lnTo>
                    <a:lnTo>
                      <a:pt x="448" y="142"/>
                    </a:lnTo>
                    <a:lnTo>
                      <a:pt x="386" y="154"/>
                    </a:lnTo>
                    <a:lnTo>
                      <a:pt x="345" y="0"/>
                    </a:lnTo>
                    <a:lnTo>
                      <a:pt x="0" y="66"/>
                    </a:lnTo>
                    <a:lnTo>
                      <a:pt x="10" y="127"/>
                    </a:lnTo>
                    <a:lnTo>
                      <a:pt x="45" y="94"/>
                    </a:lnTo>
                    <a:lnTo>
                      <a:pt x="45" y="96"/>
                    </a:lnTo>
                    <a:lnTo>
                      <a:pt x="47" y="96"/>
                    </a:lnTo>
                    <a:lnTo>
                      <a:pt x="49" y="96"/>
                    </a:lnTo>
                    <a:lnTo>
                      <a:pt x="52" y="94"/>
                    </a:lnTo>
                    <a:lnTo>
                      <a:pt x="57" y="89"/>
                    </a:lnTo>
                    <a:lnTo>
                      <a:pt x="62" y="83"/>
                    </a:lnTo>
                    <a:lnTo>
                      <a:pt x="69" y="71"/>
                    </a:lnTo>
                    <a:lnTo>
                      <a:pt x="71" y="71"/>
                    </a:lnTo>
                    <a:lnTo>
                      <a:pt x="74" y="72"/>
                    </a:lnTo>
                    <a:lnTo>
                      <a:pt x="79" y="74"/>
                    </a:lnTo>
                    <a:lnTo>
                      <a:pt x="84" y="74"/>
                    </a:lnTo>
                    <a:lnTo>
                      <a:pt x="89" y="74"/>
                    </a:lnTo>
                    <a:lnTo>
                      <a:pt x="96" y="72"/>
                    </a:lnTo>
                    <a:lnTo>
                      <a:pt x="101" y="67"/>
                    </a:lnTo>
                    <a:lnTo>
                      <a:pt x="106" y="61"/>
                    </a:lnTo>
                    <a:lnTo>
                      <a:pt x="108" y="59"/>
                    </a:lnTo>
                    <a:lnTo>
                      <a:pt x="108" y="57"/>
                    </a:lnTo>
                    <a:lnTo>
                      <a:pt x="111" y="54"/>
                    </a:lnTo>
                    <a:lnTo>
                      <a:pt x="115" y="52"/>
                    </a:lnTo>
                    <a:lnTo>
                      <a:pt x="120" y="50"/>
                    </a:lnTo>
                    <a:lnTo>
                      <a:pt x="125" y="50"/>
                    </a:lnTo>
                    <a:lnTo>
                      <a:pt x="133" y="52"/>
                    </a:lnTo>
                    <a:lnTo>
                      <a:pt x="144" y="56"/>
                    </a:lnTo>
                    <a:lnTo>
                      <a:pt x="145" y="56"/>
                    </a:lnTo>
                    <a:lnTo>
                      <a:pt x="147" y="56"/>
                    </a:lnTo>
                    <a:lnTo>
                      <a:pt x="149" y="56"/>
                    </a:lnTo>
                    <a:lnTo>
                      <a:pt x="150" y="56"/>
                    </a:lnTo>
                    <a:lnTo>
                      <a:pt x="154" y="56"/>
                    </a:lnTo>
                    <a:lnTo>
                      <a:pt x="155" y="56"/>
                    </a:lnTo>
                    <a:lnTo>
                      <a:pt x="157" y="56"/>
                    </a:lnTo>
                    <a:lnTo>
                      <a:pt x="159" y="62"/>
                    </a:lnTo>
                    <a:lnTo>
                      <a:pt x="161" y="64"/>
                    </a:lnTo>
                    <a:lnTo>
                      <a:pt x="164" y="66"/>
                    </a:lnTo>
                    <a:lnTo>
                      <a:pt x="167" y="69"/>
                    </a:lnTo>
                    <a:lnTo>
                      <a:pt x="171" y="72"/>
                    </a:lnTo>
                    <a:lnTo>
                      <a:pt x="174" y="78"/>
                    </a:lnTo>
                    <a:lnTo>
                      <a:pt x="176" y="83"/>
                    </a:lnTo>
                    <a:lnTo>
                      <a:pt x="176" y="88"/>
                    </a:lnTo>
                    <a:lnTo>
                      <a:pt x="172" y="93"/>
                    </a:lnTo>
                    <a:lnTo>
                      <a:pt x="174" y="91"/>
                    </a:lnTo>
                    <a:lnTo>
                      <a:pt x="176" y="89"/>
                    </a:lnTo>
                    <a:lnTo>
                      <a:pt x="179" y="89"/>
                    </a:lnTo>
                    <a:lnTo>
                      <a:pt x="184" y="88"/>
                    </a:lnTo>
                    <a:lnTo>
                      <a:pt x="188" y="86"/>
                    </a:lnTo>
                    <a:lnTo>
                      <a:pt x="193" y="86"/>
                    </a:lnTo>
                    <a:lnTo>
                      <a:pt x="196" y="89"/>
                    </a:lnTo>
                    <a:lnTo>
                      <a:pt x="199" y="93"/>
                    </a:lnTo>
                    <a:lnTo>
                      <a:pt x="199" y="94"/>
                    </a:lnTo>
                    <a:lnTo>
                      <a:pt x="198" y="98"/>
                    </a:lnTo>
                    <a:lnTo>
                      <a:pt x="198" y="100"/>
                    </a:lnTo>
                    <a:lnTo>
                      <a:pt x="198" y="103"/>
                    </a:lnTo>
                    <a:lnTo>
                      <a:pt x="198" y="108"/>
                    </a:lnTo>
                    <a:lnTo>
                      <a:pt x="203" y="110"/>
                    </a:lnTo>
                    <a:lnTo>
                      <a:pt x="210" y="113"/>
                    </a:lnTo>
                    <a:lnTo>
                      <a:pt x="221" y="113"/>
                    </a:lnTo>
                    <a:lnTo>
                      <a:pt x="223" y="113"/>
                    </a:lnTo>
                    <a:lnTo>
                      <a:pt x="227" y="115"/>
                    </a:lnTo>
                    <a:lnTo>
                      <a:pt x="228" y="115"/>
                    </a:lnTo>
                    <a:lnTo>
                      <a:pt x="230" y="116"/>
                    </a:lnTo>
                    <a:lnTo>
                      <a:pt x="233" y="118"/>
                    </a:lnTo>
                    <a:lnTo>
                      <a:pt x="237" y="120"/>
                    </a:lnTo>
                    <a:lnTo>
                      <a:pt x="240" y="122"/>
                    </a:lnTo>
                    <a:lnTo>
                      <a:pt x="247" y="115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577" name="Group 76"/>
            <p:cNvGrpSpPr>
              <a:grpSpLocks/>
            </p:cNvGrpSpPr>
            <p:nvPr/>
          </p:nvGrpSpPr>
          <p:grpSpPr bwMode="auto">
            <a:xfrm>
              <a:off x="311" y="3378"/>
              <a:ext cx="744" cy="497"/>
              <a:chOff x="439" y="3034"/>
              <a:chExt cx="765" cy="512"/>
            </a:xfrm>
          </p:grpSpPr>
          <p:sp>
            <p:nvSpPr>
              <p:cNvPr id="654" name="Freeform 77"/>
              <p:cNvSpPr>
                <a:spLocks/>
              </p:cNvSpPr>
              <p:nvPr/>
            </p:nvSpPr>
            <p:spPr bwMode="auto">
              <a:xfrm>
                <a:off x="659" y="3034"/>
                <a:ext cx="545" cy="452"/>
              </a:xfrm>
              <a:custGeom>
                <a:avLst/>
                <a:gdLst>
                  <a:gd name="T0" fmla="*/ 543 w 545"/>
                  <a:gd name="T1" fmla="*/ 329 h 452"/>
                  <a:gd name="T2" fmla="*/ 514 w 545"/>
                  <a:gd name="T3" fmla="*/ 312 h 452"/>
                  <a:gd name="T4" fmla="*/ 381 w 545"/>
                  <a:gd name="T5" fmla="*/ 266 h 452"/>
                  <a:gd name="T6" fmla="*/ 347 w 545"/>
                  <a:gd name="T7" fmla="*/ 266 h 452"/>
                  <a:gd name="T8" fmla="*/ 232 w 545"/>
                  <a:gd name="T9" fmla="*/ 17 h 452"/>
                  <a:gd name="T10" fmla="*/ 193 w 545"/>
                  <a:gd name="T11" fmla="*/ 16 h 452"/>
                  <a:gd name="T12" fmla="*/ 173 w 545"/>
                  <a:gd name="T13" fmla="*/ 17 h 452"/>
                  <a:gd name="T14" fmla="*/ 147 w 545"/>
                  <a:gd name="T15" fmla="*/ 9 h 452"/>
                  <a:gd name="T16" fmla="*/ 108 w 545"/>
                  <a:gd name="T17" fmla="*/ 11 h 452"/>
                  <a:gd name="T18" fmla="*/ 86 w 545"/>
                  <a:gd name="T19" fmla="*/ 22 h 452"/>
                  <a:gd name="T20" fmla="*/ 59 w 545"/>
                  <a:gd name="T21" fmla="*/ 46 h 452"/>
                  <a:gd name="T22" fmla="*/ 30 w 545"/>
                  <a:gd name="T23" fmla="*/ 83 h 452"/>
                  <a:gd name="T24" fmla="*/ 63 w 545"/>
                  <a:gd name="T25" fmla="*/ 116 h 452"/>
                  <a:gd name="T26" fmla="*/ 63 w 545"/>
                  <a:gd name="T27" fmla="*/ 122 h 452"/>
                  <a:gd name="T28" fmla="*/ 27 w 545"/>
                  <a:gd name="T29" fmla="*/ 134 h 452"/>
                  <a:gd name="T30" fmla="*/ 8 w 545"/>
                  <a:gd name="T31" fmla="*/ 139 h 452"/>
                  <a:gd name="T32" fmla="*/ 7 w 545"/>
                  <a:gd name="T33" fmla="*/ 165 h 452"/>
                  <a:gd name="T34" fmla="*/ 29 w 545"/>
                  <a:gd name="T35" fmla="*/ 183 h 452"/>
                  <a:gd name="T36" fmla="*/ 78 w 545"/>
                  <a:gd name="T37" fmla="*/ 175 h 452"/>
                  <a:gd name="T38" fmla="*/ 79 w 545"/>
                  <a:gd name="T39" fmla="*/ 205 h 452"/>
                  <a:gd name="T40" fmla="*/ 51 w 545"/>
                  <a:gd name="T41" fmla="*/ 226 h 452"/>
                  <a:gd name="T42" fmla="*/ 30 w 545"/>
                  <a:gd name="T43" fmla="*/ 232 h 452"/>
                  <a:gd name="T44" fmla="*/ 20 w 545"/>
                  <a:gd name="T45" fmla="*/ 248 h 452"/>
                  <a:gd name="T46" fmla="*/ 8 w 545"/>
                  <a:gd name="T47" fmla="*/ 266 h 452"/>
                  <a:gd name="T48" fmla="*/ 20 w 545"/>
                  <a:gd name="T49" fmla="*/ 278 h 452"/>
                  <a:gd name="T50" fmla="*/ 29 w 545"/>
                  <a:gd name="T51" fmla="*/ 303 h 452"/>
                  <a:gd name="T52" fmla="*/ 52 w 545"/>
                  <a:gd name="T53" fmla="*/ 314 h 452"/>
                  <a:gd name="T54" fmla="*/ 61 w 545"/>
                  <a:gd name="T55" fmla="*/ 312 h 452"/>
                  <a:gd name="T56" fmla="*/ 66 w 545"/>
                  <a:gd name="T57" fmla="*/ 336 h 452"/>
                  <a:gd name="T58" fmla="*/ 78 w 545"/>
                  <a:gd name="T59" fmla="*/ 341 h 452"/>
                  <a:gd name="T60" fmla="*/ 91 w 545"/>
                  <a:gd name="T61" fmla="*/ 339 h 452"/>
                  <a:gd name="T62" fmla="*/ 103 w 545"/>
                  <a:gd name="T63" fmla="*/ 352 h 452"/>
                  <a:gd name="T64" fmla="*/ 127 w 545"/>
                  <a:gd name="T65" fmla="*/ 342 h 452"/>
                  <a:gd name="T66" fmla="*/ 127 w 545"/>
                  <a:gd name="T67" fmla="*/ 352 h 452"/>
                  <a:gd name="T68" fmla="*/ 112 w 545"/>
                  <a:gd name="T69" fmla="*/ 391 h 452"/>
                  <a:gd name="T70" fmla="*/ 88 w 545"/>
                  <a:gd name="T71" fmla="*/ 412 h 452"/>
                  <a:gd name="T72" fmla="*/ 78 w 545"/>
                  <a:gd name="T73" fmla="*/ 430 h 452"/>
                  <a:gd name="T74" fmla="*/ 63 w 545"/>
                  <a:gd name="T75" fmla="*/ 425 h 452"/>
                  <a:gd name="T76" fmla="*/ 52 w 545"/>
                  <a:gd name="T77" fmla="*/ 446 h 452"/>
                  <a:gd name="T78" fmla="*/ 68 w 545"/>
                  <a:gd name="T79" fmla="*/ 437 h 452"/>
                  <a:gd name="T80" fmla="*/ 96 w 545"/>
                  <a:gd name="T81" fmla="*/ 434 h 452"/>
                  <a:gd name="T82" fmla="*/ 113 w 545"/>
                  <a:gd name="T83" fmla="*/ 415 h 452"/>
                  <a:gd name="T84" fmla="*/ 144 w 545"/>
                  <a:gd name="T85" fmla="*/ 381 h 452"/>
                  <a:gd name="T86" fmla="*/ 183 w 545"/>
                  <a:gd name="T87" fmla="*/ 339 h 452"/>
                  <a:gd name="T88" fmla="*/ 174 w 545"/>
                  <a:gd name="T89" fmla="*/ 322 h 452"/>
                  <a:gd name="T90" fmla="*/ 220 w 545"/>
                  <a:gd name="T91" fmla="*/ 264 h 452"/>
                  <a:gd name="T92" fmla="*/ 210 w 545"/>
                  <a:gd name="T93" fmla="*/ 298 h 452"/>
                  <a:gd name="T94" fmla="*/ 210 w 545"/>
                  <a:gd name="T95" fmla="*/ 317 h 452"/>
                  <a:gd name="T96" fmla="*/ 237 w 545"/>
                  <a:gd name="T97" fmla="*/ 300 h 452"/>
                  <a:gd name="T98" fmla="*/ 247 w 545"/>
                  <a:gd name="T99" fmla="*/ 286 h 452"/>
                  <a:gd name="T100" fmla="*/ 286 w 545"/>
                  <a:gd name="T101" fmla="*/ 278 h 452"/>
                  <a:gd name="T102" fmla="*/ 357 w 545"/>
                  <a:gd name="T103" fmla="*/ 276 h 452"/>
                  <a:gd name="T104" fmla="*/ 374 w 545"/>
                  <a:gd name="T105" fmla="*/ 280 h 452"/>
                  <a:gd name="T106" fmla="*/ 418 w 545"/>
                  <a:gd name="T107" fmla="*/ 295 h 452"/>
                  <a:gd name="T108" fmla="*/ 425 w 545"/>
                  <a:gd name="T109" fmla="*/ 278 h 452"/>
                  <a:gd name="T110" fmla="*/ 430 w 545"/>
                  <a:gd name="T111" fmla="*/ 264 h 452"/>
                  <a:gd name="T112" fmla="*/ 472 w 545"/>
                  <a:gd name="T113" fmla="*/ 300 h 452"/>
                  <a:gd name="T114" fmla="*/ 509 w 545"/>
                  <a:gd name="T115" fmla="*/ 322 h 452"/>
                  <a:gd name="T116" fmla="*/ 521 w 545"/>
                  <a:gd name="T117" fmla="*/ 322 h 452"/>
                  <a:gd name="T118" fmla="*/ 541 w 545"/>
                  <a:gd name="T119" fmla="*/ 349 h 452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w 545"/>
                  <a:gd name="T181" fmla="*/ 0 h 452"/>
                  <a:gd name="T182" fmla="*/ 545 w 545"/>
                  <a:gd name="T183" fmla="*/ 452 h 452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T180" t="T181" r="T182" b="T183"/>
                <a:pathLst>
                  <a:path w="545" h="452">
                    <a:moveTo>
                      <a:pt x="541" y="349"/>
                    </a:moveTo>
                    <a:lnTo>
                      <a:pt x="541" y="349"/>
                    </a:lnTo>
                    <a:lnTo>
                      <a:pt x="541" y="347"/>
                    </a:lnTo>
                    <a:lnTo>
                      <a:pt x="543" y="346"/>
                    </a:lnTo>
                    <a:lnTo>
                      <a:pt x="543" y="344"/>
                    </a:lnTo>
                    <a:lnTo>
                      <a:pt x="545" y="341"/>
                    </a:lnTo>
                    <a:lnTo>
                      <a:pt x="545" y="339"/>
                    </a:lnTo>
                    <a:lnTo>
                      <a:pt x="545" y="336"/>
                    </a:lnTo>
                    <a:lnTo>
                      <a:pt x="545" y="332"/>
                    </a:lnTo>
                    <a:lnTo>
                      <a:pt x="543" y="329"/>
                    </a:lnTo>
                    <a:lnTo>
                      <a:pt x="541" y="325"/>
                    </a:lnTo>
                    <a:lnTo>
                      <a:pt x="538" y="320"/>
                    </a:lnTo>
                    <a:lnTo>
                      <a:pt x="535" y="317"/>
                    </a:lnTo>
                    <a:lnTo>
                      <a:pt x="533" y="315"/>
                    </a:lnTo>
                    <a:lnTo>
                      <a:pt x="530" y="315"/>
                    </a:lnTo>
                    <a:lnTo>
                      <a:pt x="526" y="314"/>
                    </a:lnTo>
                    <a:lnTo>
                      <a:pt x="523" y="314"/>
                    </a:lnTo>
                    <a:lnTo>
                      <a:pt x="519" y="314"/>
                    </a:lnTo>
                    <a:lnTo>
                      <a:pt x="516" y="312"/>
                    </a:lnTo>
                    <a:lnTo>
                      <a:pt x="514" y="312"/>
                    </a:lnTo>
                    <a:lnTo>
                      <a:pt x="506" y="310"/>
                    </a:lnTo>
                    <a:lnTo>
                      <a:pt x="452" y="271"/>
                    </a:lnTo>
                    <a:lnTo>
                      <a:pt x="435" y="259"/>
                    </a:lnTo>
                    <a:lnTo>
                      <a:pt x="421" y="251"/>
                    </a:lnTo>
                    <a:lnTo>
                      <a:pt x="413" y="263"/>
                    </a:lnTo>
                    <a:lnTo>
                      <a:pt x="413" y="271"/>
                    </a:lnTo>
                    <a:lnTo>
                      <a:pt x="403" y="280"/>
                    </a:lnTo>
                    <a:lnTo>
                      <a:pt x="381" y="266"/>
                    </a:lnTo>
                    <a:lnTo>
                      <a:pt x="379" y="264"/>
                    </a:lnTo>
                    <a:lnTo>
                      <a:pt x="377" y="261"/>
                    </a:lnTo>
                    <a:lnTo>
                      <a:pt x="374" y="259"/>
                    </a:lnTo>
                    <a:lnTo>
                      <a:pt x="369" y="258"/>
                    </a:lnTo>
                    <a:lnTo>
                      <a:pt x="365" y="258"/>
                    </a:lnTo>
                    <a:lnTo>
                      <a:pt x="360" y="259"/>
                    </a:lnTo>
                    <a:lnTo>
                      <a:pt x="355" y="263"/>
                    </a:lnTo>
                    <a:lnTo>
                      <a:pt x="354" y="264"/>
                    </a:lnTo>
                    <a:lnTo>
                      <a:pt x="350" y="264"/>
                    </a:lnTo>
                    <a:lnTo>
                      <a:pt x="347" y="266"/>
                    </a:lnTo>
                    <a:lnTo>
                      <a:pt x="345" y="266"/>
                    </a:lnTo>
                    <a:lnTo>
                      <a:pt x="271" y="17"/>
                    </a:lnTo>
                    <a:lnTo>
                      <a:pt x="269" y="17"/>
                    </a:lnTo>
                    <a:lnTo>
                      <a:pt x="266" y="16"/>
                    </a:lnTo>
                    <a:lnTo>
                      <a:pt x="261" y="14"/>
                    </a:lnTo>
                    <a:lnTo>
                      <a:pt x="255" y="12"/>
                    </a:lnTo>
                    <a:lnTo>
                      <a:pt x="249" y="11"/>
                    </a:lnTo>
                    <a:lnTo>
                      <a:pt x="244" y="12"/>
                    </a:lnTo>
                    <a:lnTo>
                      <a:pt x="237" y="14"/>
                    </a:lnTo>
                    <a:lnTo>
                      <a:pt x="232" y="17"/>
                    </a:lnTo>
                    <a:lnTo>
                      <a:pt x="230" y="17"/>
                    </a:lnTo>
                    <a:lnTo>
                      <a:pt x="225" y="17"/>
                    </a:lnTo>
                    <a:lnTo>
                      <a:pt x="218" y="17"/>
                    </a:lnTo>
                    <a:lnTo>
                      <a:pt x="211" y="17"/>
                    </a:lnTo>
                    <a:lnTo>
                      <a:pt x="205" y="17"/>
                    </a:lnTo>
                    <a:lnTo>
                      <a:pt x="200" y="17"/>
                    </a:lnTo>
                    <a:lnTo>
                      <a:pt x="195" y="16"/>
                    </a:lnTo>
                    <a:lnTo>
                      <a:pt x="193" y="16"/>
                    </a:lnTo>
                    <a:lnTo>
                      <a:pt x="191" y="16"/>
                    </a:lnTo>
                    <a:lnTo>
                      <a:pt x="189" y="16"/>
                    </a:lnTo>
                    <a:lnTo>
                      <a:pt x="188" y="16"/>
                    </a:lnTo>
                    <a:lnTo>
                      <a:pt x="184" y="16"/>
                    </a:lnTo>
                    <a:lnTo>
                      <a:pt x="183" y="16"/>
                    </a:lnTo>
                    <a:lnTo>
                      <a:pt x="181" y="16"/>
                    </a:lnTo>
                    <a:lnTo>
                      <a:pt x="179" y="16"/>
                    </a:lnTo>
                    <a:lnTo>
                      <a:pt x="176" y="17"/>
                    </a:lnTo>
                    <a:lnTo>
                      <a:pt x="173" y="17"/>
                    </a:lnTo>
                    <a:lnTo>
                      <a:pt x="169" y="17"/>
                    </a:lnTo>
                    <a:lnTo>
                      <a:pt x="166" y="16"/>
                    </a:lnTo>
                    <a:lnTo>
                      <a:pt x="162" y="12"/>
                    </a:lnTo>
                    <a:lnTo>
                      <a:pt x="157" y="7"/>
                    </a:lnTo>
                    <a:lnTo>
                      <a:pt x="156" y="7"/>
                    </a:lnTo>
                    <a:lnTo>
                      <a:pt x="154" y="9"/>
                    </a:lnTo>
                    <a:lnTo>
                      <a:pt x="152" y="9"/>
                    </a:lnTo>
                    <a:lnTo>
                      <a:pt x="149" y="9"/>
                    </a:lnTo>
                    <a:lnTo>
                      <a:pt x="147" y="9"/>
                    </a:lnTo>
                    <a:lnTo>
                      <a:pt x="145" y="11"/>
                    </a:lnTo>
                    <a:lnTo>
                      <a:pt x="137" y="2"/>
                    </a:lnTo>
                    <a:lnTo>
                      <a:pt x="130" y="7"/>
                    </a:lnTo>
                    <a:lnTo>
                      <a:pt x="129" y="0"/>
                    </a:lnTo>
                    <a:lnTo>
                      <a:pt x="117" y="0"/>
                    </a:lnTo>
                    <a:lnTo>
                      <a:pt x="110" y="9"/>
                    </a:lnTo>
                    <a:lnTo>
                      <a:pt x="108" y="11"/>
                    </a:lnTo>
                    <a:lnTo>
                      <a:pt x="108" y="12"/>
                    </a:lnTo>
                    <a:lnTo>
                      <a:pt x="107" y="12"/>
                    </a:lnTo>
                    <a:lnTo>
                      <a:pt x="103" y="14"/>
                    </a:lnTo>
                    <a:lnTo>
                      <a:pt x="100" y="14"/>
                    </a:lnTo>
                    <a:lnTo>
                      <a:pt x="95" y="14"/>
                    </a:lnTo>
                    <a:lnTo>
                      <a:pt x="93" y="16"/>
                    </a:lnTo>
                    <a:lnTo>
                      <a:pt x="91" y="17"/>
                    </a:lnTo>
                    <a:lnTo>
                      <a:pt x="90" y="19"/>
                    </a:lnTo>
                    <a:lnTo>
                      <a:pt x="86" y="22"/>
                    </a:lnTo>
                    <a:lnTo>
                      <a:pt x="85" y="24"/>
                    </a:lnTo>
                    <a:lnTo>
                      <a:pt x="83" y="26"/>
                    </a:lnTo>
                    <a:lnTo>
                      <a:pt x="81" y="26"/>
                    </a:lnTo>
                    <a:lnTo>
                      <a:pt x="78" y="26"/>
                    </a:lnTo>
                    <a:lnTo>
                      <a:pt x="74" y="29"/>
                    </a:lnTo>
                    <a:lnTo>
                      <a:pt x="69" y="33"/>
                    </a:lnTo>
                    <a:lnTo>
                      <a:pt x="64" y="38"/>
                    </a:lnTo>
                    <a:lnTo>
                      <a:pt x="59" y="46"/>
                    </a:lnTo>
                    <a:lnTo>
                      <a:pt x="54" y="56"/>
                    </a:lnTo>
                    <a:lnTo>
                      <a:pt x="52" y="58"/>
                    </a:lnTo>
                    <a:lnTo>
                      <a:pt x="51" y="61"/>
                    </a:lnTo>
                    <a:lnTo>
                      <a:pt x="47" y="63"/>
                    </a:lnTo>
                    <a:lnTo>
                      <a:pt x="47" y="65"/>
                    </a:lnTo>
                    <a:lnTo>
                      <a:pt x="30" y="65"/>
                    </a:lnTo>
                    <a:lnTo>
                      <a:pt x="22" y="78"/>
                    </a:lnTo>
                    <a:lnTo>
                      <a:pt x="22" y="80"/>
                    </a:lnTo>
                    <a:lnTo>
                      <a:pt x="25" y="82"/>
                    </a:lnTo>
                    <a:lnTo>
                      <a:pt x="30" y="83"/>
                    </a:lnTo>
                    <a:lnTo>
                      <a:pt x="35" y="87"/>
                    </a:lnTo>
                    <a:lnTo>
                      <a:pt x="42" y="92"/>
                    </a:lnTo>
                    <a:lnTo>
                      <a:pt x="46" y="97"/>
                    </a:lnTo>
                    <a:lnTo>
                      <a:pt x="49" y="105"/>
                    </a:lnTo>
                    <a:lnTo>
                      <a:pt x="51" y="114"/>
                    </a:lnTo>
                    <a:lnTo>
                      <a:pt x="54" y="116"/>
                    </a:lnTo>
                    <a:lnTo>
                      <a:pt x="56" y="116"/>
                    </a:lnTo>
                    <a:lnTo>
                      <a:pt x="59" y="116"/>
                    </a:lnTo>
                    <a:lnTo>
                      <a:pt x="63" y="116"/>
                    </a:lnTo>
                    <a:lnTo>
                      <a:pt x="66" y="116"/>
                    </a:lnTo>
                    <a:lnTo>
                      <a:pt x="68" y="117"/>
                    </a:lnTo>
                    <a:lnTo>
                      <a:pt x="71" y="129"/>
                    </a:lnTo>
                    <a:lnTo>
                      <a:pt x="81" y="129"/>
                    </a:lnTo>
                    <a:lnTo>
                      <a:pt x="79" y="132"/>
                    </a:lnTo>
                    <a:lnTo>
                      <a:pt x="68" y="132"/>
                    </a:lnTo>
                    <a:lnTo>
                      <a:pt x="63" y="122"/>
                    </a:lnTo>
                    <a:lnTo>
                      <a:pt x="59" y="126"/>
                    </a:lnTo>
                    <a:lnTo>
                      <a:pt x="68" y="136"/>
                    </a:lnTo>
                    <a:lnTo>
                      <a:pt x="76" y="138"/>
                    </a:lnTo>
                    <a:lnTo>
                      <a:pt x="68" y="144"/>
                    </a:lnTo>
                    <a:lnTo>
                      <a:pt x="46" y="139"/>
                    </a:lnTo>
                    <a:lnTo>
                      <a:pt x="46" y="127"/>
                    </a:lnTo>
                    <a:lnTo>
                      <a:pt x="27" y="132"/>
                    </a:lnTo>
                    <a:lnTo>
                      <a:pt x="27" y="134"/>
                    </a:lnTo>
                    <a:lnTo>
                      <a:pt x="27" y="138"/>
                    </a:lnTo>
                    <a:lnTo>
                      <a:pt x="27" y="139"/>
                    </a:lnTo>
                    <a:lnTo>
                      <a:pt x="27" y="141"/>
                    </a:lnTo>
                    <a:lnTo>
                      <a:pt x="25" y="141"/>
                    </a:lnTo>
                    <a:lnTo>
                      <a:pt x="22" y="139"/>
                    </a:lnTo>
                    <a:lnTo>
                      <a:pt x="19" y="136"/>
                    </a:lnTo>
                    <a:lnTo>
                      <a:pt x="15" y="138"/>
                    </a:lnTo>
                    <a:lnTo>
                      <a:pt x="12" y="138"/>
                    </a:lnTo>
                    <a:lnTo>
                      <a:pt x="8" y="139"/>
                    </a:lnTo>
                    <a:lnTo>
                      <a:pt x="5" y="143"/>
                    </a:lnTo>
                    <a:lnTo>
                      <a:pt x="2" y="144"/>
                    </a:lnTo>
                    <a:lnTo>
                      <a:pt x="0" y="148"/>
                    </a:lnTo>
                    <a:lnTo>
                      <a:pt x="0" y="151"/>
                    </a:lnTo>
                    <a:lnTo>
                      <a:pt x="0" y="153"/>
                    </a:lnTo>
                    <a:lnTo>
                      <a:pt x="0" y="154"/>
                    </a:lnTo>
                    <a:lnTo>
                      <a:pt x="2" y="156"/>
                    </a:lnTo>
                    <a:lnTo>
                      <a:pt x="3" y="160"/>
                    </a:lnTo>
                    <a:lnTo>
                      <a:pt x="5" y="161"/>
                    </a:lnTo>
                    <a:lnTo>
                      <a:pt x="7" y="165"/>
                    </a:lnTo>
                    <a:lnTo>
                      <a:pt x="8" y="165"/>
                    </a:lnTo>
                    <a:lnTo>
                      <a:pt x="8" y="166"/>
                    </a:lnTo>
                    <a:lnTo>
                      <a:pt x="13" y="171"/>
                    </a:lnTo>
                    <a:lnTo>
                      <a:pt x="13" y="173"/>
                    </a:lnTo>
                    <a:lnTo>
                      <a:pt x="13" y="175"/>
                    </a:lnTo>
                    <a:lnTo>
                      <a:pt x="15" y="178"/>
                    </a:lnTo>
                    <a:lnTo>
                      <a:pt x="17" y="180"/>
                    </a:lnTo>
                    <a:lnTo>
                      <a:pt x="22" y="182"/>
                    </a:lnTo>
                    <a:lnTo>
                      <a:pt x="29" y="183"/>
                    </a:lnTo>
                    <a:lnTo>
                      <a:pt x="39" y="183"/>
                    </a:lnTo>
                    <a:lnTo>
                      <a:pt x="41" y="183"/>
                    </a:lnTo>
                    <a:lnTo>
                      <a:pt x="44" y="185"/>
                    </a:lnTo>
                    <a:lnTo>
                      <a:pt x="47" y="187"/>
                    </a:lnTo>
                    <a:lnTo>
                      <a:pt x="49" y="187"/>
                    </a:lnTo>
                    <a:lnTo>
                      <a:pt x="59" y="187"/>
                    </a:lnTo>
                    <a:lnTo>
                      <a:pt x="71" y="176"/>
                    </a:lnTo>
                    <a:lnTo>
                      <a:pt x="74" y="176"/>
                    </a:lnTo>
                    <a:lnTo>
                      <a:pt x="78" y="175"/>
                    </a:lnTo>
                    <a:lnTo>
                      <a:pt x="81" y="175"/>
                    </a:lnTo>
                    <a:lnTo>
                      <a:pt x="83" y="176"/>
                    </a:lnTo>
                    <a:lnTo>
                      <a:pt x="83" y="178"/>
                    </a:lnTo>
                    <a:lnTo>
                      <a:pt x="81" y="182"/>
                    </a:lnTo>
                    <a:lnTo>
                      <a:pt x="74" y="185"/>
                    </a:lnTo>
                    <a:lnTo>
                      <a:pt x="74" y="187"/>
                    </a:lnTo>
                    <a:lnTo>
                      <a:pt x="76" y="190"/>
                    </a:lnTo>
                    <a:lnTo>
                      <a:pt x="78" y="195"/>
                    </a:lnTo>
                    <a:lnTo>
                      <a:pt x="79" y="200"/>
                    </a:lnTo>
                    <a:lnTo>
                      <a:pt x="79" y="205"/>
                    </a:lnTo>
                    <a:lnTo>
                      <a:pt x="78" y="209"/>
                    </a:lnTo>
                    <a:lnTo>
                      <a:pt x="71" y="212"/>
                    </a:lnTo>
                    <a:lnTo>
                      <a:pt x="63" y="212"/>
                    </a:lnTo>
                    <a:lnTo>
                      <a:pt x="61" y="214"/>
                    </a:lnTo>
                    <a:lnTo>
                      <a:pt x="59" y="214"/>
                    </a:lnTo>
                    <a:lnTo>
                      <a:pt x="57" y="217"/>
                    </a:lnTo>
                    <a:lnTo>
                      <a:pt x="56" y="219"/>
                    </a:lnTo>
                    <a:lnTo>
                      <a:pt x="54" y="220"/>
                    </a:lnTo>
                    <a:lnTo>
                      <a:pt x="52" y="224"/>
                    </a:lnTo>
                    <a:lnTo>
                      <a:pt x="51" y="226"/>
                    </a:lnTo>
                    <a:lnTo>
                      <a:pt x="51" y="224"/>
                    </a:lnTo>
                    <a:lnTo>
                      <a:pt x="47" y="222"/>
                    </a:lnTo>
                    <a:lnTo>
                      <a:pt x="44" y="220"/>
                    </a:lnTo>
                    <a:lnTo>
                      <a:pt x="41" y="220"/>
                    </a:lnTo>
                    <a:lnTo>
                      <a:pt x="35" y="220"/>
                    </a:lnTo>
                    <a:lnTo>
                      <a:pt x="34" y="220"/>
                    </a:lnTo>
                    <a:lnTo>
                      <a:pt x="30" y="224"/>
                    </a:lnTo>
                    <a:lnTo>
                      <a:pt x="30" y="231"/>
                    </a:lnTo>
                    <a:lnTo>
                      <a:pt x="30" y="232"/>
                    </a:lnTo>
                    <a:lnTo>
                      <a:pt x="30" y="234"/>
                    </a:lnTo>
                    <a:lnTo>
                      <a:pt x="30" y="236"/>
                    </a:lnTo>
                    <a:lnTo>
                      <a:pt x="29" y="237"/>
                    </a:lnTo>
                    <a:lnTo>
                      <a:pt x="29" y="239"/>
                    </a:lnTo>
                    <a:lnTo>
                      <a:pt x="27" y="242"/>
                    </a:lnTo>
                    <a:lnTo>
                      <a:pt x="25" y="242"/>
                    </a:lnTo>
                    <a:lnTo>
                      <a:pt x="22" y="242"/>
                    </a:lnTo>
                    <a:lnTo>
                      <a:pt x="22" y="244"/>
                    </a:lnTo>
                    <a:lnTo>
                      <a:pt x="20" y="244"/>
                    </a:lnTo>
                    <a:lnTo>
                      <a:pt x="20" y="248"/>
                    </a:lnTo>
                    <a:lnTo>
                      <a:pt x="19" y="249"/>
                    </a:lnTo>
                    <a:lnTo>
                      <a:pt x="17" y="251"/>
                    </a:lnTo>
                    <a:lnTo>
                      <a:pt x="17" y="254"/>
                    </a:lnTo>
                    <a:lnTo>
                      <a:pt x="17" y="256"/>
                    </a:lnTo>
                    <a:lnTo>
                      <a:pt x="15" y="256"/>
                    </a:lnTo>
                    <a:lnTo>
                      <a:pt x="13" y="258"/>
                    </a:lnTo>
                    <a:lnTo>
                      <a:pt x="12" y="261"/>
                    </a:lnTo>
                    <a:lnTo>
                      <a:pt x="10" y="263"/>
                    </a:lnTo>
                    <a:lnTo>
                      <a:pt x="8" y="266"/>
                    </a:lnTo>
                    <a:lnTo>
                      <a:pt x="10" y="266"/>
                    </a:lnTo>
                    <a:lnTo>
                      <a:pt x="12" y="266"/>
                    </a:lnTo>
                    <a:lnTo>
                      <a:pt x="19" y="264"/>
                    </a:lnTo>
                    <a:lnTo>
                      <a:pt x="19" y="268"/>
                    </a:lnTo>
                    <a:lnTo>
                      <a:pt x="17" y="271"/>
                    </a:lnTo>
                    <a:lnTo>
                      <a:pt x="17" y="273"/>
                    </a:lnTo>
                    <a:lnTo>
                      <a:pt x="19" y="275"/>
                    </a:lnTo>
                    <a:lnTo>
                      <a:pt x="20" y="278"/>
                    </a:lnTo>
                    <a:lnTo>
                      <a:pt x="24" y="280"/>
                    </a:lnTo>
                    <a:lnTo>
                      <a:pt x="27" y="283"/>
                    </a:lnTo>
                    <a:lnTo>
                      <a:pt x="30" y="286"/>
                    </a:lnTo>
                    <a:lnTo>
                      <a:pt x="35" y="288"/>
                    </a:lnTo>
                    <a:lnTo>
                      <a:pt x="41" y="288"/>
                    </a:lnTo>
                    <a:lnTo>
                      <a:pt x="39" y="290"/>
                    </a:lnTo>
                    <a:lnTo>
                      <a:pt x="37" y="292"/>
                    </a:lnTo>
                    <a:lnTo>
                      <a:pt x="34" y="295"/>
                    </a:lnTo>
                    <a:lnTo>
                      <a:pt x="30" y="300"/>
                    </a:lnTo>
                    <a:lnTo>
                      <a:pt x="29" y="303"/>
                    </a:lnTo>
                    <a:lnTo>
                      <a:pt x="27" y="307"/>
                    </a:lnTo>
                    <a:lnTo>
                      <a:pt x="29" y="308"/>
                    </a:lnTo>
                    <a:lnTo>
                      <a:pt x="32" y="310"/>
                    </a:lnTo>
                    <a:lnTo>
                      <a:pt x="34" y="310"/>
                    </a:lnTo>
                    <a:lnTo>
                      <a:pt x="35" y="314"/>
                    </a:lnTo>
                    <a:lnTo>
                      <a:pt x="37" y="317"/>
                    </a:lnTo>
                    <a:lnTo>
                      <a:pt x="41" y="319"/>
                    </a:lnTo>
                    <a:lnTo>
                      <a:pt x="44" y="320"/>
                    </a:lnTo>
                    <a:lnTo>
                      <a:pt x="47" y="319"/>
                    </a:lnTo>
                    <a:lnTo>
                      <a:pt x="52" y="314"/>
                    </a:lnTo>
                    <a:lnTo>
                      <a:pt x="56" y="305"/>
                    </a:lnTo>
                    <a:lnTo>
                      <a:pt x="57" y="303"/>
                    </a:lnTo>
                    <a:lnTo>
                      <a:pt x="59" y="300"/>
                    </a:lnTo>
                    <a:lnTo>
                      <a:pt x="59" y="298"/>
                    </a:lnTo>
                    <a:lnTo>
                      <a:pt x="59" y="300"/>
                    </a:lnTo>
                    <a:lnTo>
                      <a:pt x="59" y="302"/>
                    </a:lnTo>
                    <a:lnTo>
                      <a:pt x="59" y="305"/>
                    </a:lnTo>
                    <a:lnTo>
                      <a:pt x="59" y="308"/>
                    </a:lnTo>
                    <a:lnTo>
                      <a:pt x="61" y="312"/>
                    </a:lnTo>
                    <a:lnTo>
                      <a:pt x="63" y="315"/>
                    </a:lnTo>
                    <a:lnTo>
                      <a:pt x="64" y="319"/>
                    </a:lnTo>
                    <a:lnTo>
                      <a:pt x="68" y="322"/>
                    </a:lnTo>
                    <a:lnTo>
                      <a:pt x="69" y="322"/>
                    </a:lnTo>
                    <a:lnTo>
                      <a:pt x="69" y="324"/>
                    </a:lnTo>
                    <a:lnTo>
                      <a:pt x="69" y="327"/>
                    </a:lnTo>
                    <a:lnTo>
                      <a:pt x="68" y="329"/>
                    </a:lnTo>
                    <a:lnTo>
                      <a:pt x="68" y="332"/>
                    </a:lnTo>
                    <a:lnTo>
                      <a:pt x="66" y="334"/>
                    </a:lnTo>
                    <a:lnTo>
                      <a:pt x="66" y="336"/>
                    </a:lnTo>
                    <a:lnTo>
                      <a:pt x="64" y="346"/>
                    </a:lnTo>
                    <a:lnTo>
                      <a:pt x="64" y="347"/>
                    </a:lnTo>
                    <a:lnTo>
                      <a:pt x="66" y="351"/>
                    </a:lnTo>
                    <a:lnTo>
                      <a:pt x="66" y="352"/>
                    </a:lnTo>
                    <a:lnTo>
                      <a:pt x="68" y="352"/>
                    </a:lnTo>
                    <a:lnTo>
                      <a:pt x="69" y="352"/>
                    </a:lnTo>
                    <a:lnTo>
                      <a:pt x="73" y="349"/>
                    </a:lnTo>
                    <a:lnTo>
                      <a:pt x="78" y="341"/>
                    </a:lnTo>
                    <a:lnTo>
                      <a:pt x="79" y="341"/>
                    </a:lnTo>
                    <a:lnTo>
                      <a:pt x="79" y="339"/>
                    </a:lnTo>
                    <a:lnTo>
                      <a:pt x="79" y="336"/>
                    </a:lnTo>
                    <a:lnTo>
                      <a:pt x="81" y="334"/>
                    </a:lnTo>
                    <a:lnTo>
                      <a:pt x="83" y="336"/>
                    </a:lnTo>
                    <a:lnTo>
                      <a:pt x="86" y="337"/>
                    </a:lnTo>
                    <a:lnTo>
                      <a:pt x="90" y="341"/>
                    </a:lnTo>
                    <a:lnTo>
                      <a:pt x="91" y="341"/>
                    </a:lnTo>
                    <a:lnTo>
                      <a:pt x="91" y="339"/>
                    </a:lnTo>
                    <a:lnTo>
                      <a:pt x="91" y="337"/>
                    </a:lnTo>
                    <a:lnTo>
                      <a:pt x="93" y="336"/>
                    </a:lnTo>
                    <a:lnTo>
                      <a:pt x="93" y="334"/>
                    </a:lnTo>
                    <a:lnTo>
                      <a:pt x="95" y="336"/>
                    </a:lnTo>
                    <a:lnTo>
                      <a:pt x="96" y="337"/>
                    </a:lnTo>
                    <a:lnTo>
                      <a:pt x="98" y="344"/>
                    </a:lnTo>
                    <a:lnTo>
                      <a:pt x="100" y="346"/>
                    </a:lnTo>
                    <a:lnTo>
                      <a:pt x="100" y="347"/>
                    </a:lnTo>
                    <a:lnTo>
                      <a:pt x="101" y="351"/>
                    </a:lnTo>
                    <a:lnTo>
                      <a:pt x="103" y="352"/>
                    </a:lnTo>
                    <a:lnTo>
                      <a:pt x="105" y="354"/>
                    </a:lnTo>
                    <a:lnTo>
                      <a:pt x="107" y="352"/>
                    </a:lnTo>
                    <a:lnTo>
                      <a:pt x="108" y="351"/>
                    </a:lnTo>
                    <a:lnTo>
                      <a:pt x="108" y="344"/>
                    </a:lnTo>
                    <a:lnTo>
                      <a:pt x="110" y="344"/>
                    </a:lnTo>
                    <a:lnTo>
                      <a:pt x="113" y="346"/>
                    </a:lnTo>
                    <a:lnTo>
                      <a:pt x="117" y="346"/>
                    </a:lnTo>
                    <a:lnTo>
                      <a:pt x="122" y="346"/>
                    </a:lnTo>
                    <a:lnTo>
                      <a:pt x="127" y="342"/>
                    </a:lnTo>
                    <a:lnTo>
                      <a:pt x="132" y="337"/>
                    </a:lnTo>
                    <a:lnTo>
                      <a:pt x="139" y="329"/>
                    </a:lnTo>
                    <a:lnTo>
                      <a:pt x="137" y="332"/>
                    </a:lnTo>
                    <a:lnTo>
                      <a:pt x="135" y="336"/>
                    </a:lnTo>
                    <a:lnTo>
                      <a:pt x="134" y="341"/>
                    </a:lnTo>
                    <a:lnTo>
                      <a:pt x="130" y="344"/>
                    </a:lnTo>
                    <a:lnTo>
                      <a:pt x="130" y="347"/>
                    </a:lnTo>
                    <a:lnTo>
                      <a:pt x="129" y="351"/>
                    </a:lnTo>
                    <a:lnTo>
                      <a:pt x="127" y="352"/>
                    </a:lnTo>
                    <a:lnTo>
                      <a:pt x="127" y="358"/>
                    </a:lnTo>
                    <a:lnTo>
                      <a:pt x="125" y="364"/>
                    </a:lnTo>
                    <a:lnTo>
                      <a:pt x="125" y="371"/>
                    </a:lnTo>
                    <a:lnTo>
                      <a:pt x="122" y="378"/>
                    </a:lnTo>
                    <a:lnTo>
                      <a:pt x="120" y="383"/>
                    </a:lnTo>
                    <a:lnTo>
                      <a:pt x="117" y="388"/>
                    </a:lnTo>
                    <a:lnTo>
                      <a:pt x="112" y="390"/>
                    </a:lnTo>
                    <a:lnTo>
                      <a:pt x="112" y="391"/>
                    </a:lnTo>
                    <a:lnTo>
                      <a:pt x="113" y="391"/>
                    </a:lnTo>
                    <a:lnTo>
                      <a:pt x="113" y="393"/>
                    </a:lnTo>
                    <a:lnTo>
                      <a:pt x="112" y="396"/>
                    </a:lnTo>
                    <a:lnTo>
                      <a:pt x="110" y="398"/>
                    </a:lnTo>
                    <a:lnTo>
                      <a:pt x="107" y="402"/>
                    </a:lnTo>
                    <a:lnTo>
                      <a:pt x="100" y="405"/>
                    </a:lnTo>
                    <a:lnTo>
                      <a:pt x="96" y="407"/>
                    </a:lnTo>
                    <a:lnTo>
                      <a:pt x="91" y="408"/>
                    </a:lnTo>
                    <a:lnTo>
                      <a:pt x="88" y="412"/>
                    </a:lnTo>
                    <a:lnTo>
                      <a:pt x="85" y="413"/>
                    </a:lnTo>
                    <a:lnTo>
                      <a:pt x="83" y="418"/>
                    </a:lnTo>
                    <a:lnTo>
                      <a:pt x="83" y="422"/>
                    </a:lnTo>
                    <a:lnTo>
                      <a:pt x="85" y="425"/>
                    </a:lnTo>
                    <a:lnTo>
                      <a:pt x="85" y="427"/>
                    </a:lnTo>
                    <a:lnTo>
                      <a:pt x="85" y="429"/>
                    </a:lnTo>
                    <a:lnTo>
                      <a:pt x="83" y="430"/>
                    </a:lnTo>
                    <a:lnTo>
                      <a:pt x="81" y="430"/>
                    </a:lnTo>
                    <a:lnTo>
                      <a:pt x="79" y="432"/>
                    </a:lnTo>
                    <a:lnTo>
                      <a:pt x="78" y="430"/>
                    </a:lnTo>
                    <a:lnTo>
                      <a:pt x="76" y="429"/>
                    </a:lnTo>
                    <a:lnTo>
                      <a:pt x="76" y="424"/>
                    </a:lnTo>
                    <a:lnTo>
                      <a:pt x="74" y="424"/>
                    </a:lnTo>
                    <a:lnTo>
                      <a:pt x="71" y="424"/>
                    </a:lnTo>
                    <a:lnTo>
                      <a:pt x="69" y="424"/>
                    </a:lnTo>
                    <a:lnTo>
                      <a:pt x="68" y="425"/>
                    </a:lnTo>
                    <a:lnTo>
                      <a:pt x="64" y="425"/>
                    </a:lnTo>
                    <a:lnTo>
                      <a:pt x="63" y="425"/>
                    </a:lnTo>
                    <a:lnTo>
                      <a:pt x="46" y="442"/>
                    </a:lnTo>
                    <a:lnTo>
                      <a:pt x="44" y="442"/>
                    </a:lnTo>
                    <a:lnTo>
                      <a:pt x="44" y="444"/>
                    </a:lnTo>
                    <a:lnTo>
                      <a:pt x="42" y="447"/>
                    </a:lnTo>
                    <a:lnTo>
                      <a:pt x="41" y="449"/>
                    </a:lnTo>
                    <a:lnTo>
                      <a:pt x="41" y="452"/>
                    </a:lnTo>
                    <a:lnTo>
                      <a:pt x="42" y="452"/>
                    </a:lnTo>
                    <a:lnTo>
                      <a:pt x="44" y="451"/>
                    </a:lnTo>
                    <a:lnTo>
                      <a:pt x="51" y="447"/>
                    </a:lnTo>
                    <a:lnTo>
                      <a:pt x="52" y="446"/>
                    </a:lnTo>
                    <a:lnTo>
                      <a:pt x="56" y="444"/>
                    </a:lnTo>
                    <a:lnTo>
                      <a:pt x="57" y="440"/>
                    </a:lnTo>
                    <a:lnTo>
                      <a:pt x="61" y="439"/>
                    </a:lnTo>
                    <a:lnTo>
                      <a:pt x="64" y="435"/>
                    </a:lnTo>
                    <a:lnTo>
                      <a:pt x="66" y="434"/>
                    </a:lnTo>
                    <a:lnTo>
                      <a:pt x="68" y="432"/>
                    </a:lnTo>
                    <a:lnTo>
                      <a:pt x="68" y="434"/>
                    </a:lnTo>
                    <a:lnTo>
                      <a:pt x="68" y="437"/>
                    </a:lnTo>
                    <a:lnTo>
                      <a:pt x="68" y="439"/>
                    </a:lnTo>
                    <a:lnTo>
                      <a:pt x="69" y="440"/>
                    </a:lnTo>
                    <a:lnTo>
                      <a:pt x="73" y="440"/>
                    </a:lnTo>
                    <a:lnTo>
                      <a:pt x="78" y="439"/>
                    </a:lnTo>
                    <a:lnTo>
                      <a:pt x="86" y="434"/>
                    </a:lnTo>
                    <a:lnTo>
                      <a:pt x="88" y="430"/>
                    </a:lnTo>
                    <a:lnTo>
                      <a:pt x="90" y="429"/>
                    </a:lnTo>
                    <a:lnTo>
                      <a:pt x="91" y="429"/>
                    </a:lnTo>
                    <a:lnTo>
                      <a:pt x="95" y="434"/>
                    </a:lnTo>
                    <a:lnTo>
                      <a:pt x="96" y="434"/>
                    </a:lnTo>
                    <a:lnTo>
                      <a:pt x="96" y="432"/>
                    </a:lnTo>
                    <a:lnTo>
                      <a:pt x="96" y="430"/>
                    </a:lnTo>
                    <a:lnTo>
                      <a:pt x="98" y="427"/>
                    </a:lnTo>
                    <a:lnTo>
                      <a:pt x="101" y="424"/>
                    </a:lnTo>
                    <a:lnTo>
                      <a:pt x="105" y="422"/>
                    </a:lnTo>
                    <a:lnTo>
                      <a:pt x="110" y="420"/>
                    </a:lnTo>
                    <a:lnTo>
                      <a:pt x="117" y="420"/>
                    </a:lnTo>
                    <a:lnTo>
                      <a:pt x="117" y="418"/>
                    </a:lnTo>
                    <a:lnTo>
                      <a:pt x="115" y="418"/>
                    </a:lnTo>
                    <a:lnTo>
                      <a:pt x="113" y="415"/>
                    </a:lnTo>
                    <a:lnTo>
                      <a:pt x="113" y="413"/>
                    </a:lnTo>
                    <a:lnTo>
                      <a:pt x="115" y="408"/>
                    </a:lnTo>
                    <a:lnTo>
                      <a:pt x="120" y="405"/>
                    </a:lnTo>
                    <a:lnTo>
                      <a:pt x="127" y="398"/>
                    </a:lnTo>
                    <a:lnTo>
                      <a:pt x="139" y="391"/>
                    </a:lnTo>
                    <a:lnTo>
                      <a:pt x="140" y="391"/>
                    </a:lnTo>
                    <a:lnTo>
                      <a:pt x="139" y="390"/>
                    </a:lnTo>
                    <a:lnTo>
                      <a:pt x="139" y="388"/>
                    </a:lnTo>
                    <a:lnTo>
                      <a:pt x="140" y="385"/>
                    </a:lnTo>
                    <a:lnTo>
                      <a:pt x="144" y="381"/>
                    </a:lnTo>
                    <a:lnTo>
                      <a:pt x="151" y="374"/>
                    </a:lnTo>
                    <a:lnTo>
                      <a:pt x="161" y="366"/>
                    </a:lnTo>
                    <a:lnTo>
                      <a:pt x="174" y="354"/>
                    </a:lnTo>
                    <a:lnTo>
                      <a:pt x="176" y="352"/>
                    </a:lnTo>
                    <a:lnTo>
                      <a:pt x="178" y="347"/>
                    </a:lnTo>
                    <a:lnTo>
                      <a:pt x="178" y="344"/>
                    </a:lnTo>
                    <a:lnTo>
                      <a:pt x="179" y="342"/>
                    </a:lnTo>
                    <a:lnTo>
                      <a:pt x="181" y="341"/>
                    </a:lnTo>
                    <a:lnTo>
                      <a:pt x="183" y="339"/>
                    </a:lnTo>
                    <a:lnTo>
                      <a:pt x="183" y="337"/>
                    </a:lnTo>
                    <a:lnTo>
                      <a:pt x="184" y="336"/>
                    </a:lnTo>
                    <a:lnTo>
                      <a:pt x="183" y="332"/>
                    </a:lnTo>
                    <a:lnTo>
                      <a:pt x="181" y="330"/>
                    </a:lnTo>
                    <a:lnTo>
                      <a:pt x="174" y="330"/>
                    </a:lnTo>
                    <a:lnTo>
                      <a:pt x="173" y="330"/>
                    </a:lnTo>
                    <a:lnTo>
                      <a:pt x="173" y="329"/>
                    </a:lnTo>
                    <a:lnTo>
                      <a:pt x="173" y="327"/>
                    </a:lnTo>
                    <a:lnTo>
                      <a:pt x="174" y="322"/>
                    </a:lnTo>
                    <a:lnTo>
                      <a:pt x="178" y="317"/>
                    </a:lnTo>
                    <a:lnTo>
                      <a:pt x="183" y="310"/>
                    </a:lnTo>
                    <a:lnTo>
                      <a:pt x="191" y="302"/>
                    </a:lnTo>
                    <a:lnTo>
                      <a:pt x="193" y="298"/>
                    </a:lnTo>
                    <a:lnTo>
                      <a:pt x="195" y="293"/>
                    </a:lnTo>
                    <a:lnTo>
                      <a:pt x="196" y="285"/>
                    </a:lnTo>
                    <a:lnTo>
                      <a:pt x="200" y="276"/>
                    </a:lnTo>
                    <a:lnTo>
                      <a:pt x="205" y="268"/>
                    </a:lnTo>
                    <a:lnTo>
                      <a:pt x="211" y="264"/>
                    </a:lnTo>
                    <a:lnTo>
                      <a:pt x="220" y="264"/>
                    </a:lnTo>
                    <a:lnTo>
                      <a:pt x="230" y="271"/>
                    </a:lnTo>
                    <a:lnTo>
                      <a:pt x="228" y="271"/>
                    </a:lnTo>
                    <a:lnTo>
                      <a:pt x="225" y="271"/>
                    </a:lnTo>
                    <a:lnTo>
                      <a:pt x="220" y="273"/>
                    </a:lnTo>
                    <a:lnTo>
                      <a:pt x="213" y="273"/>
                    </a:lnTo>
                    <a:lnTo>
                      <a:pt x="210" y="276"/>
                    </a:lnTo>
                    <a:lnTo>
                      <a:pt x="206" y="281"/>
                    </a:lnTo>
                    <a:lnTo>
                      <a:pt x="206" y="288"/>
                    </a:lnTo>
                    <a:lnTo>
                      <a:pt x="210" y="297"/>
                    </a:lnTo>
                    <a:lnTo>
                      <a:pt x="210" y="298"/>
                    </a:lnTo>
                    <a:lnTo>
                      <a:pt x="208" y="302"/>
                    </a:lnTo>
                    <a:lnTo>
                      <a:pt x="205" y="305"/>
                    </a:lnTo>
                    <a:lnTo>
                      <a:pt x="203" y="308"/>
                    </a:lnTo>
                    <a:lnTo>
                      <a:pt x="203" y="310"/>
                    </a:lnTo>
                    <a:lnTo>
                      <a:pt x="205" y="312"/>
                    </a:lnTo>
                    <a:lnTo>
                      <a:pt x="208" y="310"/>
                    </a:lnTo>
                    <a:lnTo>
                      <a:pt x="215" y="307"/>
                    </a:lnTo>
                    <a:lnTo>
                      <a:pt x="213" y="308"/>
                    </a:lnTo>
                    <a:lnTo>
                      <a:pt x="211" y="312"/>
                    </a:lnTo>
                    <a:lnTo>
                      <a:pt x="210" y="317"/>
                    </a:lnTo>
                    <a:lnTo>
                      <a:pt x="208" y="320"/>
                    </a:lnTo>
                    <a:lnTo>
                      <a:pt x="208" y="324"/>
                    </a:lnTo>
                    <a:lnTo>
                      <a:pt x="210" y="322"/>
                    </a:lnTo>
                    <a:lnTo>
                      <a:pt x="217" y="319"/>
                    </a:lnTo>
                    <a:lnTo>
                      <a:pt x="227" y="308"/>
                    </a:lnTo>
                    <a:lnTo>
                      <a:pt x="227" y="307"/>
                    </a:lnTo>
                    <a:lnTo>
                      <a:pt x="230" y="305"/>
                    </a:lnTo>
                    <a:lnTo>
                      <a:pt x="232" y="303"/>
                    </a:lnTo>
                    <a:lnTo>
                      <a:pt x="233" y="302"/>
                    </a:lnTo>
                    <a:lnTo>
                      <a:pt x="237" y="300"/>
                    </a:lnTo>
                    <a:lnTo>
                      <a:pt x="239" y="298"/>
                    </a:lnTo>
                    <a:lnTo>
                      <a:pt x="240" y="297"/>
                    </a:lnTo>
                    <a:lnTo>
                      <a:pt x="242" y="297"/>
                    </a:lnTo>
                    <a:lnTo>
                      <a:pt x="244" y="297"/>
                    </a:lnTo>
                    <a:lnTo>
                      <a:pt x="245" y="295"/>
                    </a:lnTo>
                    <a:lnTo>
                      <a:pt x="247" y="293"/>
                    </a:lnTo>
                    <a:lnTo>
                      <a:pt x="249" y="290"/>
                    </a:lnTo>
                    <a:lnTo>
                      <a:pt x="247" y="286"/>
                    </a:lnTo>
                    <a:lnTo>
                      <a:pt x="245" y="281"/>
                    </a:lnTo>
                    <a:lnTo>
                      <a:pt x="245" y="280"/>
                    </a:lnTo>
                    <a:lnTo>
                      <a:pt x="244" y="276"/>
                    </a:lnTo>
                    <a:lnTo>
                      <a:pt x="242" y="273"/>
                    </a:lnTo>
                    <a:lnTo>
                      <a:pt x="240" y="271"/>
                    </a:lnTo>
                    <a:lnTo>
                      <a:pt x="250" y="264"/>
                    </a:lnTo>
                    <a:lnTo>
                      <a:pt x="255" y="268"/>
                    </a:lnTo>
                    <a:lnTo>
                      <a:pt x="266" y="263"/>
                    </a:lnTo>
                    <a:lnTo>
                      <a:pt x="281" y="271"/>
                    </a:lnTo>
                    <a:lnTo>
                      <a:pt x="286" y="278"/>
                    </a:lnTo>
                    <a:lnTo>
                      <a:pt x="293" y="270"/>
                    </a:lnTo>
                    <a:lnTo>
                      <a:pt x="303" y="286"/>
                    </a:lnTo>
                    <a:lnTo>
                      <a:pt x="305" y="285"/>
                    </a:lnTo>
                    <a:lnTo>
                      <a:pt x="310" y="281"/>
                    </a:lnTo>
                    <a:lnTo>
                      <a:pt x="315" y="278"/>
                    </a:lnTo>
                    <a:lnTo>
                      <a:pt x="323" y="276"/>
                    </a:lnTo>
                    <a:lnTo>
                      <a:pt x="333" y="275"/>
                    </a:lnTo>
                    <a:lnTo>
                      <a:pt x="343" y="275"/>
                    </a:lnTo>
                    <a:lnTo>
                      <a:pt x="357" y="276"/>
                    </a:lnTo>
                    <a:lnTo>
                      <a:pt x="359" y="276"/>
                    </a:lnTo>
                    <a:lnTo>
                      <a:pt x="360" y="275"/>
                    </a:lnTo>
                    <a:lnTo>
                      <a:pt x="362" y="273"/>
                    </a:lnTo>
                    <a:lnTo>
                      <a:pt x="364" y="271"/>
                    </a:lnTo>
                    <a:lnTo>
                      <a:pt x="365" y="271"/>
                    </a:lnTo>
                    <a:lnTo>
                      <a:pt x="369" y="271"/>
                    </a:lnTo>
                    <a:lnTo>
                      <a:pt x="371" y="275"/>
                    </a:lnTo>
                    <a:lnTo>
                      <a:pt x="371" y="278"/>
                    </a:lnTo>
                    <a:lnTo>
                      <a:pt x="371" y="280"/>
                    </a:lnTo>
                    <a:lnTo>
                      <a:pt x="374" y="280"/>
                    </a:lnTo>
                    <a:lnTo>
                      <a:pt x="377" y="281"/>
                    </a:lnTo>
                    <a:lnTo>
                      <a:pt x="381" y="281"/>
                    </a:lnTo>
                    <a:lnTo>
                      <a:pt x="384" y="281"/>
                    </a:lnTo>
                    <a:lnTo>
                      <a:pt x="387" y="283"/>
                    </a:lnTo>
                    <a:lnTo>
                      <a:pt x="389" y="283"/>
                    </a:lnTo>
                    <a:lnTo>
                      <a:pt x="391" y="283"/>
                    </a:lnTo>
                    <a:lnTo>
                      <a:pt x="411" y="295"/>
                    </a:lnTo>
                    <a:lnTo>
                      <a:pt x="413" y="295"/>
                    </a:lnTo>
                    <a:lnTo>
                      <a:pt x="415" y="295"/>
                    </a:lnTo>
                    <a:lnTo>
                      <a:pt x="418" y="295"/>
                    </a:lnTo>
                    <a:lnTo>
                      <a:pt x="421" y="295"/>
                    </a:lnTo>
                    <a:lnTo>
                      <a:pt x="425" y="295"/>
                    </a:lnTo>
                    <a:lnTo>
                      <a:pt x="425" y="292"/>
                    </a:lnTo>
                    <a:lnTo>
                      <a:pt x="423" y="288"/>
                    </a:lnTo>
                    <a:lnTo>
                      <a:pt x="416" y="280"/>
                    </a:lnTo>
                    <a:lnTo>
                      <a:pt x="418" y="280"/>
                    </a:lnTo>
                    <a:lnTo>
                      <a:pt x="420" y="278"/>
                    </a:lnTo>
                    <a:lnTo>
                      <a:pt x="423" y="276"/>
                    </a:lnTo>
                    <a:lnTo>
                      <a:pt x="425" y="278"/>
                    </a:lnTo>
                    <a:lnTo>
                      <a:pt x="428" y="280"/>
                    </a:lnTo>
                    <a:lnTo>
                      <a:pt x="431" y="283"/>
                    </a:lnTo>
                    <a:lnTo>
                      <a:pt x="435" y="286"/>
                    </a:lnTo>
                    <a:lnTo>
                      <a:pt x="438" y="288"/>
                    </a:lnTo>
                    <a:lnTo>
                      <a:pt x="438" y="286"/>
                    </a:lnTo>
                    <a:lnTo>
                      <a:pt x="435" y="281"/>
                    </a:lnTo>
                    <a:lnTo>
                      <a:pt x="430" y="271"/>
                    </a:lnTo>
                    <a:lnTo>
                      <a:pt x="428" y="270"/>
                    </a:lnTo>
                    <a:lnTo>
                      <a:pt x="430" y="266"/>
                    </a:lnTo>
                    <a:lnTo>
                      <a:pt x="430" y="264"/>
                    </a:lnTo>
                    <a:lnTo>
                      <a:pt x="431" y="264"/>
                    </a:lnTo>
                    <a:lnTo>
                      <a:pt x="445" y="283"/>
                    </a:lnTo>
                    <a:lnTo>
                      <a:pt x="455" y="280"/>
                    </a:lnTo>
                    <a:lnTo>
                      <a:pt x="455" y="281"/>
                    </a:lnTo>
                    <a:lnTo>
                      <a:pt x="457" y="281"/>
                    </a:lnTo>
                    <a:lnTo>
                      <a:pt x="460" y="283"/>
                    </a:lnTo>
                    <a:lnTo>
                      <a:pt x="462" y="286"/>
                    </a:lnTo>
                    <a:lnTo>
                      <a:pt x="465" y="290"/>
                    </a:lnTo>
                    <a:lnTo>
                      <a:pt x="469" y="295"/>
                    </a:lnTo>
                    <a:lnTo>
                      <a:pt x="472" y="300"/>
                    </a:lnTo>
                    <a:lnTo>
                      <a:pt x="475" y="305"/>
                    </a:lnTo>
                    <a:lnTo>
                      <a:pt x="479" y="312"/>
                    </a:lnTo>
                    <a:lnTo>
                      <a:pt x="482" y="314"/>
                    </a:lnTo>
                    <a:lnTo>
                      <a:pt x="484" y="314"/>
                    </a:lnTo>
                    <a:lnTo>
                      <a:pt x="486" y="312"/>
                    </a:lnTo>
                    <a:lnTo>
                      <a:pt x="487" y="310"/>
                    </a:lnTo>
                    <a:lnTo>
                      <a:pt x="487" y="308"/>
                    </a:lnTo>
                    <a:lnTo>
                      <a:pt x="487" y="307"/>
                    </a:lnTo>
                    <a:lnTo>
                      <a:pt x="509" y="322"/>
                    </a:lnTo>
                    <a:lnTo>
                      <a:pt x="508" y="325"/>
                    </a:lnTo>
                    <a:lnTo>
                      <a:pt x="508" y="327"/>
                    </a:lnTo>
                    <a:lnTo>
                      <a:pt x="508" y="330"/>
                    </a:lnTo>
                    <a:lnTo>
                      <a:pt x="508" y="332"/>
                    </a:lnTo>
                    <a:lnTo>
                      <a:pt x="509" y="332"/>
                    </a:lnTo>
                    <a:lnTo>
                      <a:pt x="514" y="329"/>
                    </a:lnTo>
                    <a:lnTo>
                      <a:pt x="519" y="324"/>
                    </a:lnTo>
                    <a:lnTo>
                      <a:pt x="521" y="322"/>
                    </a:lnTo>
                    <a:lnTo>
                      <a:pt x="523" y="322"/>
                    </a:lnTo>
                    <a:lnTo>
                      <a:pt x="525" y="324"/>
                    </a:lnTo>
                    <a:lnTo>
                      <a:pt x="528" y="325"/>
                    </a:lnTo>
                    <a:lnTo>
                      <a:pt x="531" y="330"/>
                    </a:lnTo>
                    <a:lnTo>
                      <a:pt x="535" y="339"/>
                    </a:lnTo>
                    <a:lnTo>
                      <a:pt x="536" y="341"/>
                    </a:lnTo>
                    <a:lnTo>
                      <a:pt x="538" y="344"/>
                    </a:lnTo>
                    <a:lnTo>
                      <a:pt x="540" y="347"/>
                    </a:lnTo>
                    <a:lnTo>
                      <a:pt x="541" y="349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55" name="Freeform 78"/>
              <p:cNvSpPr>
                <a:spLocks/>
              </p:cNvSpPr>
              <p:nvPr/>
            </p:nvSpPr>
            <p:spPr bwMode="auto">
              <a:xfrm>
                <a:off x="659" y="3034"/>
                <a:ext cx="545" cy="452"/>
              </a:xfrm>
              <a:custGeom>
                <a:avLst/>
                <a:gdLst>
                  <a:gd name="T0" fmla="*/ 545 w 545"/>
                  <a:gd name="T1" fmla="*/ 332 h 452"/>
                  <a:gd name="T2" fmla="*/ 516 w 545"/>
                  <a:gd name="T3" fmla="*/ 312 h 452"/>
                  <a:gd name="T4" fmla="*/ 381 w 545"/>
                  <a:gd name="T5" fmla="*/ 266 h 452"/>
                  <a:gd name="T6" fmla="*/ 350 w 545"/>
                  <a:gd name="T7" fmla="*/ 264 h 452"/>
                  <a:gd name="T8" fmla="*/ 237 w 545"/>
                  <a:gd name="T9" fmla="*/ 14 h 452"/>
                  <a:gd name="T10" fmla="*/ 195 w 545"/>
                  <a:gd name="T11" fmla="*/ 16 h 452"/>
                  <a:gd name="T12" fmla="*/ 179 w 545"/>
                  <a:gd name="T13" fmla="*/ 16 h 452"/>
                  <a:gd name="T14" fmla="*/ 152 w 545"/>
                  <a:gd name="T15" fmla="*/ 9 h 452"/>
                  <a:gd name="T16" fmla="*/ 110 w 545"/>
                  <a:gd name="T17" fmla="*/ 9 h 452"/>
                  <a:gd name="T18" fmla="*/ 91 w 545"/>
                  <a:gd name="T19" fmla="*/ 17 h 452"/>
                  <a:gd name="T20" fmla="*/ 69 w 545"/>
                  <a:gd name="T21" fmla="*/ 33 h 452"/>
                  <a:gd name="T22" fmla="*/ 22 w 545"/>
                  <a:gd name="T23" fmla="*/ 78 h 452"/>
                  <a:gd name="T24" fmla="*/ 54 w 545"/>
                  <a:gd name="T25" fmla="*/ 116 h 452"/>
                  <a:gd name="T26" fmla="*/ 68 w 545"/>
                  <a:gd name="T27" fmla="*/ 132 h 452"/>
                  <a:gd name="T28" fmla="*/ 27 w 545"/>
                  <a:gd name="T29" fmla="*/ 132 h 452"/>
                  <a:gd name="T30" fmla="*/ 15 w 545"/>
                  <a:gd name="T31" fmla="*/ 138 h 452"/>
                  <a:gd name="T32" fmla="*/ 3 w 545"/>
                  <a:gd name="T33" fmla="*/ 160 h 452"/>
                  <a:gd name="T34" fmla="*/ 17 w 545"/>
                  <a:gd name="T35" fmla="*/ 180 h 452"/>
                  <a:gd name="T36" fmla="*/ 71 w 545"/>
                  <a:gd name="T37" fmla="*/ 176 h 452"/>
                  <a:gd name="T38" fmla="*/ 76 w 545"/>
                  <a:gd name="T39" fmla="*/ 190 h 452"/>
                  <a:gd name="T40" fmla="*/ 56 w 545"/>
                  <a:gd name="T41" fmla="*/ 219 h 452"/>
                  <a:gd name="T42" fmla="*/ 34 w 545"/>
                  <a:gd name="T43" fmla="*/ 220 h 452"/>
                  <a:gd name="T44" fmla="*/ 22 w 545"/>
                  <a:gd name="T45" fmla="*/ 242 h 452"/>
                  <a:gd name="T46" fmla="*/ 15 w 545"/>
                  <a:gd name="T47" fmla="*/ 256 h 452"/>
                  <a:gd name="T48" fmla="*/ 17 w 545"/>
                  <a:gd name="T49" fmla="*/ 271 h 452"/>
                  <a:gd name="T50" fmla="*/ 41 w 545"/>
                  <a:gd name="T51" fmla="*/ 288 h 452"/>
                  <a:gd name="T52" fmla="*/ 35 w 545"/>
                  <a:gd name="T53" fmla="*/ 314 h 452"/>
                  <a:gd name="T54" fmla="*/ 59 w 545"/>
                  <a:gd name="T55" fmla="*/ 298 h 452"/>
                  <a:gd name="T56" fmla="*/ 69 w 545"/>
                  <a:gd name="T57" fmla="*/ 322 h 452"/>
                  <a:gd name="T58" fmla="*/ 64 w 545"/>
                  <a:gd name="T59" fmla="*/ 347 h 452"/>
                  <a:gd name="T60" fmla="*/ 79 w 545"/>
                  <a:gd name="T61" fmla="*/ 336 h 452"/>
                  <a:gd name="T62" fmla="*/ 95 w 545"/>
                  <a:gd name="T63" fmla="*/ 336 h 452"/>
                  <a:gd name="T64" fmla="*/ 108 w 545"/>
                  <a:gd name="T65" fmla="*/ 344 h 452"/>
                  <a:gd name="T66" fmla="*/ 139 w 545"/>
                  <a:gd name="T67" fmla="*/ 329 h 452"/>
                  <a:gd name="T68" fmla="*/ 125 w 545"/>
                  <a:gd name="T69" fmla="*/ 364 h 452"/>
                  <a:gd name="T70" fmla="*/ 112 w 545"/>
                  <a:gd name="T71" fmla="*/ 396 h 452"/>
                  <a:gd name="T72" fmla="*/ 83 w 545"/>
                  <a:gd name="T73" fmla="*/ 422 h 452"/>
                  <a:gd name="T74" fmla="*/ 76 w 545"/>
                  <a:gd name="T75" fmla="*/ 424 h 452"/>
                  <a:gd name="T76" fmla="*/ 44 w 545"/>
                  <a:gd name="T77" fmla="*/ 442 h 452"/>
                  <a:gd name="T78" fmla="*/ 57 w 545"/>
                  <a:gd name="T79" fmla="*/ 440 h 452"/>
                  <a:gd name="T80" fmla="*/ 69 w 545"/>
                  <a:gd name="T81" fmla="*/ 440 h 452"/>
                  <a:gd name="T82" fmla="*/ 96 w 545"/>
                  <a:gd name="T83" fmla="*/ 432 h 452"/>
                  <a:gd name="T84" fmla="*/ 113 w 545"/>
                  <a:gd name="T85" fmla="*/ 413 h 452"/>
                  <a:gd name="T86" fmla="*/ 151 w 545"/>
                  <a:gd name="T87" fmla="*/ 374 h 452"/>
                  <a:gd name="T88" fmla="*/ 183 w 545"/>
                  <a:gd name="T89" fmla="*/ 339 h 452"/>
                  <a:gd name="T90" fmla="*/ 174 w 545"/>
                  <a:gd name="T91" fmla="*/ 322 h 452"/>
                  <a:gd name="T92" fmla="*/ 220 w 545"/>
                  <a:gd name="T93" fmla="*/ 264 h 452"/>
                  <a:gd name="T94" fmla="*/ 210 w 545"/>
                  <a:gd name="T95" fmla="*/ 297 h 452"/>
                  <a:gd name="T96" fmla="*/ 211 w 545"/>
                  <a:gd name="T97" fmla="*/ 312 h 452"/>
                  <a:gd name="T98" fmla="*/ 233 w 545"/>
                  <a:gd name="T99" fmla="*/ 302 h 452"/>
                  <a:gd name="T100" fmla="*/ 249 w 545"/>
                  <a:gd name="T101" fmla="*/ 290 h 452"/>
                  <a:gd name="T102" fmla="*/ 281 w 545"/>
                  <a:gd name="T103" fmla="*/ 271 h 452"/>
                  <a:gd name="T104" fmla="*/ 343 w 545"/>
                  <a:gd name="T105" fmla="*/ 275 h 452"/>
                  <a:gd name="T106" fmla="*/ 371 w 545"/>
                  <a:gd name="T107" fmla="*/ 278 h 452"/>
                  <a:gd name="T108" fmla="*/ 413 w 545"/>
                  <a:gd name="T109" fmla="*/ 295 h 452"/>
                  <a:gd name="T110" fmla="*/ 423 w 545"/>
                  <a:gd name="T111" fmla="*/ 276 h 452"/>
                  <a:gd name="T112" fmla="*/ 430 w 545"/>
                  <a:gd name="T113" fmla="*/ 271 h 452"/>
                  <a:gd name="T114" fmla="*/ 462 w 545"/>
                  <a:gd name="T115" fmla="*/ 286 h 452"/>
                  <a:gd name="T116" fmla="*/ 487 w 545"/>
                  <a:gd name="T117" fmla="*/ 310 h 452"/>
                  <a:gd name="T118" fmla="*/ 514 w 545"/>
                  <a:gd name="T119" fmla="*/ 329 h 452"/>
                  <a:gd name="T120" fmla="*/ 535 w 545"/>
                  <a:gd name="T121" fmla="*/ 339 h 452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w 545"/>
                  <a:gd name="T184" fmla="*/ 0 h 452"/>
                  <a:gd name="T185" fmla="*/ 545 w 545"/>
                  <a:gd name="T186" fmla="*/ 452 h 452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T183" t="T184" r="T185" b="T186"/>
                <a:pathLst>
                  <a:path w="545" h="452">
                    <a:moveTo>
                      <a:pt x="541" y="349"/>
                    </a:moveTo>
                    <a:lnTo>
                      <a:pt x="541" y="349"/>
                    </a:lnTo>
                    <a:lnTo>
                      <a:pt x="541" y="347"/>
                    </a:lnTo>
                    <a:lnTo>
                      <a:pt x="543" y="346"/>
                    </a:lnTo>
                    <a:lnTo>
                      <a:pt x="543" y="344"/>
                    </a:lnTo>
                    <a:lnTo>
                      <a:pt x="545" y="341"/>
                    </a:lnTo>
                    <a:lnTo>
                      <a:pt x="545" y="339"/>
                    </a:lnTo>
                    <a:lnTo>
                      <a:pt x="545" y="336"/>
                    </a:lnTo>
                    <a:lnTo>
                      <a:pt x="545" y="332"/>
                    </a:lnTo>
                    <a:lnTo>
                      <a:pt x="543" y="329"/>
                    </a:lnTo>
                    <a:lnTo>
                      <a:pt x="541" y="325"/>
                    </a:lnTo>
                    <a:lnTo>
                      <a:pt x="538" y="320"/>
                    </a:lnTo>
                    <a:lnTo>
                      <a:pt x="535" y="317"/>
                    </a:lnTo>
                    <a:lnTo>
                      <a:pt x="533" y="315"/>
                    </a:lnTo>
                    <a:lnTo>
                      <a:pt x="530" y="315"/>
                    </a:lnTo>
                    <a:lnTo>
                      <a:pt x="526" y="314"/>
                    </a:lnTo>
                    <a:lnTo>
                      <a:pt x="523" y="314"/>
                    </a:lnTo>
                    <a:lnTo>
                      <a:pt x="519" y="314"/>
                    </a:lnTo>
                    <a:lnTo>
                      <a:pt x="516" y="312"/>
                    </a:lnTo>
                    <a:lnTo>
                      <a:pt x="514" y="312"/>
                    </a:lnTo>
                    <a:lnTo>
                      <a:pt x="506" y="310"/>
                    </a:lnTo>
                    <a:lnTo>
                      <a:pt x="452" y="271"/>
                    </a:lnTo>
                    <a:lnTo>
                      <a:pt x="435" y="259"/>
                    </a:lnTo>
                    <a:lnTo>
                      <a:pt x="421" y="251"/>
                    </a:lnTo>
                    <a:lnTo>
                      <a:pt x="413" y="263"/>
                    </a:lnTo>
                    <a:lnTo>
                      <a:pt x="413" y="271"/>
                    </a:lnTo>
                    <a:lnTo>
                      <a:pt x="403" y="280"/>
                    </a:lnTo>
                    <a:lnTo>
                      <a:pt x="381" y="266"/>
                    </a:lnTo>
                    <a:lnTo>
                      <a:pt x="379" y="264"/>
                    </a:lnTo>
                    <a:lnTo>
                      <a:pt x="377" y="261"/>
                    </a:lnTo>
                    <a:lnTo>
                      <a:pt x="374" y="259"/>
                    </a:lnTo>
                    <a:lnTo>
                      <a:pt x="369" y="258"/>
                    </a:lnTo>
                    <a:lnTo>
                      <a:pt x="365" y="258"/>
                    </a:lnTo>
                    <a:lnTo>
                      <a:pt x="360" y="259"/>
                    </a:lnTo>
                    <a:lnTo>
                      <a:pt x="355" y="263"/>
                    </a:lnTo>
                    <a:lnTo>
                      <a:pt x="354" y="264"/>
                    </a:lnTo>
                    <a:lnTo>
                      <a:pt x="350" y="264"/>
                    </a:lnTo>
                    <a:lnTo>
                      <a:pt x="347" y="266"/>
                    </a:lnTo>
                    <a:lnTo>
                      <a:pt x="345" y="266"/>
                    </a:lnTo>
                    <a:lnTo>
                      <a:pt x="271" y="17"/>
                    </a:lnTo>
                    <a:lnTo>
                      <a:pt x="269" y="17"/>
                    </a:lnTo>
                    <a:lnTo>
                      <a:pt x="266" y="16"/>
                    </a:lnTo>
                    <a:lnTo>
                      <a:pt x="261" y="14"/>
                    </a:lnTo>
                    <a:lnTo>
                      <a:pt x="255" y="12"/>
                    </a:lnTo>
                    <a:lnTo>
                      <a:pt x="249" y="11"/>
                    </a:lnTo>
                    <a:lnTo>
                      <a:pt x="244" y="12"/>
                    </a:lnTo>
                    <a:lnTo>
                      <a:pt x="237" y="14"/>
                    </a:lnTo>
                    <a:lnTo>
                      <a:pt x="232" y="17"/>
                    </a:lnTo>
                    <a:lnTo>
                      <a:pt x="230" y="17"/>
                    </a:lnTo>
                    <a:lnTo>
                      <a:pt x="225" y="17"/>
                    </a:lnTo>
                    <a:lnTo>
                      <a:pt x="218" y="17"/>
                    </a:lnTo>
                    <a:lnTo>
                      <a:pt x="211" y="17"/>
                    </a:lnTo>
                    <a:lnTo>
                      <a:pt x="205" y="17"/>
                    </a:lnTo>
                    <a:lnTo>
                      <a:pt x="200" y="17"/>
                    </a:lnTo>
                    <a:lnTo>
                      <a:pt x="195" y="16"/>
                    </a:lnTo>
                    <a:lnTo>
                      <a:pt x="193" y="16"/>
                    </a:lnTo>
                    <a:lnTo>
                      <a:pt x="191" y="16"/>
                    </a:lnTo>
                    <a:lnTo>
                      <a:pt x="189" y="16"/>
                    </a:lnTo>
                    <a:lnTo>
                      <a:pt x="188" y="16"/>
                    </a:lnTo>
                    <a:lnTo>
                      <a:pt x="184" y="16"/>
                    </a:lnTo>
                    <a:lnTo>
                      <a:pt x="183" y="16"/>
                    </a:lnTo>
                    <a:lnTo>
                      <a:pt x="181" y="16"/>
                    </a:lnTo>
                    <a:lnTo>
                      <a:pt x="179" y="16"/>
                    </a:lnTo>
                    <a:lnTo>
                      <a:pt x="176" y="17"/>
                    </a:lnTo>
                    <a:lnTo>
                      <a:pt x="173" y="17"/>
                    </a:lnTo>
                    <a:lnTo>
                      <a:pt x="169" y="17"/>
                    </a:lnTo>
                    <a:lnTo>
                      <a:pt x="166" y="16"/>
                    </a:lnTo>
                    <a:lnTo>
                      <a:pt x="162" y="12"/>
                    </a:lnTo>
                    <a:lnTo>
                      <a:pt x="157" y="7"/>
                    </a:lnTo>
                    <a:lnTo>
                      <a:pt x="156" y="7"/>
                    </a:lnTo>
                    <a:lnTo>
                      <a:pt x="154" y="9"/>
                    </a:lnTo>
                    <a:lnTo>
                      <a:pt x="152" y="9"/>
                    </a:lnTo>
                    <a:lnTo>
                      <a:pt x="149" y="9"/>
                    </a:lnTo>
                    <a:lnTo>
                      <a:pt x="147" y="9"/>
                    </a:lnTo>
                    <a:lnTo>
                      <a:pt x="145" y="11"/>
                    </a:lnTo>
                    <a:lnTo>
                      <a:pt x="137" y="2"/>
                    </a:lnTo>
                    <a:lnTo>
                      <a:pt x="130" y="7"/>
                    </a:lnTo>
                    <a:lnTo>
                      <a:pt x="129" y="0"/>
                    </a:lnTo>
                    <a:lnTo>
                      <a:pt x="117" y="0"/>
                    </a:lnTo>
                    <a:lnTo>
                      <a:pt x="110" y="9"/>
                    </a:lnTo>
                    <a:lnTo>
                      <a:pt x="108" y="11"/>
                    </a:lnTo>
                    <a:lnTo>
                      <a:pt x="108" y="12"/>
                    </a:lnTo>
                    <a:lnTo>
                      <a:pt x="107" y="12"/>
                    </a:lnTo>
                    <a:lnTo>
                      <a:pt x="103" y="14"/>
                    </a:lnTo>
                    <a:lnTo>
                      <a:pt x="100" y="14"/>
                    </a:lnTo>
                    <a:lnTo>
                      <a:pt x="95" y="14"/>
                    </a:lnTo>
                    <a:lnTo>
                      <a:pt x="93" y="16"/>
                    </a:lnTo>
                    <a:lnTo>
                      <a:pt x="91" y="17"/>
                    </a:lnTo>
                    <a:lnTo>
                      <a:pt x="90" y="19"/>
                    </a:lnTo>
                    <a:lnTo>
                      <a:pt x="86" y="22"/>
                    </a:lnTo>
                    <a:lnTo>
                      <a:pt x="85" y="24"/>
                    </a:lnTo>
                    <a:lnTo>
                      <a:pt x="83" y="26"/>
                    </a:lnTo>
                    <a:lnTo>
                      <a:pt x="81" y="26"/>
                    </a:lnTo>
                    <a:lnTo>
                      <a:pt x="78" y="26"/>
                    </a:lnTo>
                    <a:lnTo>
                      <a:pt x="74" y="29"/>
                    </a:lnTo>
                    <a:lnTo>
                      <a:pt x="69" y="33"/>
                    </a:lnTo>
                    <a:lnTo>
                      <a:pt x="64" y="38"/>
                    </a:lnTo>
                    <a:lnTo>
                      <a:pt x="59" y="46"/>
                    </a:lnTo>
                    <a:lnTo>
                      <a:pt x="54" y="56"/>
                    </a:lnTo>
                    <a:lnTo>
                      <a:pt x="52" y="58"/>
                    </a:lnTo>
                    <a:lnTo>
                      <a:pt x="51" y="61"/>
                    </a:lnTo>
                    <a:lnTo>
                      <a:pt x="47" y="63"/>
                    </a:lnTo>
                    <a:lnTo>
                      <a:pt x="47" y="65"/>
                    </a:lnTo>
                    <a:lnTo>
                      <a:pt x="30" y="65"/>
                    </a:lnTo>
                    <a:lnTo>
                      <a:pt x="22" y="78"/>
                    </a:lnTo>
                    <a:lnTo>
                      <a:pt x="22" y="80"/>
                    </a:lnTo>
                    <a:lnTo>
                      <a:pt x="25" y="82"/>
                    </a:lnTo>
                    <a:lnTo>
                      <a:pt x="30" y="83"/>
                    </a:lnTo>
                    <a:lnTo>
                      <a:pt x="35" y="87"/>
                    </a:lnTo>
                    <a:lnTo>
                      <a:pt x="42" y="92"/>
                    </a:lnTo>
                    <a:lnTo>
                      <a:pt x="46" y="97"/>
                    </a:lnTo>
                    <a:lnTo>
                      <a:pt x="49" y="105"/>
                    </a:lnTo>
                    <a:lnTo>
                      <a:pt x="51" y="114"/>
                    </a:lnTo>
                    <a:lnTo>
                      <a:pt x="54" y="116"/>
                    </a:lnTo>
                    <a:lnTo>
                      <a:pt x="56" y="116"/>
                    </a:lnTo>
                    <a:lnTo>
                      <a:pt x="59" y="116"/>
                    </a:lnTo>
                    <a:lnTo>
                      <a:pt x="63" y="116"/>
                    </a:lnTo>
                    <a:lnTo>
                      <a:pt x="66" y="116"/>
                    </a:lnTo>
                    <a:lnTo>
                      <a:pt x="68" y="117"/>
                    </a:lnTo>
                    <a:lnTo>
                      <a:pt x="71" y="129"/>
                    </a:lnTo>
                    <a:lnTo>
                      <a:pt x="81" y="129"/>
                    </a:lnTo>
                    <a:lnTo>
                      <a:pt x="79" y="132"/>
                    </a:lnTo>
                    <a:lnTo>
                      <a:pt x="68" y="132"/>
                    </a:lnTo>
                    <a:lnTo>
                      <a:pt x="63" y="122"/>
                    </a:lnTo>
                    <a:lnTo>
                      <a:pt x="59" y="126"/>
                    </a:lnTo>
                    <a:lnTo>
                      <a:pt x="68" y="136"/>
                    </a:lnTo>
                    <a:lnTo>
                      <a:pt x="76" y="138"/>
                    </a:lnTo>
                    <a:lnTo>
                      <a:pt x="68" y="144"/>
                    </a:lnTo>
                    <a:lnTo>
                      <a:pt x="46" y="139"/>
                    </a:lnTo>
                    <a:lnTo>
                      <a:pt x="46" y="127"/>
                    </a:lnTo>
                    <a:lnTo>
                      <a:pt x="27" y="132"/>
                    </a:lnTo>
                    <a:lnTo>
                      <a:pt x="27" y="134"/>
                    </a:lnTo>
                    <a:lnTo>
                      <a:pt x="27" y="138"/>
                    </a:lnTo>
                    <a:lnTo>
                      <a:pt x="27" y="139"/>
                    </a:lnTo>
                    <a:lnTo>
                      <a:pt x="27" y="141"/>
                    </a:lnTo>
                    <a:lnTo>
                      <a:pt x="25" y="141"/>
                    </a:lnTo>
                    <a:lnTo>
                      <a:pt x="22" y="139"/>
                    </a:lnTo>
                    <a:lnTo>
                      <a:pt x="19" y="136"/>
                    </a:lnTo>
                    <a:lnTo>
                      <a:pt x="15" y="138"/>
                    </a:lnTo>
                    <a:lnTo>
                      <a:pt x="12" y="138"/>
                    </a:lnTo>
                    <a:lnTo>
                      <a:pt x="8" y="139"/>
                    </a:lnTo>
                    <a:lnTo>
                      <a:pt x="5" y="143"/>
                    </a:lnTo>
                    <a:lnTo>
                      <a:pt x="2" y="144"/>
                    </a:lnTo>
                    <a:lnTo>
                      <a:pt x="0" y="148"/>
                    </a:lnTo>
                    <a:lnTo>
                      <a:pt x="0" y="151"/>
                    </a:lnTo>
                    <a:lnTo>
                      <a:pt x="0" y="153"/>
                    </a:lnTo>
                    <a:lnTo>
                      <a:pt x="0" y="154"/>
                    </a:lnTo>
                    <a:lnTo>
                      <a:pt x="2" y="156"/>
                    </a:lnTo>
                    <a:lnTo>
                      <a:pt x="3" y="160"/>
                    </a:lnTo>
                    <a:lnTo>
                      <a:pt x="5" y="161"/>
                    </a:lnTo>
                    <a:lnTo>
                      <a:pt x="7" y="165"/>
                    </a:lnTo>
                    <a:lnTo>
                      <a:pt x="8" y="165"/>
                    </a:lnTo>
                    <a:lnTo>
                      <a:pt x="8" y="166"/>
                    </a:lnTo>
                    <a:lnTo>
                      <a:pt x="13" y="171"/>
                    </a:lnTo>
                    <a:lnTo>
                      <a:pt x="13" y="173"/>
                    </a:lnTo>
                    <a:lnTo>
                      <a:pt x="13" y="175"/>
                    </a:lnTo>
                    <a:lnTo>
                      <a:pt x="15" y="178"/>
                    </a:lnTo>
                    <a:lnTo>
                      <a:pt x="17" y="180"/>
                    </a:lnTo>
                    <a:lnTo>
                      <a:pt x="22" y="182"/>
                    </a:lnTo>
                    <a:lnTo>
                      <a:pt x="29" y="183"/>
                    </a:lnTo>
                    <a:lnTo>
                      <a:pt x="39" y="183"/>
                    </a:lnTo>
                    <a:lnTo>
                      <a:pt x="41" y="183"/>
                    </a:lnTo>
                    <a:lnTo>
                      <a:pt x="44" y="185"/>
                    </a:lnTo>
                    <a:lnTo>
                      <a:pt x="47" y="187"/>
                    </a:lnTo>
                    <a:lnTo>
                      <a:pt x="49" y="187"/>
                    </a:lnTo>
                    <a:lnTo>
                      <a:pt x="59" y="187"/>
                    </a:lnTo>
                    <a:lnTo>
                      <a:pt x="71" y="176"/>
                    </a:lnTo>
                    <a:lnTo>
                      <a:pt x="74" y="176"/>
                    </a:lnTo>
                    <a:lnTo>
                      <a:pt x="78" y="175"/>
                    </a:lnTo>
                    <a:lnTo>
                      <a:pt x="81" y="175"/>
                    </a:lnTo>
                    <a:lnTo>
                      <a:pt x="83" y="176"/>
                    </a:lnTo>
                    <a:lnTo>
                      <a:pt x="83" y="178"/>
                    </a:lnTo>
                    <a:lnTo>
                      <a:pt x="81" y="182"/>
                    </a:lnTo>
                    <a:lnTo>
                      <a:pt x="74" y="185"/>
                    </a:lnTo>
                    <a:lnTo>
                      <a:pt x="74" y="187"/>
                    </a:lnTo>
                    <a:lnTo>
                      <a:pt x="76" y="190"/>
                    </a:lnTo>
                    <a:lnTo>
                      <a:pt x="78" y="195"/>
                    </a:lnTo>
                    <a:lnTo>
                      <a:pt x="79" y="200"/>
                    </a:lnTo>
                    <a:lnTo>
                      <a:pt x="79" y="205"/>
                    </a:lnTo>
                    <a:lnTo>
                      <a:pt x="78" y="209"/>
                    </a:lnTo>
                    <a:lnTo>
                      <a:pt x="71" y="212"/>
                    </a:lnTo>
                    <a:lnTo>
                      <a:pt x="63" y="212"/>
                    </a:lnTo>
                    <a:lnTo>
                      <a:pt x="61" y="214"/>
                    </a:lnTo>
                    <a:lnTo>
                      <a:pt x="59" y="214"/>
                    </a:lnTo>
                    <a:lnTo>
                      <a:pt x="57" y="217"/>
                    </a:lnTo>
                    <a:lnTo>
                      <a:pt x="56" y="219"/>
                    </a:lnTo>
                    <a:lnTo>
                      <a:pt x="54" y="220"/>
                    </a:lnTo>
                    <a:lnTo>
                      <a:pt x="52" y="224"/>
                    </a:lnTo>
                    <a:lnTo>
                      <a:pt x="51" y="226"/>
                    </a:lnTo>
                    <a:lnTo>
                      <a:pt x="51" y="224"/>
                    </a:lnTo>
                    <a:lnTo>
                      <a:pt x="47" y="222"/>
                    </a:lnTo>
                    <a:lnTo>
                      <a:pt x="44" y="220"/>
                    </a:lnTo>
                    <a:lnTo>
                      <a:pt x="41" y="220"/>
                    </a:lnTo>
                    <a:lnTo>
                      <a:pt x="35" y="220"/>
                    </a:lnTo>
                    <a:lnTo>
                      <a:pt x="34" y="220"/>
                    </a:lnTo>
                    <a:lnTo>
                      <a:pt x="30" y="224"/>
                    </a:lnTo>
                    <a:lnTo>
                      <a:pt x="30" y="231"/>
                    </a:lnTo>
                    <a:lnTo>
                      <a:pt x="30" y="232"/>
                    </a:lnTo>
                    <a:lnTo>
                      <a:pt x="30" y="234"/>
                    </a:lnTo>
                    <a:lnTo>
                      <a:pt x="30" y="236"/>
                    </a:lnTo>
                    <a:lnTo>
                      <a:pt x="29" y="237"/>
                    </a:lnTo>
                    <a:lnTo>
                      <a:pt x="29" y="239"/>
                    </a:lnTo>
                    <a:lnTo>
                      <a:pt x="27" y="242"/>
                    </a:lnTo>
                    <a:lnTo>
                      <a:pt x="25" y="242"/>
                    </a:lnTo>
                    <a:lnTo>
                      <a:pt x="22" y="242"/>
                    </a:lnTo>
                    <a:lnTo>
                      <a:pt x="22" y="244"/>
                    </a:lnTo>
                    <a:lnTo>
                      <a:pt x="20" y="244"/>
                    </a:lnTo>
                    <a:lnTo>
                      <a:pt x="20" y="248"/>
                    </a:lnTo>
                    <a:lnTo>
                      <a:pt x="19" y="249"/>
                    </a:lnTo>
                    <a:lnTo>
                      <a:pt x="17" y="251"/>
                    </a:lnTo>
                    <a:lnTo>
                      <a:pt x="17" y="254"/>
                    </a:lnTo>
                    <a:lnTo>
                      <a:pt x="17" y="256"/>
                    </a:lnTo>
                    <a:lnTo>
                      <a:pt x="15" y="256"/>
                    </a:lnTo>
                    <a:lnTo>
                      <a:pt x="13" y="258"/>
                    </a:lnTo>
                    <a:lnTo>
                      <a:pt x="12" y="261"/>
                    </a:lnTo>
                    <a:lnTo>
                      <a:pt x="10" y="263"/>
                    </a:lnTo>
                    <a:lnTo>
                      <a:pt x="8" y="266"/>
                    </a:lnTo>
                    <a:lnTo>
                      <a:pt x="10" y="266"/>
                    </a:lnTo>
                    <a:lnTo>
                      <a:pt x="12" y="266"/>
                    </a:lnTo>
                    <a:lnTo>
                      <a:pt x="19" y="264"/>
                    </a:lnTo>
                    <a:lnTo>
                      <a:pt x="19" y="268"/>
                    </a:lnTo>
                    <a:lnTo>
                      <a:pt x="17" y="271"/>
                    </a:lnTo>
                    <a:lnTo>
                      <a:pt x="17" y="273"/>
                    </a:lnTo>
                    <a:lnTo>
                      <a:pt x="19" y="275"/>
                    </a:lnTo>
                    <a:lnTo>
                      <a:pt x="20" y="278"/>
                    </a:lnTo>
                    <a:lnTo>
                      <a:pt x="24" y="280"/>
                    </a:lnTo>
                    <a:lnTo>
                      <a:pt x="27" y="283"/>
                    </a:lnTo>
                    <a:lnTo>
                      <a:pt x="30" y="286"/>
                    </a:lnTo>
                    <a:lnTo>
                      <a:pt x="35" y="288"/>
                    </a:lnTo>
                    <a:lnTo>
                      <a:pt x="41" y="288"/>
                    </a:lnTo>
                    <a:lnTo>
                      <a:pt x="39" y="290"/>
                    </a:lnTo>
                    <a:lnTo>
                      <a:pt x="37" y="292"/>
                    </a:lnTo>
                    <a:lnTo>
                      <a:pt x="34" y="295"/>
                    </a:lnTo>
                    <a:lnTo>
                      <a:pt x="30" y="300"/>
                    </a:lnTo>
                    <a:lnTo>
                      <a:pt x="29" y="303"/>
                    </a:lnTo>
                    <a:lnTo>
                      <a:pt x="27" y="307"/>
                    </a:lnTo>
                    <a:lnTo>
                      <a:pt x="29" y="308"/>
                    </a:lnTo>
                    <a:lnTo>
                      <a:pt x="32" y="310"/>
                    </a:lnTo>
                    <a:lnTo>
                      <a:pt x="34" y="310"/>
                    </a:lnTo>
                    <a:lnTo>
                      <a:pt x="35" y="314"/>
                    </a:lnTo>
                    <a:lnTo>
                      <a:pt x="37" y="317"/>
                    </a:lnTo>
                    <a:lnTo>
                      <a:pt x="41" y="319"/>
                    </a:lnTo>
                    <a:lnTo>
                      <a:pt x="44" y="320"/>
                    </a:lnTo>
                    <a:lnTo>
                      <a:pt x="47" y="319"/>
                    </a:lnTo>
                    <a:lnTo>
                      <a:pt x="52" y="314"/>
                    </a:lnTo>
                    <a:lnTo>
                      <a:pt x="56" y="305"/>
                    </a:lnTo>
                    <a:lnTo>
                      <a:pt x="57" y="303"/>
                    </a:lnTo>
                    <a:lnTo>
                      <a:pt x="59" y="300"/>
                    </a:lnTo>
                    <a:lnTo>
                      <a:pt x="59" y="298"/>
                    </a:lnTo>
                    <a:lnTo>
                      <a:pt x="59" y="300"/>
                    </a:lnTo>
                    <a:lnTo>
                      <a:pt x="59" y="302"/>
                    </a:lnTo>
                    <a:lnTo>
                      <a:pt x="59" y="305"/>
                    </a:lnTo>
                    <a:lnTo>
                      <a:pt x="59" y="308"/>
                    </a:lnTo>
                    <a:lnTo>
                      <a:pt x="61" y="312"/>
                    </a:lnTo>
                    <a:lnTo>
                      <a:pt x="63" y="315"/>
                    </a:lnTo>
                    <a:lnTo>
                      <a:pt x="64" y="319"/>
                    </a:lnTo>
                    <a:lnTo>
                      <a:pt x="68" y="322"/>
                    </a:lnTo>
                    <a:lnTo>
                      <a:pt x="69" y="322"/>
                    </a:lnTo>
                    <a:lnTo>
                      <a:pt x="69" y="324"/>
                    </a:lnTo>
                    <a:lnTo>
                      <a:pt x="69" y="327"/>
                    </a:lnTo>
                    <a:lnTo>
                      <a:pt x="68" y="329"/>
                    </a:lnTo>
                    <a:lnTo>
                      <a:pt x="68" y="332"/>
                    </a:lnTo>
                    <a:lnTo>
                      <a:pt x="66" y="334"/>
                    </a:lnTo>
                    <a:lnTo>
                      <a:pt x="66" y="336"/>
                    </a:lnTo>
                    <a:lnTo>
                      <a:pt x="64" y="346"/>
                    </a:lnTo>
                    <a:lnTo>
                      <a:pt x="64" y="347"/>
                    </a:lnTo>
                    <a:lnTo>
                      <a:pt x="66" y="351"/>
                    </a:lnTo>
                    <a:lnTo>
                      <a:pt x="66" y="352"/>
                    </a:lnTo>
                    <a:lnTo>
                      <a:pt x="68" y="352"/>
                    </a:lnTo>
                    <a:lnTo>
                      <a:pt x="69" y="352"/>
                    </a:lnTo>
                    <a:lnTo>
                      <a:pt x="73" y="349"/>
                    </a:lnTo>
                    <a:lnTo>
                      <a:pt x="78" y="341"/>
                    </a:lnTo>
                    <a:lnTo>
                      <a:pt x="79" y="341"/>
                    </a:lnTo>
                    <a:lnTo>
                      <a:pt x="79" y="339"/>
                    </a:lnTo>
                    <a:lnTo>
                      <a:pt x="79" y="336"/>
                    </a:lnTo>
                    <a:lnTo>
                      <a:pt x="81" y="334"/>
                    </a:lnTo>
                    <a:lnTo>
                      <a:pt x="83" y="336"/>
                    </a:lnTo>
                    <a:lnTo>
                      <a:pt x="86" y="337"/>
                    </a:lnTo>
                    <a:lnTo>
                      <a:pt x="90" y="341"/>
                    </a:lnTo>
                    <a:lnTo>
                      <a:pt x="91" y="341"/>
                    </a:lnTo>
                    <a:lnTo>
                      <a:pt x="91" y="339"/>
                    </a:lnTo>
                    <a:lnTo>
                      <a:pt x="91" y="337"/>
                    </a:lnTo>
                    <a:lnTo>
                      <a:pt x="93" y="336"/>
                    </a:lnTo>
                    <a:lnTo>
                      <a:pt x="93" y="334"/>
                    </a:lnTo>
                    <a:lnTo>
                      <a:pt x="95" y="336"/>
                    </a:lnTo>
                    <a:lnTo>
                      <a:pt x="96" y="337"/>
                    </a:lnTo>
                    <a:lnTo>
                      <a:pt x="98" y="344"/>
                    </a:lnTo>
                    <a:lnTo>
                      <a:pt x="100" y="346"/>
                    </a:lnTo>
                    <a:lnTo>
                      <a:pt x="100" y="347"/>
                    </a:lnTo>
                    <a:lnTo>
                      <a:pt x="101" y="351"/>
                    </a:lnTo>
                    <a:lnTo>
                      <a:pt x="103" y="352"/>
                    </a:lnTo>
                    <a:lnTo>
                      <a:pt x="105" y="354"/>
                    </a:lnTo>
                    <a:lnTo>
                      <a:pt x="107" y="352"/>
                    </a:lnTo>
                    <a:lnTo>
                      <a:pt x="108" y="351"/>
                    </a:lnTo>
                    <a:lnTo>
                      <a:pt x="108" y="344"/>
                    </a:lnTo>
                    <a:lnTo>
                      <a:pt x="110" y="344"/>
                    </a:lnTo>
                    <a:lnTo>
                      <a:pt x="113" y="346"/>
                    </a:lnTo>
                    <a:lnTo>
                      <a:pt x="117" y="346"/>
                    </a:lnTo>
                    <a:lnTo>
                      <a:pt x="122" y="346"/>
                    </a:lnTo>
                    <a:lnTo>
                      <a:pt x="127" y="342"/>
                    </a:lnTo>
                    <a:lnTo>
                      <a:pt x="132" y="337"/>
                    </a:lnTo>
                    <a:lnTo>
                      <a:pt x="139" y="329"/>
                    </a:lnTo>
                    <a:lnTo>
                      <a:pt x="137" y="332"/>
                    </a:lnTo>
                    <a:lnTo>
                      <a:pt x="135" y="336"/>
                    </a:lnTo>
                    <a:lnTo>
                      <a:pt x="134" y="341"/>
                    </a:lnTo>
                    <a:lnTo>
                      <a:pt x="130" y="344"/>
                    </a:lnTo>
                    <a:lnTo>
                      <a:pt x="130" y="347"/>
                    </a:lnTo>
                    <a:lnTo>
                      <a:pt x="129" y="351"/>
                    </a:lnTo>
                    <a:lnTo>
                      <a:pt x="127" y="352"/>
                    </a:lnTo>
                    <a:lnTo>
                      <a:pt x="127" y="358"/>
                    </a:lnTo>
                    <a:lnTo>
                      <a:pt x="125" y="364"/>
                    </a:lnTo>
                    <a:lnTo>
                      <a:pt x="125" y="371"/>
                    </a:lnTo>
                    <a:lnTo>
                      <a:pt x="122" y="378"/>
                    </a:lnTo>
                    <a:lnTo>
                      <a:pt x="120" y="383"/>
                    </a:lnTo>
                    <a:lnTo>
                      <a:pt x="117" y="388"/>
                    </a:lnTo>
                    <a:lnTo>
                      <a:pt x="112" y="390"/>
                    </a:lnTo>
                    <a:lnTo>
                      <a:pt x="112" y="391"/>
                    </a:lnTo>
                    <a:lnTo>
                      <a:pt x="113" y="391"/>
                    </a:lnTo>
                    <a:lnTo>
                      <a:pt x="113" y="393"/>
                    </a:lnTo>
                    <a:lnTo>
                      <a:pt x="112" y="396"/>
                    </a:lnTo>
                    <a:lnTo>
                      <a:pt x="110" y="398"/>
                    </a:lnTo>
                    <a:lnTo>
                      <a:pt x="107" y="402"/>
                    </a:lnTo>
                    <a:lnTo>
                      <a:pt x="100" y="405"/>
                    </a:lnTo>
                    <a:lnTo>
                      <a:pt x="96" y="407"/>
                    </a:lnTo>
                    <a:lnTo>
                      <a:pt x="91" y="408"/>
                    </a:lnTo>
                    <a:lnTo>
                      <a:pt x="88" y="412"/>
                    </a:lnTo>
                    <a:lnTo>
                      <a:pt x="85" y="413"/>
                    </a:lnTo>
                    <a:lnTo>
                      <a:pt x="83" y="418"/>
                    </a:lnTo>
                    <a:lnTo>
                      <a:pt x="83" y="422"/>
                    </a:lnTo>
                    <a:lnTo>
                      <a:pt x="85" y="425"/>
                    </a:lnTo>
                    <a:lnTo>
                      <a:pt x="85" y="427"/>
                    </a:lnTo>
                    <a:lnTo>
                      <a:pt x="85" y="429"/>
                    </a:lnTo>
                    <a:lnTo>
                      <a:pt x="83" y="430"/>
                    </a:lnTo>
                    <a:lnTo>
                      <a:pt x="81" y="430"/>
                    </a:lnTo>
                    <a:lnTo>
                      <a:pt x="79" y="432"/>
                    </a:lnTo>
                    <a:lnTo>
                      <a:pt x="78" y="430"/>
                    </a:lnTo>
                    <a:lnTo>
                      <a:pt x="76" y="429"/>
                    </a:lnTo>
                    <a:lnTo>
                      <a:pt x="76" y="424"/>
                    </a:lnTo>
                    <a:lnTo>
                      <a:pt x="74" y="424"/>
                    </a:lnTo>
                    <a:lnTo>
                      <a:pt x="71" y="424"/>
                    </a:lnTo>
                    <a:lnTo>
                      <a:pt x="69" y="424"/>
                    </a:lnTo>
                    <a:lnTo>
                      <a:pt x="68" y="425"/>
                    </a:lnTo>
                    <a:lnTo>
                      <a:pt x="64" y="425"/>
                    </a:lnTo>
                    <a:lnTo>
                      <a:pt x="63" y="425"/>
                    </a:lnTo>
                    <a:lnTo>
                      <a:pt x="46" y="442"/>
                    </a:lnTo>
                    <a:lnTo>
                      <a:pt x="44" y="442"/>
                    </a:lnTo>
                    <a:lnTo>
                      <a:pt x="44" y="444"/>
                    </a:lnTo>
                    <a:lnTo>
                      <a:pt x="42" y="447"/>
                    </a:lnTo>
                    <a:lnTo>
                      <a:pt x="41" y="449"/>
                    </a:lnTo>
                    <a:lnTo>
                      <a:pt x="41" y="452"/>
                    </a:lnTo>
                    <a:lnTo>
                      <a:pt x="42" y="452"/>
                    </a:lnTo>
                    <a:lnTo>
                      <a:pt x="44" y="451"/>
                    </a:lnTo>
                    <a:lnTo>
                      <a:pt x="51" y="447"/>
                    </a:lnTo>
                    <a:lnTo>
                      <a:pt x="52" y="446"/>
                    </a:lnTo>
                    <a:lnTo>
                      <a:pt x="56" y="444"/>
                    </a:lnTo>
                    <a:lnTo>
                      <a:pt x="57" y="440"/>
                    </a:lnTo>
                    <a:lnTo>
                      <a:pt x="61" y="439"/>
                    </a:lnTo>
                    <a:lnTo>
                      <a:pt x="64" y="435"/>
                    </a:lnTo>
                    <a:lnTo>
                      <a:pt x="66" y="434"/>
                    </a:lnTo>
                    <a:lnTo>
                      <a:pt x="68" y="432"/>
                    </a:lnTo>
                    <a:lnTo>
                      <a:pt x="68" y="434"/>
                    </a:lnTo>
                    <a:lnTo>
                      <a:pt x="68" y="437"/>
                    </a:lnTo>
                    <a:lnTo>
                      <a:pt x="68" y="439"/>
                    </a:lnTo>
                    <a:lnTo>
                      <a:pt x="69" y="440"/>
                    </a:lnTo>
                    <a:lnTo>
                      <a:pt x="73" y="440"/>
                    </a:lnTo>
                    <a:lnTo>
                      <a:pt x="78" y="439"/>
                    </a:lnTo>
                    <a:lnTo>
                      <a:pt x="86" y="434"/>
                    </a:lnTo>
                    <a:lnTo>
                      <a:pt x="88" y="430"/>
                    </a:lnTo>
                    <a:lnTo>
                      <a:pt x="90" y="429"/>
                    </a:lnTo>
                    <a:lnTo>
                      <a:pt x="91" y="429"/>
                    </a:lnTo>
                    <a:lnTo>
                      <a:pt x="95" y="434"/>
                    </a:lnTo>
                    <a:lnTo>
                      <a:pt x="96" y="434"/>
                    </a:lnTo>
                    <a:lnTo>
                      <a:pt x="96" y="432"/>
                    </a:lnTo>
                    <a:lnTo>
                      <a:pt x="96" y="430"/>
                    </a:lnTo>
                    <a:lnTo>
                      <a:pt x="98" y="427"/>
                    </a:lnTo>
                    <a:lnTo>
                      <a:pt x="101" y="424"/>
                    </a:lnTo>
                    <a:lnTo>
                      <a:pt x="105" y="422"/>
                    </a:lnTo>
                    <a:lnTo>
                      <a:pt x="110" y="420"/>
                    </a:lnTo>
                    <a:lnTo>
                      <a:pt x="117" y="420"/>
                    </a:lnTo>
                    <a:lnTo>
                      <a:pt x="117" y="418"/>
                    </a:lnTo>
                    <a:lnTo>
                      <a:pt x="115" y="418"/>
                    </a:lnTo>
                    <a:lnTo>
                      <a:pt x="113" y="415"/>
                    </a:lnTo>
                    <a:lnTo>
                      <a:pt x="113" y="413"/>
                    </a:lnTo>
                    <a:lnTo>
                      <a:pt x="115" y="408"/>
                    </a:lnTo>
                    <a:lnTo>
                      <a:pt x="120" y="405"/>
                    </a:lnTo>
                    <a:lnTo>
                      <a:pt x="127" y="398"/>
                    </a:lnTo>
                    <a:lnTo>
                      <a:pt x="139" y="391"/>
                    </a:lnTo>
                    <a:lnTo>
                      <a:pt x="140" y="391"/>
                    </a:lnTo>
                    <a:lnTo>
                      <a:pt x="139" y="390"/>
                    </a:lnTo>
                    <a:lnTo>
                      <a:pt x="139" y="388"/>
                    </a:lnTo>
                    <a:lnTo>
                      <a:pt x="140" y="385"/>
                    </a:lnTo>
                    <a:lnTo>
                      <a:pt x="144" y="381"/>
                    </a:lnTo>
                    <a:lnTo>
                      <a:pt x="151" y="374"/>
                    </a:lnTo>
                    <a:lnTo>
                      <a:pt x="161" y="366"/>
                    </a:lnTo>
                    <a:lnTo>
                      <a:pt x="174" y="354"/>
                    </a:lnTo>
                    <a:lnTo>
                      <a:pt x="176" y="352"/>
                    </a:lnTo>
                    <a:lnTo>
                      <a:pt x="178" y="347"/>
                    </a:lnTo>
                    <a:lnTo>
                      <a:pt x="178" y="344"/>
                    </a:lnTo>
                    <a:lnTo>
                      <a:pt x="179" y="342"/>
                    </a:lnTo>
                    <a:lnTo>
                      <a:pt x="181" y="341"/>
                    </a:lnTo>
                    <a:lnTo>
                      <a:pt x="183" y="339"/>
                    </a:lnTo>
                    <a:lnTo>
                      <a:pt x="183" y="337"/>
                    </a:lnTo>
                    <a:lnTo>
                      <a:pt x="184" y="336"/>
                    </a:lnTo>
                    <a:lnTo>
                      <a:pt x="183" y="332"/>
                    </a:lnTo>
                    <a:lnTo>
                      <a:pt x="181" y="330"/>
                    </a:lnTo>
                    <a:lnTo>
                      <a:pt x="174" y="330"/>
                    </a:lnTo>
                    <a:lnTo>
                      <a:pt x="173" y="330"/>
                    </a:lnTo>
                    <a:lnTo>
                      <a:pt x="173" y="329"/>
                    </a:lnTo>
                    <a:lnTo>
                      <a:pt x="173" y="327"/>
                    </a:lnTo>
                    <a:lnTo>
                      <a:pt x="174" y="322"/>
                    </a:lnTo>
                    <a:lnTo>
                      <a:pt x="178" y="317"/>
                    </a:lnTo>
                    <a:lnTo>
                      <a:pt x="183" y="310"/>
                    </a:lnTo>
                    <a:lnTo>
                      <a:pt x="191" y="302"/>
                    </a:lnTo>
                    <a:lnTo>
                      <a:pt x="193" y="298"/>
                    </a:lnTo>
                    <a:lnTo>
                      <a:pt x="195" y="293"/>
                    </a:lnTo>
                    <a:lnTo>
                      <a:pt x="196" y="285"/>
                    </a:lnTo>
                    <a:lnTo>
                      <a:pt x="200" y="276"/>
                    </a:lnTo>
                    <a:lnTo>
                      <a:pt x="205" y="268"/>
                    </a:lnTo>
                    <a:lnTo>
                      <a:pt x="211" y="264"/>
                    </a:lnTo>
                    <a:lnTo>
                      <a:pt x="220" y="264"/>
                    </a:lnTo>
                    <a:lnTo>
                      <a:pt x="230" y="271"/>
                    </a:lnTo>
                    <a:lnTo>
                      <a:pt x="228" y="271"/>
                    </a:lnTo>
                    <a:lnTo>
                      <a:pt x="225" y="271"/>
                    </a:lnTo>
                    <a:lnTo>
                      <a:pt x="220" y="273"/>
                    </a:lnTo>
                    <a:lnTo>
                      <a:pt x="213" y="273"/>
                    </a:lnTo>
                    <a:lnTo>
                      <a:pt x="210" y="276"/>
                    </a:lnTo>
                    <a:lnTo>
                      <a:pt x="206" y="281"/>
                    </a:lnTo>
                    <a:lnTo>
                      <a:pt x="206" y="288"/>
                    </a:lnTo>
                    <a:lnTo>
                      <a:pt x="210" y="297"/>
                    </a:lnTo>
                    <a:lnTo>
                      <a:pt x="210" y="298"/>
                    </a:lnTo>
                    <a:lnTo>
                      <a:pt x="208" y="302"/>
                    </a:lnTo>
                    <a:lnTo>
                      <a:pt x="205" y="305"/>
                    </a:lnTo>
                    <a:lnTo>
                      <a:pt x="203" y="308"/>
                    </a:lnTo>
                    <a:lnTo>
                      <a:pt x="203" y="310"/>
                    </a:lnTo>
                    <a:lnTo>
                      <a:pt x="205" y="312"/>
                    </a:lnTo>
                    <a:lnTo>
                      <a:pt x="208" y="310"/>
                    </a:lnTo>
                    <a:lnTo>
                      <a:pt x="215" y="307"/>
                    </a:lnTo>
                    <a:lnTo>
                      <a:pt x="213" y="308"/>
                    </a:lnTo>
                    <a:lnTo>
                      <a:pt x="211" y="312"/>
                    </a:lnTo>
                    <a:lnTo>
                      <a:pt x="210" y="317"/>
                    </a:lnTo>
                    <a:lnTo>
                      <a:pt x="208" y="320"/>
                    </a:lnTo>
                    <a:lnTo>
                      <a:pt x="208" y="324"/>
                    </a:lnTo>
                    <a:lnTo>
                      <a:pt x="210" y="322"/>
                    </a:lnTo>
                    <a:lnTo>
                      <a:pt x="217" y="319"/>
                    </a:lnTo>
                    <a:lnTo>
                      <a:pt x="227" y="308"/>
                    </a:lnTo>
                    <a:lnTo>
                      <a:pt x="227" y="307"/>
                    </a:lnTo>
                    <a:lnTo>
                      <a:pt x="230" y="305"/>
                    </a:lnTo>
                    <a:lnTo>
                      <a:pt x="232" y="303"/>
                    </a:lnTo>
                    <a:lnTo>
                      <a:pt x="233" y="302"/>
                    </a:lnTo>
                    <a:lnTo>
                      <a:pt x="237" y="300"/>
                    </a:lnTo>
                    <a:lnTo>
                      <a:pt x="239" y="298"/>
                    </a:lnTo>
                    <a:lnTo>
                      <a:pt x="240" y="297"/>
                    </a:lnTo>
                    <a:lnTo>
                      <a:pt x="242" y="297"/>
                    </a:lnTo>
                    <a:lnTo>
                      <a:pt x="244" y="297"/>
                    </a:lnTo>
                    <a:lnTo>
                      <a:pt x="245" y="295"/>
                    </a:lnTo>
                    <a:lnTo>
                      <a:pt x="247" y="293"/>
                    </a:lnTo>
                    <a:lnTo>
                      <a:pt x="249" y="290"/>
                    </a:lnTo>
                    <a:lnTo>
                      <a:pt x="247" y="286"/>
                    </a:lnTo>
                    <a:lnTo>
                      <a:pt x="245" y="281"/>
                    </a:lnTo>
                    <a:lnTo>
                      <a:pt x="245" y="280"/>
                    </a:lnTo>
                    <a:lnTo>
                      <a:pt x="244" y="276"/>
                    </a:lnTo>
                    <a:lnTo>
                      <a:pt x="242" y="273"/>
                    </a:lnTo>
                    <a:lnTo>
                      <a:pt x="240" y="271"/>
                    </a:lnTo>
                    <a:lnTo>
                      <a:pt x="250" y="264"/>
                    </a:lnTo>
                    <a:lnTo>
                      <a:pt x="255" y="268"/>
                    </a:lnTo>
                    <a:lnTo>
                      <a:pt x="266" y="263"/>
                    </a:lnTo>
                    <a:lnTo>
                      <a:pt x="281" y="271"/>
                    </a:lnTo>
                    <a:lnTo>
                      <a:pt x="286" y="278"/>
                    </a:lnTo>
                    <a:lnTo>
                      <a:pt x="293" y="270"/>
                    </a:lnTo>
                    <a:lnTo>
                      <a:pt x="303" y="286"/>
                    </a:lnTo>
                    <a:lnTo>
                      <a:pt x="305" y="285"/>
                    </a:lnTo>
                    <a:lnTo>
                      <a:pt x="310" y="281"/>
                    </a:lnTo>
                    <a:lnTo>
                      <a:pt x="315" y="278"/>
                    </a:lnTo>
                    <a:lnTo>
                      <a:pt x="323" y="276"/>
                    </a:lnTo>
                    <a:lnTo>
                      <a:pt x="333" y="275"/>
                    </a:lnTo>
                    <a:lnTo>
                      <a:pt x="343" y="275"/>
                    </a:lnTo>
                    <a:lnTo>
                      <a:pt x="357" y="276"/>
                    </a:lnTo>
                    <a:lnTo>
                      <a:pt x="359" y="276"/>
                    </a:lnTo>
                    <a:lnTo>
                      <a:pt x="360" y="275"/>
                    </a:lnTo>
                    <a:lnTo>
                      <a:pt x="362" y="273"/>
                    </a:lnTo>
                    <a:lnTo>
                      <a:pt x="364" y="271"/>
                    </a:lnTo>
                    <a:lnTo>
                      <a:pt x="365" y="271"/>
                    </a:lnTo>
                    <a:lnTo>
                      <a:pt x="369" y="271"/>
                    </a:lnTo>
                    <a:lnTo>
                      <a:pt x="371" y="275"/>
                    </a:lnTo>
                    <a:lnTo>
                      <a:pt x="371" y="278"/>
                    </a:lnTo>
                    <a:lnTo>
                      <a:pt x="371" y="280"/>
                    </a:lnTo>
                    <a:lnTo>
                      <a:pt x="374" y="280"/>
                    </a:lnTo>
                    <a:lnTo>
                      <a:pt x="377" y="281"/>
                    </a:lnTo>
                    <a:lnTo>
                      <a:pt x="381" y="281"/>
                    </a:lnTo>
                    <a:lnTo>
                      <a:pt x="384" y="281"/>
                    </a:lnTo>
                    <a:lnTo>
                      <a:pt x="387" y="283"/>
                    </a:lnTo>
                    <a:lnTo>
                      <a:pt x="389" y="283"/>
                    </a:lnTo>
                    <a:lnTo>
                      <a:pt x="391" y="283"/>
                    </a:lnTo>
                    <a:lnTo>
                      <a:pt x="411" y="295"/>
                    </a:lnTo>
                    <a:lnTo>
                      <a:pt x="413" y="295"/>
                    </a:lnTo>
                    <a:lnTo>
                      <a:pt x="415" y="295"/>
                    </a:lnTo>
                    <a:lnTo>
                      <a:pt x="418" y="295"/>
                    </a:lnTo>
                    <a:lnTo>
                      <a:pt x="421" y="295"/>
                    </a:lnTo>
                    <a:lnTo>
                      <a:pt x="425" y="295"/>
                    </a:lnTo>
                    <a:lnTo>
                      <a:pt x="425" y="292"/>
                    </a:lnTo>
                    <a:lnTo>
                      <a:pt x="423" y="288"/>
                    </a:lnTo>
                    <a:lnTo>
                      <a:pt x="416" y="280"/>
                    </a:lnTo>
                    <a:lnTo>
                      <a:pt x="418" y="280"/>
                    </a:lnTo>
                    <a:lnTo>
                      <a:pt x="420" y="278"/>
                    </a:lnTo>
                    <a:lnTo>
                      <a:pt x="423" y="276"/>
                    </a:lnTo>
                    <a:lnTo>
                      <a:pt x="425" y="278"/>
                    </a:lnTo>
                    <a:lnTo>
                      <a:pt x="428" y="280"/>
                    </a:lnTo>
                    <a:lnTo>
                      <a:pt x="431" y="283"/>
                    </a:lnTo>
                    <a:lnTo>
                      <a:pt x="435" y="286"/>
                    </a:lnTo>
                    <a:lnTo>
                      <a:pt x="438" y="288"/>
                    </a:lnTo>
                    <a:lnTo>
                      <a:pt x="438" y="286"/>
                    </a:lnTo>
                    <a:lnTo>
                      <a:pt x="435" y="281"/>
                    </a:lnTo>
                    <a:lnTo>
                      <a:pt x="430" y="271"/>
                    </a:lnTo>
                    <a:lnTo>
                      <a:pt x="428" y="270"/>
                    </a:lnTo>
                    <a:lnTo>
                      <a:pt x="430" y="266"/>
                    </a:lnTo>
                    <a:lnTo>
                      <a:pt x="430" y="264"/>
                    </a:lnTo>
                    <a:lnTo>
                      <a:pt x="431" y="264"/>
                    </a:lnTo>
                    <a:lnTo>
                      <a:pt x="445" y="283"/>
                    </a:lnTo>
                    <a:lnTo>
                      <a:pt x="455" y="280"/>
                    </a:lnTo>
                    <a:lnTo>
                      <a:pt x="455" y="281"/>
                    </a:lnTo>
                    <a:lnTo>
                      <a:pt x="457" y="281"/>
                    </a:lnTo>
                    <a:lnTo>
                      <a:pt x="460" y="283"/>
                    </a:lnTo>
                    <a:lnTo>
                      <a:pt x="462" y="286"/>
                    </a:lnTo>
                    <a:lnTo>
                      <a:pt x="465" y="290"/>
                    </a:lnTo>
                    <a:lnTo>
                      <a:pt x="469" y="295"/>
                    </a:lnTo>
                    <a:lnTo>
                      <a:pt x="472" y="300"/>
                    </a:lnTo>
                    <a:lnTo>
                      <a:pt x="475" y="305"/>
                    </a:lnTo>
                    <a:lnTo>
                      <a:pt x="479" y="312"/>
                    </a:lnTo>
                    <a:lnTo>
                      <a:pt x="482" y="314"/>
                    </a:lnTo>
                    <a:lnTo>
                      <a:pt x="484" y="314"/>
                    </a:lnTo>
                    <a:lnTo>
                      <a:pt x="486" y="312"/>
                    </a:lnTo>
                    <a:lnTo>
                      <a:pt x="487" y="310"/>
                    </a:lnTo>
                    <a:lnTo>
                      <a:pt x="487" y="308"/>
                    </a:lnTo>
                    <a:lnTo>
                      <a:pt x="487" y="307"/>
                    </a:lnTo>
                    <a:lnTo>
                      <a:pt x="509" y="322"/>
                    </a:lnTo>
                    <a:lnTo>
                      <a:pt x="508" y="325"/>
                    </a:lnTo>
                    <a:lnTo>
                      <a:pt x="508" y="327"/>
                    </a:lnTo>
                    <a:lnTo>
                      <a:pt x="508" y="330"/>
                    </a:lnTo>
                    <a:lnTo>
                      <a:pt x="508" y="332"/>
                    </a:lnTo>
                    <a:lnTo>
                      <a:pt x="509" y="332"/>
                    </a:lnTo>
                    <a:lnTo>
                      <a:pt x="514" y="329"/>
                    </a:lnTo>
                    <a:lnTo>
                      <a:pt x="519" y="324"/>
                    </a:lnTo>
                    <a:lnTo>
                      <a:pt x="521" y="322"/>
                    </a:lnTo>
                    <a:lnTo>
                      <a:pt x="523" y="322"/>
                    </a:lnTo>
                    <a:lnTo>
                      <a:pt x="525" y="324"/>
                    </a:lnTo>
                    <a:lnTo>
                      <a:pt x="528" y="325"/>
                    </a:lnTo>
                    <a:lnTo>
                      <a:pt x="531" y="330"/>
                    </a:lnTo>
                    <a:lnTo>
                      <a:pt x="535" y="339"/>
                    </a:lnTo>
                    <a:lnTo>
                      <a:pt x="536" y="341"/>
                    </a:lnTo>
                    <a:lnTo>
                      <a:pt x="538" y="344"/>
                    </a:lnTo>
                    <a:lnTo>
                      <a:pt x="540" y="347"/>
                    </a:lnTo>
                    <a:lnTo>
                      <a:pt x="541" y="349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56" name="Freeform 79"/>
              <p:cNvSpPr>
                <a:spLocks/>
              </p:cNvSpPr>
              <p:nvPr/>
            </p:nvSpPr>
            <p:spPr bwMode="auto">
              <a:xfrm>
                <a:off x="1085" y="3327"/>
                <a:ext cx="27" cy="22"/>
              </a:xfrm>
              <a:custGeom>
                <a:avLst/>
                <a:gdLst>
                  <a:gd name="T0" fmla="*/ 0 w 27"/>
                  <a:gd name="T1" fmla="*/ 10 h 22"/>
                  <a:gd name="T2" fmla="*/ 0 w 27"/>
                  <a:gd name="T3" fmla="*/ 7 h 22"/>
                  <a:gd name="T4" fmla="*/ 2 w 27"/>
                  <a:gd name="T5" fmla="*/ 4 h 22"/>
                  <a:gd name="T6" fmla="*/ 14 w 27"/>
                  <a:gd name="T7" fmla="*/ 0 h 22"/>
                  <a:gd name="T8" fmla="*/ 27 w 27"/>
                  <a:gd name="T9" fmla="*/ 14 h 22"/>
                  <a:gd name="T10" fmla="*/ 22 w 27"/>
                  <a:gd name="T11" fmla="*/ 15 h 22"/>
                  <a:gd name="T12" fmla="*/ 22 w 27"/>
                  <a:gd name="T13" fmla="*/ 15 h 22"/>
                  <a:gd name="T14" fmla="*/ 17 w 27"/>
                  <a:gd name="T15" fmla="*/ 10 h 22"/>
                  <a:gd name="T16" fmla="*/ 12 w 27"/>
                  <a:gd name="T17" fmla="*/ 14 h 22"/>
                  <a:gd name="T18" fmla="*/ 17 w 27"/>
                  <a:gd name="T19" fmla="*/ 19 h 22"/>
                  <a:gd name="T20" fmla="*/ 14 w 27"/>
                  <a:gd name="T21" fmla="*/ 22 h 22"/>
                  <a:gd name="T22" fmla="*/ 0 w 27"/>
                  <a:gd name="T23" fmla="*/ 10 h 22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w 27"/>
                  <a:gd name="T37" fmla="*/ 0 h 22"/>
                  <a:gd name="T38" fmla="*/ 27 w 27"/>
                  <a:gd name="T39" fmla="*/ 22 h 22"/>
                </a:gdLst>
                <a:ahLst/>
                <a:cxnLst>
                  <a:cxn ang="T24">
                    <a:pos x="T0" y="T1"/>
                  </a:cxn>
                  <a:cxn ang="T25">
                    <a:pos x="T2" y="T3"/>
                  </a:cxn>
                  <a:cxn ang="T26">
                    <a:pos x="T4" y="T5"/>
                  </a:cxn>
                  <a:cxn ang="T27">
                    <a:pos x="T6" y="T7"/>
                  </a:cxn>
                  <a:cxn ang="T28">
                    <a:pos x="T8" y="T9"/>
                  </a:cxn>
                  <a:cxn ang="T29">
                    <a:pos x="T10" y="T11"/>
                  </a:cxn>
                  <a:cxn ang="T30">
                    <a:pos x="T12" y="T13"/>
                  </a:cxn>
                  <a:cxn ang="T31">
                    <a:pos x="T14" y="T15"/>
                  </a:cxn>
                  <a:cxn ang="T32">
                    <a:pos x="T16" y="T17"/>
                  </a:cxn>
                  <a:cxn ang="T33">
                    <a:pos x="T18" y="T19"/>
                  </a:cxn>
                  <a:cxn ang="T34">
                    <a:pos x="T20" y="T21"/>
                  </a:cxn>
                  <a:cxn ang="T35">
                    <a:pos x="T22" y="T23"/>
                  </a:cxn>
                </a:cxnLst>
                <a:rect l="T36" t="T37" r="T38" b="T39"/>
                <a:pathLst>
                  <a:path w="27" h="22">
                    <a:moveTo>
                      <a:pt x="0" y="10"/>
                    </a:moveTo>
                    <a:lnTo>
                      <a:pt x="0" y="7"/>
                    </a:lnTo>
                    <a:lnTo>
                      <a:pt x="2" y="4"/>
                    </a:lnTo>
                    <a:lnTo>
                      <a:pt x="14" y="0"/>
                    </a:lnTo>
                    <a:lnTo>
                      <a:pt x="27" y="14"/>
                    </a:lnTo>
                    <a:lnTo>
                      <a:pt x="22" y="15"/>
                    </a:lnTo>
                    <a:lnTo>
                      <a:pt x="17" y="10"/>
                    </a:lnTo>
                    <a:lnTo>
                      <a:pt x="12" y="14"/>
                    </a:lnTo>
                    <a:lnTo>
                      <a:pt x="17" y="19"/>
                    </a:lnTo>
                    <a:lnTo>
                      <a:pt x="14" y="22"/>
                    </a:lnTo>
                    <a:lnTo>
                      <a:pt x="0" y="1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57" name="Freeform 80"/>
              <p:cNvSpPr>
                <a:spLocks/>
              </p:cNvSpPr>
              <p:nvPr/>
            </p:nvSpPr>
            <p:spPr bwMode="auto">
              <a:xfrm>
                <a:off x="1085" y="3327"/>
                <a:ext cx="27" cy="22"/>
              </a:xfrm>
              <a:custGeom>
                <a:avLst/>
                <a:gdLst>
                  <a:gd name="T0" fmla="*/ 0 w 27"/>
                  <a:gd name="T1" fmla="*/ 10 h 22"/>
                  <a:gd name="T2" fmla="*/ 0 w 27"/>
                  <a:gd name="T3" fmla="*/ 7 h 22"/>
                  <a:gd name="T4" fmla="*/ 2 w 27"/>
                  <a:gd name="T5" fmla="*/ 4 h 22"/>
                  <a:gd name="T6" fmla="*/ 14 w 27"/>
                  <a:gd name="T7" fmla="*/ 0 h 22"/>
                  <a:gd name="T8" fmla="*/ 27 w 27"/>
                  <a:gd name="T9" fmla="*/ 14 h 22"/>
                  <a:gd name="T10" fmla="*/ 22 w 27"/>
                  <a:gd name="T11" fmla="*/ 15 h 22"/>
                  <a:gd name="T12" fmla="*/ 22 w 27"/>
                  <a:gd name="T13" fmla="*/ 15 h 22"/>
                  <a:gd name="T14" fmla="*/ 17 w 27"/>
                  <a:gd name="T15" fmla="*/ 10 h 22"/>
                  <a:gd name="T16" fmla="*/ 12 w 27"/>
                  <a:gd name="T17" fmla="*/ 14 h 22"/>
                  <a:gd name="T18" fmla="*/ 17 w 27"/>
                  <a:gd name="T19" fmla="*/ 19 h 22"/>
                  <a:gd name="T20" fmla="*/ 14 w 27"/>
                  <a:gd name="T21" fmla="*/ 22 h 22"/>
                  <a:gd name="T22" fmla="*/ 0 w 27"/>
                  <a:gd name="T23" fmla="*/ 10 h 22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w 27"/>
                  <a:gd name="T37" fmla="*/ 0 h 22"/>
                  <a:gd name="T38" fmla="*/ 27 w 27"/>
                  <a:gd name="T39" fmla="*/ 22 h 22"/>
                </a:gdLst>
                <a:ahLst/>
                <a:cxnLst>
                  <a:cxn ang="T24">
                    <a:pos x="T0" y="T1"/>
                  </a:cxn>
                  <a:cxn ang="T25">
                    <a:pos x="T2" y="T3"/>
                  </a:cxn>
                  <a:cxn ang="T26">
                    <a:pos x="T4" y="T5"/>
                  </a:cxn>
                  <a:cxn ang="T27">
                    <a:pos x="T6" y="T7"/>
                  </a:cxn>
                  <a:cxn ang="T28">
                    <a:pos x="T8" y="T9"/>
                  </a:cxn>
                  <a:cxn ang="T29">
                    <a:pos x="T10" y="T11"/>
                  </a:cxn>
                  <a:cxn ang="T30">
                    <a:pos x="T12" y="T13"/>
                  </a:cxn>
                  <a:cxn ang="T31">
                    <a:pos x="T14" y="T15"/>
                  </a:cxn>
                  <a:cxn ang="T32">
                    <a:pos x="T16" y="T17"/>
                  </a:cxn>
                  <a:cxn ang="T33">
                    <a:pos x="T18" y="T19"/>
                  </a:cxn>
                  <a:cxn ang="T34">
                    <a:pos x="T20" y="T21"/>
                  </a:cxn>
                  <a:cxn ang="T35">
                    <a:pos x="T22" y="T23"/>
                  </a:cxn>
                </a:cxnLst>
                <a:rect l="T36" t="T37" r="T38" b="T39"/>
                <a:pathLst>
                  <a:path w="27" h="22">
                    <a:moveTo>
                      <a:pt x="0" y="10"/>
                    </a:moveTo>
                    <a:lnTo>
                      <a:pt x="0" y="7"/>
                    </a:lnTo>
                    <a:lnTo>
                      <a:pt x="2" y="4"/>
                    </a:lnTo>
                    <a:lnTo>
                      <a:pt x="14" y="0"/>
                    </a:lnTo>
                    <a:lnTo>
                      <a:pt x="27" y="14"/>
                    </a:lnTo>
                    <a:lnTo>
                      <a:pt x="22" y="15"/>
                    </a:lnTo>
                    <a:lnTo>
                      <a:pt x="17" y="10"/>
                    </a:lnTo>
                    <a:lnTo>
                      <a:pt x="12" y="14"/>
                    </a:lnTo>
                    <a:lnTo>
                      <a:pt x="17" y="19"/>
                    </a:lnTo>
                    <a:lnTo>
                      <a:pt x="14" y="22"/>
                    </a:lnTo>
                    <a:lnTo>
                      <a:pt x="0" y="1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58" name="Freeform 81"/>
              <p:cNvSpPr>
                <a:spLocks/>
              </p:cNvSpPr>
              <p:nvPr/>
            </p:nvSpPr>
            <p:spPr bwMode="auto">
              <a:xfrm>
                <a:off x="1107" y="3348"/>
                <a:ext cx="21" cy="23"/>
              </a:xfrm>
              <a:custGeom>
                <a:avLst/>
                <a:gdLst>
                  <a:gd name="T0" fmla="*/ 5 w 21"/>
                  <a:gd name="T1" fmla="*/ 0 h 23"/>
                  <a:gd name="T2" fmla="*/ 0 w 21"/>
                  <a:gd name="T3" fmla="*/ 3 h 23"/>
                  <a:gd name="T4" fmla="*/ 11 w 21"/>
                  <a:gd name="T5" fmla="*/ 16 h 23"/>
                  <a:gd name="T6" fmla="*/ 21 w 21"/>
                  <a:gd name="T7" fmla="*/ 23 h 23"/>
                  <a:gd name="T8" fmla="*/ 14 w 21"/>
                  <a:gd name="T9" fmla="*/ 6 h 23"/>
                  <a:gd name="T10" fmla="*/ 5 w 21"/>
                  <a:gd name="T11" fmla="*/ 0 h 23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21"/>
                  <a:gd name="T19" fmla="*/ 0 h 23"/>
                  <a:gd name="T20" fmla="*/ 21 w 21"/>
                  <a:gd name="T21" fmla="*/ 23 h 23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21" h="23">
                    <a:moveTo>
                      <a:pt x="5" y="0"/>
                    </a:moveTo>
                    <a:lnTo>
                      <a:pt x="0" y="3"/>
                    </a:lnTo>
                    <a:lnTo>
                      <a:pt x="11" y="16"/>
                    </a:lnTo>
                    <a:lnTo>
                      <a:pt x="21" y="23"/>
                    </a:lnTo>
                    <a:lnTo>
                      <a:pt x="14" y="6"/>
                    </a:lnTo>
                    <a:lnTo>
                      <a:pt x="5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59" name="Freeform 82"/>
              <p:cNvSpPr>
                <a:spLocks/>
              </p:cNvSpPr>
              <p:nvPr/>
            </p:nvSpPr>
            <p:spPr bwMode="auto">
              <a:xfrm>
                <a:off x="1107" y="3348"/>
                <a:ext cx="21" cy="23"/>
              </a:xfrm>
              <a:custGeom>
                <a:avLst/>
                <a:gdLst>
                  <a:gd name="T0" fmla="*/ 5 w 21"/>
                  <a:gd name="T1" fmla="*/ 0 h 23"/>
                  <a:gd name="T2" fmla="*/ 0 w 21"/>
                  <a:gd name="T3" fmla="*/ 3 h 23"/>
                  <a:gd name="T4" fmla="*/ 11 w 21"/>
                  <a:gd name="T5" fmla="*/ 16 h 23"/>
                  <a:gd name="T6" fmla="*/ 21 w 21"/>
                  <a:gd name="T7" fmla="*/ 23 h 23"/>
                  <a:gd name="T8" fmla="*/ 14 w 21"/>
                  <a:gd name="T9" fmla="*/ 6 h 23"/>
                  <a:gd name="T10" fmla="*/ 5 w 21"/>
                  <a:gd name="T11" fmla="*/ 0 h 23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21"/>
                  <a:gd name="T19" fmla="*/ 0 h 23"/>
                  <a:gd name="T20" fmla="*/ 21 w 21"/>
                  <a:gd name="T21" fmla="*/ 23 h 23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21" h="23">
                    <a:moveTo>
                      <a:pt x="5" y="0"/>
                    </a:moveTo>
                    <a:lnTo>
                      <a:pt x="0" y="3"/>
                    </a:lnTo>
                    <a:lnTo>
                      <a:pt x="11" y="16"/>
                    </a:lnTo>
                    <a:lnTo>
                      <a:pt x="21" y="23"/>
                    </a:lnTo>
                    <a:lnTo>
                      <a:pt x="14" y="6"/>
                    </a:lnTo>
                    <a:lnTo>
                      <a:pt x="5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60" name="Freeform 83"/>
              <p:cNvSpPr>
                <a:spLocks/>
              </p:cNvSpPr>
              <p:nvPr/>
            </p:nvSpPr>
            <p:spPr bwMode="auto">
              <a:xfrm>
                <a:off x="1107" y="3322"/>
                <a:ext cx="19" cy="24"/>
              </a:xfrm>
              <a:custGeom>
                <a:avLst/>
                <a:gdLst>
                  <a:gd name="T0" fmla="*/ 4 w 19"/>
                  <a:gd name="T1" fmla="*/ 0 h 24"/>
                  <a:gd name="T2" fmla="*/ 19 w 19"/>
                  <a:gd name="T3" fmla="*/ 15 h 24"/>
                  <a:gd name="T4" fmla="*/ 17 w 19"/>
                  <a:gd name="T5" fmla="*/ 24 h 24"/>
                  <a:gd name="T6" fmla="*/ 11 w 19"/>
                  <a:gd name="T7" fmla="*/ 22 h 24"/>
                  <a:gd name="T8" fmla="*/ 11 w 19"/>
                  <a:gd name="T9" fmla="*/ 15 h 24"/>
                  <a:gd name="T10" fmla="*/ 0 w 19"/>
                  <a:gd name="T11" fmla="*/ 2 h 24"/>
                  <a:gd name="T12" fmla="*/ 4 w 19"/>
                  <a:gd name="T13" fmla="*/ 0 h 24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w 19"/>
                  <a:gd name="T22" fmla="*/ 0 h 24"/>
                  <a:gd name="T23" fmla="*/ 19 w 19"/>
                  <a:gd name="T24" fmla="*/ 24 h 24"/>
                </a:gdLst>
                <a:ahLst/>
                <a:cxnLst>
                  <a:cxn ang="T14">
                    <a:pos x="T0" y="T1"/>
                  </a:cxn>
                  <a:cxn ang="T15">
                    <a:pos x="T2" y="T3"/>
                  </a:cxn>
                  <a:cxn ang="T16">
                    <a:pos x="T4" y="T5"/>
                  </a:cxn>
                  <a:cxn ang="T17">
                    <a:pos x="T6" y="T7"/>
                  </a:cxn>
                  <a:cxn ang="T18">
                    <a:pos x="T8" y="T9"/>
                  </a:cxn>
                  <a:cxn ang="T19">
                    <a:pos x="T10" y="T11"/>
                  </a:cxn>
                  <a:cxn ang="T20">
                    <a:pos x="T12" y="T13"/>
                  </a:cxn>
                </a:cxnLst>
                <a:rect l="T21" t="T22" r="T23" b="T24"/>
                <a:pathLst>
                  <a:path w="19" h="24">
                    <a:moveTo>
                      <a:pt x="4" y="0"/>
                    </a:moveTo>
                    <a:lnTo>
                      <a:pt x="19" y="15"/>
                    </a:lnTo>
                    <a:lnTo>
                      <a:pt x="17" y="24"/>
                    </a:lnTo>
                    <a:lnTo>
                      <a:pt x="11" y="22"/>
                    </a:lnTo>
                    <a:lnTo>
                      <a:pt x="11" y="15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61" name="Freeform 84"/>
              <p:cNvSpPr>
                <a:spLocks/>
              </p:cNvSpPr>
              <p:nvPr/>
            </p:nvSpPr>
            <p:spPr bwMode="auto">
              <a:xfrm>
                <a:off x="1107" y="3322"/>
                <a:ext cx="19" cy="24"/>
              </a:xfrm>
              <a:custGeom>
                <a:avLst/>
                <a:gdLst>
                  <a:gd name="T0" fmla="*/ 4 w 19"/>
                  <a:gd name="T1" fmla="*/ 0 h 24"/>
                  <a:gd name="T2" fmla="*/ 19 w 19"/>
                  <a:gd name="T3" fmla="*/ 15 h 24"/>
                  <a:gd name="T4" fmla="*/ 17 w 19"/>
                  <a:gd name="T5" fmla="*/ 24 h 24"/>
                  <a:gd name="T6" fmla="*/ 11 w 19"/>
                  <a:gd name="T7" fmla="*/ 22 h 24"/>
                  <a:gd name="T8" fmla="*/ 11 w 19"/>
                  <a:gd name="T9" fmla="*/ 15 h 24"/>
                  <a:gd name="T10" fmla="*/ 0 w 19"/>
                  <a:gd name="T11" fmla="*/ 2 h 24"/>
                  <a:gd name="T12" fmla="*/ 4 w 19"/>
                  <a:gd name="T13" fmla="*/ 0 h 24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w 19"/>
                  <a:gd name="T22" fmla="*/ 0 h 24"/>
                  <a:gd name="T23" fmla="*/ 19 w 19"/>
                  <a:gd name="T24" fmla="*/ 24 h 24"/>
                </a:gdLst>
                <a:ahLst/>
                <a:cxnLst>
                  <a:cxn ang="T14">
                    <a:pos x="T0" y="T1"/>
                  </a:cxn>
                  <a:cxn ang="T15">
                    <a:pos x="T2" y="T3"/>
                  </a:cxn>
                  <a:cxn ang="T16">
                    <a:pos x="T4" y="T5"/>
                  </a:cxn>
                  <a:cxn ang="T17">
                    <a:pos x="T6" y="T7"/>
                  </a:cxn>
                  <a:cxn ang="T18">
                    <a:pos x="T8" y="T9"/>
                  </a:cxn>
                  <a:cxn ang="T19">
                    <a:pos x="T10" y="T11"/>
                  </a:cxn>
                  <a:cxn ang="T20">
                    <a:pos x="T12" y="T13"/>
                  </a:cxn>
                </a:cxnLst>
                <a:rect l="T21" t="T22" r="T23" b="T24"/>
                <a:pathLst>
                  <a:path w="19" h="24">
                    <a:moveTo>
                      <a:pt x="4" y="0"/>
                    </a:moveTo>
                    <a:lnTo>
                      <a:pt x="19" y="15"/>
                    </a:lnTo>
                    <a:lnTo>
                      <a:pt x="17" y="24"/>
                    </a:lnTo>
                    <a:lnTo>
                      <a:pt x="11" y="22"/>
                    </a:lnTo>
                    <a:lnTo>
                      <a:pt x="11" y="15"/>
                    </a:lnTo>
                    <a:lnTo>
                      <a:pt x="0" y="2"/>
                    </a:lnTo>
                    <a:lnTo>
                      <a:pt x="4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62" name="Freeform 85"/>
              <p:cNvSpPr>
                <a:spLocks/>
              </p:cNvSpPr>
              <p:nvPr/>
            </p:nvSpPr>
            <p:spPr bwMode="auto">
              <a:xfrm>
                <a:off x="1153" y="3370"/>
                <a:ext cx="27" cy="25"/>
              </a:xfrm>
              <a:custGeom>
                <a:avLst/>
                <a:gdLst>
                  <a:gd name="T0" fmla="*/ 2 w 27"/>
                  <a:gd name="T1" fmla="*/ 0 h 25"/>
                  <a:gd name="T2" fmla="*/ 10 w 27"/>
                  <a:gd name="T3" fmla="*/ 1 h 25"/>
                  <a:gd name="T4" fmla="*/ 27 w 27"/>
                  <a:gd name="T5" fmla="*/ 20 h 25"/>
                  <a:gd name="T6" fmla="*/ 24 w 27"/>
                  <a:gd name="T7" fmla="*/ 25 h 25"/>
                  <a:gd name="T8" fmla="*/ 14 w 27"/>
                  <a:gd name="T9" fmla="*/ 16 h 25"/>
                  <a:gd name="T10" fmla="*/ 7 w 27"/>
                  <a:gd name="T11" fmla="*/ 15 h 25"/>
                  <a:gd name="T12" fmla="*/ 0 w 27"/>
                  <a:gd name="T13" fmla="*/ 6 h 25"/>
                  <a:gd name="T14" fmla="*/ 2 w 27"/>
                  <a:gd name="T15" fmla="*/ 0 h 2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7"/>
                  <a:gd name="T25" fmla="*/ 0 h 25"/>
                  <a:gd name="T26" fmla="*/ 27 w 27"/>
                  <a:gd name="T27" fmla="*/ 25 h 2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7" h="25">
                    <a:moveTo>
                      <a:pt x="2" y="0"/>
                    </a:moveTo>
                    <a:lnTo>
                      <a:pt x="10" y="1"/>
                    </a:lnTo>
                    <a:lnTo>
                      <a:pt x="27" y="20"/>
                    </a:lnTo>
                    <a:lnTo>
                      <a:pt x="24" y="25"/>
                    </a:lnTo>
                    <a:lnTo>
                      <a:pt x="14" y="16"/>
                    </a:lnTo>
                    <a:lnTo>
                      <a:pt x="7" y="15"/>
                    </a:lnTo>
                    <a:lnTo>
                      <a:pt x="0" y="6"/>
                    </a:lnTo>
                    <a:lnTo>
                      <a:pt x="2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63" name="Freeform 86"/>
              <p:cNvSpPr>
                <a:spLocks/>
              </p:cNvSpPr>
              <p:nvPr/>
            </p:nvSpPr>
            <p:spPr bwMode="auto">
              <a:xfrm>
                <a:off x="1153" y="3370"/>
                <a:ext cx="27" cy="25"/>
              </a:xfrm>
              <a:custGeom>
                <a:avLst/>
                <a:gdLst>
                  <a:gd name="T0" fmla="*/ 2 w 27"/>
                  <a:gd name="T1" fmla="*/ 0 h 25"/>
                  <a:gd name="T2" fmla="*/ 10 w 27"/>
                  <a:gd name="T3" fmla="*/ 1 h 25"/>
                  <a:gd name="T4" fmla="*/ 27 w 27"/>
                  <a:gd name="T5" fmla="*/ 20 h 25"/>
                  <a:gd name="T6" fmla="*/ 24 w 27"/>
                  <a:gd name="T7" fmla="*/ 25 h 25"/>
                  <a:gd name="T8" fmla="*/ 14 w 27"/>
                  <a:gd name="T9" fmla="*/ 16 h 25"/>
                  <a:gd name="T10" fmla="*/ 7 w 27"/>
                  <a:gd name="T11" fmla="*/ 15 h 25"/>
                  <a:gd name="T12" fmla="*/ 0 w 27"/>
                  <a:gd name="T13" fmla="*/ 6 h 25"/>
                  <a:gd name="T14" fmla="*/ 2 w 27"/>
                  <a:gd name="T15" fmla="*/ 0 h 2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7"/>
                  <a:gd name="T25" fmla="*/ 0 h 25"/>
                  <a:gd name="T26" fmla="*/ 27 w 27"/>
                  <a:gd name="T27" fmla="*/ 25 h 2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7" h="25">
                    <a:moveTo>
                      <a:pt x="2" y="0"/>
                    </a:moveTo>
                    <a:lnTo>
                      <a:pt x="10" y="1"/>
                    </a:lnTo>
                    <a:lnTo>
                      <a:pt x="27" y="20"/>
                    </a:lnTo>
                    <a:lnTo>
                      <a:pt x="24" y="25"/>
                    </a:lnTo>
                    <a:lnTo>
                      <a:pt x="14" y="16"/>
                    </a:lnTo>
                    <a:lnTo>
                      <a:pt x="7" y="15"/>
                    </a:lnTo>
                    <a:lnTo>
                      <a:pt x="0" y="6"/>
                    </a:lnTo>
                    <a:lnTo>
                      <a:pt x="2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64" name="Freeform 87"/>
              <p:cNvSpPr>
                <a:spLocks/>
              </p:cNvSpPr>
              <p:nvPr/>
            </p:nvSpPr>
            <p:spPr bwMode="auto">
              <a:xfrm>
                <a:off x="1175" y="3412"/>
                <a:ext cx="25" cy="20"/>
              </a:xfrm>
              <a:custGeom>
                <a:avLst/>
                <a:gdLst>
                  <a:gd name="T0" fmla="*/ 0 w 25"/>
                  <a:gd name="T1" fmla="*/ 2 h 20"/>
                  <a:gd name="T2" fmla="*/ 12 w 25"/>
                  <a:gd name="T3" fmla="*/ 2 h 20"/>
                  <a:gd name="T4" fmla="*/ 12 w 25"/>
                  <a:gd name="T5" fmla="*/ 12 h 20"/>
                  <a:gd name="T6" fmla="*/ 19 w 25"/>
                  <a:gd name="T7" fmla="*/ 10 h 20"/>
                  <a:gd name="T8" fmla="*/ 17 w 25"/>
                  <a:gd name="T9" fmla="*/ 0 h 20"/>
                  <a:gd name="T10" fmla="*/ 19 w 25"/>
                  <a:gd name="T11" fmla="*/ 0 h 20"/>
                  <a:gd name="T12" fmla="*/ 20 w 25"/>
                  <a:gd name="T13" fmla="*/ 2 h 20"/>
                  <a:gd name="T14" fmla="*/ 22 w 25"/>
                  <a:gd name="T15" fmla="*/ 3 h 20"/>
                  <a:gd name="T16" fmla="*/ 24 w 25"/>
                  <a:gd name="T17" fmla="*/ 5 h 20"/>
                  <a:gd name="T18" fmla="*/ 25 w 25"/>
                  <a:gd name="T19" fmla="*/ 8 h 20"/>
                  <a:gd name="T20" fmla="*/ 25 w 25"/>
                  <a:gd name="T21" fmla="*/ 12 h 20"/>
                  <a:gd name="T22" fmla="*/ 24 w 25"/>
                  <a:gd name="T23" fmla="*/ 15 h 20"/>
                  <a:gd name="T24" fmla="*/ 22 w 25"/>
                  <a:gd name="T25" fmla="*/ 20 h 20"/>
                  <a:gd name="T26" fmla="*/ 20 w 25"/>
                  <a:gd name="T27" fmla="*/ 20 h 20"/>
                  <a:gd name="T28" fmla="*/ 19 w 25"/>
                  <a:gd name="T29" fmla="*/ 20 h 20"/>
                  <a:gd name="T30" fmla="*/ 17 w 25"/>
                  <a:gd name="T31" fmla="*/ 20 h 20"/>
                  <a:gd name="T32" fmla="*/ 14 w 25"/>
                  <a:gd name="T33" fmla="*/ 18 h 20"/>
                  <a:gd name="T34" fmla="*/ 12 w 25"/>
                  <a:gd name="T35" fmla="*/ 18 h 20"/>
                  <a:gd name="T36" fmla="*/ 10 w 25"/>
                  <a:gd name="T37" fmla="*/ 18 h 20"/>
                  <a:gd name="T38" fmla="*/ 9 w 25"/>
                  <a:gd name="T39" fmla="*/ 18 h 20"/>
                  <a:gd name="T40" fmla="*/ 9 w 25"/>
                  <a:gd name="T41" fmla="*/ 18 h 20"/>
                  <a:gd name="T42" fmla="*/ 2 w 25"/>
                  <a:gd name="T43" fmla="*/ 10 h 20"/>
                  <a:gd name="T44" fmla="*/ 0 w 25"/>
                  <a:gd name="T45" fmla="*/ 2 h 20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w 25"/>
                  <a:gd name="T70" fmla="*/ 0 h 20"/>
                  <a:gd name="T71" fmla="*/ 25 w 25"/>
                  <a:gd name="T72" fmla="*/ 20 h 20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T69" t="T70" r="T71" b="T72"/>
                <a:pathLst>
                  <a:path w="25" h="20">
                    <a:moveTo>
                      <a:pt x="0" y="2"/>
                    </a:moveTo>
                    <a:lnTo>
                      <a:pt x="12" y="2"/>
                    </a:lnTo>
                    <a:lnTo>
                      <a:pt x="12" y="12"/>
                    </a:lnTo>
                    <a:lnTo>
                      <a:pt x="19" y="10"/>
                    </a:lnTo>
                    <a:lnTo>
                      <a:pt x="17" y="0"/>
                    </a:lnTo>
                    <a:lnTo>
                      <a:pt x="19" y="0"/>
                    </a:lnTo>
                    <a:lnTo>
                      <a:pt x="20" y="2"/>
                    </a:lnTo>
                    <a:lnTo>
                      <a:pt x="22" y="3"/>
                    </a:lnTo>
                    <a:lnTo>
                      <a:pt x="24" y="5"/>
                    </a:lnTo>
                    <a:lnTo>
                      <a:pt x="25" y="8"/>
                    </a:lnTo>
                    <a:lnTo>
                      <a:pt x="25" y="12"/>
                    </a:lnTo>
                    <a:lnTo>
                      <a:pt x="24" y="15"/>
                    </a:lnTo>
                    <a:lnTo>
                      <a:pt x="22" y="20"/>
                    </a:lnTo>
                    <a:lnTo>
                      <a:pt x="20" y="20"/>
                    </a:lnTo>
                    <a:lnTo>
                      <a:pt x="19" y="20"/>
                    </a:lnTo>
                    <a:lnTo>
                      <a:pt x="17" y="20"/>
                    </a:lnTo>
                    <a:lnTo>
                      <a:pt x="14" y="18"/>
                    </a:lnTo>
                    <a:lnTo>
                      <a:pt x="12" y="18"/>
                    </a:lnTo>
                    <a:lnTo>
                      <a:pt x="10" y="18"/>
                    </a:lnTo>
                    <a:lnTo>
                      <a:pt x="9" y="18"/>
                    </a:lnTo>
                    <a:lnTo>
                      <a:pt x="2" y="10"/>
                    </a:lnTo>
                    <a:lnTo>
                      <a:pt x="0" y="2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65" name="Freeform 88"/>
              <p:cNvSpPr>
                <a:spLocks/>
              </p:cNvSpPr>
              <p:nvPr/>
            </p:nvSpPr>
            <p:spPr bwMode="auto">
              <a:xfrm>
                <a:off x="1175" y="3412"/>
                <a:ext cx="25" cy="20"/>
              </a:xfrm>
              <a:custGeom>
                <a:avLst/>
                <a:gdLst>
                  <a:gd name="T0" fmla="*/ 0 w 25"/>
                  <a:gd name="T1" fmla="*/ 2 h 20"/>
                  <a:gd name="T2" fmla="*/ 12 w 25"/>
                  <a:gd name="T3" fmla="*/ 2 h 20"/>
                  <a:gd name="T4" fmla="*/ 12 w 25"/>
                  <a:gd name="T5" fmla="*/ 12 h 20"/>
                  <a:gd name="T6" fmla="*/ 19 w 25"/>
                  <a:gd name="T7" fmla="*/ 10 h 20"/>
                  <a:gd name="T8" fmla="*/ 17 w 25"/>
                  <a:gd name="T9" fmla="*/ 0 h 20"/>
                  <a:gd name="T10" fmla="*/ 17 w 25"/>
                  <a:gd name="T11" fmla="*/ 0 h 20"/>
                  <a:gd name="T12" fmla="*/ 19 w 25"/>
                  <a:gd name="T13" fmla="*/ 0 h 20"/>
                  <a:gd name="T14" fmla="*/ 20 w 25"/>
                  <a:gd name="T15" fmla="*/ 2 h 20"/>
                  <a:gd name="T16" fmla="*/ 22 w 25"/>
                  <a:gd name="T17" fmla="*/ 3 h 20"/>
                  <a:gd name="T18" fmla="*/ 24 w 25"/>
                  <a:gd name="T19" fmla="*/ 5 h 20"/>
                  <a:gd name="T20" fmla="*/ 25 w 25"/>
                  <a:gd name="T21" fmla="*/ 8 h 20"/>
                  <a:gd name="T22" fmla="*/ 25 w 25"/>
                  <a:gd name="T23" fmla="*/ 12 h 20"/>
                  <a:gd name="T24" fmla="*/ 24 w 25"/>
                  <a:gd name="T25" fmla="*/ 15 h 20"/>
                  <a:gd name="T26" fmla="*/ 22 w 25"/>
                  <a:gd name="T27" fmla="*/ 20 h 20"/>
                  <a:gd name="T28" fmla="*/ 22 w 25"/>
                  <a:gd name="T29" fmla="*/ 20 h 20"/>
                  <a:gd name="T30" fmla="*/ 20 w 25"/>
                  <a:gd name="T31" fmla="*/ 20 h 20"/>
                  <a:gd name="T32" fmla="*/ 19 w 25"/>
                  <a:gd name="T33" fmla="*/ 20 h 20"/>
                  <a:gd name="T34" fmla="*/ 17 w 25"/>
                  <a:gd name="T35" fmla="*/ 20 h 20"/>
                  <a:gd name="T36" fmla="*/ 14 w 25"/>
                  <a:gd name="T37" fmla="*/ 18 h 20"/>
                  <a:gd name="T38" fmla="*/ 12 w 25"/>
                  <a:gd name="T39" fmla="*/ 18 h 20"/>
                  <a:gd name="T40" fmla="*/ 10 w 25"/>
                  <a:gd name="T41" fmla="*/ 18 h 20"/>
                  <a:gd name="T42" fmla="*/ 9 w 25"/>
                  <a:gd name="T43" fmla="*/ 18 h 20"/>
                  <a:gd name="T44" fmla="*/ 9 w 25"/>
                  <a:gd name="T45" fmla="*/ 18 h 20"/>
                  <a:gd name="T46" fmla="*/ 2 w 25"/>
                  <a:gd name="T47" fmla="*/ 10 h 20"/>
                  <a:gd name="T48" fmla="*/ 0 w 25"/>
                  <a:gd name="T49" fmla="*/ 2 h 20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25"/>
                  <a:gd name="T76" fmla="*/ 0 h 20"/>
                  <a:gd name="T77" fmla="*/ 25 w 25"/>
                  <a:gd name="T78" fmla="*/ 20 h 20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25" h="20">
                    <a:moveTo>
                      <a:pt x="0" y="2"/>
                    </a:moveTo>
                    <a:lnTo>
                      <a:pt x="12" y="2"/>
                    </a:lnTo>
                    <a:lnTo>
                      <a:pt x="12" y="12"/>
                    </a:lnTo>
                    <a:lnTo>
                      <a:pt x="19" y="10"/>
                    </a:lnTo>
                    <a:lnTo>
                      <a:pt x="17" y="0"/>
                    </a:lnTo>
                    <a:lnTo>
                      <a:pt x="19" y="0"/>
                    </a:lnTo>
                    <a:lnTo>
                      <a:pt x="20" y="2"/>
                    </a:lnTo>
                    <a:lnTo>
                      <a:pt x="22" y="3"/>
                    </a:lnTo>
                    <a:lnTo>
                      <a:pt x="24" y="5"/>
                    </a:lnTo>
                    <a:lnTo>
                      <a:pt x="25" y="8"/>
                    </a:lnTo>
                    <a:lnTo>
                      <a:pt x="25" y="12"/>
                    </a:lnTo>
                    <a:lnTo>
                      <a:pt x="24" y="15"/>
                    </a:lnTo>
                    <a:lnTo>
                      <a:pt x="22" y="20"/>
                    </a:lnTo>
                    <a:lnTo>
                      <a:pt x="20" y="20"/>
                    </a:lnTo>
                    <a:lnTo>
                      <a:pt x="19" y="20"/>
                    </a:lnTo>
                    <a:lnTo>
                      <a:pt x="17" y="20"/>
                    </a:lnTo>
                    <a:lnTo>
                      <a:pt x="14" y="18"/>
                    </a:lnTo>
                    <a:lnTo>
                      <a:pt x="12" y="18"/>
                    </a:lnTo>
                    <a:lnTo>
                      <a:pt x="10" y="18"/>
                    </a:lnTo>
                    <a:lnTo>
                      <a:pt x="9" y="18"/>
                    </a:lnTo>
                    <a:lnTo>
                      <a:pt x="2" y="10"/>
                    </a:lnTo>
                    <a:lnTo>
                      <a:pt x="0" y="2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66" name="Freeform 89"/>
              <p:cNvSpPr>
                <a:spLocks/>
              </p:cNvSpPr>
              <p:nvPr/>
            </p:nvSpPr>
            <p:spPr bwMode="auto">
              <a:xfrm>
                <a:off x="1126" y="3351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3 h 10"/>
                  <a:gd name="T4" fmla="*/ 0 w 8"/>
                  <a:gd name="T5" fmla="*/ 2 h 10"/>
                  <a:gd name="T6" fmla="*/ 2 w 8"/>
                  <a:gd name="T7" fmla="*/ 0 h 10"/>
                  <a:gd name="T8" fmla="*/ 3 w 8"/>
                  <a:gd name="T9" fmla="*/ 0 h 10"/>
                  <a:gd name="T10" fmla="*/ 5 w 8"/>
                  <a:gd name="T11" fmla="*/ 0 h 10"/>
                  <a:gd name="T12" fmla="*/ 7 w 8"/>
                  <a:gd name="T13" fmla="*/ 2 h 10"/>
                  <a:gd name="T14" fmla="*/ 7 w 8"/>
                  <a:gd name="T15" fmla="*/ 3 h 10"/>
                  <a:gd name="T16" fmla="*/ 8 w 8"/>
                  <a:gd name="T17" fmla="*/ 5 h 10"/>
                  <a:gd name="T18" fmla="*/ 7 w 8"/>
                  <a:gd name="T19" fmla="*/ 7 h 10"/>
                  <a:gd name="T20" fmla="*/ 7 w 8"/>
                  <a:gd name="T21" fmla="*/ 8 h 10"/>
                  <a:gd name="T22" fmla="*/ 5 w 8"/>
                  <a:gd name="T23" fmla="*/ 10 h 10"/>
                  <a:gd name="T24" fmla="*/ 3 w 8"/>
                  <a:gd name="T25" fmla="*/ 10 h 10"/>
                  <a:gd name="T26" fmla="*/ 2 w 8"/>
                  <a:gd name="T27" fmla="*/ 10 h 10"/>
                  <a:gd name="T28" fmla="*/ 0 w 8"/>
                  <a:gd name="T29" fmla="*/ 8 h 10"/>
                  <a:gd name="T30" fmla="*/ 0 w 8"/>
                  <a:gd name="T31" fmla="*/ 7 h 10"/>
                  <a:gd name="T32" fmla="*/ 0 w 8"/>
                  <a:gd name="T33" fmla="*/ 5 h 1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8"/>
                  <a:gd name="T52" fmla="*/ 0 h 10"/>
                  <a:gd name="T53" fmla="*/ 8 w 8"/>
                  <a:gd name="T54" fmla="*/ 10 h 10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8" h="10">
                    <a:moveTo>
                      <a:pt x="0" y="5"/>
                    </a:moveTo>
                    <a:lnTo>
                      <a:pt x="0" y="3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2"/>
                    </a:lnTo>
                    <a:lnTo>
                      <a:pt x="7" y="3"/>
                    </a:lnTo>
                    <a:lnTo>
                      <a:pt x="8" y="5"/>
                    </a:lnTo>
                    <a:lnTo>
                      <a:pt x="7" y="7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67" name="Freeform 90"/>
              <p:cNvSpPr>
                <a:spLocks/>
              </p:cNvSpPr>
              <p:nvPr/>
            </p:nvSpPr>
            <p:spPr bwMode="auto">
              <a:xfrm>
                <a:off x="1126" y="3351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5 h 10"/>
                  <a:gd name="T4" fmla="*/ 0 w 8"/>
                  <a:gd name="T5" fmla="*/ 3 h 10"/>
                  <a:gd name="T6" fmla="*/ 0 w 8"/>
                  <a:gd name="T7" fmla="*/ 2 h 10"/>
                  <a:gd name="T8" fmla="*/ 2 w 8"/>
                  <a:gd name="T9" fmla="*/ 0 h 10"/>
                  <a:gd name="T10" fmla="*/ 3 w 8"/>
                  <a:gd name="T11" fmla="*/ 0 h 10"/>
                  <a:gd name="T12" fmla="*/ 3 w 8"/>
                  <a:gd name="T13" fmla="*/ 0 h 10"/>
                  <a:gd name="T14" fmla="*/ 5 w 8"/>
                  <a:gd name="T15" fmla="*/ 0 h 10"/>
                  <a:gd name="T16" fmla="*/ 7 w 8"/>
                  <a:gd name="T17" fmla="*/ 2 h 10"/>
                  <a:gd name="T18" fmla="*/ 7 w 8"/>
                  <a:gd name="T19" fmla="*/ 3 h 10"/>
                  <a:gd name="T20" fmla="*/ 8 w 8"/>
                  <a:gd name="T21" fmla="*/ 5 h 10"/>
                  <a:gd name="T22" fmla="*/ 8 w 8"/>
                  <a:gd name="T23" fmla="*/ 5 h 10"/>
                  <a:gd name="T24" fmla="*/ 7 w 8"/>
                  <a:gd name="T25" fmla="*/ 7 h 10"/>
                  <a:gd name="T26" fmla="*/ 7 w 8"/>
                  <a:gd name="T27" fmla="*/ 8 h 10"/>
                  <a:gd name="T28" fmla="*/ 5 w 8"/>
                  <a:gd name="T29" fmla="*/ 10 h 10"/>
                  <a:gd name="T30" fmla="*/ 3 w 8"/>
                  <a:gd name="T31" fmla="*/ 10 h 10"/>
                  <a:gd name="T32" fmla="*/ 3 w 8"/>
                  <a:gd name="T33" fmla="*/ 10 h 10"/>
                  <a:gd name="T34" fmla="*/ 2 w 8"/>
                  <a:gd name="T35" fmla="*/ 10 h 10"/>
                  <a:gd name="T36" fmla="*/ 0 w 8"/>
                  <a:gd name="T37" fmla="*/ 8 h 10"/>
                  <a:gd name="T38" fmla="*/ 0 w 8"/>
                  <a:gd name="T39" fmla="*/ 7 h 10"/>
                  <a:gd name="T40" fmla="*/ 0 w 8"/>
                  <a:gd name="T41" fmla="*/ 5 h 1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8"/>
                  <a:gd name="T64" fmla="*/ 0 h 10"/>
                  <a:gd name="T65" fmla="*/ 8 w 8"/>
                  <a:gd name="T66" fmla="*/ 10 h 10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8" h="10">
                    <a:moveTo>
                      <a:pt x="0" y="5"/>
                    </a:moveTo>
                    <a:lnTo>
                      <a:pt x="0" y="5"/>
                    </a:lnTo>
                    <a:lnTo>
                      <a:pt x="0" y="3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2"/>
                    </a:lnTo>
                    <a:lnTo>
                      <a:pt x="7" y="3"/>
                    </a:lnTo>
                    <a:lnTo>
                      <a:pt x="8" y="5"/>
                    </a:lnTo>
                    <a:lnTo>
                      <a:pt x="7" y="7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68" name="Freeform 91"/>
              <p:cNvSpPr>
                <a:spLocks/>
              </p:cNvSpPr>
              <p:nvPr/>
            </p:nvSpPr>
            <p:spPr bwMode="auto">
              <a:xfrm>
                <a:off x="1138" y="3351"/>
                <a:ext cx="10" cy="10"/>
              </a:xfrm>
              <a:custGeom>
                <a:avLst/>
                <a:gdLst>
                  <a:gd name="T0" fmla="*/ 0 w 10"/>
                  <a:gd name="T1" fmla="*/ 5 h 10"/>
                  <a:gd name="T2" fmla="*/ 0 w 10"/>
                  <a:gd name="T3" fmla="*/ 2 h 10"/>
                  <a:gd name="T4" fmla="*/ 2 w 10"/>
                  <a:gd name="T5" fmla="*/ 0 h 10"/>
                  <a:gd name="T6" fmla="*/ 3 w 10"/>
                  <a:gd name="T7" fmla="*/ 0 h 10"/>
                  <a:gd name="T8" fmla="*/ 5 w 10"/>
                  <a:gd name="T9" fmla="*/ 0 h 10"/>
                  <a:gd name="T10" fmla="*/ 7 w 10"/>
                  <a:gd name="T11" fmla="*/ 0 h 10"/>
                  <a:gd name="T12" fmla="*/ 8 w 10"/>
                  <a:gd name="T13" fmla="*/ 0 h 10"/>
                  <a:gd name="T14" fmla="*/ 8 w 10"/>
                  <a:gd name="T15" fmla="*/ 2 h 10"/>
                  <a:gd name="T16" fmla="*/ 10 w 10"/>
                  <a:gd name="T17" fmla="*/ 5 h 10"/>
                  <a:gd name="T18" fmla="*/ 8 w 10"/>
                  <a:gd name="T19" fmla="*/ 7 h 10"/>
                  <a:gd name="T20" fmla="*/ 8 w 10"/>
                  <a:gd name="T21" fmla="*/ 8 h 10"/>
                  <a:gd name="T22" fmla="*/ 7 w 10"/>
                  <a:gd name="T23" fmla="*/ 10 h 10"/>
                  <a:gd name="T24" fmla="*/ 5 w 10"/>
                  <a:gd name="T25" fmla="*/ 10 h 10"/>
                  <a:gd name="T26" fmla="*/ 3 w 10"/>
                  <a:gd name="T27" fmla="*/ 10 h 10"/>
                  <a:gd name="T28" fmla="*/ 2 w 10"/>
                  <a:gd name="T29" fmla="*/ 8 h 10"/>
                  <a:gd name="T30" fmla="*/ 0 w 10"/>
                  <a:gd name="T31" fmla="*/ 7 h 10"/>
                  <a:gd name="T32" fmla="*/ 0 w 10"/>
                  <a:gd name="T33" fmla="*/ 5 h 1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0"/>
                  <a:gd name="T52" fmla="*/ 0 h 10"/>
                  <a:gd name="T53" fmla="*/ 10 w 10"/>
                  <a:gd name="T54" fmla="*/ 10 h 10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0" h="10">
                    <a:moveTo>
                      <a:pt x="0" y="5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8" y="0"/>
                    </a:lnTo>
                    <a:lnTo>
                      <a:pt x="8" y="2"/>
                    </a:lnTo>
                    <a:lnTo>
                      <a:pt x="10" y="5"/>
                    </a:lnTo>
                    <a:lnTo>
                      <a:pt x="8" y="7"/>
                    </a:lnTo>
                    <a:lnTo>
                      <a:pt x="8" y="8"/>
                    </a:lnTo>
                    <a:lnTo>
                      <a:pt x="7" y="10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8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69" name="Freeform 92"/>
              <p:cNvSpPr>
                <a:spLocks/>
              </p:cNvSpPr>
              <p:nvPr/>
            </p:nvSpPr>
            <p:spPr bwMode="auto">
              <a:xfrm>
                <a:off x="1138" y="3351"/>
                <a:ext cx="10" cy="10"/>
              </a:xfrm>
              <a:custGeom>
                <a:avLst/>
                <a:gdLst>
                  <a:gd name="T0" fmla="*/ 0 w 10"/>
                  <a:gd name="T1" fmla="*/ 5 h 10"/>
                  <a:gd name="T2" fmla="*/ 0 w 10"/>
                  <a:gd name="T3" fmla="*/ 5 h 10"/>
                  <a:gd name="T4" fmla="*/ 0 w 10"/>
                  <a:gd name="T5" fmla="*/ 2 h 10"/>
                  <a:gd name="T6" fmla="*/ 2 w 10"/>
                  <a:gd name="T7" fmla="*/ 0 h 10"/>
                  <a:gd name="T8" fmla="*/ 3 w 10"/>
                  <a:gd name="T9" fmla="*/ 0 h 10"/>
                  <a:gd name="T10" fmla="*/ 5 w 10"/>
                  <a:gd name="T11" fmla="*/ 0 h 10"/>
                  <a:gd name="T12" fmla="*/ 5 w 10"/>
                  <a:gd name="T13" fmla="*/ 0 h 10"/>
                  <a:gd name="T14" fmla="*/ 7 w 10"/>
                  <a:gd name="T15" fmla="*/ 0 h 10"/>
                  <a:gd name="T16" fmla="*/ 8 w 10"/>
                  <a:gd name="T17" fmla="*/ 0 h 10"/>
                  <a:gd name="T18" fmla="*/ 8 w 10"/>
                  <a:gd name="T19" fmla="*/ 2 h 10"/>
                  <a:gd name="T20" fmla="*/ 10 w 10"/>
                  <a:gd name="T21" fmla="*/ 5 h 10"/>
                  <a:gd name="T22" fmla="*/ 10 w 10"/>
                  <a:gd name="T23" fmla="*/ 5 h 10"/>
                  <a:gd name="T24" fmla="*/ 8 w 10"/>
                  <a:gd name="T25" fmla="*/ 7 h 10"/>
                  <a:gd name="T26" fmla="*/ 8 w 10"/>
                  <a:gd name="T27" fmla="*/ 8 h 10"/>
                  <a:gd name="T28" fmla="*/ 7 w 10"/>
                  <a:gd name="T29" fmla="*/ 10 h 10"/>
                  <a:gd name="T30" fmla="*/ 5 w 10"/>
                  <a:gd name="T31" fmla="*/ 10 h 10"/>
                  <a:gd name="T32" fmla="*/ 5 w 10"/>
                  <a:gd name="T33" fmla="*/ 10 h 10"/>
                  <a:gd name="T34" fmla="*/ 3 w 10"/>
                  <a:gd name="T35" fmla="*/ 10 h 10"/>
                  <a:gd name="T36" fmla="*/ 2 w 10"/>
                  <a:gd name="T37" fmla="*/ 8 h 10"/>
                  <a:gd name="T38" fmla="*/ 0 w 10"/>
                  <a:gd name="T39" fmla="*/ 7 h 10"/>
                  <a:gd name="T40" fmla="*/ 0 w 10"/>
                  <a:gd name="T41" fmla="*/ 5 h 1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0"/>
                  <a:gd name="T64" fmla="*/ 0 h 10"/>
                  <a:gd name="T65" fmla="*/ 10 w 10"/>
                  <a:gd name="T66" fmla="*/ 10 h 10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0" h="10">
                    <a:moveTo>
                      <a:pt x="0" y="5"/>
                    </a:moveTo>
                    <a:lnTo>
                      <a:pt x="0" y="5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8" y="0"/>
                    </a:lnTo>
                    <a:lnTo>
                      <a:pt x="8" y="2"/>
                    </a:lnTo>
                    <a:lnTo>
                      <a:pt x="10" y="5"/>
                    </a:lnTo>
                    <a:lnTo>
                      <a:pt x="8" y="7"/>
                    </a:lnTo>
                    <a:lnTo>
                      <a:pt x="8" y="8"/>
                    </a:lnTo>
                    <a:lnTo>
                      <a:pt x="7" y="10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8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70" name="Freeform 93"/>
              <p:cNvSpPr>
                <a:spLocks/>
              </p:cNvSpPr>
              <p:nvPr/>
            </p:nvSpPr>
            <p:spPr bwMode="auto">
              <a:xfrm>
                <a:off x="828" y="3395"/>
                <a:ext cx="36" cy="29"/>
              </a:xfrm>
              <a:custGeom>
                <a:avLst/>
                <a:gdLst>
                  <a:gd name="T0" fmla="*/ 32 w 36"/>
                  <a:gd name="T1" fmla="*/ 0 h 29"/>
                  <a:gd name="T2" fmla="*/ 22 w 36"/>
                  <a:gd name="T3" fmla="*/ 2 h 29"/>
                  <a:gd name="T4" fmla="*/ 15 w 36"/>
                  <a:gd name="T5" fmla="*/ 5 h 29"/>
                  <a:gd name="T6" fmla="*/ 17 w 36"/>
                  <a:gd name="T7" fmla="*/ 12 h 29"/>
                  <a:gd name="T8" fmla="*/ 12 w 36"/>
                  <a:gd name="T9" fmla="*/ 17 h 29"/>
                  <a:gd name="T10" fmla="*/ 5 w 36"/>
                  <a:gd name="T11" fmla="*/ 8 h 29"/>
                  <a:gd name="T12" fmla="*/ 0 w 36"/>
                  <a:gd name="T13" fmla="*/ 19 h 29"/>
                  <a:gd name="T14" fmla="*/ 5 w 36"/>
                  <a:gd name="T15" fmla="*/ 29 h 29"/>
                  <a:gd name="T16" fmla="*/ 19 w 36"/>
                  <a:gd name="T17" fmla="*/ 22 h 29"/>
                  <a:gd name="T18" fmla="*/ 27 w 36"/>
                  <a:gd name="T19" fmla="*/ 12 h 29"/>
                  <a:gd name="T20" fmla="*/ 36 w 36"/>
                  <a:gd name="T21" fmla="*/ 12 h 29"/>
                  <a:gd name="T22" fmla="*/ 34 w 36"/>
                  <a:gd name="T23" fmla="*/ 5 h 29"/>
                  <a:gd name="T24" fmla="*/ 32 w 36"/>
                  <a:gd name="T25" fmla="*/ 0 h 29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w 36"/>
                  <a:gd name="T40" fmla="*/ 0 h 29"/>
                  <a:gd name="T41" fmla="*/ 36 w 36"/>
                  <a:gd name="T42" fmla="*/ 29 h 29"/>
                </a:gdLst>
                <a:ahLst/>
                <a:cxnLst>
                  <a:cxn ang="T26">
                    <a:pos x="T0" y="T1"/>
                  </a:cxn>
                  <a:cxn ang="T27">
                    <a:pos x="T2" y="T3"/>
                  </a:cxn>
                  <a:cxn ang="T28">
                    <a:pos x="T4" y="T5"/>
                  </a:cxn>
                  <a:cxn ang="T29">
                    <a:pos x="T6" y="T7"/>
                  </a:cxn>
                  <a:cxn ang="T30">
                    <a:pos x="T8" y="T9"/>
                  </a:cxn>
                  <a:cxn ang="T31">
                    <a:pos x="T10" y="T11"/>
                  </a:cxn>
                  <a:cxn ang="T32">
                    <a:pos x="T12" y="T13"/>
                  </a:cxn>
                  <a:cxn ang="T33">
                    <a:pos x="T14" y="T15"/>
                  </a:cxn>
                  <a:cxn ang="T34">
                    <a:pos x="T16" y="T17"/>
                  </a:cxn>
                  <a:cxn ang="T35">
                    <a:pos x="T18" y="T19"/>
                  </a:cxn>
                  <a:cxn ang="T36">
                    <a:pos x="T20" y="T21"/>
                  </a:cxn>
                  <a:cxn ang="T37">
                    <a:pos x="T22" y="T23"/>
                  </a:cxn>
                  <a:cxn ang="T38">
                    <a:pos x="T24" y="T25"/>
                  </a:cxn>
                </a:cxnLst>
                <a:rect l="T39" t="T40" r="T41" b="T42"/>
                <a:pathLst>
                  <a:path w="36" h="29">
                    <a:moveTo>
                      <a:pt x="32" y="0"/>
                    </a:moveTo>
                    <a:lnTo>
                      <a:pt x="22" y="2"/>
                    </a:lnTo>
                    <a:lnTo>
                      <a:pt x="15" y="5"/>
                    </a:lnTo>
                    <a:lnTo>
                      <a:pt x="17" y="12"/>
                    </a:lnTo>
                    <a:lnTo>
                      <a:pt x="12" y="17"/>
                    </a:lnTo>
                    <a:lnTo>
                      <a:pt x="5" y="8"/>
                    </a:lnTo>
                    <a:lnTo>
                      <a:pt x="0" y="19"/>
                    </a:lnTo>
                    <a:lnTo>
                      <a:pt x="5" y="29"/>
                    </a:lnTo>
                    <a:lnTo>
                      <a:pt x="19" y="22"/>
                    </a:lnTo>
                    <a:lnTo>
                      <a:pt x="27" y="12"/>
                    </a:lnTo>
                    <a:lnTo>
                      <a:pt x="36" y="12"/>
                    </a:lnTo>
                    <a:lnTo>
                      <a:pt x="34" y="5"/>
                    </a:lnTo>
                    <a:lnTo>
                      <a:pt x="32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71" name="Freeform 94"/>
              <p:cNvSpPr>
                <a:spLocks/>
              </p:cNvSpPr>
              <p:nvPr/>
            </p:nvSpPr>
            <p:spPr bwMode="auto">
              <a:xfrm>
                <a:off x="828" y="3395"/>
                <a:ext cx="36" cy="29"/>
              </a:xfrm>
              <a:custGeom>
                <a:avLst/>
                <a:gdLst>
                  <a:gd name="T0" fmla="*/ 32 w 36"/>
                  <a:gd name="T1" fmla="*/ 0 h 29"/>
                  <a:gd name="T2" fmla="*/ 22 w 36"/>
                  <a:gd name="T3" fmla="*/ 2 h 29"/>
                  <a:gd name="T4" fmla="*/ 15 w 36"/>
                  <a:gd name="T5" fmla="*/ 5 h 29"/>
                  <a:gd name="T6" fmla="*/ 17 w 36"/>
                  <a:gd name="T7" fmla="*/ 12 h 29"/>
                  <a:gd name="T8" fmla="*/ 12 w 36"/>
                  <a:gd name="T9" fmla="*/ 17 h 29"/>
                  <a:gd name="T10" fmla="*/ 5 w 36"/>
                  <a:gd name="T11" fmla="*/ 8 h 29"/>
                  <a:gd name="T12" fmla="*/ 0 w 36"/>
                  <a:gd name="T13" fmla="*/ 19 h 29"/>
                  <a:gd name="T14" fmla="*/ 5 w 36"/>
                  <a:gd name="T15" fmla="*/ 29 h 29"/>
                  <a:gd name="T16" fmla="*/ 19 w 36"/>
                  <a:gd name="T17" fmla="*/ 22 h 29"/>
                  <a:gd name="T18" fmla="*/ 27 w 36"/>
                  <a:gd name="T19" fmla="*/ 12 h 29"/>
                  <a:gd name="T20" fmla="*/ 36 w 36"/>
                  <a:gd name="T21" fmla="*/ 12 h 29"/>
                  <a:gd name="T22" fmla="*/ 34 w 36"/>
                  <a:gd name="T23" fmla="*/ 5 h 29"/>
                  <a:gd name="T24" fmla="*/ 32 w 36"/>
                  <a:gd name="T25" fmla="*/ 0 h 29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w 36"/>
                  <a:gd name="T40" fmla="*/ 0 h 29"/>
                  <a:gd name="T41" fmla="*/ 36 w 36"/>
                  <a:gd name="T42" fmla="*/ 29 h 29"/>
                </a:gdLst>
                <a:ahLst/>
                <a:cxnLst>
                  <a:cxn ang="T26">
                    <a:pos x="T0" y="T1"/>
                  </a:cxn>
                  <a:cxn ang="T27">
                    <a:pos x="T2" y="T3"/>
                  </a:cxn>
                  <a:cxn ang="T28">
                    <a:pos x="T4" y="T5"/>
                  </a:cxn>
                  <a:cxn ang="T29">
                    <a:pos x="T6" y="T7"/>
                  </a:cxn>
                  <a:cxn ang="T30">
                    <a:pos x="T8" y="T9"/>
                  </a:cxn>
                  <a:cxn ang="T31">
                    <a:pos x="T10" y="T11"/>
                  </a:cxn>
                  <a:cxn ang="T32">
                    <a:pos x="T12" y="T13"/>
                  </a:cxn>
                  <a:cxn ang="T33">
                    <a:pos x="T14" y="T15"/>
                  </a:cxn>
                  <a:cxn ang="T34">
                    <a:pos x="T16" y="T17"/>
                  </a:cxn>
                  <a:cxn ang="T35">
                    <a:pos x="T18" y="T19"/>
                  </a:cxn>
                  <a:cxn ang="T36">
                    <a:pos x="T20" y="T21"/>
                  </a:cxn>
                  <a:cxn ang="T37">
                    <a:pos x="T22" y="T23"/>
                  </a:cxn>
                  <a:cxn ang="T38">
                    <a:pos x="T24" y="T25"/>
                  </a:cxn>
                </a:cxnLst>
                <a:rect l="T39" t="T40" r="T41" b="T42"/>
                <a:pathLst>
                  <a:path w="36" h="29">
                    <a:moveTo>
                      <a:pt x="32" y="0"/>
                    </a:moveTo>
                    <a:lnTo>
                      <a:pt x="22" y="2"/>
                    </a:lnTo>
                    <a:lnTo>
                      <a:pt x="15" y="5"/>
                    </a:lnTo>
                    <a:lnTo>
                      <a:pt x="17" y="12"/>
                    </a:lnTo>
                    <a:lnTo>
                      <a:pt x="12" y="17"/>
                    </a:lnTo>
                    <a:lnTo>
                      <a:pt x="5" y="8"/>
                    </a:lnTo>
                    <a:lnTo>
                      <a:pt x="0" y="19"/>
                    </a:lnTo>
                    <a:lnTo>
                      <a:pt x="5" y="29"/>
                    </a:lnTo>
                    <a:lnTo>
                      <a:pt x="19" y="22"/>
                    </a:lnTo>
                    <a:lnTo>
                      <a:pt x="27" y="12"/>
                    </a:lnTo>
                    <a:lnTo>
                      <a:pt x="36" y="12"/>
                    </a:lnTo>
                    <a:lnTo>
                      <a:pt x="34" y="5"/>
                    </a:lnTo>
                    <a:lnTo>
                      <a:pt x="32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72" name="Freeform 95"/>
              <p:cNvSpPr>
                <a:spLocks/>
              </p:cNvSpPr>
              <p:nvPr/>
            </p:nvSpPr>
            <p:spPr bwMode="auto">
              <a:xfrm>
                <a:off x="627" y="3507"/>
                <a:ext cx="20" cy="15"/>
              </a:xfrm>
              <a:custGeom>
                <a:avLst/>
                <a:gdLst>
                  <a:gd name="T0" fmla="*/ 8 w 20"/>
                  <a:gd name="T1" fmla="*/ 3 h 15"/>
                  <a:gd name="T2" fmla="*/ 15 w 20"/>
                  <a:gd name="T3" fmla="*/ 0 h 15"/>
                  <a:gd name="T4" fmla="*/ 20 w 20"/>
                  <a:gd name="T5" fmla="*/ 8 h 15"/>
                  <a:gd name="T6" fmla="*/ 7 w 20"/>
                  <a:gd name="T7" fmla="*/ 15 h 15"/>
                  <a:gd name="T8" fmla="*/ 0 w 20"/>
                  <a:gd name="T9" fmla="*/ 15 h 15"/>
                  <a:gd name="T10" fmla="*/ 5 w 20"/>
                  <a:gd name="T11" fmla="*/ 10 h 15"/>
                  <a:gd name="T12" fmla="*/ 13 w 20"/>
                  <a:gd name="T13" fmla="*/ 8 h 15"/>
                  <a:gd name="T14" fmla="*/ 8 w 20"/>
                  <a:gd name="T15" fmla="*/ 3 h 1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0"/>
                  <a:gd name="T25" fmla="*/ 0 h 15"/>
                  <a:gd name="T26" fmla="*/ 20 w 20"/>
                  <a:gd name="T27" fmla="*/ 15 h 1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0" h="15">
                    <a:moveTo>
                      <a:pt x="8" y="3"/>
                    </a:moveTo>
                    <a:lnTo>
                      <a:pt x="15" y="0"/>
                    </a:lnTo>
                    <a:lnTo>
                      <a:pt x="20" y="8"/>
                    </a:lnTo>
                    <a:lnTo>
                      <a:pt x="7" y="15"/>
                    </a:lnTo>
                    <a:lnTo>
                      <a:pt x="0" y="15"/>
                    </a:lnTo>
                    <a:lnTo>
                      <a:pt x="5" y="10"/>
                    </a:lnTo>
                    <a:lnTo>
                      <a:pt x="13" y="8"/>
                    </a:lnTo>
                    <a:lnTo>
                      <a:pt x="8" y="3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73" name="Freeform 96"/>
              <p:cNvSpPr>
                <a:spLocks/>
              </p:cNvSpPr>
              <p:nvPr/>
            </p:nvSpPr>
            <p:spPr bwMode="auto">
              <a:xfrm>
                <a:off x="627" y="3507"/>
                <a:ext cx="20" cy="15"/>
              </a:xfrm>
              <a:custGeom>
                <a:avLst/>
                <a:gdLst>
                  <a:gd name="T0" fmla="*/ 8 w 20"/>
                  <a:gd name="T1" fmla="*/ 3 h 15"/>
                  <a:gd name="T2" fmla="*/ 15 w 20"/>
                  <a:gd name="T3" fmla="*/ 0 h 15"/>
                  <a:gd name="T4" fmla="*/ 20 w 20"/>
                  <a:gd name="T5" fmla="*/ 8 h 15"/>
                  <a:gd name="T6" fmla="*/ 7 w 20"/>
                  <a:gd name="T7" fmla="*/ 15 h 15"/>
                  <a:gd name="T8" fmla="*/ 0 w 20"/>
                  <a:gd name="T9" fmla="*/ 15 h 15"/>
                  <a:gd name="T10" fmla="*/ 5 w 20"/>
                  <a:gd name="T11" fmla="*/ 10 h 15"/>
                  <a:gd name="T12" fmla="*/ 13 w 20"/>
                  <a:gd name="T13" fmla="*/ 8 h 15"/>
                  <a:gd name="T14" fmla="*/ 8 w 20"/>
                  <a:gd name="T15" fmla="*/ 3 h 1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0"/>
                  <a:gd name="T25" fmla="*/ 0 h 15"/>
                  <a:gd name="T26" fmla="*/ 20 w 20"/>
                  <a:gd name="T27" fmla="*/ 15 h 1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0" h="15">
                    <a:moveTo>
                      <a:pt x="8" y="3"/>
                    </a:moveTo>
                    <a:lnTo>
                      <a:pt x="15" y="0"/>
                    </a:lnTo>
                    <a:lnTo>
                      <a:pt x="20" y="8"/>
                    </a:lnTo>
                    <a:lnTo>
                      <a:pt x="7" y="15"/>
                    </a:lnTo>
                    <a:lnTo>
                      <a:pt x="0" y="15"/>
                    </a:lnTo>
                    <a:lnTo>
                      <a:pt x="5" y="10"/>
                    </a:lnTo>
                    <a:lnTo>
                      <a:pt x="13" y="8"/>
                    </a:lnTo>
                    <a:lnTo>
                      <a:pt x="8" y="3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74" name="Freeform 97"/>
              <p:cNvSpPr>
                <a:spLocks/>
              </p:cNvSpPr>
              <p:nvPr/>
            </p:nvSpPr>
            <p:spPr bwMode="auto">
              <a:xfrm>
                <a:off x="600" y="3513"/>
                <a:ext cx="23" cy="19"/>
              </a:xfrm>
              <a:custGeom>
                <a:avLst/>
                <a:gdLst>
                  <a:gd name="T0" fmla="*/ 0 w 23"/>
                  <a:gd name="T1" fmla="*/ 19 h 19"/>
                  <a:gd name="T2" fmla="*/ 0 w 23"/>
                  <a:gd name="T3" fmla="*/ 17 h 19"/>
                  <a:gd name="T4" fmla="*/ 0 w 23"/>
                  <a:gd name="T5" fmla="*/ 17 h 19"/>
                  <a:gd name="T6" fmla="*/ 1 w 23"/>
                  <a:gd name="T7" fmla="*/ 16 h 19"/>
                  <a:gd name="T8" fmla="*/ 1 w 23"/>
                  <a:gd name="T9" fmla="*/ 14 h 19"/>
                  <a:gd name="T10" fmla="*/ 3 w 23"/>
                  <a:gd name="T11" fmla="*/ 12 h 19"/>
                  <a:gd name="T12" fmla="*/ 5 w 23"/>
                  <a:gd name="T13" fmla="*/ 11 h 19"/>
                  <a:gd name="T14" fmla="*/ 6 w 23"/>
                  <a:gd name="T15" fmla="*/ 9 h 19"/>
                  <a:gd name="T16" fmla="*/ 8 w 23"/>
                  <a:gd name="T17" fmla="*/ 5 h 19"/>
                  <a:gd name="T18" fmla="*/ 12 w 23"/>
                  <a:gd name="T19" fmla="*/ 4 h 19"/>
                  <a:gd name="T20" fmla="*/ 13 w 23"/>
                  <a:gd name="T21" fmla="*/ 4 h 19"/>
                  <a:gd name="T22" fmla="*/ 15 w 23"/>
                  <a:gd name="T23" fmla="*/ 2 h 19"/>
                  <a:gd name="T24" fmla="*/ 18 w 23"/>
                  <a:gd name="T25" fmla="*/ 0 h 19"/>
                  <a:gd name="T26" fmla="*/ 18 w 23"/>
                  <a:gd name="T27" fmla="*/ 0 h 19"/>
                  <a:gd name="T28" fmla="*/ 20 w 23"/>
                  <a:gd name="T29" fmla="*/ 0 h 19"/>
                  <a:gd name="T30" fmla="*/ 22 w 23"/>
                  <a:gd name="T31" fmla="*/ 0 h 19"/>
                  <a:gd name="T32" fmla="*/ 22 w 23"/>
                  <a:gd name="T33" fmla="*/ 0 h 19"/>
                  <a:gd name="T34" fmla="*/ 23 w 23"/>
                  <a:gd name="T35" fmla="*/ 2 h 19"/>
                  <a:gd name="T36" fmla="*/ 22 w 23"/>
                  <a:gd name="T37" fmla="*/ 4 h 19"/>
                  <a:gd name="T38" fmla="*/ 22 w 23"/>
                  <a:gd name="T39" fmla="*/ 4 h 19"/>
                  <a:gd name="T40" fmla="*/ 20 w 23"/>
                  <a:gd name="T41" fmla="*/ 5 h 19"/>
                  <a:gd name="T42" fmla="*/ 20 w 23"/>
                  <a:gd name="T43" fmla="*/ 7 h 19"/>
                  <a:gd name="T44" fmla="*/ 18 w 23"/>
                  <a:gd name="T45" fmla="*/ 9 h 19"/>
                  <a:gd name="T46" fmla="*/ 17 w 23"/>
                  <a:gd name="T47" fmla="*/ 11 h 19"/>
                  <a:gd name="T48" fmla="*/ 13 w 23"/>
                  <a:gd name="T49" fmla="*/ 12 h 19"/>
                  <a:gd name="T50" fmla="*/ 12 w 23"/>
                  <a:gd name="T51" fmla="*/ 14 h 19"/>
                  <a:gd name="T52" fmla="*/ 10 w 23"/>
                  <a:gd name="T53" fmla="*/ 16 h 19"/>
                  <a:gd name="T54" fmla="*/ 6 w 23"/>
                  <a:gd name="T55" fmla="*/ 17 h 19"/>
                  <a:gd name="T56" fmla="*/ 5 w 23"/>
                  <a:gd name="T57" fmla="*/ 17 h 19"/>
                  <a:gd name="T58" fmla="*/ 3 w 23"/>
                  <a:gd name="T59" fmla="*/ 19 h 19"/>
                  <a:gd name="T60" fmla="*/ 1 w 23"/>
                  <a:gd name="T61" fmla="*/ 19 h 19"/>
                  <a:gd name="T62" fmla="*/ 1 w 23"/>
                  <a:gd name="T63" fmla="*/ 19 h 19"/>
                  <a:gd name="T64" fmla="*/ 0 w 23"/>
                  <a:gd name="T65" fmla="*/ 19 h 19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w 23"/>
                  <a:gd name="T100" fmla="*/ 0 h 19"/>
                  <a:gd name="T101" fmla="*/ 23 w 23"/>
                  <a:gd name="T102" fmla="*/ 19 h 19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T99" t="T100" r="T101" b="T102"/>
                <a:pathLst>
                  <a:path w="23" h="19">
                    <a:moveTo>
                      <a:pt x="0" y="19"/>
                    </a:moveTo>
                    <a:lnTo>
                      <a:pt x="0" y="17"/>
                    </a:lnTo>
                    <a:lnTo>
                      <a:pt x="1" y="16"/>
                    </a:lnTo>
                    <a:lnTo>
                      <a:pt x="1" y="14"/>
                    </a:lnTo>
                    <a:lnTo>
                      <a:pt x="3" y="12"/>
                    </a:lnTo>
                    <a:lnTo>
                      <a:pt x="5" y="11"/>
                    </a:lnTo>
                    <a:lnTo>
                      <a:pt x="6" y="9"/>
                    </a:lnTo>
                    <a:lnTo>
                      <a:pt x="8" y="5"/>
                    </a:lnTo>
                    <a:lnTo>
                      <a:pt x="12" y="4"/>
                    </a:lnTo>
                    <a:lnTo>
                      <a:pt x="13" y="4"/>
                    </a:lnTo>
                    <a:lnTo>
                      <a:pt x="15" y="2"/>
                    </a:lnTo>
                    <a:lnTo>
                      <a:pt x="18" y="0"/>
                    </a:lnTo>
                    <a:lnTo>
                      <a:pt x="20" y="0"/>
                    </a:lnTo>
                    <a:lnTo>
                      <a:pt x="22" y="0"/>
                    </a:lnTo>
                    <a:lnTo>
                      <a:pt x="23" y="2"/>
                    </a:lnTo>
                    <a:lnTo>
                      <a:pt x="22" y="4"/>
                    </a:lnTo>
                    <a:lnTo>
                      <a:pt x="20" y="5"/>
                    </a:lnTo>
                    <a:lnTo>
                      <a:pt x="20" y="7"/>
                    </a:lnTo>
                    <a:lnTo>
                      <a:pt x="18" y="9"/>
                    </a:lnTo>
                    <a:lnTo>
                      <a:pt x="17" y="11"/>
                    </a:lnTo>
                    <a:lnTo>
                      <a:pt x="13" y="12"/>
                    </a:lnTo>
                    <a:lnTo>
                      <a:pt x="12" y="14"/>
                    </a:lnTo>
                    <a:lnTo>
                      <a:pt x="10" y="16"/>
                    </a:lnTo>
                    <a:lnTo>
                      <a:pt x="6" y="17"/>
                    </a:lnTo>
                    <a:lnTo>
                      <a:pt x="5" y="17"/>
                    </a:lnTo>
                    <a:lnTo>
                      <a:pt x="3" y="19"/>
                    </a:lnTo>
                    <a:lnTo>
                      <a:pt x="1" y="19"/>
                    </a:lnTo>
                    <a:lnTo>
                      <a:pt x="0" y="19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75" name="Freeform 98"/>
              <p:cNvSpPr>
                <a:spLocks/>
              </p:cNvSpPr>
              <p:nvPr/>
            </p:nvSpPr>
            <p:spPr bwMode="auto">
              <a:xfrm>
                <a:off x="600" y="3513"/>
                <a:ext cx="23" cy="19"/>
              </a:xfrm>
              <a:custGeom>
                <a:avLst/>
                <a:gdLst>
                  <a:gd name="T0" fmla="*/ 0 w 23"/>
                  <a:gd name="T1" fmla="*/ 19 h 19"/>
                  <a:gd name="T2" fmla="*/ 0 w 23"/>
                  <a:gd name="T3" fmla="*/ 19 h 19"/>
                  <a:gd name="T4" fmla="*/ 0 w 23"/>
                  <a:gd name="T5" fmla="*/ 17 h 19"/>
                  <a:gd name="T6" fmla="*/ 0 w 23"/>
                  <a:gd name="T7" fmla="*/ 17 h 19"/>
                  <a:gd name="T8" fmla="*/ 1 w 23"/>
                  <a:gd name="T9" fmla="*/ 16 h 19"/>
                  <a:gd name="T10" fmla="*/ 1 w 23"/>
                  <a:gd name="T11" fmla="*/ 14 h 19"/>
                  <a:gd name="T12" fmla="*/ 3 w 23"/>
                  <a:gd name="T13" fmla="*/ 12 h 19"/>
                  <a:gd name="T14" fmla="*/ 5 w 23"/>
                  <a:gd name="T15" fmla="*/ 11 h 19"/>
                  <a:gd name="T16" fmla="*/ 6 w 23"/>
                  <a:gd name="T17" fmla="*/ 9 h 19"/>
                  <a:gd name="T18" fmla="*/ 8 w 23"/>
                  <a:gd name="T19" fmla="*/ 5 h 19"/>
                  <a:gd name="T20" fmla="*/ 8 w 23"/>
                  <a:gd name="T21" fmla="*/ 5 h 19"/>
                  <a:gd name="T22" fmla="*/ 12 w 23"/>
                  <a:gd name="T23" fmla="*/ 4 h 19"/>
                  <a:gd name="T24" fmla="*/ 13 w 23"/>
                  <a:gd name="T25" fmla="*/ 4 h 19"/>
                  <a:gd name="T26" fmla="*/ 15 w 23"/>
                  <a:gd name="T27" fmla="*/ 2 h 19"/>
                  <a:gd name="T28" fmla="*/ 18 w 23"/>
                  <a:gd name="T29" fmla="*/ 0 h 19"/>
                  <a:gd name="T30" fmla="*/ 18 w 23"/>
                  <a:gd name="T31" fmla="*/ 0 h 19"/>
                  <a:gd name="T32" fmla="*/ 20 w 23"/>
                  <a:gd name="T33" fmla="*/ 0 h 19"/>
                  <a:gd name="T34" fmla="*/ 22 w 23"/>
                  <a:gd name="T35" fmla="*/ 0 h 19"/>
                  <a:gd name="T36" fmla="*/ 22 w 23"/>
                  <a:gd name="T37" fmla="*/ 0 h 19"/>
                  <a:gd name="T38" fmla="*/ 22 w 23"/>
                  <a:gd name="T39" fmla="*/ 0 h 19"/>
                  <a:gd name="T40" fmla="*/ 23 w 23"/>
                  <a:gd name="T41" fmla="*/ 2 h 19"/>
                  <a:gd name="T42" fmla="*/ 22 w 23"/>
                  <a:gd name="T43" fmla="*/ 4 h 19"/>
                  <a:gd name="T44" fmla="*/ 22 w 23"/>
                  <a:gd name="T45" fmla="*/ 4 h 19"/>
                  <a:gd name="T46" fmla="*/ 20 w 23"/>
                  <a:gd name="T47" fmla="*/ 5 h 19"/>
                  <a:gd name="T48" fmla="*/ 20 w 23"/>
                  <a:gd name="T49" fmla="*/ 7 h 19"/>
                  <a:gd name="T50" fmla="*/ 18 w 23"/>
                  <a:gd name="T51" fmla="*/ 9 h 19"/>
                  <a:gd name="T52" fmla="*/ 17 w 23"/>
                  <a:gd name="T53" fmla="*/ 11 h 19"/>
                  <a:gd name="T54" fmla="*/ 13 w 23"/>
                  <a:gd name="T55" fmla="*/ 12 h 19"/>
                  <a:gd name="T56" fmla="*/ 13 w 23"/>
                  <a:gd name="T57" fmla="*/ 12 h 19"/>
                  <a:gd name="T58" fmla="*/ 12 w 23"/>
                  <a:gd name="T59" fmla="*/ 14 h 19"/>
                  <a:gd name="T60" fmla="*/ 10 w 23"/>
                  <a:gd name="T61" fmla="*/ 16 h 19"/>
                  <a:gd name="T62" fmla="*/ 6 w 23"/>
                  <a:gd name="T63" fmla="*/ 17 h 19"/>
                  <a:gd name="T64" fmla="*/ 5 w 23"/>
                  <a:gd name="T65" fmla="*/ 17 h 19"/>
                  <a:gd name="T66" fmla="*/ 3 w 23"/>
                  <a:gd name="T67" fmla="*/ 19 h 19"/>
                  <a:gd name="T68" fmla="*/ 1 w 23"/>
                  <a:gd name="T69" fmla="*/ 19 h 19"/>
                  <a:gd name="T70" fmla="*/ 1 w 23"/>
                  <a:gd name="T71" fmla="*/ 19 h 19"/>
                  <a:gd name="T72" fmla="*/ 0 w 23"/>
                  <a:gd name="T73" fmla="*/ 19 h 19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w 23"/>
                  <a:gd name="T112" fmla="*/ 0 h 19"/>
                  <a:gd name="T113" fmla="*/ 23 w 23"/>
                  <a:gd name="T114" fmla="*/ 19 h 19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T111" t="T112" r="T113" b="T114"/>
                <a:pathLst>
                  <a:path w="23" h="19">
                    <a:moveTo>
                      <a:pt x="0" y="19"/>
                    </a:moveTo>
                    <a:lnTo>
                      <a:pt x="0" y="19"/>
                    </a:lnTo>
                    <a:lnTo>
                      <a:pt x="0" y="17"/>
                    </a:lnTo>
                    <a:lnTo>
                      <a:pt x="1" y="16"/>
                    </a:lnTo>
                    <a:lnTo>
                      <a:pt x="1" y="14"/>
                    </a:lnTo>
                    <a:lnTo>
                      <a:pt x="3" y="12"/>
                    </a:lnTo>
                    <a:lnTo>
                      <a:pt x="5" y="11"/>
                    </a:lnTo>
                    <a:lnTo>
                      <a:pt x="6" y="9"/>
                    </a:lnTo>
                    <a:lnTo>
                      <a:pt x="8" y="5"/>
                    </a:lnTo>
                    <a:lnTo>
                      <a:pt x="12" y="4"/>
                    </a:lnTo>
                    <a:lnTo>
                      <a:pt x="13" y="4"/>
                    </a:lnTo>
                    <a:lnTo>
                      <a:pt x="15" y="2"/>
                    </a:lnTo>
                    <a:lnTo>
                      <a:pt x="18" y="0"/>
                    </a:lnTo>
                    <a:lnTo>
                      <a:pt x="20" y="0"/>
                    </a:lnTo>
                    <a:lnTo>
                      <a:pt x="22" y="0"/>
                    </a:lnTo>
                    <a:lnTo>
                      <a:pt x="23" y="2"/>
                    </a:lnTo>
                    <a:lnTo>
                      <a:pt x="22" y="4"/>
                    </a:lnTo>
                    <a:lnTo>
                      <a:pt x="20" y="5"/>
                    </a:lnTo>
                    <a:lnTo>
                      <a:pt x="20" y="7"/>
                    </a:lnTo>
                    <a:lnTo>
                      <a:pt x="18" y="9"/>
                    </a:lnTo>
                    <a:lnTo>
                      <a:pt x="17" y="11"/>
                    </a:lnTo>
                    <a:lnTo>
                      <a:pt x="13" y="12"/>
                    </a:lnTo>
                    <a:lnTo>
                      <a:pt x="12" y="14"/>
                    </a:lnTo>
                    <a:lnTo>
                      <a:pt x="10" y="16"/>
                    </a:lnTo>
                    <a:lnTo>
                      <a:pt x="6" y="17"/>
                    </a:lnTo>
                    <a:lnTo>
                      <a:pt x="5" y="17"/>
                    </a:lnTo>
                    <a:lnTo>
                      <a:pt x="3" y="19"/>
                    </a:lnTo>
                    <a:lnTo>
                      <a:pt x="1" y="19"/>
                    </a:lnTo>
                    <a:lnTo>
                      <a:pt x="0" y="19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76" name="Freeform 99"/>
              <p:cNvSpPr>
                <a:spLocks/>
              </p:cNvSpPr>
              <p:nvPr/>
            </p:nvSpPr>
            <p:spPr bwMode="auto">
              <a:xfrm>
                <a:off x="674" y="3486"/>
                <a:ext cx="12" cy="12"/>
              </a:xfrm>
              <a:custGeom>
                <a:avLst/>
                <a:gdLst>
                  <a:gd name="T0" fmla="*/ 0 w 12"/>
                  <a:gd name="T1" fmla="*/ 5 h 12"/>
                  <a:gd name="T2" fmla="*/ 0 w 12"/>
                  <a:gd name="T3" fmla="*/ 4 h 12"/>
                  <a:gd name="T4" fmla="*/ 2 w 12"/>
                  <a:gd name="T5" fmla="*/ 2 h 12"/>
                  <a:gd name="T6" fmla="*/ 4 w 12"/>
                  <a:gd name="T7" fmla="*/ 0 h 12"/>
                  <a:gd name="T8" fmla="*/ 7 w 12"/>
                  <a:gd name="T9" fmla="*/ 0 h 12"/>
                  <a:gd name="T10" fmla="*/ 9 w 12"/>
                  <a:gd name="T11" fmla="*/ 0 h 12"/>
                  <a:gd name="T12" fmla="*/ 10 w 12"/>
                  <a:gd name="T13" fmla="*/ 2 h 12"/>
                  <a:gd name="T14" fmla="*/ 12 w 12"/>
                  <a:gd name="T15" fmla="*/ 4 h 12"/>
                  <a:gd name="T16" fmla="*/ 12 w 12"/>
                  <a:gd name="T17" fmla="*/ 5 h 12"/>
                  <a:gd name="T18" fmla="*/ 12 w 12"/>
                  <a:gd name="T19" fmla="*/ 9 h 12"/>
                  <a:gd name="T20" fmla="*/ 10 w 12"/>
                  <a:gd name="T21" fmla="*/ 10 h 12"/>
                  <a:gd name="T22" fmla="*/ 9 w 12"/>
                  <a:gd name="T23" fmla="*/ 10 h 12"/>
                  <a:gd name="T24" fmla="*/ 7 w 12"/>
                  <a:gd name="T25" fmla="*/ 12 h 12"/>
                  <a:gd name="T26" fmla="*/ 4 w 12"/>
                  <a:gd name="T27" fmla="*/ 10 h 12"/>
                  <a:gd name="T28" fmla="*/ 2 w 12"/>
                  <a:gd name="T29" fmla="*/ 10 h 12"/>
                  <a:gd name="T30" fmla="*/ 0 w 12"/>
                  <a:gd name="T31" fmla="*/ 9 h 12"/>
                  <a:gd name="T32" fmla="*/ 0 w 12"/>
                  <a:gd name="T33" fmla="*/ 5 h 12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2"/>
                  <a:gd name="T52" fmla="*/ 0 h 12"/>
                  <a:gd name="T53" fmla="*/ 12 w 12"/>
                  <a:gd name="T54" fmla="*/ 12 h 12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2" h="12">
                    <a:moveTo>
                      <a:pt x="0" y="5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7" y="0"/>
                    </a:lnTo>
                    <a:lnTo>
                      <a:pt x="9" y="0"/>
                    </a:lnTo>
                    <a:lnTo>
                      <a:pt x="10" y="2"/>
                    </a:lnTo>
                    <a:lnTo>
                      <a:pt x="12" y="4"/>
                    </a:lnTo>
                    <a:lnTo>
                      <a:pt x="12" y="5"/>
                    </a:lnTo>
                    <a:lnTo>
                      <a:pt x="12" y="9"/>
                    </a:lnTo>
                    <a:lnTo>
                      <a:pt x="10" y="10"/>
                    </a:lnTo>
                    <a:lnTo>
                      <a:pt x="9" y="10"/>
                    </a:lnTo>
                    <a:lnTo>
                      <a:pt x="7" y="12"/>
                    </a:lnTo>
                    <a:lnTo>
                      <a:pt x="4" y="10"/>
                    </a:lnTo>
                    <a:lnTo>
                      <a:pt x="2" y="10"/>
                    </a:lnTo>
                    <a:lnTo>
                      <a:pt x="0" y="9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77" name="Freeform 100"/>
              <p:cNvSpPr>
                <a:spLocks/>
              </p:cNvSpPr>
              <p:nvPr/>
            </p:nvSpPr>
            <p:spPr bwMode="auto">
              <a:xfrm>
                <a:off x="674" y="3486"/>
                <a:ext cx="12" cy="12"/>
              </a:xfrm>
              <a:custGeom>
                <a:avLst/>
                <a:gdLst>
                  <a:gd name="T0" fmla="*/ 0 w 12"/>
                  <a:gd name="T1" fmla="*/ 5 h 12"/>
                  <a:gd name="T2" fmla="*/ 0 w 12"/>
                  <a:gd name="T3" fmla="*/ 5 h 12"/>
                  <a:gd name="T4" fmla="*/ 0 w 12"/>
                  <a:gd name="T5" fmla="*/ 4 h 12"/>
                  <a:gd name="T6" fmla="*/ 2 w 12"/>
                  <a:gd name="T7" fmla="*/ 2 h 12"/>
                  <a:gd name="T8" fmla="*/ 4 w 12"/>
                  <a:gd name="T9" fmla="*/ 0 h 12"/>
                  <a:gd name="T10" fmla="*/ 7 w 12"/>
                  <a:gd name="T11" fmla="*/ 0 h 12"/>
                  <a:gd name="T12" fmla="*/ 7 w 12"/>
                  <a:gd name="T13" fmla="*/ 0 h 12"/>
                  <a:gd name="T14" fmla="*/ 9 w 12"/>
                  <a:gd name="T15" fmla="*/ 0 h 12"/>
                  <a:gd name="T16" fmla="*/ 10 w 12"/>
                  <a:gd name="T17" fmla="*/ 2 h 12"/>
                  <a:gd name="T18" fmla="*/ 12 w 12"/>
                  <a:gd name="T19" fmla="*/ 4 h 12"/>
                  <a:gd name="T20" fmla="*/ 12 w 12"/>
                  <a:gd name="T21" fmla="*/ 5 h 12"/>
                  <a:gd name="T22" fmla="*/ 12 w 12"/>
                  <a:gd name="T23" fmla="*/ 5 h 12"/>
                  <a:gd name="T24" fmla="*/ 12 w 12"/>
                  <a:gd name="T25" fmla="*/ 9 h 12"/>
                  <a:gd name="T26" fmla="*/ 10 w 12"/>
                  <a:gd name="T27" fmla="*/ 10 h 12"/>
                  <a:gd name="T28" fmla="*/ 9 w 12"/>
                  <a:gd name="T29" fmla="*/ 10 h 12"/>
                  <a:gd name="T30" fmla="*/ 7 w 12"/>
                  <a:gd name="T31" fmla="*/ 12 h 12"/>
                  <a:gd name="T32" fmla="*/ 7 w 12"/>
                  <a:gd name="T33" fmla="*/ 12 h 12"/>
                  <a:gd name="T34" fmla="*/ 4 w 12"/>
                  <a:gd name="T35" fmla="*/ 10 h 12"/>
                  <a:gd name="T36" fmla="*/ 2 w 12"/>
                  <a:gd name="T37" fmla="*/ 10 h 12"/>
                  <a:gd name="T38" fmla="*/ 0 w 12"/>
                  <a:gd name="T39" fmla="*/ 9 h 12"/>
                  <a:gd name="T40" fmla="*/ 0 w 12"/>
                  <a:gd name="T41" fmla="*/ 5 h 12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2"/>
                  <a:gd name="T64" fmla="*/ 0 h 12"/>
                  <a:gd name="T65" fmla="*/ 12 w 12"/>
                  <a:gd name="T66" fmla="*/ 12 h 12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2" h="12">
                    <a:moveTo>
                      <a:pt x="0" y="5"/>
                    </a:moveTo>
                    <a:lnTo>
                      <a:pt x="0" y="5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7" y="0"/>
                    </a:lnTo>
                    <a:lnTo>
                      <a:pt x="9" y="0"/>
                    </a:lnTo>
                    <a:lnTo>
                      <a:pt x="10" y="2"/>
                    </a:lnTo>
                    <a:lnTo>
                      <a:pt x="12" y="4"/>
                    </a:lnTo>
                    <a:lnTo>
                      <a:pt x="12" y="5"/>
                    </a:lnTo>
                    <a:lnTo>
                      <a:pt x="12" y="9"/>
                    </a:lnTo>
                    <a:lnTo>
                      <a:pt x="10" y="10"/>
                    </a:lnTo>
                    <a:lnTo>
                      <a:pt x="9" y="10"/>
                    </a:lnTo>
                    <a:lnTo>
                      <a:pt x="7" y="12"/>
                    </a:lnTo>
                    <a:lnTo>
                      <a:pt x="4" y="10"/>
                    </a:lnTo>
                    <a:lnTo>
                      <a:pt x="2" y="10"/>
                    </a:lnTo>
                    <a:lnTo>
                      <a:pt x="0" y="9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78" name="Freeform 101"/>
              <p:cNvSpPr>
                <a:spLocks/>
              </p:cNvSpPr>
              <p:nvPr/>
            </p:nvSpPr>
            <p:spPr bwMode="auto">
              <a:xfrm>
                <a:off x="463" y="3535"/>
                <a:ext cx="10" cy="9"/>
              </a:xfrm>
              <a:custGeom>
                <a:avLst/>
                <a:gdLst>
                  <a:gd name="T0" fmla="*/ 0 w 10"/>
                  <a:gd name="T1" fmla="*/ 5 h 9"/>
                  <a:gd name="T2" fmla="*/ 0 w 10"/>
                  <a:gd name="T3" fmla="*/ 4 h 9"/>
                  <a:gd name="T4" fmla="*/ 1 w 10"/>
                  <a:gd name="T5" fmla="*/ 2 h 9"/>
                  <a:gd name="T6" fmla="*/ 3 w 10"/>
                  <a:gd name="T7" fmla="*/ 0 h 9"/>
                  <a:gd name="T8" fmla="*/ 5 w 10"/>
                  <a:gd name="T9" fmla="*/ 0 h 9"/>
                  <a:gd name="T10" fmla="*/ 6 w 10"/>
                  <a:gd name="T11" fmla="*/ 0 h 9"/>
                  <a:gd name="T12" fmla="*/ 8 w 10"/>
                  <a:gd name="T13" fmla="*/ 2 h 9"/>
                  <a:gd name="T14" fmla="*/ 10 w 10"/>
                  <a:gd name="T15" fmla="*/ 4 h 9"/>
                  <a:gd name="T16" fmla="*/ 10 w 10"/>
                  <a:gd name="T17" fmla="*/ 5 h 9"/>
                  <a:gd name="T18" fmla="*/ 10 w 10"/>
                  <a:gd name="T19" fmla="*/ 7 h 9"/>
                  <a:gd name="T20" fmla="*/ 8 w 10"/>
                  <a:gd name="T21" fmla="*/ 9 h 9"/>
                  <a:gd name="T22" fmla="*/ 6 w 10"/>
                  <a:gd name="T23" fmla="*/ 9 h 9"/>
                  <a:gd name="T24" fmla="*/ 5 w 10"/>
                  <a:gd name="T25" fmla="*/ 9 h 9"/>
                  <a:gd name="T26" fmla="*/ 3 w 10"/>
                  <a:gd name="T27" fmla="*/ 9 h 9"/>
                  <a:gd name="T28" fmla="*/ 1 w 10"/>
                  <a:gd name="T29" fmla="*/ 9 h 9"/>
                  <a:gd name="T30" fmla="*/ 0 w 10"/>
                  <a:gd name="T31" fmla="*/ 7 h 9"/>
                  <a:gd name="T32" fmla="*/ 0 w 10"/>
                  <a:gd name="T33" fmla="*/ 5 h 9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0"/>
                  <a:gd name="T52" fmla="*/ 0 h 9"/>
                  <a:gd name="T53" fmla="*/ 10 w 10"/>
                  <a:gd name="T54" fmla="*/ 9 h 9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0" h="9">
                    <a:moveTo>
                      <a:pt x="0" y="5"/>
                    </a:moveTo>
                    <a:lnTo>
                      <a:pt x="0" y="4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6" y="0"/>
                    </a:lnTo>
                    <a:lnTo>
                      <a:pt x="8" y="2"/>
                    </a:lnTo>
                    <a:lnTo>
                      <a:pt x="10" y="4"/>
                    </a:lnTo>
                    <a:lnTo>
                      <a:pt x="10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5" y="9"/>
                    </a:lnTo>
                    <a:lnTo>
                      <a:pt x="3" y="9"/>
                    </a:lnTo>
                    <a:lnTo>
                      <a:pt x="1" y="9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79" name="Freeform 102"/>
              <p:cNvSpPr>
                <a:spLocks/>
              </p:cNvSpPr>
              <p:nvPr/>
            </p:nvSpPr>
            <p:spPr bwMode="auto">
              <a:xfrm>
                <a:off x="463" y="3535"/>
                <a:ext cx="10" cy="9"/>
              </a:xfrm>
              <a:custGeom>
                <a:avLst/>
                <a:gdLst>
                  <a:gd name="T0" fmla="*/ 0 w 10"/>
                  <a:gd name="T1" fmla="*/ 5 h 9"/>
                  <a:gd name="T2" fmla="*/ 0 w 10"/>
                  <a:gd name="T3" fmla="*/ 5 h 9"/>
                  <a:gd name="T4" fmla="*/ 0 w 10"/>
                  <a:gd name="T5" fmla="*/ 4 h 9"/>
                  <a:gd name="T6" fmla="*/ 1 w 10"/>
                  <a:gd name="T7" fmla="*/ 2 h 9"/>
                  <a:gd name="T8" fmla="*/ 3 w 10"/>
                  <a:gd name="T9" fmla="*/ 0 h 9"/>
                  <a:gd name="T10" fmla="*/ 5 w 10"/>
                  <a:gd name="T11" fmla="*/ 0 h 9"/>
                  <a:gd name="T12" fmla="*/ 5 w 10"/>
                  <a:gd name="T13" fmla="*/ 0 h 9"/>
                  <a:gd name="T14" fmla="*/ 6 w 10"/>
                  <a:gd name="T15" fmla="*/ 0 h 9"/>
                  <a:gd name="T16" fmla="*/ 8 w 10"/>
                  <a:gd name="T17" fmla="*/ 2 h 9"/>
                  <a:gd name="T18" fmla="*/ 10 w 10"/>
                  <a:gd name="T19" fmla="*/ 4 h 9"/>
                  <a:gd name="T20" fmla="*/ 10 w 10"/>
                  <a:gd name="T21" fmla="*/ 5 h 9"/>
                  <a:gd name="T22" fmla="*/ 10 w 10"/>
                  <a:gd name="T23" fmla="*/ 5 h 9"/>
                  <a:gd name="T24" fmla="*/ 10 w 10"/>
                  <a:gd name="T25" fmla="*/ 7 h 9"/>
                  <a:gd name="T26" fmla="*/ 8 w 10"/>
                  <a:gd name="T27" fmla="*/ 9 h 9"/>
                  <a:gd name="T28" fmla="*/ 6 w 10"/>
                  <a:gd name="T29" fmla="*/ 9 h 9"/>
                  <a:gd name="T30" fmla="*/ 5 w 10"/>
                  <a:gd name="T31" fmla="*/ 9 h 9"/>
                  <a:gd name="T32" fmla="*/ 5 w 10"/>
                  <a:gd name="T33" fmla="*/ 9 h 9"/>
                  <a:gd name="T34" fmla="*/ 3 w 10"/>
                  <a:gd name="T35" fmla="*/ 9 h 9"/>
                  <a:gd name="T36" fmla="*/ 1 w 10"/>
                  <a:gd name="T37" fmla="*/ 9 h 9"/>
                  <a:gd name="T38" fmla="*/ 0 w 10"/>
                  <a:gd name="T39" fmla="*/ 7 h 9"/>
                  <a:gd name="T40" fmla="*/ 0 w 10"/>
                  <a:gd name="T41" fmla="*/ 5 h 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0"/>
                  <a:gd name="T64" fmla="*/ 0 h 9"/>
                  <a:gd name="T65" fmla="*/ 10 w 10"/>
                  <a:gd name="T66" fmla="*/ 9 h 9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0" h="9">
                    <a:moveTo>
                      <a:pt x="0" y="5"/>
                    </a:moveTo>
                    <a:lnTo>
                      <a:pt x="0" y="5"/>
                    </a:lnTo>
                    <a:lnTo>
                      <a:pt x="0" y="4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6" y="0"/>
                    </a:lnTo>
                    <a:lnTo>
                      <a:pt x="8" y="2"/>
                    </a:lnTo>
                    <a:lnTo>
                      <a:pt x="10" y="4"/>
                    </a:lnTo>
                    <a:lnTo>
                      <a:pt x="10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5" y="9"/>
                    </a:lnTo>
                    <a:lnTo>
                      <a:pt x="3" y="9"/>
                    </a:lnTo>
                    <a:lnTo>
                      <a:pt x="1" y="9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80" name="Freeform 103"/>
              <p:cNvSpPr>
                <a:spLocks/>
              </p:cNvSpPr>
              <p:nvPr/>
            </p:nvSpPr>
            <p:spPr bwMode="auto">
              <a:xfrm>
                <a:off x="515" y="3537"/>
                <a:ext cx="15" cy="9"/>
              </a:xfrm>
              <a:custGeom>
                <a:avLst/>
                <a:gdLst>
                  <a:gd name="T0" fmla="*/ 0 w 15"/>
                  <a:gd name="T1" fmla="*/ 5 h 9"/>
                  <a:gd name="T2" fmla="*/ 0 w 15"/>
                  <a:gd name="T3" fmla="*/ 3 h 9"/>
                  <a:gd name="T4" fmla="*/ 2 w 15"/>
                  <a:gd name="T5" fmla="*/ 2 h 9"/>
                  <a:gd name="T6" fmla="*/ 5 w 15"/>
                  <a:gd name="T7" fmla="*/ 0 h 9"/>
                  <a:gd name="T8" fmla="*/ 7 w 15"/>
                  <a:gd name="T9" fmla="*/ 0 h 9"/>
                  <a:gd name="T10" fmla="*/ 10 w 15"/>
                  <a:gd name="T11" fmla="*/ 0 h 9"/>
                  <a:gd name="T12" fmla="*/ 12 w 15"/>
                  <a:gd name="T13" fmla="*/ 2 h 9"/>
                  <a:gd name="T14" fmla="*/ 14 w 15"/>
                  <a:gd name="T15" fmla="*/ 3 h 9"/>
                  <a:gd name="T16" fmla="*/ 15 w 15"/>
                  <a:gd name="T17" fmla="*/ 5 h 9"/>
                  <a:gd name="T18" fmla="*/ 14 w 15"/>
                  <a:gd name="T19" fmla="*/ 7 h 9"/>
                  <a:gd name="T20" fmla="*/ 12 w 15"/>
                  <a:gd name="T21" fmla="*/ 7 h 9"/>
                  <a:gd name="T22" fmla="*/ 10 w 15"/>
                  <a:gd name="T23" fmla="*/ 9 h 9"/>
                  <a:gd name="T24" fmla="*/ 7 w 15"/>
                  <a:gd name="T25" fmla="*/ 9 h 9"/>
                  <a:gd name="T26" fmla="*/ 5 w 15"/>
                  <a:gd name="T27" fmla="*/ 9 h 9"/>
                  <a:gd name="T28" fmla="*/ 2 w 15"/>
                  <a:gd name="T29" fmla="*/ 7 h 9"/>
                  <a:gd name="T30" fmla="*/ 0 w 15"/>
                  <a:gd name="T31" fmla="*/ 7 h 9"/>
                  <a:gd name="T32" fmla="*/ 0 w 15"/>
                  <a:gd name="T33" fmla="*/ 5 h 9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5"/>
                  <a:gd name="T52" fmla="*/ 0 h 9"/>
                  <a:gd name="T53" fmla="*/ 15 w 15"/>
                  <a:gd name="T54" fmla="*/ 9 h 9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5" h="9">
                    <a:moveTo>
                      <a:pt x="0" y="5"/>
                    </a:moveTo>
                    <a:lnTo>
                      <a:pt x="0" y="3"/>
                    </a:lnTo>
                    <a:lnTo>
                      <a:pt x="2" y="2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10" y="0"/>
                    </a:lnTo>
                    <a:lnTo>
                      <a:pt x="12" y="2"/>
                    </a:lnTo>
                    <a:lnTo>
                      <a:pt x="14" y="3"/>
                    </a:lnTo>
                    <a:lnTo>
                      <a:pt x="15" y="5"/>
                    </a:lnTo>
                    <a:lnTo>
                      <a:pt x="14" y="7"/>
                    </a:lnTo>
                    <a:lnTo>
                      <a:pt x="12" y="7"/>
                    </a:lnTo>
                    <a:lnTo>
                      <a:pt x="10" y="9"/>
                    </a:lnTo>
                    <a:lnTo>
                      <a:pt x="7" y="9"/>
                    </a:lnTo>
                    <a:lnTo>
                      <a:pt x="5" y="9"/>
                    </a:lnTo>
                    <a:lnTo>
                      <a:pt x="2" y="7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81" name="Freeform 104"/>
              <p:cNvSpPr>
                <a:spLocks/>
              </p:cNvSpPr>
              <p:nvPr/>
            </p:nvSpPr>
            <p:spPr bwMode="auto">
              <a:xfrm>
                <a:off x="515" y="3537"/>
                <a:ext cx="15" cy="9"/>
              </a:xfrm>
              <a:custGeom>
                <a:avLst/>
                <a:gdLst>
                  <a:gd name="T0" fmla="*/ 0 w 15"/>
                  <a:gd name="T1" fmla="*/ 5 h 9"/>
                  <a:gd name="T2" fmla="*/ 0 w 15"/>
                  <a:gd name="T3" fmla="*/ 5 h 9"/>
                  <a:gd name="T4" fmla="*/ 0 w 15"/>
                  <a:gd name="T5" fmla="*/ 3 h 9"/>
                  <a:gd name="T6" fmla="*/ 2 w 15"/>
                  <a:gd name="T7" fmla="*/ 2 h 9"/>
                  <a:gd name="T8" fmla="*/ 5 w 15"/>
                  <a:gd name="T9" fmla="*/ 0 h 9"/>
                  <a:gd name="T10" fmla="*/ 7 w 15"/>
                  <a:gd name="T11" fmla="*/ 0 h 9"/>
                  <a:gd name="T12" fmla="*/ 7 w 15"/>
                  <a:gd name="T13" fmla="*/ 0 h 9"/>
                  <a:gd name="T14" fmla="*/ 10 w 15"/>
                  <a:gd name="T15" fmla="*/ 0 h 9"/>
                  <a:gd name="T16" fmla="*/ 12 w 15"/>
                  <a:gd name="T17" fmla="*/ 2 h 9"/>
                  <a:gd name="T18" fmla="*/ 14 w 15"/>
                  <a:gd name="T19" fmla="*/ 3 h 9"/>
                  <a:gd name="T20" fmla="*/ 15 w 15"/>
                  <a:gd name="T21" fmla="*/ 5 h 9"/>
                  <a:gd name="T22" fmla="*/ 15 w 15"/>
                  <a:gd name="T23" fmla="*/ 5 h 9"/>
                  <a:gd name="T24" fmla="*/ 14 w 15"/>
                  <a:gd name="T25" fmla="*/ 7 h 9"/>
                  <a:gd name="T26" fmla="*/ 12 w 15"/>
                  <a:gd name="T27" fmla="*/ 7 h 9"/>
                  <a:gd name="T28" fmla="*/ 10 w 15"/>
                  <a:gd name="T29" fmla="*/ 9 h 9"/>
                  <a:gd name="T30" fmla="*/ 7 w 15"/>
                  <a:gd name="T31" fmla="*/ 9 h 9"/>
                  <a:gd name="T32" fmla="*/ 7 w 15"/>
                  <a:gd name="T33" fmla="*/ 9 h 9"/>
                  <a:gd name="T34" fmla="*/ 5 w 15"/>
                  <a:gd name="T35" fmla="*/ 9 h 9"/>
                  <a:gd name="T36" fmla="*/ 2 w 15"/>
                  <a:gd name="T37" fmla="*/ 7 h 9"/>
                  <a:gd name="T38" fmla="*/ 0 w 15"/>
                  <a:gd name="T39" fmla="*/ 7 h 9"/>
                  <a:gd name="T40" fmla="*/ 0 w 15"/>
                  <a:gd name="T41" fmla="*/ 5 h 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5"/>
                  <a:gd name="T64" fmla="*/ 0 h 9"/>
                  <a:gd name="T65" fmla="*/ 15 w 15"/>
                  <a:gd name="T66" fmla="*/ 9 h 9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5" h="9">
                    <a:moveTo>
                      <a:pt x="0" y="5"/>
                    </a:moveTo>
                    <a:lnTo>
                      <a:pt x="0" y="5"/>
                    </a:lnTo>
                    <a:lnTo>
                      <a:pt x="0" y="3"/>
                    </a:lnTo>
                    <a:lnTo>
                      <a:pt x="2" y="2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10" y="0"/>
                    </a:lnTo>
                    <a:lnTo>
                      <a:pt x="12" y="2"/>
                    </a:lnTo>
                    <a:lnTo>
                      <a:pt x="14" y="3"/>
                    </a:lnTo>
                    <a:lnTo>
                      <a:pt x="15" y="5"/>
                    </a:lnTo>
                    <a:lnTo>
                      <a:pt x="14" y="7"/>
                    </a:lnTo>
                    <a:lnTo>
                      <a:pt x="12" y="7"/>
                    </a:lnTo>
                    <a:lnTo>
                      <a:pt x="10" y="9"/>
                    </a:lnTo>
                    <a:lnTo>
                      <a:pt x="7" y="9"/>
                    </a:lnTo>
                    <a:lnTo>
                      <a:pt x="5" y="9"/>
                    </a:lnTo>
                    <a:lnTo>
                      <a:pt x="2" y="7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82" name="Freeform 105"/>
              <p:cNvSpPr>
                <a:spLocks/>
              </p:cNvSpPr>
              <p:nvPr/>
            </p:nvSpPr>
            <p:spPr bwMode="auto">
              <a:xfrm>
                <a:off x="439" y="3529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1 h 10"/>
                  <a:gd name="T4" fmla="*/ 2 w 8"/>
                  <a:gd name="T5" fmla="*/ 1 h 10"/>
                  <a:gd name="T6" fmla="*/ 2 w 8"/>
                  <a:gd name="T7" fmla="*/ 0 h 10"/>
                  <a:gd name="T8" fmla="*/ 3 w 8"/>
                  <a:gd name="T9" fmla="*/ 0 h 10"/>
                  <a:gd name="T10" fmla="*/ 5 w 8"/>
                  <a:gd name="T11" fmla="*/ 0 h 10"/>
                  <a:gd name="T12" fmla="*/ 7 w 8"/>
                  <a:gd name="T13" fmla="*/ 1 h 10"/>
                  <a:gd name="T14" fmla="*/ 8 w 8"/>
                  <a:gd name="T15" fmla="*/ 1 h 10"/>
                  <a:gd name="T16" fmla="*/ 8 w 8"/>
                  <a:gd name="T17" fmla="*/ 5 h 10"/>
                  <a:gd name="T18" fmla="*/ 8 w 8"/>
                  <a:gd name="T19" fmla="*/ 6 h 10"/>
                  <a:gd name="T20" fmla="*/ 7 w 8"/>
                  <a:gd name="T21" fmla="*/ 8 h 10"/>
                  <a:gd name="T22" fmla="*/ 5 w 8"/>
                  <a:gd name="T23" fmla="*/ 10 h 10"/>
                  <a:gd name="T24" fmla="*/ 3 w 8"/>
                  <a:gd name="T25" fmla="*/ 10 h 10"/>
                  <a:gd name="T26" fmla="*/ 2 w 8"/>
                  <a:gd name="T27" fmla="*/ 10 h 10"/>
                  <a:gd name="T28" fmla="*/ 2 w 8"/>
                  <a:gd name="T29" fmla="*/ 8 h 10"/>
                  <a:gd name="T30" fmla="*/ 0 w 8"/>
                  <a:gd name="T31" fmla="*/ 6 h 10"/>
                  <a:gd name="T32" fmla="*/ 0 w 8"/>
                  <a:gd name="T33" fmla="*/ 5 h 1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8"/>
                  <a:gd name="T52" fmla="*/ 0 h 10"/>
                  <a:gd name="T53" fmla="*/ 8 w 8"/>
                  <a:gd name="T54" fmla="*/ 10 h 10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8" h="10">
                    <a:moveTo>
                      <a:pt x="0" y="5"/>
                    </a:moveTo>
                    <a:lnTo>
                      <a:pt x="0" y="1"/>
                    </a:lnTo>
                    <a:lnTo>
                      <a:pt x="2" y="1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1"/>
                    </a:lnTo>
                    <a:lnTo>
                      <a:pt x="8" y="1"/>
                    </a:lnTo>
                    <a:lnTo>
                      <a:pt x="8" y="5"/>
                    </a:lnTo>
                    <a:lnTo>
                      <a:pt x="8" y="6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6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83" name="Freeform 106"/>
              <p:cNvSpPr>
                <a:spLocks/>
              </p:cNvSpPr>
              <p:nvPr/>
            </p:nvSpPr>
            <p:spPr bwMode="auto">
              <a:xfrm>
                <a:off x="439" y="3529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5 h 10"/>
                  <a:gd name="T4" fmla="*/ 0 w 8"/>
                  <a:gd name="T5" fmla="*/ 1 h 10"/>
                  <a:gd name="T6" fmla="*/ 2 w 8"/>
                  <a:gd name="T7" fmla="*/ 1 h 10"/>
                  <a:gd name="T8" fmla="*/ 2 w 8"/>
                  <a:gd name="T9" fmla="*/ 0 h 10"/>
                  <a:gd name="T10" fmla="*/ 3 w 8"/>
                  <a:gd name="T11" fmla="*/ 0 h 10"/>
                  <a:gd name="T12" fmla="*/ 3 w 8"/>
                  <a:gd name="T13" fmla="*/ 0 h 10"/>
                  <a:gd name="T14" fmla="*/ 5 w 8"/>
                  <a:gd name="T15" fmla="*/ 0 h 10"/>
                  <a:gd name="T16" fmla="*/ 7 w 8"/>
                  <a:gd name="T17" fmla="*/ 1 h 10"/>
                  <a:gd name="T18" fmla="*/ 8 w 8"/>
                  <a:gd name="T19" fmla="*/ 1 h 10"/>
                  <a:gd name="T20" fmla="*/ 8 w 8"/>
                  <a:gd name="T21" fmla="*/ 5 h 10"/>
                  <a:gd name="T22" fmla="*/ 8 w 8"/>
                  <a:gd name="T23" fmla="*/ 5 h 10"/>
                  <a:gd name="T24" fmla="*/ 8 w 8"/>
                  <a:gd name="T25" fmla="*/ 6 h 10"/>
                  <a:gd name="T26" fmla="*/ 7 w 8"/>
                  <a:gd name="T27" fmla="*/ 8 h 10"/>
                  <a:gd name="T28" fmla="*/ 5 w 8"/>
                  <a:gd name="T29" fmla="*/ 10 h 10"/>
                  <a:gd name="T30" fmla="*/ 3 w 8"/>
                  <a:gd name="T31" fmla="*/ 10 h 10"/>
                  <a:gd name="T32" fmla="*/ 3 w 8"/>
                  <a:gd name="T33" fmla="*/ 10 h 10"/>
                  <a:gd name="T34" fmla="*/ 2 w 8"/>
                  <a:gd name="T35" fmla="*/ 10 h 10"/>
                  <a:gd name="T36" fmla="*/ 2 w 8"/>
                  <a:gd name="T37" fmla="*/ 8 h 10"/>
                  <a:gd name="T38" fmla="*/ 0 w 8"/>
                  <a:gd name="T39" fmla="*/ 6 h 10"/>
                  <a:gd name="T40" fmla="*/ 0 w 8"/>
                  <a:gd name="T41" fmla="*/ 5 h 1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8"/>
                  <a:gd name="T64" fmla="*/ 0 h 10"/>
                  <a:gd name="T65" fmla="*/ 8 w 8"/>
                  <a:gd name="T66" fmla="*/ 10 h 10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8" h="10">
                    <a:moveTo>
                      <a:pt x="0" y="5"/>
                    </a:moveTo>
                    <a:lnTo>
                      <a:pt x="0" y="5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1"/>
                    </a:lnTo>
                    <a:lnTo>
                      <a:pt x="8" y="1"/>
                    </a:lnTo>
                    <a:lnTo>
                      <a:pt x="8" y="5"/>
                    </a:lnTo>
                    <a:lnTo>
                      <a:pt x="8" y="6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6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84" name="Freeform 107"/>
              <p:cNvSpPr>
                <a:spLocks/>
              </p:cNvSpPr>
              <p:nvPr/>
            </p:nvSpPr>
            <p:spPr bwMode="auto">
              <a:xfrm>
                <a:off x="738" y="3474"/>
                <a:ext cx="7" cy="11"/>
              </a:xfrm>
              <a:custGeom>
                <a:avLst/>
                <a:gdLst>
                  <a:gd name="T0" fmla="*/ 0 w 7"/>
                  <a:gd name="T1" fmla="*/ 6 h 11"/>
                  <a:gd name="T2" fmla="*/ 0 w 7"/>
                  <a:gd name="T3" fmla="*/ 4 h 11"/>
                  <a:gd name="T4" fmla="*/ 2 w 7"/>
                  <a:gd name="T5" fmla="*/ 2 h 11"/>
                  <a:gd name="T6" fmla="*/ 2 w 7"/>
                  <a:gd name="T7" fmla="*/ 0 h 11"/>
                  <a:gd name="T8" fmla="*/ 4 w 7"/>
                  <a:gd name="T9" fmla="*/ 0 h 11"/>
                  <a:gd name="T10" fmla="*/ 6 w 7"/>
                  <a:gd name="T11" fmla="*/ 0 h 11"/>
                  <a:gd name="T12" fmla="*/ 7 w 7"/>
                  <a:gd name="T13" fmla="*/ 2 h 11"/>
                  <a:gd name="T14" fmla="*/ 7 w 7"/>
                  <a:gd name="T15" fmla="*/ 4 h 11"/>
                  <a:gd name="T16" fmla="*/ 7 w 7"/>
                  <a:gd name="T17" fmla="*/ 6 h 11"/>
                  <a:gd name="T18" fmla="*/ 7 w 7"/>
                  <a:gd name="T19" fmla="*/ 7 h 11"/>
                  <a:gd name="T20" fmla="*/ 7 w 7"/>
                  <a:gd name="T21" fmla="*/ 9 h 11"/>
                  <a:gd name="T22" fmla="*/ 6 w 7"/>
                  <a:gd name="T23" fmla="*/ 9 h 11"/>
                  <a:gd name="T24" fmla="*/ 4 w 7"/>
                  <a:gd name="T25" fmla="*/ 11 h 11"/>
                  <a:gd name="T26" fmla="*/ 2 w 7"/>
                  <a:gd name="T27" fmla="*/ 9 h 11"/>
                  <a:gd name="T28" fmla="*/ 2 w 7"/>
                  <a:gd name="T29" fmla="*/ 9 h 11"/>
                  <a:gd name="T30" fmla="*/ 0 w 7"/>
                  <a:gd name="T31" fmla="*/ 7 h 11"/>
                  <a:gd name="T32" fmla="*/ 0 w 7"/>
                  <a:gd name="T33" fmla="*/ 6 h 11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7"/>
                  <a:gd name="T52" fmla="*/ 0 h 11"/>
                  <a:gd name="T53" fmla="*/ 7 w 7"/>
                  <a:gd name="T54" fmla="*/ 11 h 11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7" h="11">
                    <a:moveTo>
                      <a:pt x="0" y="6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2"/>
                    </a:lnTo>
                    <a:lnTo>
                      <a:pt x="7" y="4"/>
                    </a:lnTo>
                    <a:lnTo>
                      <a:pt x="7" y="6"/>
                    </a:lnTo>
                    <a:lnTo>
                      <a:pt x="7" y="7"/>
                    </a:lnTo>
                    <a:lnTo>
                      <a:pt x="7" y="9"/>
                    </a:lnTo>
                    <a:lnTo>
                      <a:pt x="6" y="9"/>
                    </a:lnTo>
                    <a:lnTo>
                      <a:pt x="4" y="11"/>
                    </a:lnTo>
                    <a:lnTo>
                      <a:pt x="2" y="9"/>
                    </a:lnTo>
                    <a:lnTo>
                      <a:pt x="0" y="7"/>
                    </a:lnTo>
                    <a:lnTo>
                      <a:pt x="0" y="6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85" name="Freeform 108"/>
              <p:cNvSpPr>
                <a:spLocks/>
              </p:cNvSpPr>
              <p:nvPr/>
            </p:nvSpPr>
            <p:spPr bwMode="auto">
              <a:xfrm>
                <a:off x="738" y="3474"/>
                <a:ext cx="7" cy="11"/>
              </a:xfrm>
              <a:custGeom>
                <a:avLst/>
                <a:gdLst>
                  <a:gd name="T0" fmla="*/ 0 w 7"/>
                  <a:gd name="T1" fmla="*/ 6 h 11"/>
                  <a:gd name="T2" fmla="*/ 0 w 7"/>
                  <a:gd name="T3" fmla="*/ 6 h 11"/>
                  <a:gd name="T4" fmla="*/ 0 w 7"/>
                  <a:gd name="T5" fmla="*/ 4 h 11"/>
                  <a:gd name="T6" fmla="*/ 2 w 7"/>
                  <a:gd name="T7" fmla="*/ 2 h 11"/>
                  <a:gd name="T8" fmla="*/ 2 w 7"/>
                  <a:gd name="T9" fmla="*/ 0 h 11"/>
                  <a:gd name="T10" fmla="*/ 4 w 7"/>
                  <a:gd name="T11" fmla="*/ 0 h 11"/>
                  <a:gd name="T12" fmla="*/ 4 w 7"/>
                  <a:gd name="T13" fmla="*/ 0 h 11"/>
                  <a:gd name="T14" fmla="*/ 6 w 7"/>
                  <a:gd name="T15" fmla="*/ 0 h 11"/>
                  <a:gd name="T16" fmla="*/ 7 w 7"/>
                  <a:gd name="T17" fmla="*/ 2 h 11"/>
                  <a:gd name="T18" fmla="*/ 7 w 7"/>
                  <a:gd name="T19" fmla="*/ 4 h 11"/>
                  <a:gd name="T20" fmla="*/ 7 w 7"/>
                  <a:gd name="T21" fmla="*/ 6 h 11"/>
                  <a:gd name="T22" fmla="*/ 7 w 7"/>
                  <a:gd name="T23" fmla="*/ 6 h 11"/>
                  <a:gd name="T24" fmla="*/ 7 w 7"/>
                  <a:gd name="T25" fmla="*/ 7 h 11"/>
                  <a:gd name="T26" fmla="*/ 7 w 7"/>
                  <a:gd name="T27" fmla="*/ 9 h 11"/>
                  <a:gd name="T28" fmla="*/ 6 w 7"/>
                  <a:gd name="T29" fmla="*/ 9 h 11"/>
                  <a:gd name="T30" fmla="*/ 4 w 7"/>
                  <a:gd name="T31" fmla="*/ 11 h 11"/>
                  <a:gd name="T32" fmla="*/ 4 w 7"/>
                  <a:gd name="T33" fmla="*/ 11 h 11"/>
                  <a:gd name="T34" fmla="*/ 2 w 7"/>
                  <a:gd name="T35" fmla="*/ 9 h 11"/>
                  <a:gd name="T36" fmla="*/ 2 w 7"/>
                  <a:gd name="T37" fmla="*/ 9 h 11"/>
                  <a:gd name="T38" fmla="*/ 0 w 7"/>
                  <a:gd name="T39" fmla="*/ 7 h 11"/>
                  <a:gd name="T40" fmla="*/ 0 w 7"/>
                  <a:gd name="T41" fmla="*/ 6 h 11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7"/>
                  <a:gd name="T64" fmla="*/ 0 h 11"/>
                  <a:gd name="T65" fmla="*/ 7 w 7"/>
                  <a:gd name="T66" fmla="*/ 11 h 11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7" h="11">
                    <a:moveTo>
                      <a:pt x="0" y="6"/>
                    </a:moveTo>
                    <a:lnTo>
                      <a:pt x="0" y="6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2"/>
                    </a:lnTo>
                    <a:lnTo>
                      <a:pt x="7" y="4"/>
                    </a:lnTo>
                    <a:lnTo>
                      <a:pt x="7" y="6"/>
                    </a:lnTo>
                    <a:lnTo>
                      <a:pt x="7" y="7"/>
                    </a:lnTo>
                    <a:lnTo>
                      <a:pt x="7" y="9"/>
                    </a:lnTo>
                    <a:lnTo>
                      <a:pt x="6" y="9"/>
                    </a:lnTo>
                    <a:lnTo>
                      <a:pt x="4" y="11"/>
                    </a:lnTo>
                    <a:lnTo>
                      <a:pt x="2" y="9"/>
                    </a:lnTo>
                    <a:lnTo>
                      <a:pt x="0" y="7"/>
                    </a:lnTo>
                    <a:lnTo>
                      <a:pt x="0" y="6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86" name="Freeform 109"/>
              <p:cNvSpPr>
                <a:spLocks/>
              </p:cNvSpPr>
              <p:nvPr/>
            </p:nvSpPr>
            <p:spPr bwMode="auto">
              <a:xfrm>
                <a:off x="650" y="3331"/>
                <a:ext cx="21" cy="15"/>
              </a:xfrm>
              <a:custGeom>
                <a:avLst/>
                <a:gdLst>
                  <a:gd name="T0" fmla="*/ 2 w 21"/>
                  <a:gd name="T1" fmla="*/ 1 h 15"/>
                  <a:gd name="T2" fmla="*/ 19 w 21"/>
                  <a:gd name="T3" fmla="*/ 0 h 15"/>
                  <a:gd name="T4" fmla="*/ 19 w 21"/>
                  <a:gd name="T5" fmla="*/ 1 h 15"/>
                  <a:gd name="T6" fmla="*/ 19 w 21"/>
                  <a:gd name="T7" fmla="*/ 3 h 15"/>
                  <a:gd name="T8" fmla="*/ 21 w 21"/>
                  <a:gd name="T9" fmla="*/ 5 h 15"/>
                  <a:gd name="T10" fmla="*/ 21 w 21"/>
                  <a:gd name="T11" fmla="*/ 8 h 15"/>
                  <a:gd name="T12" fmla="*/ 21 w 21"/>
                  <a:gd name="T13" fmla="*/ 10 h 15"/>
                  <a:gd name="T14" fmla="*/ 21 w 21"/>
                  <a:gd name="T15" fmla="*/ 13 h 15"/>
                  <a:gd name="T16" fmla="*/ 17 w 21"/>
                  <a:gd name="T17" fmla="*/ 15 h 15"/>
                  <a:gd name="T18" fmla="*/ 12 w 21"/>
                  <a:gd name="T19" fmla="*/ 15 h 15"/>
                  <a:gd name="T20" fmla="*/ 12 w 21"/>
                  <a:gd name="T21" fmla="*/ 15 h 15"/>
                  <a:gd name="T22" fmla="*/ 11 w 21"/>
                  <a:gd name="T23" fmla="*/ 13 h 15"/>
                  <a:gd name="T24" fmla="*/ 7 w 21"/>
                  <a:gd name="T25" fmla="*/ 11 h 15"/>
                  <a:gd name="T26" fmla="*/ 6 w 21"/>
                  <a:gd name="T27" fmla="*/ 10 h 15"/>
                  <a:gd name="T28" fmla="*/ 4 w 21"/>
                  <a:gd name="T29" fmla="*/ 8 h 15"/>
                  <a:gd name="T30" fmla="*/ 2 w 21"/>
                  <a:gd name="T31" fmla="*/ 6 h 15"/>
                  <a:gd name="T32" fmla="*/ 0 w 21"/>
                  <a:gd name="T33" fmla="*/ 6 h 15"/>
                  <a:gd name="T34" fmla="*/ 0 w 21"/>
                  <a:gd name="T35" fmla="*/ 6 h 15"/>
                  <a:gd name="T36" fmla="*/ 2 w 21"/>
                  <a:gd name="T37" fmla="*/ 1 h 15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w 21"/>
                  <a:gd name="T58" fmla="*/ 0 h 15"/>
                  <a:gd name="T59" fmla="*/ 21 w 21"/>
                  <a:gd name="T60" fmla="*/ 15 h 15"/>
                </a:gdLst>
                <a:ahLst/>
                <a:cxnLst>
                  <a:cxn ang="T38">
                    <a:pos x="T0" y="T1"/>
                  </a:cxn>
                  <a:cxn ang="T39">
                    <a:pos x="T2" y="T3"/>
                  </a:cxn>
                  <a:cxn ang="T40">
                    <a:pos x="T4" y="T5"/>
                  </a:cxn>
                  <a:cxn ang="T41">
                    <a:pos x="T6" y="T7"/>
                  </a:cxn>
                  <a:cxn ang="T42">
                    <a:pos x="T8" y="T9"/>
                  </a:cxn>
                  <a:cxn ang="T43">
                    <a:pos x="T10" y="T11"/>
                  </a:cxn>
                  <a:cxn ang="T44">
                    <a:pos x="T12" y="T13"/>
                  </a:cxn>
                  <a:cxn ang="T45">
                    <a:pos x="T14" y="T15"/>
                  </a:cxn>
                  <a:cxn ang="T46">
                    <a:pos x="T16" y="T17"/>
                  </a:cxn>
                  <a:cxn ang="T47">
                    <a:pos x="T18" y="T19"/>
                  </a:cxn>
                  <a:cxn ang="T48">
                    <a:pos x="T20" y="T21"/>
                  </a:cxn>
                  <a:cxn ang="T49">
                    <a:pos x="T22" y="T23"/>
                  </a:cxn>
                  <a:cxn ang="T50">
                    <a:pos x="T24" y="T25"/>
                  </a:cxn>
                  <a:cxn ang="T51">
                    <a:pos x="T26" y="T27"/>
                  </a:cxn>
                  <a:cxn ang="T52">
                    <a:pos x="T28" y="T29"/>
                  </a:cxn>
                  <a:cxn ang="T53">
                    <a:pos x="T30" y="T31"/>
                  </a:cxn>
                  <a:cxn ang="T54">
                    <a:pos x="T32" y="T33"/>
                  </a:cxn>
                  <a:cxn ang="T55">
                    <a:pos x="T34" y="T35"/>
                  </a:cxn>
                  <a:cxn ang="T56">
                    <a:pos x="T36" y="T37"/>
                  </a:cxn>
                </a:cxnLst>
                <a:rect l="T57" t="T58" r="T59" b="T60"/>
                <a:pathLst>
                  <a:path w="21" h="15">
                    <a:moveTo>
                      <a:pt x="2" y="1"/>
                    </a:moveTo>
                    <a:lnTo>
                      <a:pt x="19" y="0"/>
                    </a:lnTo>
                    <a:lnTo>
                      <a:pt x="19" y="1"/>
                    </a:lnTo>
                    <a:lnTo>
                      <a:pt x="19" y="3"/>
                    </a:lnTo>
                    <a:lnTo>
                      <a:pt x="21" y="5"/>
                    </a:lnTo>
                    <a:lnTo>
                      <a:pt x="21" y="8"/>
                    </a:lnTo>
                    <a:lnTo>
                      <a:pt x="21" y="10"/>
                    </a:lnTo>
                    <a:lnTo>
                      <a:pt x="21" y="13"/>
                    </a:lnTo>
                    <a:lnTo>
                      <a:pt x="17" y="15"/>
                    </a:lnTo>
                    <a:lnTo>
                      <a:pt x="12" y="15"/>
                    </a:lnTo>
                    <a:lnTo>
                      <a:pt x="11" y="13"/>
                    </a:lnTo>
                    <a:lnTo>
                      <a:pt x="7" y="11"/>
                    </a:lnTo>
                    <a:lnTo>
                      <a:pt x="6" y="10"/>
                    </a:lnTo>
                    <a:lnTo>
                      <a:pt x="4" y="8"/>
                    </a:lnTo>
                    <a:lnTo>
                      <a:pt x="2" y="6"/>
                    </a:lnTo>
                    <a:lnTo>
                      <a:pt x="0" y="6"/>
                    </a:lnTo>
                    <a:lnTo>
                      <a:pt x="2" y="1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87" name="Freeform 110"/>
              <p:cNvSpPr>
                <a:spLocks/>
              </p:cNvSpPr>
              <p:nvPr/>
            </p:nvSpPr>
            <p:spPr bwMode="auto">
              <a:xfrm>
                <a:off x="650" y="3331"/>
                <a:ext cx="21" cy="15"/>
              </a:xfrm>
              <a:custGeom>
                <a:avLst/>
                <a:gdLst>
                  <a:gd name="T0" fmla="*/ 2 w 21"/>
                  <a:gd name="T1" fmla="*/ 1 h 15"/>
                  <a:gd name="T2" fmla="*/ 19 w 21"/>
                  <a:gd name="T3" fmla="*/ 0 h 15"/>
                  <a:gd name="T4" fmla="*/ 19 w 21"/>
                  <a:gd name="T5" fmla="*/ 0 h 15"/>
                  <a:gd name="T6" fmla="*/ 19 w 21"/>
                  <a:gd name="T7" fmla="*/ 1 h 15"/>
                  <a:gd name="T8" fmla="*/ 19 w 21"/>
                  <a:gd name="T9" fmla="*/ 3 h 15"/>
                  <a:gd name="T10" fmla="*/ 21 w 21"/>
                  <a:gd name="T11" fmla="*/ 5 h 15"/>
                  <a:gd name="T12" fmla="*/ 21 w 21"/>
                  <a:gd name="T13" fmla="*/ 8 h 15"/>
                  <a:gd name="T14" fmla="*/ 21 w 21"/>
                  <a:gd name="T15" fmla="*/ 10 h 15"/>
                  <a:gd name="T16" fmla="*/ 21 w 21"/>
                  <a:gd name="T17" fmla="*/ 13 h 15"/>
                  <a:gd name="T18" fmla="*/ 17 w 21"/>
                  <a:gd name="T19" fmla="*/ 15 h 15"/>
                  <a:gd name="T20" fmla="*/ 12 w 21"/>
                  <a:gd name="T21" fmla="*/ 15 h 15"/>
                  <a:gd name="T22" fmla="*/ 12 w 21"/>
                  <a:gd name="T23" fmla="*/ 15 h 15"/>
                  <a:gd name="T24" fmla="*/ 12 w 21"/>
                  <a:gd name="T25" fmla="*/ 15 h 15"/>
                  <a:gd name="T26" fmla="*/ 11 w 21"/>
                  <a:gd name="T27" fmla="*/ 13 h 15"/>
                  <a:gd name="T28" fmla="*/ 7 w 21"/>
                  <a:gd name="T29" fmla="*/ 11 h 15"/>
                  <a:gd name="T30" fmla="*/ 6 w 21"/>
                  <a:gd name="T31" fmla="*/ 10 h 15"/>
                  <a:gd name="T32" fmla="*/ 4 w 21"/>
                  <a:gd name="T33" fmla="*/ 8 h 15"/>
                  <a:gd name="T34" fmla="*/ 2 w 21"/>
                  <a:gd name="T35" fmla="*/ 6 h 15"/>
                  <a:gd name="T36" fmla="*/ 0 w 21"/>
                  <a:gd name="T37" fmla="*/ 6 h 15"/>
                  <a:gd name="T38" fmla="*/ 0 w 21"/>
                  <a:gd name="T39" fmla="*/ 6 h 15"/>
                  <a:gd name="T40" fmla="*/ 2 w 21"/>
                  <a:gd name="T41" fmla="*/ 1 h 15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21"/>
                  <a:gd name="T64" fmla="*/ 0 h 15"/>
                  <a:gd name="T65" fmla="*/ 21 w 21"/>
                  <a:gd name="T66" fmla="*/ 15 h 15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21" h="15">
                    <a:moveTo>
                      <a:pt x="2" y="1"/>
                    </a:moveTo>
                    <a:lnTo>
                      <a:pt x="19" y="0"/>
                    </a:lnTo>
                    <a:lnTo>
                      <a:pt x="19" y="1"/>
                    </a:lnTo>
                    <a:lnTo>
                      <a:pt x="19" y="3"/>
                    </a:lnTo>
                    <a:lnTo>
                      <a:pt x="21" y="5"/>
                    </a:lnTo>
                    <a:lnTo>
                      <a:pt x="21" y="8"/>
                    </a:lnTo>
                    <a:lnTo>
                      <a:pt x="21" y="10"/>
                    </a:lnTo>
                    <a:lnTo>
                      <a:pt x="21" y="13"/>
                    </a:lnTo>
                    <a:lnTo>
                      <a:pt x="17" y="15"/>
                    </a:lnTo>
                    <a:lnTo>
                      <a:pt x="12" y="15"/>
                    </a:lnTo>
                    <a:lnTo>
                      <a:pt x="11" y="13"/>
                    </a:lnTo>
                    <a:lnTo>
                      <a:pt x="7" y="11"/>
                    </a:lnTo>
                    <a:lnTo>
                      <a:pt x="6" y="10"/>
                    </a:lnTo>
                    <a:lnTo>
                      <a:pt x="4" y="8"/>
                    </a:lnTo>
                    <a:lnTo>
                      <a:pt x="2" y="6"/>
                    </a:lnTo>
                    <a:lnTo>
                      <a:pt x="0" y="6"/>
                    </a:lnTo>
                    <a:lnTo>
                      <a:pt x="2" y="1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88" name="Freeform 111"/>
              <p:cNvSpPr>
                <a:spLocks/>
              </p:cNvSpPr>
              <p:nvPr/>
            </p:nvSpPr>
            <p:spPr bwMode="auto">
              <a:xfrm>
                <a:off x="495" y="3530"/>
                <a:ext cx="18" cy="9"/>
              </a:xfrm>
              <a:custGeom>
                <a:avLst/>
                <a:gdLst>
                  <a:gd name="T0" fmla="*/ 12 w 18"/>
                  <a:gd name="T1" fmla="*/ 2 h 9"/>
                  <a:gd name="T2" fmla="*/ 0 w 18"/>
                  <a:gd name="T3" fmla="*/ 5 h 9"/>
                  <a:gd name="T4" fmla="*/ 13 w 18"/>
                  <a:gd name="T5" fmla="*/ 9 h 9"/>
                  <a:gd name="T6" fmla="*/ 18 w 18"/>
                  <a:gd name="T7" fmla="*/ 0 h 9"/>
                  <a:gd name="T8" fmla="*/ 12 w 18"/>
                  <a:gd name="T9" fmla="*/ 2 h 9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18"/>
                  <a:gd name="T16" fmla="*/ 0 h 9"/>
                  <a:gd name="T17" fmla="*/ 18 w 18"/>
                  <a:gd name="T18" fmla="*/ 9 h 9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18" h="9">
                    <a:moveTo>
                      <a:pt x="12" y="2"/>
                    </a:moveTo>
                    <a:lnTo>
                      <a:pt x="0" y="5"/>
                    </a:lnTo>
                    <a:lnTo>
                      <a:pt x="13" y="9"/>
                    </a:lnTo>
                    <a:lnTo>
                      <a:pt x="18" y="0"/>
                    </a:lnTo>
                    <a:lnTo>
                      <a:pt x="12" y="2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89" name="Freeform 112"/>
              <p:cNvSpPr>
                <a:spLocks/>
              </p:cNvSpPr>
              <p:nvPr/>
            </p:nvSpPr>
            <p:spPr bwMode="auto">
              <a:xfrm>
                <a:off x="495" y="3530"/>
                <a:ext cx="18" cy="9"/>
              </a:xfrm>
              <a:custGeom>
                <a:avLst/>
                <a:gdLst>
                  <a:gd name="T0" fmla="*/ 12 w 18"/>
                  <a:gd name="T1" fmla="*/ 2 h 9"/>
                  <a:gd name="T2" fmla="*/ 0 w 18"/>
                  <a:gd name="T3" fmla="*/ 5 h 9"/>
                  <a:gd name="T4" fmla="*/ 13 w 18"/>
                  <a:gd name="T5" fmla="*/ 9 h 9"/>
                  <a:gd name="T6" fmla="*/ 18 w 18"/>
                  <a:gd name="T7" fmla="*/ 0 h 9"/>
                  <a:gd name="T8" fmla="*/ 12 w 18"/>
                  <a:gd name="T9" fmla="*/ 2 h 9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18"/>
                  <a:gd name="T16" fmla="*/ 0 h 9"/>
                  <a:gd name="T17" fmla="*/ 18 w 18"/>
                  <a:gd name="T18" fmla="*/ 9 h 9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18" h="9">
                    <a:moveTo>
                      <a:pt x="12" y="2"/>
                    </a:moveTo>
                    <a:lnTo>
                      <a:pt x="0" y="5"/>
                    </a:lnTo>
                    <a:lnTo>
                      <a:pt x="13" y="9"/>
                    </a:lnTo>
                    <a:lnTo>
                      <a:pt x="18" y="0"/>
                    </a:lnTo>
                    <a:lnTo>
                      <a:pt x="12" y="2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90" name="Freeform 113"/>
              <p:cNvSpPr>
                <a:spLocks/>
              </p:cNvSpPr>
              <p:nvPr/>
            </p:nvSpPr>
            <p:spPr bwMode="auto">
              <a:xfrm>
                <a:off x="606" y="3229"/>
                <a:ext cx="34" cy="25"/>
              </a:xfrm>
              <a:custGeom>
                <a:avLst/>
                <a:gdLst>
                  <a:gd name="T0" fmla="*/ 4 w 34"/>
                  <a:gd name="T1" fmla="*/ 0 h 25"/>
                  <a:gd name="T2" fmla="*/ 4 w 34"/>
                  <a:gd name="T3" fmla="*/ 0 h 25"/>
                  <a:gd name="T4" fmla="*/ 4 w 34"/>
                  <a:gd name="T5" fmla="*/ 2 h 25"/>
                  <a:gd name="T6" fmla="*/ 6 w 34"/>
                  <a:gd name="T7" fmla="*/ 3 h 25"/>
                  <a:gd name="T8" fmla="*/ 9 w 34"/>
                  <a:gd name="T9" fmla="*/ 5 h 25"/>
                  <a:gd name="T10" fmla="*/ 11 w 34"/>
                  <a:gd name="T11" fmla="*/ 7 h 25"/>
                  <a:gd name="T12" fmla="*/ 14 w 34"/>
                  <a:gd name="T13" fmla="*/ 7 h 25"/>
                  <a:gd name="T14" fmla="*/ 17 w 34"/>
                  <a:gd name="T15" fmla="*/ 5 h 25"/>
                  <a:gd name="T16" fmla="*/ 21 w 34"/>
                  <a:gd name="T17" fmla="*/ 3 h 25"/>
                  <a:gd name="T18" fmla="*/ 21 w 34"/>
                  <a:gd name="T19" fmla="*/ 3 h 25"/>
                  <a:gd name="T20" fmla="*/ 21 w 34"/>
                  <a:gd name="T21" fmla="*/ 5 h 25"/>
                  <a:gd name="T22" fmla="*/ 22 w 34"/>
                  <a:gd name="T23" fmla="*/ 7 h 25"/>
                  <a:gd name="T24" fmla="*/ 22 w 34"/>
                  <a:gd name="T25" fmla="*/ 10 h 25"/>
                  <a:gd name="T26" fmla="*/ 26 w 34"/>
                  <a:gd name="T27" fmla="*/ 14 h 25"/>
                  <a:gd name="T28" fmla="*/ 28 w 34"/>
                  <a:gd name="T29" fmla="*/ 15 h 25"/>
                  <a:gd name="T30" fmla="*/ 31 w 34"/>
                  <a:gd name="T31" fmla="*/ 17 h 25"/>
                  <a:gd name="T32" fmla="*/ 34 w 34"/>
                  <a:gd name="T33" fmla="*/ 17 h 25"/>
                  <a:gd name="T34" fmla="*/ 34 w 34"/>
                  <a:gd name="T35" fmla="*/ 19 h 25"/>
                  <a:gd name="T36" fmla="*/ 33 w 34"/>
                  <a:gd name="T37" fmla="*/ 19 h 25"/>
                  <a:gd name="T38" fmla="*/ 31 w 34"/>
                  <a:gd name="T39" fmla="*/ 20 h 25"/>
                  <a:gd name="T40" fmla="*/ 28 w 34"/>
                  <a:gd name="T41" fmla="*/ 22 h 25"/>
                  <a:gd name="T42" fmla="*/ 26 w 34"/>
                  <a:gd name="T43" fmla="*/ 24 h 25"/>
                  <a:gd name="T44" fmla="*/ 24 w 34"/>
                  <a:gd name="T45" fmla="*/ 25 h 25"/>
                  <a:gd name="T46" fmla="*/ 22 w 34"/>
                  <a:gd name="T47" fmla="*/ 25 h 25"/>
                  <a:gd name="T48" fmla="*/ 22 w 34"/>
                  <a:gd name="T49" fmla="*/ 25 h 25"/>
                  <a:gd name="T50" fmla="*/ 22 w 34"/>
                  <a:gd name="T51" fmla="*/ 25 h 25"/>
                  <a:gd name="T52" fmla="*/ 22 w 34"/>
                  <a:gd name="T53" fmla="*/ 24 h 25"/>
                  <a:gd name="T54" fmla="*/ 21 w 34"/>
                  <a:gd name="T55" fmla="*/ 20 h 25"/>
                  <a:gd name="T56" fmla="*/ 19 w 34"/>
                  <a:gd name="T57" fmla="*/ 19 h 25"/>
                  <a:gd name="T58" fmla="*/ 17 w 34"/>
                  <a:gd name="T59" fmla="*/ 15 h 25"/>
                  <a:gd name="T60" fmla="*/ 12 w 34"/>
                  <a:gd name="T61" fmla="*/ 14 h 25"/>
                  <a:gd name="T62" fmla="*/ 7 w 34"/>
                  <a:gd name="T63" fmla="*/ 10 h 25"/>
                  <a:gd name="T64" fmla="*/ 0 w 34"/>
                  <a:gd name="T65" fmla="*/ 10 h 25"/>
                  <a:gd name="T66" fmla="*/ 0 w 34"/>
                  <a:gd name="T67" fmla="*/ 9 h 25"/>
                  <a:gd name="T68" fmla="*/ 0 w 34"/>
                  <a:gd name="T69" fmla="*/ 5 h 25"/>
                  <a:gd name="T70" fmla="*/ 2 w 34"/>
                  <a:gd name="T71" fmla="*/ 2 h 25"/>
                  <a:gd name="T72" fmla="*/ 4 w 34"/>
                  <a:gd name="T73" fmla="*/ 0 h 25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w 34"/>
                  <a:gd name="T112" fmla="*/ 0 h 25"/>
                  <a:gd name="T113" fmla="*/ 34 w 34"/>
                  <a:gd name="T114" fmla="*/ 25 h 25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T111" t="T112" r="T113" b="T114"/>
                <a:pathLst>
                  <a:path w="34" h="25">
                    <a:moveTo>
                      <a:pt x="4" y="0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6" y="3"/>
                    </a:lnTo>
                    <a:lnTo>
                      <a:pt x="9" y="5"/>
                    </a:lnTo>
                    <a:lnTo>
                      <a:pt x="11" y="7"/>
                    </a:lnTo>
                    <a:lnTo>
                      <a:pt x="14" y="7"/>
                    </a:lnTo>
                    <a:lnTo>
                      <a:pt x="17" y="5"/>
                    </a:lnTo>
                    <a:lnTo>
                      <a:pt x="21" y="3"/>
                    </a:lnTo>
                    <a:lnTo>
                      <a:pt x="21" y="5"/>
                    </a:lnTo>
                    <a:lnTo>
                      <a:pt x="22" y="7"/>
                    </a:lnTo>
                    <a:lnTo>
                      <a:pt x="22" y="10"/>
                    </a:lnTo>
                    <a:lnTo>
                      <a:pt x="26" y="14"/>
                    </a:lnTo>
                    <a:lnTo>
                      <a:pt x="28" y="15"/>
                    </a:lnTo>
                    <a:lnTo>
                      <a:pt x="31" y="17"/>
                    </a:lnTo>
                    <a:lnTo>
                      <a:pt x="34" y="17"/>
                    </a:lnTo>
                    <a:lnTo>
                      <a:pt x="34" y="19"/>
                    </a:lnTo>
                    <a:lnTo>
                      <a:pt x="33" y="19"/>
                    </a:lnTo>
                    <a:lnTo>
                      <a:pt x="31" y="20"/>
                    </a:lnTo>
                    <a:lnTo>
                      <a:pt x="28" y="22"/>
                    </a:lnTo>
                    <a:lnTo>
                      <a:pt x="26" y="24"/>
                    </a:lnTo>
                    <a:lnTo>
                      <a:pt x="24" y="25"/>
                    </a:lnTo>
                    <a:lnTo>
                      <a:pt x="22" y="25"/>
                    </a:lnTo>
                    <a:lnTo>
                      <a:pt x="22" y="24"/>
                    </a:lnTo>
                    <a:lnTo>
                      <a:pt x="21" y="20"/>
                    </a:lnTo>
                    <a:lnTo>
                      <a:pt x="19" y="19"/>
                    </a:lnTo>
                    <a:lnTo>
                      <a:pt x="17" y="15"/>
                    </a:lnTo>
                    <a:lnTo>
                      <a:pt x="12" y="14"/>
                    </a:lnTo>
                    <a:lnTo>
                      <a:pt x="7" y="10"/>
                    </a:lnTo>
                    <a:lnTo>
                      <a:pt x="0" y="10"/>
                    </a:lnTo>
                    <a:lnTo>
                      <a:pt x="0" y="9"/>
                    </a:lnTo>
                    <a:lnTo>
                      <a:pt x="0" y="5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91" name="Freeform 114"/>
              <p:cNvSpPr>
                <a:spLocks/>
              </p:cNvSpPr>
              <p:nvPr/>
            </p:nvSpPr>
            <p:spPr bwMode="auto">
              <a:xfrm>
                <a:off x="606" y="3229"/>
                <a:ext cx="34" cy="25"/>
              </a:xfrm>
              <a:custGeom>
                <a:avLst/>
                <a:gdLst>
                  <a:gd name="T0" fmla="*/ 4 w 34"/>
                  <a:gd name="T1" fmla="*/ 0 h 25"/>
                  <a:gd name="T2" fmla="*/ 4 w 34"/>
                  <a:gd name="T3" fmla="*/ 0 h 25"/>
                  <a:gd name="T4" fmla="*/ 4 w 34"/>
                  <a:gd name="T5" fmla="*/ 0 h 25"/>
                  <a:gd name="T6" fmla="*/ 4 w 34"/>
                  <a:gd name="T7" fmla="*/ 2 h 25"/>
                  <a:gd name="T8" fmla="*/ 6 w 34"/>
                  <a:gd name="T9" fmla="*/ 3 h 25"/>
                  <a:gd name="T10" fmla="*/ 9 w 34"/>
                  <a:gd name="T11" fmla="*/ 5 h 25"/>
                  <a:gd name="T12" fmla="*/ 11 w 34"/>
                  <a:gd name="T13" fmla="*/ 7 h 25"/>
                  <a:gd name="T14" fmla="*/ 14 w 34"/>
                  <a:gd name="T15" fmla="*/ 7 h 25"/>
                  <a:gd name="T16" fmla="*/ 17 w 34"/>
                  <a:gd name="T17" fmla="*/ 5 h 25"/>
                  <a:gd name="T18" fmla="*/ 21 w 34"/>
                  <a:gd name="T19" fmla="*/ 3 h 25"/>
                  <a:gd name="T20" fmla="*/ 21 w 34"/>
                  <a:gd name="T21" fmla="*/ 3 h 25"/>
                  <a:gd name="T22" fmla="*/ 21 w 34"/>
                  <a:gd name="T23" fmla="*/ 3 h 25"/>
                  <a:gd name="T24" fmla="*/ 21 w 34"/>
                  <a:gd name="T25" fmla="*/ 5 h 25"/>
                  <a:gd name="T26" fmla="*/ 22 w 34"/>
                  <a:gd name="T27" fmla="*/ 7 h 25"/>
                  <a:gd name="T28" fmla="*/ 22 w 34"/>
                  <a:gd name="T29" fmla="*/ 10 h 25"/>
                  <a:gd name="T30" fmla="*/ 26 w 34"/>
                  <a:gd name="T31" fmla="*/ 14 h 25"/>
                  <a:gd name="T32" fmla="*/ 28 w 34"/>
                  <a:gd name="T33" fmla="*/ 15 h 25"/>
                  <a:gd name="T34" fmla="*/ 31 w 34"/>
                  <a:gd name="T35" fmla="*/ 17 h 25"/>
                  <a:gd name="T36" fmla="*/ 34 w 34"/>
                  <a:gd name="T37" fmla="*/ 17 h 25"/>
                  <a:gd name="T38" fmla="*/ 34 w 34"/>
                  <a:gd name="T39" fmla="*/ 17 h 25"/>
                  <a:gd name="T40" fmla="*/ 34 w 34"/>
                  <a:gd name="T41" fmla="*/ 19 h 25"/>
                  <a:gd name="T42" fmla="*/ 33 w 34"/>
                  <a:gd name="T43" fmla="*/ 19 h 25"/>
                  <a:gd name="T44" fmla="*/ 31 w 34"/>
                  <a:gd name="T45" fmla="*/ 20 h 25"/>
                  <a:gd name="T46" fmla="*/ 28 w 34"/>
                  <a:gd name="T47" fmla="*/ 22 h 25"/>
                  <a:gd name="T48" fmla="*/ 26 w 34"/>
                  <a:gd name="T49" fmla="*/ 24 h 25"/>
                  <a:gd name="T50" fmla="*/ 24 w 34"/>
                  <a:gd name="T51" fmla="*/ 25 h 25"/>
                  <a:gd name="T52" fmla="*/ 22 w 34"/>
                  <a:gd name="T53" fmla="*/ 25 h 25"/>
                  <a:gd name="T54" fmla="*/ 22 w 34"/>
                  <a:gd name="T55" fmla="*/ 25 h 25"/>
                  <a:gd name="T56" fmla="*/ 22 w 34"/>
                  <a:gd name="T57" fmla="*/ 25 h 25"/>
                  <a:gd name="T58" fmla="*/ 22 w 34"/>
                  <a:gd name="T59" fmla="*/ 25 h 25"/>
                  <a:gd name="T60" fmla="*/ 22 w 34"/>
                  <a:gd name="T61" fmla="*/ 24 h 25"/>
                  <a:gd name="T62" fmla="*/ 21 w 34"/>
                  <a:gd name="T63" fmla="*/ 20 h 25"/>
                  <a:gd name="T64" fmla="*/ 19 w 34"/>
                  <a:gd name="T65" fmla="*/ 19 h 25"/>
                  <a:gd name="T66" fmla="*/ 17 w 34"/>
                  <a:gd name="T67" fmla="*/ 15 h 25"/>
                  <a:gd name="T68" fmla="*/ 12 w 34"/>
                  <a:gd name="T69" fmla="*/ 14 h 25"/>
                  <a:gd name="T70" fmla="*/ 7 w 34"/>
                  <a:gd name="T71" fmla="*/ 10 h 25"/>
                  <a:gd name="T72" fmla="*/ 0 w 34"/>
                  <a:gd name="T73" fmla="*/ 10 h 25"/>
                  <a:gd name="T74" fmla="*/ 0 w 34"/>
                  <a:gd name="T75" fmla="*/ 10 h 25"/>
                  <a:gd name="T76" fmla="*/ 0 w 34"/>
                  <a:gd name="T77" fmla="*/ 9 h 25"/>
                  <a:gd name="T78" fmla="*/ 0 w 34"/>
                  <a:gd name="T79" fmla="*/ 5 h 25"/>
                  <a:gd name="T80" fmla="*/ 2 w 34"/>
                  <a:gd name="T81" fmla="*/ 2 h 25"/>
                  <a:gd name="T82" fmla="*/ 4 w 34"/>
                  <a:gd name="T83" fmla="*/ 0 h 25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w 34"/>
                  <a:gd name="T127" fmla="*/ 0 h 25"/>
                  <a:gd name="T128" fmla="*/ 34 w 34"/>
                  <a:gd name="T129" fmla="*/ 25 h 25"/>
                </a:gdLst>
                <a:ahLst/>
                <a:cxnLst>
                  <a:cxn ang="T84">
                    <a:pos x="T0" y="T1"/>
                  </a:cxn>
                  <a:cxn ang="T85">
                    <a:pos x="T2" y="T3"/>
                  </a:cxn>
                  <a:cxn ang="T86">
                    <a:pos x="T4" y="T5"/>
                  </a:cxn>
                  <a:cxn ang="T87">
                    <a:pos x="T6" y="T7"/>
                  </a:cxn>
                  <a:cxn ang="T88">
                    <a:pos x="T8" y="T9"/>
                  </a:cxn>
                  <a:cxn ang="T89">
                    <a:pos x="T10" y="T11"/>
                  </a:cxn>
                  <a:cxn ang="T90">
                    <a:pos x="T12" y="T13"/>
                  </a:cxn>
                  <a:cxn ang="T91">
                    <a:pos x="T14" y="T15"/>
                  </a:cxn>
                  <a:cxn ang="T92">
                    <a:pos x="T16" y="T17"/>
                  </a:cxn>
                  <a:cxn ang="T93">
                    <a:pos x="T18" y="T19"/>
                  </a:cxn>
                  <a:cxn ang="T94">
                    <a:pos x="T20" y="T21"/>
                  </a:cxn>
                  <a:cxn ang="T95">
                    <a:pos x="T22" y="T23"/>
                  </a:cxn>
                  <a:cxn ang="T96">
                    <a:pos x="T24" y="T25"/>
                  </a:cxn>
                  <a:cxn ang="T97">
                    <a:pos x="T26" y="T27"/>
                  </a:cxn>
                  <a:cxn ang="T98">
                    <a:pos x="T28" y="T29"/>
                  </a:cxn>
                  <a:cxn ang="T99">
                    <a:pos x="T30" y="T31"/>
                  </a:cxn>
                  <a:cxn ang="T100">
                    <a:pos x="T32" y="T33"/>
                  </a:cxn>
                  <a:cxn ang="T101">
                    <a:pos x="T34" y="T35"/>
                  </a:cxn>
                  <a:cxn ang="T102">
                    <a:pos x="T36" y="T37"/>
                  </a:cxn>
                  <a:cxn ang="T103">
                    <a:pos x="T38" y="T39"/>
                  </a:cxn>
                  <a:cxn ang="T104">
                    <a:pos x="T40" y="T41"/>
                  </a:cxn>
                  <a:cxn ang="T105">
                    <a:pos x="T42" y="T43"/>
                  </a:cxn>
                  <a:cxn ang="T106">
                    <a:pos x="T44" y="T45"/>
                  </a:cxn>
                  <a:cxn ang="T107">
                    <a:pos x="T46" y="T47"/>
                  </a:cxn>
                  <a:cxn ang="T108">
                    <a:pos x="T48" y="T49"/>
                  </a:cxn>
                  <a:cxn ang="T109">
                    <a:pos x="T50" y="T51"/>
                  </a:cxn>
                  <a:cxn ang="T110">
                    <a:pos x="T52" y="T53"/>
                  </a:cxn>
                  <a:cxn ang="T111">
                    <a:pos x="T54" y="T55"/>
                  </a:cxn>
                  <a:cxn ang="T112">
                    <a:pos x="T56" y="T57"/>
                  </a:cxn>
                  <a:cxn ang="T113">
                    <a:pos x="T58" y="T59"/>
                  </a:cxn>
                  <a:cxn ang="T114">
                    <a:pos x="T60" y="T61"/>
                  </a:cxn>
                  <a:cxn ang="T115">
                    <a:pos x="T62" y="T63"/>
                  </a:cxn>
                  <a:cxn ang="T116">
                    <a:pos x="T64" y="T65"/>
                  </a:cxn>
                  <a:cxn ang="T117">
                    <a:pos x="T66" y="T67"/>
                  </a:cxn>
                  <a:cxn ang="T118">
                    <a:pos x="T68" y="T69"/>
                  </a:cxn>
                  <a:cxn ang="T119">
                    <a:pos x="T70" y="T71"/>
                  </a:cxn>
                  <a:cxn ang="T120">
                    <a:pos x="T72" y="T73"/>
                  </a:cxn>
                  <a:cxn ang="T121">
                    <a:pos x="T74" y="T75"/>
                  </a:cxn>
                  <a:cxn ang="T122">
                    <a:pos x="T76" y="T77"/>
                  </a:cxn>
                  <a:cxn ang="T123">
                    <a:pos x="T78" y="T79"/>
                  </a:cxn>
                  <a:cxn ang="T124">
                    <a:pos x="T80" y="T81"/>
                  </a:cxn>
                  <a:cxn ang="T125">
                    <a:pos x="T82" y="T83"/>
                  </a:cxn>
                </a:cxnLst>
                <a:rect l="T126" t="T127" r="T128" b="T129"/>
                <a:pathLst>
                  <a:path w="34" h="25">
                    <a:moveTo>
                      <a:pt x="4" y="0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6" y="3"/>
                    </a:lnTo>
                    <a:lnTo>
                      <a:pt x="9" y="5"/>
                    </a:lnTo>
                    <a:lnTo>
                      <a:pt x="11" y="7"/>
                    </a:lnTo>
                    <a:lnTo>
                      <a:pt x="14" y="7"/>
                    </a:lnTo>
                    <a:lnTo>
                      <a:pt x="17" y="5"/>
                    </a:lnTo>
                    <a:lnTo>
                      <a:pt x="21" y="3"/>
                    </a:lnTo>
                    <a:lnTo>
                      <a:pt x="21" y="5"/>
                    </a:lnTo>
                    <a:lnTo>
                      <a:pt x="22" y="7"/>
                    </a:lnTo>
                    <a:lnTo>
                      <a:pt x="22" y="10"/>
                    </a:lnTo>
                    <a:lnTo>
                      <a:pt x="26" y="14"/>
                    </a:lnTo>
                    <a:lnTo>
                      <a:pt x="28" y="15"/>
                    </a:lnTo>
                    <a:lnTo>
                      <a:pt x="31" y="17"/>
                    </a:lnTo>
                    <a:lnTo>
                      <a:pt x="34" y="17"/>
                    </a:lnTo>
                    <a:lnTo>
                      <a:pt x="34" y="19"/>
                    </a:lnTo>
                    <a:lnTo>
                      <a:pt x="33" y="19"/>
                    </a:lnTo>
                    <a:lnTo>
                      <a:pt x="31" y="20"/>
                    </a:lnTo>
                    <a:lnTo>
                      <a:pt x="28" y="22"/>
                    </a:lnTo>
                    <a:lnTo>
                      <a:pt x="26" y="24"/>
                    </a:lnTo>
                    <a:lnTo>
                      <a:pt x="24" y="25"/>
                    </a:lnTo>
                    <a:lnTo>
                      <a:pt x="22" y="25"/>
                    </a:lnTo>
                    <a:lnTo>
                      <a:pt x="22" y="24"/>
                    </a:lnTo>
                    <a:lnTo>
                      <a:pt x="21" y="20"/>
                    </a:lnTo>
                    <a:lnTo>
                      <a:pt x="19" y="19"/>
                    </a:lnTo>
                    <a:lnTo>
                      <a:pt x="17" y="15"/>
                    </a:lnTo>
                    <a:lnTo>
                      <a:pt x="12" y="14"/>
                    </a:lnTo>
                    <a:lnTo>
                      <a:pt x="7" y="10"/>
                    </a:lnTo>
                    <a:lnTo>
                      <a:pt x="0" y="10"/>
                    </a:lnTo>
                    <a:lnTo>
                      <a:pt x="0" y="9"/>
                    </a:lnTo>
                    <a:lnTo>
                      <a:pt x="0" y="5"/>
                    </a:lnTo>
                    <a:lnTo>
                      <a:pt x="2" y="2"/>
                    </a:lnTo>
                    <a:lnTo>
                      <a:pt x="4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578" name="Freeform 115"/>
            <p:cNvSpPr>
              <a:spLocks/>
            </p:cNvSpPr>
            <p:nvPr/>
          </p:nvSpPr>
          <p:spPr bwMode="auto">
            <a:xfrm>
              <a:off x="250" y="1142"/>
              <a:ext cx="769" cy="650"/>
            </a:xfrm>
            <a:custGeom>
              <a:avLst/>
              <a:gdLst>
                <a:gd name="T0" fmla="*/ 149 w 791"/>
                <a:gd name="T1" fmla="*/ 14 h 669"/>
                <a:gd name="T2" fmla="*/ 137 w 791"/>
                <a:gd name="T3" fmla="*/ 12 h 669"/>
                <a:gd name="T4" fmla="*/ 122 w 791"/>
                <a:gd name="T5" fmla="*/ 0 h 669"/>
                <a:gd name="T6" fmla="*/ 116 w 791"/>
                <a:gd name="T7" fmla="*/ 29 h 669"/>
                <a:gd name="T8" fmla="*/ 89 w 791"/>
                <a:gd name="T9" fmla="*/ 99 h 669"/>
                <a:gd name="T10" fmla="*/ 71 w 791"/>
                <a:gd name="T11" fmla="*/ 147 h 669"/>
                <a:gd name="T12" fmla="*/ 55 w 791"/>
                <a:gd name="T13" fmla="*/ 179 h 669"/>
                <a:gd name="T14" fmla="*/ 40 w 791"/>
                <a:gd name="T15" fmla="*/ 210 h 669"/>
                <a:gd name="T16" fmla="*/ 27 w 791"/>
                <a:gd name="T17" fmla="*/ 224 h 669"/>
                <a:gd name="T18" fmla="*/ 24 w 791"/>
                <a:gd name="T19" fmla="*/ 230 h 669"/>
                <a:gd name="T20" fmla="*/ 14 w 791"/>
                <a:gd name="T21" fmla="*/ 258 h 669"/>
                <a:gd name="T22" fmla="*/ 12 w 791"/>
                <a:gd name="T23" fmla="*/ 275 h 669"/>
                <a:gd name="T24" fmla="*/ 12 w 791"/>
                <a:gd name="T25" fmla="*/ 286 h 669"/>
                <a:gd name="T26" fmla="*/ 2 w 791"/>
                <a:gd name="T27" fmla="*/ 302 h 669"/>
                <a:gd name="T28" fmla="*/ 0 w 791"/>
                <a:gd name="T29" fmla="*/ 317 h 669"/>
                <a:gd name="T30" fmla="*/ 2 w 791"/>
                <a:gd name="T31" fmla="*/ 326 h 669"/>
                <a:gd name="T32" fmla="*/ 4 w 791"/>
                <a:gd name="T33" fmla="*/ 330 h 669"/>
                <a:gd name="T34" fmla="*/ 10 w 791"/>
                <a:gd name="T35" fmla="*/ 337 h 669"/>
                <a:gd name="T36" fmla="*/ 25 w 791"/>
                <a:gd name="T37" fmla="*/ 340 h 669"/>
                <a:gd name="T38" fmla="*/ 59 w 791"/>
                <a:gd name="T39" fmla="*/ 350 h 669"/>
                <a:gd name="T40" fmla="*/ 98 w 791"/>
                <a:gd name="T41" fmla="*/ 361 h 669"/>
                <a:gd name="T42" fmla="*/ 145 w 791"/>
                <a:gd name="T43" fmla="*/ 374 h 669"/>
                <a:gd name="T44" fmla="*/ 193 w 791"/>
                <a:gd name="T45" fmla="*/ 387 h 669"/>
                <a:gd name="T46" fmla="*/ 247 w 791"/>
                <a:gd name="T47" fmla="*/ 400 h 669"/>
                <a:gd name="T48" fmla="*/ 291 w 791"/>
                <a:gd name="T49" fmla="*/ 412 h 669"/>
                <a:gd name="T50" fmla="*/ 330 w 791"/>
                <a:gd name="T51" fmla="*/ 422 h 669"/>
                <a:gd name="T52" fmla="*/ 367 w 791"/>
                <a:gd name="T53" fmla="*/ 431 h 669"/>
                <a:gd name="T54" fmla="*/ 398 w 791"/>
                <a:gd name="T55" fmla="*/ 436 h 669"/>
                <a:gd name="T56" fmla="*/ 421 w 791"/>
                <a:gd name="T57" fmla="*/ 444 h 669"/>
                <a:gd name="T58" fmla="*/ 432 w 791"/>
                <a:gd name="T59" fmla="*/ 448 h 669"/>
                <a:gd name="T60" fmla="*/ 462 w 791"/>
                <a:gd name="T61" fmla="*/ 308 h 669"/>
                <a:gd name="T62" fmla="*/ 477 w 791"/>
                <a:gd name="T63" fmla="*/ 266 h 669"/>
                <a:gd name="T64" fmla="*/ 466 w 791"/>
                <a:gd name="T65" fmla="*/ 250 h 669"/>
                <a:gd name="T66" fmla="*/ 470 w 791"/>
                <a:gd name="T67" fmla="*/ 245 h 669"/>
                <a:gd name="T68" fmla="*/ 492 w 791"/>
                <a:gd name="T69" fmla="*/ 216 h 669"/>
                <a:gd name="T70" fmla="*/ 531 w 791"/>
                <a:gd name="T71" fmla="*/ 159 h 669"/>
                <a:gd name="T72" fmla="*/ 515 w 791"/>
                <a:gd name="T73" fmla="*/ 124 h 669"/>
                <a:gd name="T74" fmla="*/ 398 w 791"/>
                <a:gd name="T75" fmla="*/ 96 h 669"/>
                <a:gd name="T76" fmla="*/ 383 w 791"/>
                <a:gd name="T77" fmla="*/ 98 h 669"/>
                <a:gd name="T78" fmla="*/ 367 w 791"/>
                <a:gd name="T79" fmla="*/ 95 h 669"/>
                <a:gd name="T80" fmla="*/ 357 w 791"/>
                <a:gd name="T81" fmla="*/ 93 h 669"/>
                <a:gd name="T82" fmla="*/ 350 w 791"/>
                <a:gd name="T83" fmla="*/ 96 h 669"/>
                <a:gd name="T84" fmla="*/ 319 w 791"/>
                <a:gd name="T85" fmla="*/ 99 h 669"/>
                <a:gd name="T86" fmla="*/ 297 w 791"/>
                <a:gd name="T87" fmla="*/ 94 h 669"/>
                <a:gd name="T88" fmla="*/ 283 w 791"/>
                <a:gd name="T89" fmla="*/ 95 h 669"/>
                <a:gd name="T90" fmla="*/ 265 w 791"/>
                <a:gd name="T91" fmla="*/ 95 h 669"/>
                <a:gd name="T92" fmla="*/ 244 w 791"/>
                <a:gd name="T93" fmla="*/ 81 h 669"/>
                <a:gd name="T94" fmla="*/ 228 w 791"/>
                <a:gd name="T95" fmla="*/ 80 h 669"/>
                <a:gd name="T96" fmla="*/ 212 w 791"/>
                <a:gd name="T97" fmla="*/ 82 h 669"/>
                <a:gd name="T98" fmla="*/ 193 w 791"/>
                <a:gd name="T99" fmla="*/ 81 h 669"/>
                <a:gd name="T100" fmla="*/ 185 w 791"/>
                <a:gd name="T101" fmla="*/ 76 h 669"/>
                <a:gd name="T102" fmla="*/ 178 w 791"/>
                <a:gd name="T103" fmla="*/ 70 h 669"/>
                <a:gd name="T104" fmla="*/ 177 w 791"/>
                <a:gd name="T105" fmla="*/ 59 h 669"/>
                <a:gd name="T106" fmla="*/ 177 w 791"/>
                <a:gd name="T107" fmla="*/ 43 h 669"/>
                <a:gd name="T108" fmla="*/ 172 w 791"/>
                <a:gd name="T109" fmla="*/ 22 h 669"/>
                <a:gd name="T110" fmla="*/ 159 w 791"/>
                <a:gd name="T111" fmla="*/ 17 h 669"/>
                <a:gd name="T112" fmla="*/ 154 w 791"/>
                <a:gd name="T113" fmla="*/ 17 h 669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w 791"/>
                <a:gd name="T172" fmla="*/ 0 h 669"/>
                <a:gd name="T173" fmla="*/ 791 w 791"/>
                <a:gd name="T174" fmla="*/ 669 h 669"/>
              </a:gdLst>
              <a:ahLst/>
              <a:cxnLst>
                <a:cxn ang="T114">
                  <a:pos x="T0" y="T1"/>
                </a:cxn>
                <a:cxn ang="T115">
                  <a:pos x="T2" y="T3"/>
                </a:cxn>
                <a:cxn ang="T116">
                  <a:pos x="T4" y="T5"/>
                </a:cxn>
                <a:cxn ang="T117">
                  <a:pos x="T6" y="T7"/>
                </a:cxn>
                <a:cxn ang="T118">
                  <a:pos x="T8" y="T9"/>
                </a:cxn>
                <a:cxn ang="T119">
                  <a:pos x="T10" y="T11"/>
                </a:cxn>
                <a:cxn ang="T120">
                  <a:pos x="T12" y="T13"/>
                </a:cxn>
                <a:cxn ang="T121">
                  <a:pos x="T14" y="T15"/>
                </a:cxn>
                <a:cxn ang="T122">
                  <a:pos x="T16" y="T17"/>
                </a:cxn>
                <a:cxn ang="T123">
                  <a:pos x="T18" y="T19"/>
                </a:cxn>
                <a:cxn ang="T124">
                  <a:pos x="T20" y="T21"/>
                </a:cxn>
                <a:cxn ang="T125">
                  <a:pos x="T22" y="T23"/>
                </a:cxn>
                <a:cxn ang="T126">
                  <a:pos x="T24" y="T25"/>
                </a:cxn>
                <a:cxn ang="T127">
                  <a:pos x="T26" y="T27"/>
                </a:cxn>
                <a:cxn ang="T128">
                  <a:pos x="T28" y="T29"/>
                </a:cxn>
                <a:cxn ang="T129">
                  <a:pos x="T30" y="T31"/>
                </a:cxn>
                <a:cxn ang="T130">
                  <a:pos x="T32" y="T33"/>
                </a:cxn>
                <a:cxn ang="T131">
                  <a:pos x="T34" y="T35"/>
                </a:cxn>
                <a:cxn ang="T132">
                  <a:pos x="T36" y="T37"/>
                </a:cxn>
                <a:cxn ang="T133">
                  <a:pos x="T38" y="T39"/>
                </a:cxn>
                <a:cxn ang="T134">
                  <a:pos x="T40" y="T41"/>
                </a:cxn>
                <a:cxn ang="T135">
                  <a:pos x="T42" y="T43"/>
                </a:cxn>
                <a:cxn ang="T136">
                  <a:pos x="T44" y="T45"/>
                </a:cxn>
                <a:cxn ang="T137">
                  <a:pos x="T46" y="T47"/>
                </a:cxn>
                <a:cxn ang="T138">
                  <a:pos x="T48" y="T49"/>
                </a:cxn>
                <a:cxn ang="T139">
                  <a:pos x="T50" y="T51"/>
                </a:cxn>
                <a:cxn ang="T140">
                  <a:pos x="T52" y="T53"/>
                </a:cxn>
                <a:cxn ang="T141">
                  <a:pos x="T54" y="T55"/>
                </a:cxn>
                <a:cxn ang="T142">
                  <a:pos x="T56" y="T57"/>
                </a:cxn>
                <a:cxn ang="T143">
                  <a:pos x="T58" y="T59"/>
                </a:cxn>
                <a:cxn ang="T144">
                  <a:pos x="T60" y="T61"/>
                </a:cxn>
                <a:cxn ang="T145">
                  <a:pos x="T62" y="T63"/>
                </a:cxn>
                <a:cxn ang="T146">
                  <a:pos x="T64" y="T65"/>
                </a:cxn>
                <a:cxn ang="T147">
                  <a:pos x="T66" y="T67"/>
                </a:cxn>
                <a:cxn ang="T148">
                  <a:pos x="T68" y="T69"/>
                </a:cxn>
                <a:cxn ang="T149">
                  <a:pos x="T70" y="T71"/>
                </a:cxn>
                <a:cxn ang="T150">
                  <a:pos x="T72" y="T73"/>
                </a:cxn>
                <a:cxn ang="T151">
                  <a:pos x="T74" y="T75"/>
                </a:cxn>
                <a:cxn ang="T152">
                  <a:pos x="T76" y="T77"/>
                </a:cxn>
                <a:cxn ang="T153">
                  <a:pos x="T78" y="T79"/>
                </a:cxn>
                <a:cxn ang="T154">
                  <a:pos x="T80" y="T81"/>
                </a:cxn>
                <a:cxn ang="T155">
                  <a:pos x="T82" y="T83"/>
                </a:cxn>
                <a:cxn ang="T156">
                  <a:pos x="T84" y="T85"/>
                </a:cxn>
                <a:cxn ang="T157">
                  <a:pos x="T86" y="T87"/>
                </a:cxn>
                <a:cxn ang="T158">
                  <a:pos x="T88" y="T89"/>
                </a:cxn>
                <a:cxn ang="T159">
                  <a:pos x="T90" y="T91"/>
                </a:cxn>
                <a:cxn ang="T160">
                  <a:pos x="T92" y="T93"/>
                </a:cxn>
                <a:cxn ang="T161">
                  <a:pos x="T94" y="T95"/>
                </a:cxn>
                <a:cxn ang="T162">
                  <a:pos x="T96" y="T97"/>
                </a:cxn>
                <a:cxn ang="T163">
                  <a:pos x="T98" y="T99"/>
                </a:cxn>
                <a:cxn ang="T164">
                  <a:pos x="T100" y="T101"/>
                </a:cxn>
                <a:cxn ang="T165">
                  <a:pos x="T102" y="T103"/>
                </a:cxn>
                <a:cxn ang="T166">
                  <a:pos x="T104" y="T105"/>
                </a:cxn>
                <a:cxn ang="T167">
                  <a:pos x="T106" y="T107"/>
                </a:cxn>
                <a:cxn ang="T168">
                  <a:pos x="T108" y="T109"/>
                </a:cxn>
                <a:cxn ang="T169">
                  <a:pos x="T110" y="T111"/>
                </a:cxn>
                <a:cxn ang="T170">
                  <a:pos x="T112" y="T113"/>
                </a:cxn>
              </a:cxnLst>
              <a:rect l="T171" t="T172" r="T173" b="T174"/>
              <a:pathLst>
                <a:path w="791" h="669">
                  <a:moveTo>
                    <a:pt x="239" y="27"/>
                  </a:moveTo>
                  <a:lnTo>
                    <a:pt x="232" y="27"/>
                  </a:lnTo>
                  <a:lnTo>
                    <a:pt x="227" y="22"/>
                  </a:lnTo>
                  <a:lnTo>
                    <a:pt x="222" y="19"/>
                  </a:lnTo>
                  <a:lnTo>
                    <a:pt x="220" y="14"/>
                  </a:lnTo>
                  <a:lnTo>
                    <a:pt x="214" y="12"/>
                  </a:lnTo>
                  <a:lnTo>
                    <a:pt x="212" y="12"/>
                  </a:lnTo>
                  <a:lnTo>
                    <a:pt x="207" y="14"/>
                  </a:lnTo>
                  <a:lnTo>
                    <a:pt x="202" y="12"/>
                  </a:lnTo>
                  <a:lnTo>
                    <a:pt x="197" y="9"/>
                  </a:lnTo>
                  <a:lnTo>
                    <a:pt x="193" y="9"/>
                  </a:lnTo>
                  <a:lnTo>
                    <a:pt x="190" y="12"/>
                  </a:lnTo>
                  <a:lnTo>
                    <a:pt x="185" y="7"/>
                  </a:lnTo>
                  <a:lnTo>
                    <a:pt x="181" y="0"/>
                  </a:lnTo>
                  <a:lnTo>
                    <a:pt x="178" y="0"/>
                  </a:lnTo>
                  <a:lnTo>
                    <a:pt x="180" y="17"/>
                  </a:lnTo>
                  <a:lnTo>
                    <a:pt x="178" y="26"/>
                  </a:lnTo>
                  <a:lnTo>
                    <a:pt x="168" y="34"/>
                  </a:lnTo>
                  <a:lnTo>
                    <a:pt x="173" y="43"/>
                  </a:lnTo>
                  <a:lnTo>
                    <a:pt x="168" y="48"/>
                  </a:lnTo>
                  <a:lnTo>
                    <a:pt x="161" y="63"/>
                  </a:lnTo>
                  <a:lnTo>
                    <a:pt x="164" y="73"/>
                  </a:lnTo>
                  <a:lnTo>
                    <a:pt x="156" y="88"/>
                  </a:lnTo>
                  <a:lnTo>
                    <a:pt x="134" y="147"/>
                  </a:lnTo>
                  <a:lnTo>
                    <a:pt x="119" y="169"/>
                  </a:lnTo>
                  <a:lnTo>
                    <a:pt x="119" y="176"/>
                  </a:lnTo>
                  <a:lnTo>
                    <a:pt x="102" y="222"/>
                  </a:lnTo>
                  <a:lnTo>
                    <a:pt x="104" y="222"/>
                  </a:lnTo>
                  <a:lnTo>
                    <a:pt x="104" y="220"/>
                  </a:lnTo>
                  <a:lnTo>
                    <a:pt x="102" y="222"/>
                  </a:lnTo>
                  <a:lnTo>
                    <a:pt x="95" y="239"/>
                  </a:lnTo>
                  <a:lnTo>
                    <a:pt x="90" y="254"/>
                  </a:lnTo>
                  <a:lnTo>
                    <a:pt x="83" y="268"/>
                  </a:lnTo>
                  <a:lnTo>
                    <a:pt x="76" y="279"/>
                  </a:lnTo>
                  <a:lnTo>
                    <a:pt x="71" y="290"/>
                  </a:lnTo>
                  <a:lnTo>
                    <a:pt x="66" y="300"/>
                  </a:lnTo>
                  <a:lnTo>
                    <a:pt x="61" y="308"/>
                  </a:lnTo>
                  <a:lnTo>
                    <a:pt x="56" y="315"/>
                  </a:lnTo>
                  <a:lnTo>
                    <a:pt x="53" y="322"/>
                  </a:lnTo>
                  <a:lnTo>
                    <a:pt x="49" y="327"/>
                  </a:lnTo>
                  <a:lnTo>
                    <a:pt x="46" y="332"/>
                  </a:lnTo>
                  <a:lnTo>
                    <a:pt x="43" y="335"/>
                  </a:lnTo>
                  <a:lnTo>
                    <a:pt x="41" y="337"/>
                  </a:lnTo>
                  <a:lnTo>
                    <a:pt x="39" y="339"/>
                  </a:lnTo>
                  <a:lnTo>
                    <a:pt x="39" y="340"/>
                  </a:lnTo>
                  <a:lnTo>
                    <a:pt x="39" y="344"/>
                  </a:lnTo>
                  <a:lnTo>
                    <a:pt x="38" y="345"/>
                  </a:lnTo>
                  <a:lnTo>
                    <a:pt x="34" y="351"/>
                  </a:lnTo>
                  <a:lnTo>
                    <a:pt x="31" y="359"/>
                  </a:lnTo>
                  <a:lnTo>
                    <a:pt x="24" y="367"/>
                  </a:lnTo>
                  <a:lnTo>
                    <a:pt x="19" y="378"/>
                  </a:lnTo>
                  <a:lnTo>
                    <a:pt x="14" y="386"/>
                  </a:lnTo>
                  <a:lnTo>
                    <a:pt x="10" y="393"/>
                  </a:lnTo>
                  <a:lnTo>
                    <a:pt x="9" y="396"/>
                  </a:lnTo>
                  <a:lnTo>
                    <a:pt x="10" y="401"/>
                  </a:lnTo>
                  <a:lnTo>
                    <a:pt x="12" y="406"/>
                  </a:lnTo>
                  <a:lnTo>
                    <a:pt x="12" y="411"/>
                  </a:lnTo>
                  <a:lnTo>
                    <a:pt x="12" y="417"/>
                  </a:lnTo>
                  <a:lnTo>
                    <a:pt x="12" y="420"/>
                  </a:lnTo>
                  <a:lnTo>
                    <a:pt x="12" y="423"/>
                  </a:lnTo>
                  <a:lnTo>
                    <a:pt x="12" y="427"/>
                  </a:lnTo>
                  <a:lnTo>
                    <a:pt x="12" y="428"/>
                  </a:lnTo>
                  <a:lnTo>
                    <a:pt x="9" y="432"/>
                  </a:lnTo>
                  <a:lnTo>
                    <a:pt x="7" y="437"/>
                  </a:lnTo>
                  <a:lnTo>
                    <a:pt x="5" y="442"/>
                  </a:lnTo>
                  <a:lnTo>
                    <a:pt x="4" y="447"/>
                  </a:lnTo>
                  <a:lnTo>
                    <a:pt x="2" y="452"/>
                  </a:lnTo>
                  <a:lnTo>
                    <a:pt x="2" y="457"/>
                  </a:lnTo>
                  <a:lnTo>
                    <a:pt x="0" y="462"/>
                  </a:lnTo>
                  <a:lnTo>
                    <a:pt x="0" y="466"/>
                  </a:lnTo>
                  <a:lnTo>
                    <a:pt x="0" y="471"/>
                  </a:lnTo>
                  <a:lnTo>
                    <a:pt x="0" y="474"/>
                  </a:lnTo>
                  <a:lnTo>
                    <a:pt x="0" y="477"/>
                  </a:lnTo>
                  <a:lnTo>
                    <a:pt x="2" y="481"/>
                  </a:lnTo>
                  <a:lnTo>
                    <a:pt x="2" y="484"/>
                  </a:lnTo>
                  <a:lnTo>
                    <a:pt x="2" y="486"/>
                  </a:lnTo>
                  <a:lnTo>
                    <a:pt x="2" y="488"/>
                  </a:lnTo>
                  <a:lnTo>
                    <a:pt x="2" y="489"/>
                  </a:lnTo>
                  <a:lnTo>
                    <a:pt x="4" y="491"/>
                  </a:lnTo>
                  <a:lnTo>
                    <a:pt x="4" y="494"/>
                  </a:lnTo>
                  <a:lnTo>
                    <a:pt x="5" y="496"/>
                  </a:lnTo>
                  <a:lnTo>
                    <a:pt x="5" y="498"/>
                  </a:lnTo>
                  <a:lnTo>
                    <a:pt x="7" y="499"/>
                  </a:lnTo>
                  <a:lnTo>
                    <a:pt x="7" y="501"/>
                  </a:lnTo>
                  <a:lnTo>
                    <a:pt x="10" y="503"/>
                  </a:lnTo>
                  <a:lnTo>
                    <a:pt x="16" y="503"/>
                  </a:lnTo>
                  <a:lnTo>
                    <a:pt x="21" y="506"/>
                  </a:lnTo>
                  <a:lnTo>
                    <a:pt x="26" y="508"/>
                  </a:lnTo>
                  <a:lnTo>
                    <a:pt x="32" y="510"/>
                  </a:lnTo>
                  <a:lnTo>
                    <a:pt x="39" y="511"/>
                  </a:lnTo>
                  <a:lnTo>
                    <a:pt x="48" y="515"/>
                  </a:lnTo>
                  <a:lnTo>
                    <a:pt x="56" y="516"/>
                  </a:lnTo>
                  <a:lnTo>
                    <a:pt x="66" y="520"/>
                  </a:lnTo>
                  <a:lnTo>
                    <a:pt x="76" y="521"/>
                  </a:lnTo>
                  <a:lnTo>
                    <a:pt x="87" y="525"/>
                  </a:lnTo>
                  <a:lnTo>
                    <a:pt x="97" y="528"/>
                  </a:lnTo>
                  <a:lnTo>
                    <a:pt x="109" y="532"/>
                  </a:lnTo>
                  <a:lnTo>
                    <a:pt x="120" y="535"/>
                  </a:lnTo>
                  <a:lnTo>
                    <a:pt x="132" y="538"/>
                  </a:lnTo>
                  <a:lnTo>
                    <a:pt x="146" y="542"/>
                  </a:lnTo>
                  <a:lnTo>
                    <a:pt x="159" y="545"/>
                  </a:lnTo>
                  <a:lnTo>
                    <a:pt x="173" y="549"/>
                  </a:lnTo>
                  <a:lnTo>
                    <a:pt x="186" y="552"/>
                  </a:lnTo>
                  <a:lnTo>
                    <a:pt x="200" y="555"/>
                  </a:lnTo>
                  <a:lnTo>
                    <a:pt x="214" y="560"/>
                  </a:lnTo>
                  <a:lnTo>
                    <a:pt x="229" y="564"/>
                  </a:lnTo>
                  <a:lnTo>
                    <a:pt x="244" y="567"/>
                  </a:lnTo>
                  <a:lnTo>
                    <a:pt x="259" y="572"/>
                  </a:lnTo>
                  <a:lnTo>
                    <a:pt x="274" y="576"/>
                  </a:lnTo>
                  <a:lnTo>
                    <a:pt x="288" y="579"/>
                  </a:lnTo>
                  <a:lnTo>
                    <a:pt x="305" y="584"/>
                  </a:lnTo>
                  <a:lnTo>
                    <a:pt x="318" y="587"/>
                  </a:lnTo>
                  <a:lnTo>
                    <a:pt x="335" y="591"/>
                  </a:lnTo>
                  <a:lnTo>
                    <a:pt x="349" y="594"/>
                  </a:lnTo>
                  <a:lnTo>
                    <a:pt x="366" y="599"/>
                  </a:lnTo>
                  <a:lnTo>
                    <a:pt x="379" y="603"/>
                  </a:lnTo>
                  <a:lnTo>
                    <a:pt x="393" y="606"/>
                  </a:lnTo>
                  <a:lnTo>
                    <a:pt x="406" y="609"/>
                  </a:lnTo>
                  <a:lnTo>
                    <a:pt x="418" y="613"/>
                  </a:lnTo>
                  <a:lnTo>
                    <a:pt x="432" y="616"/>
                  </a:lnTo>
                  <a:lnTo>
                    <a:pt x="444" y="620"/>
                  </a:lnTo>
                  <a:lnTo>
                    <a:pt x="456" y="621"/>
                  </a:lnTo>
                  <a:lnTo>
                    <a:pt x="469" y="625"/>
                  </a:lnTo>
                  <a:lnTo>
                    <a:pt x="479" y="628"/>
                  </a:lnTo>
                  <a:lnTo>
                    <a:pt x="491" y="631"/>
                  </a:lnTo>
                  <a:lnTo>
                    <a:pt x="503" y="633"/>
                  </a:lnTo>
                  <a:lnTo>
                    <a:pt x="515" y="637"/>
                  </a:lnTo>
                  <a:lnTo>
                    <a:pt x="525" y="640"/>
                  </a:lnTo>
                  <a:lnTo>
                    <a:pt x="535" y="642"/>
                  </a:lnTo>
                  <a:lnTo>
                    <a:pt x="545" y="645"/>
                  </a:lnTo>
                  <a:lnTo>
                    <a:pt x="555" y="647"/>
                  </a:lnTo>
                  <a:lnTo>
                    <a:pt x="564" y="650"/>
                  </a:lnTo>
                  <a:lnTo>
                    <a:pt x="574" y="652"/>
                  </a:lnTo>
                  <a:lnTo>
                    <a:pt x="582" y="653"/>
                  </a:lnTo>
                  <a:lnTo>
                    <a:pt x="589" y="655"/>
                  </a:lnTo>
                  <a:lnTo>
                    <a:pt x="598" y="657"/>
                  </a:lnTo>
                  <a:lnTo>
                    <a:pt x="604" y="659"/>
                  </a:lnTo>
                  <a:lnTo>
                    <a:pt x="611" y="660"/>
                  </a:lnTo>
                  <a:lnTo>
                    <a:pt x="616" y="662"/>
                  </a:lnTo>
                  <a:lnTo>
                    <a:pt x="623" y="664"/>
                  </a:lnTo>
                  <a:lnTo>
                    <a:pt x="626" y="665"/>
                  </a:lnTo>
                  <a:lnTo>
                    <a:pt x="632" y="667"/>
                  </a:lnTo>
                  <a:lnTo>
                    <a:pt x="635" y="667"/>
                  </a:lnTo>
                  <a:lnTo>
                    <a:pt x="638" y="667"/>
                  </a:lnTo>
                  <a:lnTo>
                    <a:pt x="640" y="669"/>
                  </a:lnTo>
                  <a:lnTo>
                    <a:pt x="643" y="669"/>
                  </a:lnTo>
                  <a:lnTo>
                    <a:pt x="689" y="474"/>
                  </a:lnTo>
                  <a:lnTo>
                    <a:pt x="687" y="461"/>
                  </a:lnTo>
                  <a:lnTo>
                    <a:pt x="706" y="428"/>
                  </a:lnTo>
                  <a:lnTo>
                    <a:pt x="706" y="418"/>
                  </a:lnTo>
                  <a:lnTo>
                    <a:pt x="711" y="411"/>
                  </a:lnTo>
                  <a:lnTo>
                    <a:pt x="714" y="403"/>
                  </a:lnTo>
                  <a:lnTo>
                    <a:pt x="709" y="398"/>
                  </a:lnTo>
                  <a:lnTo>
                    <a:pt x="691" y="386"/>
                  </a:lnTo>
                  <a:lnTo>
                    <a:pt x="692" y="378"/>
                  </a:lnTo>
                  <a:lnTo>
                    <a:pt x="692" y="376"/>
                  </a:lnTo>
                  <a:lnTo>
                    <a:pt x="692" y="374"/>
                  </a:lnTo>
                  <a:lnTo>
                    <a:pt x="694" y="373"/>
                  </a:lnTo>
                  <a:lnTo>
                    <a:pt x="694" y="371"/>
                  </a:lnTo>
                  <a:lnTo>
                    <a:pt x="696" y="369"/>
                  </a:lnTo>
                  <a:lnTo>
                    <a:pt x="696" y="367"/>
                  </a:lnTo>
                  <a:lnTo>
                    <a:pt x="696" y="366"/>
                  </a:lnTo>
                  <a:lnTo>
                    <a:pt x="701" y="356"/>
                  </a:lnTo>
                  <a:lnTo>
                    <a:pt x="706" y="347"/>
                  </a:lnTo>
                  <a:lnTo>
                    <a:pt x="714" y="339"/>
                  </a:lnTo>
                  <a:lnTo>
                    <a:pt x="721" y="330"/>
                  </a:lnTo>
                  <a:lnTo>
                    <a:pt x="730" y="323"/>
                  </a:lnTo>
                  <a:lnTo>
                    <a:pt x="736" y="318"/>
                  </a:lnTo>
                  <a:lnTo>
                    <a:pt x="740" y="315"/>
                  </a:lnTo>
                  <a:lnTo>
                    <a:pt x="742" y="313"/>
                  </a:lnTo>
                  <a:lnTo>
                    <a:pt x="742" y="305"/>
                  </a:lnTo>
                  <a:lnTo>
                    <a:pt x="789" y="239"/>
                  </a:lnTo>
                  <a:lnTo>
                    <a:pt x="791" y="230"/>
                  </a:lnTo>
                  <a:lnTo>
                    <a:pt x="784" y="217"/>
                  </a:lnTo>
                  <a:lnTo>
                    <a:pt x="774" y="208"/>
                  </a:lnTo>
                  <a:lnTo>
                    <a:pt x="762" y="185"/>
                  </a:lnTo>
                  <a:lnTo>
                    <a:pt x="764" y="186"/>
                  </a:lnTo>
                  <a:lnTo>
                    <a:pt x="596" y="144"/>
                  </a:lnTo>
                  <a:lnTo>
                    <a:pt x="594" y="144"/>
                  </a:lnTo>
                  <a:lnTo>
                    <a:pt x="593" y="144"/>
                  </a:lnTo>
                  <a:lnTo>
                    <a:pt x="589" y="144"/>
                  </a:lnTo>
                  <a:lnTo>
                    <a:pt x="586" y="144"/>
                  </a:lnTo>
                  <a:lnTo>
                    <a:pt x="582" y="146"/>
                  </a:lnTo>
                  <a:lnTo>
                    <a:pt x="577" y="146"/>
                  </a:lnTo>
                  <a:lnTo>
                    <a:pt x="574" y="146"/>
                  </a:lnTo>
                  <a:lnTo>
                    <a:pt x="569" y="146"/>
                  </a:lnTo>
                  <a:lnTo>
                    <a:pt x="564" y="146"/>
                  </a:lnTo>
                  <a:lnTo>
                    <a:pt x="559" y="146"/>
                  </a:lnTo>
                  <a:lnTo>
                    <a:pt x="554" y="144"/>
                  </a:lnTo>
                  <a:lnTo>
                    <a:pt x="549" y="144"/>
                  </a:lnTo>
                  <a:lnTo>
                    <a:pt x="544" y="142"/>
                  </a:lnTo>
                  <a:lnTo>
                    <a:pt x="538" y="141"/>
                  </a:lnTo>
                  <a:lnTo>
                    <a:pt x="533" y="139"/>
                  </a:lnTo>
                  <a:lnTo>
                    <a:pt x="532" y="139"/>
                  </a:lnTo>
                  <a:lnTo>
                    <a:pt x="530" y="139"/>
                  </a:lnTo>
                  <a:lnTo>
                    <a:pt x="528" y="139"/>
                  </a:lnTo>
                  <a:lnTo>
                    <a:pt x="527" y="141"/>
                  </a:lnTo>
                  <a:lnTo>
                    <a:pt x="523" y="142"/>
                  </a:lnTo>
                  <a:lnTo>
                    <a:pt x="522" y="144"/>
                  </a:lnTo>
                  <a:lnTo>
                    <a:pt x="520" y="144"/>
                  </a:lnTo>
                  <a:lnTo>
                    <a:pt x="498" y="144"/>
                  </a:lnTo>
                  <a:lnTo>
                    <a:pt x="496" y="144"/>
                  </a:lnTo>
                  <a:lnTo>
                    <a:pt x="491" y="144"/>
                  </a:lnTo>
                  <a:lnTo>
                    <a:pt x="483" y="146"/>
                  </a:lnTo>
                  <a:lnTo>
                    <a:pt x="472" y="147"/>
                  </a:lnTo>
                  <a:lnTo>
                    <a:pt x="464" y="147"/>
                  </a:lnTo>
                  <a:lnTo>
                    <a:pt x="454" y="147"/>
                  </a:lnTo>
                  <a:lnTo>
                    <a:pt x="447" y="144"/>
                  </a:lnTo>
                  <a:lnTo>
                    <a:pt x="440" y="141"/>
                  </a:lnTo>
                  <a:lnTo>
                    <a:pt x="437" y="141"/>
                  </a:lnTo>
                  <a:lnTo>
                    <a:pt x="434" y="141"/>
                  </a:lnTo>
                  <a:lnTo>
                    <a:pt x="428" y="141"/>
                  </a:lnTo>
                  <a:lnTo>
                    <a:pt x="423" y="141"/>
                  </a:lnTo>
                  <a:lnTo>
                    <a:pt x="420" y="142"/>
                  </a:lnTo>
                  <a:lnTo>
                    <a:pt x="417" y="142"/>
                  </a:lnTo>
                  <a:lnTo>
                    <a:pt x="408" y="141"/>
                  </a:lnTo>
                  <a:lnTo>
                    <a:pt x="395" y="144"/>
                  </a:lnTo>
                  <a:lnTo>
                    <a:pt x="395" y="142"/>
                  </a:lnTo>
                  <a:lnTo>
                    <a:pt x="390" y="139"/>
                  </a:lnTo>
                  <a:lnTo>
                    <a:pt x="384" y="134"/>
                  </a:lnTo>
                  <a:lnTo>
                    <a:pt x="376" y="129"/>
                  </a:lnTo>
                  <a:lnTo>
                    <a:pt x="369" y="124"/>
                  </a:lnTo>
                  <a:lnTo>
                    <a:pt x="361" y="120"/>
                  </a:lnTo>
                  <a:lnTo>
                    <a:pt x="352" y="117"/>
                  </a:lnTo>
                  <a:lnTo>
                    <a:pt x="346" y="117"/>
                  </a:lnTo>
                  <a:lnTo>
                    <a:pt x="344" y="117"/>
                  </a:lnTo>
                  <a:lnTo>
                    <a:pt x="342" y="117"/>
                  </a:lnTo>
                  <a:lnTo>
                    <a:pt x="339" y="119"/>
                  </a:lnTo>
                  <a:lnTo>
                    <a:pt x="335" y="119"/>
                  </a:lnTo>
                  <a:lnTo>
                    <a:pt x="332" y="120"/>
                  </a:lnTo>
                  <a:lnTo>
                    <a:pt x="327" y="120"/>
                  </a:lnTo>
                  <a:lnTo>
                    <a:pt x="320" y="122"/>
                  </a:lnTo>
                  <a:lnTo>
                    <a:pt x="315" y="122"/>
                  </a:lnTo>
                  <a:lnTo>
                    <a:pt x="310" y="122"/>
                  </a:lnTo>
                  <a:lnTo>
                    <a:pt x="303" y="122"/>
                  </a:lnTo>
                  <a:lnTo>
                    <a:pt x="298" y="122"/>
                  </a:lnTo>
                  <a:lnTo>
                    <a:pt x="293" y="122"/>
                  </a:lnTo>
                  <a:lnTo>
                    <a:pt x="288" y="120"/>
                  </a:lnTo>
                  <a:lnTo>
                    <a:pt x="283" y="119"/>
                  </a:lnTo>
                  <a:lnTo>
                    <a:pt x="280" y="117"/>
                  </a:lnTo>
                  <a:lnTo>
                    <a:pt x="278" y="114"/>
                  </a:lnTo>
                  <a:lnTo>
                    <a:pt x="276" y="112"/>
                  </a:lnTo>
                  <a:lnTo>
                    <a:pt x="274" y="112"/>
                  </a:lnTo>
                  <a:lnTo>
                    <a:pt x="273" y="110"/>
                  </a:lnTo>
                  <a:lnTo>
                    <a:pt x="269" y="107"/>
                  </a:lnTo>
                  <a:lnTo>
                    <a:pt x="268" y="105"/>
                  </a:lnTo>
                  <a:lnTo>
                    <a:pt x="266" y="103"/>
                  </a:lnTo>
                  <a:lnTo>
                    <a:pt x="264" y="103"/>
                  </a:lnTo>
                  <a:lnTo>
                    <a:pt x="259" y="92"/>
                  </a:lnTo>
                  <a:lnTo>
                    <a:pt x="259" y="90"/>
                  </a:lnTo>
                  <a:lnTo>
                    <a:pt x="261" y="87"/>
                  </a:lnTo>
                  <a:lnTo>
                    <a:pt x="261" y="83"/>
                  </a:lnTo>
                  <a:lnTo>
                    <a:pt x="263" y="78"/>
                  </a:lnTo>
                  <a:lnTo>
                    <a:pt x="263" y="73"/>
                  </a:lnTo>
                  <a:lnTo>
                    <a:pt x="263" y="68"/>
                  </a:lnTo>
                  <a:lnTo>
                    <a:pt x="263" y="63"/>
                  </a:lnTo>
                  <a:lnTo>
                    <a:pt x="263" y="56"/>
                  </a:lnTo>
                  <a:lnTo>
                    <a:pt x="261" y="51"/>
                  </a:lnTo>
                  <a:lnTo>
                    <a:pt x="261" y="46"/>
                  </a:lnTo>
                  <a:lnTo>
                    <a:pt x="258" y="41"/>
                  </a:lnTo>
                  <a:lnTo>
                    <a:pt x="254" y="36"/>
                  </a:lnTo>
                  <a:lnTo>
                    <a:pt x="251" y="32"/>
                  </a:lnTo>
                  <a:lnTo>
                    <a:pt x="246" y="29"/>
                  </a:lnTo>
                  <a:lnTo>
                    <a:pt x="239" y="27"/>
                  </a:lnTo>
                  <a:lnTo>
                    <a:pt x="237" y="27"/>
                  </a:lnTo>
                  <a:lnTo>
                    <a:pt x="236" y="27"/>
                  </a:lnTo>
                  <a:lnTo>
                    <a:pt x="232" y="26"/>
                  </a:lnTo>
                  <a:lnTo>
                    <a:pt x="230" y="26"/>
                  </a:lnTo>
                  <a:lnTo>
                    <a:pt x="229" y="26"/>
                  </a:lnTo>
                  <a:lnTo>
                    <a:pt x="227" y="26"/>
                  </a:lnTo>
                  <a:lnTo>
                    <a:pt x="239" y="27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79" name="Freeform 116"/>
            <p:cNvSpPr>
              <a:spLocks/>
            </p:cNvSpPr>
            <p:nvPr/>
          </p:nvSpPr>
          <p:spPr bwMode="auto">
            <a:xfrm>
              <a:off x="875" y="965"/>
              <a:ext cx="570" cy="930"/>
            </a:xfrm>
            <a:custGeom>
              <a:avLst/>
              <a:gdLst>
                <a:gd name="T0" fmla="*/ 177 w 586"/>
                <a:gd name="T1" fmla="*/ 129 h 958"/>
                <a:gd name="T2" fmla="*/ 183 w 586"/>
                <a:gd name="T3" fmla="*/ 147 h 958"/>
                <a:gd name="T4" fmla="*/ 183 w 586"/>
                <a:gd name="T5" fmla="*/ 152 h 958"/>
                <a:gd name="T6" fmla="*/ 191 w 586"/>
                <a:gd name="T7" fmla="*/ 156 h 958"/>
                <a:gd name="T8" fmla="*/ 200 w 586"/>
                <a:gd name="T9" fmla="*/ 173 h 958"/>
                <a:gd name="T10" fmla="*/ 208 w 586"/>
                <a:gd name="T11" fmla="*/ 192 h 958"/>
                <a:gd name="T12" fmla="*/ 214 w 586"/>
                <a:gd name="T13" fmla="*/ 202 h 958"/>
                <a:gd name="T14" fmla="*/ 227 w 586"/>
                <a:gd name="T15" fmla="*/ 217 h 958"/>
                <a:gd name="T16" fmla="*/ 232 w 586"/>
                <a:gd name="T17" fmla="*/ 242 h 958"/>
                <a:gd name="T18" fmla="*/ 222 w 586"/>
                <a:gd name="T19" fmla="*/ 265 h 958"/>
                <a:gd name="T20" fmla="*/ 222 w 586"/>
                <a:gd name="T21" fmla="*/ 281 h 958"/>
                <a:gd name="T22" fmla="*/ 213 w 586"/>
                <a:gd name="T23" fmla="*/ 292 h 958"/>
                <a:gd name="T24" fmla="*/ 211 w 586"/>
                <a:gd name="T25" fmla="*/ 305 h 958"/>
                <a:gd name="T26" fmla="*/ 247 w 586"/>
                <a:gd name="T27" fmla="*/ 300 h 958"/>
                <a:gd name="T28" fmla="*/ 250 w 586"/>
                <a:gd name="T29" fmla="*/ 299 h 958"/>
                <a:gd name="T30" fmla="*/ 253 w 586"/>
                <a:gd name="T31" fmla="*/ 329 h 958"/>
                <a:gd name="T32" fmla="*/ 259 w 586"/>
                <a:gd name="T33" fmla="*/ 348 h 958"/>
                <a:gd name="T34" fmla="*/ 264 w 586"/>
                <a:gd name="T35" fmla="*/ 360 h 958"/>
                <a:gd name="T36" fmla="*/ 261 w 586"/>
                <a:gd name="T37" fmla="*/ 369 h 958"/>
                <a:gd name="T38" fmla="*/ 270 w 586"/>
                <a:gd name="T39" fmla="*/ 378 h 958"/>
                <a:gd name="T40" fmla="*/ 282 w 586"/>
                <a:gd name="T41" fmla="*/ 394 h 958"/>
                <a:gd name="T42" fmla="*/ 284 w 586"/>
                <a:gd name="T43" fmla="*/ 415 h 958"/>
                <a:gd name="T44" fmla="*/ 292 w 586"/>
                <a:gd name="T45" fmla="*/ 419 h 958"/>
                <a:gd name="T46" fmla="*/ 295 w 586"/>
                <a:gd name="T47" fmla="*/ 411 h 958"/>
                <a:gd name="T48" fmla="*/ 308 w 586"/>
                <a:gd name="T49" fmla="*/ 413 h 958"/>
                <a:gd name="T50" fmla="*/ 320 w 586"/>
                <a:gd name="T51" fmla="*/ 416 h 958"/>
                <a:gd name="T52" fmla="*/ 327 w 586"/>
                <a:gd name="T53" fmla="*/ 409 h 958"/>
                <a:gd name="T54" fmla="*/ 334 w 586"/>
                <a:gd name="T55" fmla="*/ 411 h 958"/>
                <a:gd name="T56" fmla="*/ 352 w 586"/>
                <a:gd name="T57" fmla="*/ 413 h 958"/>
                <a:gd name="T58" fmla="*/ 386 w 586"/>
                <a:gd name="T59" fmla="*/ 403 h 958"/>
                <a:gd name="T60" fmla="*/ 183 w 586"/>
                <a:gd name="T61" fmla="*/ 599 h 958"/>
                <a:gd name="T62" fmla="*/ 176 w 586"/>
                <a:gd name="T63" fmla="*/ 598 h 958"/>
                <a:gd name="T64" fmla="*/ 156 w 586"/>
                <a:gd name="T65" fmla="*/ 595 h 958"/>
                <a:gd name="T66" fmla="*/ 125 w 586"/>
                <a:gd name="T67" fmla="*/ 588 h 958"/>
                <a:gd name="T68" fmla="*/ 89 w 586"/>
                <a:gd name="T69" fmla="*/ 580 h 958"/>
                <a:gd name="T70" fmla="*/ 51 w 586"/>
                <a:gd name="T71" fmla="*/ 572 h 958"/>
                <a:gd name="T72" fmla="*/ 18 w 586"/>
                <a:gd name="T73" fmla="*/ 564 h 958"/>
                <a:gd name="T74" fmla="*/ 44 w 586"/>
                <a:gd name="T75" fmla="*/ 403 h 958"/>
                <a:gd name="T76" fmla="*/ 34 w 586"/>
                <a:gd name="T77" fmla="*/ 375 h 958"/>
                <a:gd name="T78" fmla="*/ 37 w 586"/>
                <a:gd name="T79" fmla="*/ 368 h 958"/>
                <a:gd name="T80" fmla="*/ 42 w 586"/>
                <a:gd name="T81" fmla="*/ 356 h 958"/>
                <a:gd name="T82" fmla="*/ 64 w 586"/>
                <a:gd name="T83" fmla="*/ 330 h 958"/>
                <a:gd name="T84" fmla="*/ 101 w 586"/>
                <a:gd name="T85" fmla="*/ 273 h 958"/>
                <a:gd name="T86" fmla="*/ 83 w 586"/>
                <a:gd name="T87" fmla="*/ 228 h 958"/>
                <a:gd name="T88" fmla="*/ 83 w 586"/>
                <a:gd name="T89" fmla="*/ 198 h 958"/>
                <a:gd name="T90" fmla="*/ 89 w 586"/>
                <a:gd name="T91" fmla="*/ 176 h 958"/>
                <a:gd name="T92" fmla="*/ 98 w 586"/>
                <a:gd name="T93" fmla="*/ 137 h 958"/>
                <a:gd name="T94" fmla="*/ 109 w 586"/>
                <a:gd name="T95" fmla="*/ 91 h 958"/>
                <a:gd name="T96" fmla="*/ 118 w 586"/>
                <a:gd name="T97" fmla="*/ 46 h 958"/>
                <a:gd name="T98" fmla="*/ 125 w 586"/>
                <a:gd name="T99" fmla="*/ 17 h 958"/>
                <a:gd name="T100" fmla="*/ 127 w 586"/>
                <a:gd name="T101" fmla="*/ 0 h 958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w 586"/>
                <a:gd name="T154" fmla="*/ 0 h 958"/>
                <a:gd name="T155" fmla="*/ 586 w 586"/>
                <a:gd name="T156" fmla="*/ 958 h 958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T153" t="T154" r="T155" b="T156"/>
              <a:pathLst>
                <a:path w="586" h="958">
                  <a:moveTo>
                    <a:pt x="266" y="17"/>
                  </a:moveTo>
                  <a:lnTo>
                    <a:pt x="241" y="139"/>
                  </a:lnTo>
                  <a:lnTo>
                    <a:pt x="249" y="158"/>
                  </a:lnTo>
                  <a:lnTo>
                    <a:pt x="261" y="185"/>
                  </a:lnTo>
                  <a:lnTo>
                    <a:pt x="261" y="195"/>
                  </a:lnTo>
                  <a:lnTo>
                    <a:pt x="254" y="200"/>
                  </a:lnTo>
                  <a:lnTo>
                    <a:pt x="263" y="207"/>
                  </a:lnTo>
                  <a:lnTo>
                    <a:pt x="256" y="212"/>
                  </a:lnTo>
                  <a:lnTo>
                    <a:pt x="256" y="219"/>
                  </a:lnTo>
                  <a:lnTo>
                    <a:pt x="269" y="222"/>
                  </a:lnTo>
                  <a:lnTo>
                    <a:pt x="269" y="224"/>
                  </a:lnTo>
                  <a:lnTo>
                    <a:pt x="269" y="226"/>
                  </a:lnTo>
                  <a:lnTo>
                    <a:pt x="269" y="227"/>
                  </a:lnTo>
                  <a:lnTo>
                    <a:pt x="269" y="229"/>
                  </a:lnTo>
                  <a:lnTo>
                    <a:pt x="269" y="231"/>
                  </a:lnTo>
                  <a:lnTo>
                    <a:pt x="269" y="232"/>
                  </a:lnTo>
                  <a:lnTo>
                    <a:pt x="271" y="234"/>
                  </a:lnTo>
                  <a:lnTo>
                    <a:pt x="276" y="236"/>
                  </a:lnTo>
                  <a:lnTo>
                    <a:pt x="280" y="237"/>
                  </a:lnTo>
                  <a:lnTo>
                    <a:pt x="283" y="241"/>
                  </a:lnTo>
                  <a:lnTo>
                    <a:pt x="286" y="244"/>
                  </a:lnTo>
                  <a:lnTo>
                    <a:pt x="290" y="249"/>
                  </a:lnTo>
                  <a:lnTo>
                    <a:pt x="293" y="256"/>
                  </a:lnTo>
                  <a:lnTo>
                    <a:pt x="295" y="261"/>
                  </a:lnTo>
                  <a:lnTo>
                    <a:pt x="298" y="268"/>
                  </a:lnTo>
                  <a:lnTo>
                    <a:pt x="300" y="275"/>
                  </a:lnTo>
                  <a:lnTo>
                    <a:pt x="302" y="280"/>
                  </a:lnTo>
                  <a:lnTo>
                    <a:pt x="303" y="286"/>
                  </a:lnTo>
                  <a:lnTo>
                    <a:pt x="305" y="292"/>
                  </a:lnTo>
                  <a:lnTo>
                    <a:pt x="305" y="295"/>
                  </a:lnTo>
                  <a:lnTo>
                    <a:pt x="307" y="298"/>
                  </a:lnTo>
                  <a:lnTo>
                    <a:pt x="307" y="300"/>
                  </a:lnTo>
                  <a:lnTo>
                    <a:pt x="307" y="302"/>
                  </a:lnTo>
                  <a:lnTo>
                    <a:pt x="315" y="305"/>
                  </a:lnTo>
                  <a:lnTo>
                    <a:pt x="315" y="317"/>
                  </a:lnTo>
                  <a:lnTo>
                    <a:pt x="327" y="317"/>
                  </a:lnTo>
                  <a:lnTo>
                    <a:pt x="329" y="330"/>
                  </a:lnTo>
                  <a:lnTo>
                    <a:pt x="335" y="330"/>
                  </a:lnTo>
                  <a:lnTo>
                    <a:pt x="354" y="330"/>
                  </a:lnTo>
                  <a:lnTo>
                    <a:pt x="354" y="332"/>
                  </a:lnTo>
                  <a:lnTo>
                    <a:pt x="342" y="354"/>
                  </a:lnTo>
                  <a:lnTo>
                    <a:pt x="342" y="366"/>
                  </a:lnTo>
                  <a:lnTo>
                    <a:pt x="334" y="376"/>
                  </a:lnTo>
                  <a:lnTo>
                    <a:pt x="335" y="376"/>
                  </a:lnTo>
                  <a:lnTo>
                    <a:pt x="335" y="385"/>
                  </a:lnTo>
                  <a:lnTo>
                    <a:pt x="329" y="390"/>
                  </a:lnTo>
                  <a:lnTo>
                    <a:pt x="327" y="400"/>
                  </a:lnTo>
                  <a:lnTo>
                    <a:pt x="330" y="418"/>
                  </a:lnTo>
                  <a:lnTo>
                    <a:pt x="330" y="420"/>
                  </a:lnTo>
                  <a:lnTo>
                    <a:pt x="329" y="422"/>
                  </a:lnTo>
                  <a:lnTo>
                    <a:pt x="327" y="425"/>
                  </a:lnTo>
                  <a:lnTo>
                    <a:pt x="320" y="427"/>
                  </a:lnTo>
                  <a:lnTo>
                    <a:pt x="317" y="430"/>
                  </a:lnTo>
                  <a:lnTo>
                    <a:pt x="315" y="434"/>
                  </a:lnTo>
                  <a:lnTo>
                    <a:pt x="313" y="439"/>
                  </a:lnTo>
                  <a:lnTo>
                    <a:pt x="313" y="444"/>
                  </a:lnTo>
                  <a:lnTo>
                    <a:pt x="315" y="447"/>
                  </a:lnTo>
                  <a:lnTo>
                    <a:pt x="315" y="451"/>
                  </a:lnTo>
                  <a:lnTo>
                    <a:pt x="315" y="452"/>
                  </a:lnTo>
                  <a:lnTo>
                    <a:pt x="310" y="454"/>
                  </a:lnTo>
                  <a:lnTo>
                    <a:pt x="310" y="462"/>
                  </a:lnTo>
                  <a:lnTo>
                    <a:pt x="319" y="466"/>
                  </a:lnTo>
                  <a:lnTo>
                    <a:pt x="327" y="474"/>
                  </a:lnTo>
                  <a:lnTo>
                    <a:pt x="342" y="469"/>
                  </a:lnTo>
                  <a:lnTo>
                    <a:pt x="357" y="456"/>
                  </a:lnTo>
                  <a:lnTo>
                    <a:pt x="364" y="454"/>
                  </a:lnTo>
                  <a:lnTo>
                    <a:pt x="366" y="452"/>
                  </a:lnTo>
                  <a:lnTo>
                    <a:pt x="366" y="451"/>
                  </a:lnTo>
                  <a:lnTo>
                    <a:pt x="368" y="451"/>
                  </a:lnTo>
                  <a:lnTo>
                    <a:pt x="369" y="452"/>
                  </a:lnTo>
                  <a:lnTo>
                    <a:pt x="371" y="456"/>
                  </a:lnTo>
                  <a:lnTo>
                    <a:pt x="373" y="464"/>
                  </a:lnTo>
                  <a:lnTo>
                    <a:pt x="373" y="474"/>
                  </a:lnTo>
                  <a:lnTo>
                    <a:pt x="373" y="488"/>
                  </a:lnTo>
                  <a:lnTo>
                    <a:pt x="373" y="498"/>
                  </a:lnTo>
                  <a:lnTo>
                    <a:pt x="374" y="506"/>
                  </a:lnTo>
                  <a:lnTo>
                    <a:pt x="376" y="513"/>
                  </a:lnTo>
                  <a:lnTo>
                    <a:pt x="378" y="520"/>
                  </a:lnTo>
                  <a:lnTo>
                    <a:pt x="379" y="523"/>
                  </a:lnTo>
                  <a:lnTo>
                    <a:pt x="381" y="525"/>
                  </a:lnTo>
                  <a:lnTo>
                    <a:pt x="383" y="527"/>
                  </a:lnTo>
                  <a:lnTo>
                    <a:pt x="386" y="535"/>
                  </a:lnTo>
                  <a:lnTo>
                    <a:pt x="388" y="540"/>
                  </a:lnTo>
                  <a:lnTo>
                    <a:pt x="390" y="545"/>
                  </a:lnTo>
                  <a:lnTo>
                    <a:pt x="390" y="547"/>
                  </a:lnTo>
                  <a:lnTo>
                    <a:pt x="388" y="550"/>
                  </a:lnTo>
                  <a:lnTo>
                    <a:pt x="388" y="552"/>
                  </a:lnTo>
                  <a:lnTo>
                    <a:pt x="386" y="554"/>
                  </a:lnTo>
                  <a:lnTo>
                    <a:pt x="385" y="559"/>
                  </a:lnTo>
                  <a:lnTo>
                    <a:pt x="386" y="562"/>
                  </a:lnTo>
                  <a:lnTo>
                    <a:pt x="388" y="566"/>
                  </a:lnTo>
                  <a:lnTo>
                    <a:pt x="391" y="569"/>
                  </a:lnTo>
                  <a:lnTo>
                    <a:pt x="395" y="571"/>
                  </a:lnTo>
                  <a:lnTo>
                    <a:pt x="398" y="572"/>
                  </a:lnTo>
                  <a:lnTo>
                    <a:pt x="400" y="572"/>
                  </a:lnTo>
                  <a:lnTo>
                    <a:pt x="401" y="572"/>
                  </a:lnTo>
                  <a:lnTo>
                    <a:pt x="413" y="591"/>
                  </a:lnTo>
                  <a:lnTo>
                    <a:pt x="413" y="593"/>
                  </a:lnTo>
                  <a:lnTo>
                    <a:pt x="415" y="596"/>
                  </a:lnTo>
                  <a:lnTo>
                    <a:pt x="415" y="603"/>
                  </a:lnTo>
                  <a:lnTo>
                    <a:pt x="415" y="610"/>
                  </a:lnTo>
                  <a:lnTo>
                    <a:pt x="417" y="616"/>
                  </a:lnTo>
                  <a:lnTo>
                    <a:pt x="417" y="622"/>
                  </a:lnTo>
                  <a:lnTo>
                    <a:pt x="418" y="627"/>
                  </a:lnTo>
                  <a:lnTo>
                    <a:pt x="418" y="628"/>
                  </a:lnTo>
                  <a:lnTo>
                    <a:pt x="422" y="633"/>
                  </a:lnTo>
                  <a:lnTo>
                    <a:pt x="425" y="637"/>
                  </a:lnTo>
                  <a:lnTo>
                    <a:pt x="427" y="637"/>
                  </a:lnTo>
                  <a:lnTo>
                    <a:pt x="429" y="637"/>
                  </a:lnTo>
                  <a:lnTo>
                    <a:pt x="430" y="633"/>
                  </a:lnTo>
                  <a:lnTo>
                    <a:pt x="432" y="632"/>
                  </a:lnTo>
                  <a:lnTo>
                    <a:pt x="432" y="630"/>
                  </a:lnTo>
                  <a:lnTo>
                    <a:pt x="432" y="628"/>
                  </a:lnTo>
                  <a:lnTo>
                    <a:pt x="435" y="623"/>
                  </a:lnTo>
                  <a:lnTo>
                    <a:pt x="440" y="622"/>
                  </a:lnTo>
                  <a:lnTo>
                    <a:pt x="444" y="622"/>
                  </a:lnTo>
                  <a:lnTo>
                    <a:pt x="447" y="622"/>
                  </a:lnTo>
                  <a:lnTo>
                    <a:pt x="452" y="623"/>
                  </a:lnTo>
                  <a:lnTo>
                    <a:pt x="454" y="625"/>
                  </a:lnTo>
                  <a:lnTo>
                    <a:pt x="457" y="627"/>
                  </a:lnTo>
                  <a:lnTo>
                    <a:pt x="459" y="628"/>
                  </a:lnTo>
                  <a:lnTo>
                    <a:pt x="464" y="632"/>
                  </a:lnTo>
                  <a:lnTo>
                    <a:pt x="469" y="632"/>
                  </a:lnTo>
                  <a:lnTo>
                    <a:pt x="473" y="630"/>
                  </a:lnTo>
                  <a:lnTo>
                    <a:pt x="476" y="628"/>
                  </a:lnTo>
                  <a:lnTo>
                    <a:pt x="478" y="625"/>
                  </a:lnTo>
                  <a:lnTo>
                    <a:pt x="479" y="623"/>
                  </a:lnTo>
                  <a:lnTo>
                    <a:pt x="479" y="620"/>
                  </a:lnTo>
                  <a:lnTo>
                    <a:pt x="481" y="620"/>
                  </a:lnTo>
                  <a:lnTo>
                    <a:pt x="484" y="618"/>
                  </a:lnTo>
                  <a:lnTo>
                    <a:pt x="486" y="618"/>
                  </a:lnTo>
                  <a:lnTo>
                    <a:pt x="488" y="620"/>
                  </a:lnTo>
                  <a:lnTo>
                    <a:pt x="489" y="622"/>
                  </a:lnTo>
                  <a:lnTo>
                    <a:pt x="491" y="623"/>
                  </a:lnTo>
                  <a:lnTo>
                    <a:pt x="491" y="625"/>
                  </a:lnTo>
                  <a:lnTo>
                    <a:pt x="493" y="627"/>
                  </a:lnTo>
                  <a:lnTo>
                    <a:pt x="493" y="628"/>
                  </a:lnTo>
                  <a:lnTo>
                    <a:pt x="498" y="628"/>
                  </a:lnTo>
                  <a:lnTo>
                    <a:pt x="518" y="625"/>
                  </a:lnTo>
                  <a:lnTo>
                    <a:pt x="525" y="630"/>
                  </a:lnTo>
                  <a:lnTo>
                    <a:pt x="537" y="630"/>
                  </a:lnTo>
                  <a:lnTo>
                    <a:pt x="552" y="628"/>
                  </a:lnTo>
                  <a:lnTo>
                    <a:pt x="559" y="611"/>
                  </a:lnTo>
                  <a:lnTo>
                    <a:pt x="569" y="611"/>
                  </a:lnTo>
                  <a:lnTo>
                    <a:pt x="576" y="632"/>
                  </a:lnTo>
                  <a:lnTo>
                    <a:pt x="586" y="647"/>
                  </a:lnTo>
                  <a:lnTo>
                    <a:pt x="540" y="958"/>
                  </a:lnTo>
                  <a:lnTo>
                    <a:pt x="269" y="909"/>
                  </a:lnTo>
                  <a:lnTo>
                    <a:pt x="268" y="909"/>
                  </a:lnTo>
                  <a:lnTo>
                    <a:pt x="266" y="909"/>
                  </a:lnTo>
                  <a:lnTo>
                    <a:pt x="263" y="908"/>
                  </a:lnTo>
                  <a:lnTo>
                    <a:pt x="259" y="908"/>
                  </a:lnTo>
                  <a:lnTo>
                    <a:pt x="254" y="906"/>
                  </a:lnTo>
                  <a:lnTo>
                    <a:pt x="249" y="904"/>
                  </a:lnTo>
                  <a:lnTo>
                    <a:pt x="242" y="904"/>
                  </a:lnTo>
                  <a:lnTo>
                    <a:pt x="236" y="902"/>
                  </a:lnTo>
                  <a:lnTo>
                    <a:pt x="229" y="901"/>
                  </a:lnTo>
                  <a:lnTo>
                    <a:pt x="220" y="899"/>
                  </a:lnTo>
                  <a:lnTo>
                    <a:pt x="212" y="897"/>
                  </a:lnTo>
                  <a:lnTo>
                    <a:pt x="203" y="896"/>
                  </a:lnTo>
                  <a:lnTo>
                    <a:pt x="193" y="894"/>
                  </a:lnTo>
                  <a:lnTo>
                    <a:pt x="185" y="891"/>
                  </a:lnTo>
                  <a:lnTo>
                    <a:pt x="175" y="889"/>
                  </a:lnTo>
                  <a:lnTo>
                    <a:pt x="165" y="887"/>
                  </a:lnTo>
                  <a:lnTo>
                    <a:pt x="154" y="884"/>
                  </a:lnTo>
                  <a:lnTo>
                    <a:pt x="143" y="882"/>
                  </a:lnTo>
                  <a:lnTo>
                    <a:pt x="132" y="880"/>
                  </a:lnTo>
                  <a:lnTo>
                    <a:pt x="121" y="877"/>
                  </a:lnTo>
                  <a:lnTo>
                    <a:pt x="110" y="875"/>
                  </a:lnTo>
                  <a:lnTo>
                    <a:pt x="99" y="872"/>
                  </a:lnTo>
                  <a:lnTo>
                    <a:pt x="87" y="870"/>
                  </a:lnTo>
                  <a:lnTo>
                    <a:pt x="77" y="867"/>
                  </a:lnTo>
                  <a:lnTo>
                    <a:pt x="65" y="865"/>
                  </a:lnTo>
                  <a:lnTo>
                    <a:pt x="53" y="862"/>
                  </a:lnTo>
                  <a:lnTo>
                    <a:pt x="43" y="860"/>
                  </a:lnTo>
                  <a:lnTo>
                    <a:pt x="33" y="858"/>
                  </a:lnTo>
                  <a:lnTo>
                    <a:pt x="21" y="855"/>
                  </a:lnTo>
                  <a:lnTo>
                    <a:pt x="11" y="853"/>
                  </a:lnTo>
                  <a:lnTo>
                    <a:pt x="0" y="852"/>
                  </a:lnTo>
                  <a:lnTo>
                    <a:pt x="46" y="657"/>
                  </a:lnTo>
                  <a:lnTo>
                    <a:pt x="44" y="644"/>
                  </a:lnTo>
                  <a:lnTo>
                    <a:pt x="63" y="611"/>
                  </a:lnTo>
                  <a:lnTo>
                    <a:pt x="63" y="601"/>
                  </a:lnTo>
                  <a:lnTo>
                    <a:pt x="68" y="594"/>
                  </a:lnTo>
                  <a:lnTo>
                    <a:pt x="71" y="586"/>
                  </a:lnTo>
                  <a:lnTo>
                    <a:pt x="66" y="581"/>
                  </a:lnTo>
                  <a:lnTo>
                    <a:pt x="48" y="569"/>
                  </a:lnTo>
                  <a:lnTo>
                    <a:pt x="49" y="561"/>
                  </a:lnTo>
                  <a:lnTo>
                    <a:pt x="49" y="559"/>
                  </a:lnTo>
                  <a:lnTo>
                    <a:pt x="49" y="557"/>
                  </a:lnTo>
                  <a:lnTo>
                    <a:pt x="51" y="556"/>
                  </a:lnTo>
                  <a:lnTo>
                    <a:pt x="51" y="554"/>
                  </a:lnTo>
                  <a:lnTo>
                    <a:pt x="53" y="552"/>
                  </a:lnTo>
                  <a:lnTo>
                    <a:pt x="53" y="550"/>
                  </a:lnTo>
                  <a:lnTo>
                    <a:pt x="53" y="549"/>
                  </a:lnTo>
                  <a:lnTo>
                    <a:pt x="58" y="539"/>
                  </a:lnTo>
                  <a:lnTo>
                    <a:pt x="63" y="530"/>
                  </a:lnTo>
                  <a:lnTo>
                    <a:pt x="71" y="522"/>
                  </a:lnTo>
                  <a:lnTo>
                    <a:pt x="78" y="513"/>
                  </a:lnTo>
                  <a:lnTo>
                    <a:pt x="87" y="506"/>
                  </a:lnTo>
                  <a:lnTo>
                    <a:pt x="93" y="501"/>
                  </a:lnTo>
                  <a:lnTo>
                    <a:pt x="97" y="498"/>
                  </a:lnTo>
                  <a:lnTo>
                    <a:pt x="99" y="496"/>
                  </a:lnTo>
                  <a:lnTo>
                    <a:pt x="99" y="488"/>
                  </a:lnTo>
                  <a:lnTo>
                    <a:pt x="146" y="422"/>
                  </a:lnTo>
                  <a:lnTo>
                    <a:pt x="148" y="413"/>
                  </a:lnTo>
                  <a:lnTo>
                    <a:pt x="141" y="400"/>
                  </a:lnTo>
                  <a:lnTo>
                    <a:pt x="131" y="391"/>
                  </a:lnTo>
                  <a:lnTo>
                    <a:pt x="119" y="368"/>
                  </a:lnTo>
                  <a:lnTo>
                    <a:pt x="119" y="358"/>
                  </a:lnTo>
                  <a:lnTo>
                    <a:pt x="122" y="344"/>
                  </a:lnTo>
                  <a:lnTo>
                    <a:pt x="122" y="332"/>
                  </a:lnTo>
                  <a:lnTo>
                    <a:pt x="117" y="320"/>
                  </a:lnTo>
                  <a:lnTo>
                    <a:pt x="122" y="303"/>
                  </a:lnTo>
                  <a:lnTo>
                    <a:pt x="122" y="302"/>
                  </a:lnTo>
                  <a:lnTo>
                    <a:pt x="122" y="300"/>
                  </a:lnTo>
                  <a:lnTo>
                    <a:pt x="124" y="297"/>
                  </a:lnTo>
                  <a:lnTo>
                    <a:pt x="126" y="290"/>
                  </a:lnTo>
                  <a:lnTo>
                    <a:pt x="127" y="283"/>
                  </a:lnTo>
                  <a:lnTo>
                    <a:pt x="129" y="275"/>
                  </a:lnTo>
                  <a:lnTo>
                    <a:pt x="131" y="266"/>
                  </a:lnTo>
                  <a:lnTo>
                    <a:pt x="132" y="256"/>
                  </a:lnTo>
                  <a:lnTo>
                    <a:pt x="136" y="244"/>
                  </a:lnTo>
                  <a:lnTo>
                    <a:pt x="137" y="232"/>
                  </a:lnTo>
                  <a:lnTo>
                    <a:pt x="141" y="220"/>
                  </a:lnTo>
                  <a:lnTo>
                    <a:pt x="144" y="207"/>
                  </a:lnTo>
                  <a:lnTo>
                    <a:pt x="146" y="193"/>
                  </a:lnTo>
                  <a:lnTo>
                    <a:pt x="149" y="180"/>
                  </a:lnTo>
                  <a:lnTo>
                    <a:pt x="153" y="166"/>
                  </a:lnTo>
                  <a:lnTo>
                    <a:pt x="156" y="151"/>
                  </a:lnTo>
                  <a:lnTo>
                    <a:pt x="159" y="138"/>
                  </a:lnTo>
                  <a:lnTo>
                    <a:pt x="161" y="122"/>
                  </a:lnTo>
                  <a:lnTo>
                    <a:pt x="165" y="109"/>
                  </a:lnTo>
                  <a:lnTo>
                    <a:pt x="168" y="95"/>
                  </a:lnTo>
                  <a:lnTo>
                    <a:pt x="171" y="82"/>
                  </a:lnTo>
                  <a:lnTo>
                    <a:pt x="173" y="70"/>
                  </a:lnTo>
                  <a:lnTo>
                    <a:pt x="176" y="58"/>
                  </a:lnTo>
                  <a:lnTo>
                    <a:pt x="178" y="48"/>
                  </a:lnTo>
                  <a:lnTo>
                    <a:pt x="181" y="38"/>
                  </a:lnTo>
                  <a:lnTo>
                    <a:pt x="183" y="28"/>
                  </a:lnTo>
                  <a:lnTo>
                    <a:pt x="185" y="19"/>
                  </a:lnTo>
                  <a:lnTo>
                    <a:pt x="187" y="12"/>
                  </a:lnTo>
                  <a:lnTo>
                    <a:pt x="188" y="7"/>
                  </a:lnTo>
                  <a:lnTo>
                    <a:pt x="188" y="4"/>
                  </a:lnTo>
                  <a:lnTo>
                    <a:pt x="188" y="0"/>
                  </a:lnTo>
                  <a:lnTo>
                    <a:pt x="266" y="17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80" name="Freeform 117"/>
            <p:cNvSpPr>
              <a:spLocks/>
            </p:cNvSpPr>
            <p:nvPr/>
          </p:nvSpPr>
          <p:spPr bwMode="auto">
            <a:xfrm>
              <a:off x="1110" y="981"/>
              <a:ext cx="979" cy="621"/>
            </a:xfrm>
            <a:custGeom>
              <a:avLst/>
              <a:gdLst>
                <a:gd name="T0" fmla="*/ 289 w 1007"/>
                <a:gd name="T1" fmla="*/ 381 h 640"/>
                <a:gd name="T2" fmla="*/ 357 w 1007"/>
                <a:gd name="T3" fmla="*/ 389 h 640"/>
                <a:gd name="T4" fmla="*/ 425 w 1007"/>
                <a:gd name="T5" fmla="*/ 398 h 640"/>
                <a:gd name="T6" fmla="*/ 489 w 1007"/>
                <a:gd name="T7" fmla="*/ 406 h 640"/>
                <a:gd name="T8" fmla="*/ 550 w 1007"/>
                <a:gd name="T9" fmla="*/ 410 h 640"/>
                <a:gd name="T10" fmla="*/ 600 w 1007"/>
                <a:gd name="T11" fmla="*/ 415 h 640"/>
                <a:gd name="T12" fmla="*/ 635 w 1007"/>
                <a:gd name="T13" fmla="*/ 418 h 640"/>
                <a:gd name="T14" fmla="*/ 651 w 1007"/>
                <a:gd name="T15" fmla="*/ 420 h 640"/>
                <a:gd name="T16" fmla="*/ 635 w 1007"/>
                <a:gd name="T17" fmla="*/ 93 h 640"/>
                <a:gd name="T18" fmla="*/ 534 w 1007"/>
                <a:gd name="T19" fmla="*/ 82 h 640"/>
                <a:gd name="T20" fmla="*/ 426 w 1007"/>
                <a:gd name="T21" fmla="*/ 70 h 640"/>
                <a:gd name="T22" fmla="*/ 317 w 1007"/>
                <a:gd name="T23" fmla="*/ 54 h 640"/>
                <a:gd name="T24" fmla="*/ 215 w 1007"/>
                <a:gd name="T25" fmla="*/ 39 h 640"/>
                <a:gd name="T26" fmla="*/ 126 w 1007"/>
                <a:gd name="T27" fmla="*/ 17 h 640"/>
                <a:gd name="T28" fmla="*/ 60 w 1007"/>
                <a:gd name="T29" fmla="*/ 12 h 640"/>
                <a:gd name="T30" fmla="*/ 20 w 1007"/>
                <a:gd name="T31" fmla="*/ 2 h 640"/>
                <a:gd name="T32" fmla="*/ 0 w 1007"/>
                <a:gd name="T33" fmla="*/ 80 h 640"/>
                <a:gd name="T34" fmla="*/ 13 w 1007"/>
                <a:gd name="T35" fmla="*/ 120 h 640"/>
                <a:gd name="T36" fmla="*/ 17 w 1007"/>
                <a:gd name="T37" fmla="*/ 135 h 640"/>
                <a:gd name="T38" fmla="*/ 17 w 1007"/>
                <a:gd name="T39" fmla="*/ 139 h 640"/>
                <a:gd name="T40" fmla="*/ 17 w 1007"/>
                <a:gd name="T41" fmla="*/ 143 h 640"/>
                <a:gd name="T42" fmla="*/ 31 w 1007"/>
                <a:gd name="T43" fmla="*/ 148 h 640"/>
                <a:gd name="T44" fmla="*/ 41 w 1007"/>
                <a:gd name="T45" fmla="*/ 165 h 640"/>
                <a:gd name="T46" fmla="*/ 44 w 1007"/>
                <a:gd name="T47" fmla="*/ 180 h 640"/>
                <a:gd name="T48" fmla="*/ 45 w 1007"/>
                <a:gd name="T49" fmla="*/ 187 h 640"/>
                <a:gd name="T50" fmla="*/ 60 w 1007"/>
                <a:gd name="T51" fmla="*/ 206 h 640"/>
                <a:gd name="T52" fmla="*/ 77 w 1007"/>
                <a:gd name="T53" fmla="*/ 206 h 640"/>
                <a:gd name="T54" fmla="*/ 63 w 1007"/>
                <a:gd name="T55" fmla="*/ 236 h 640"/>
                <a:gd name="T56" fmla="*/ 58 w 1007"/>
                <a:gd name="T57" fmla="*/ 252 h 640"/>
                <a:gd name="T58" fmla="*/ 58 w 1007"/>
                <a:gd name="T59" fmla="*/ 268 h 640"/>
                <a:gd name="T60" fmla="*/ 49 w 1007"/>
                <a:gd name="T61" fmla="*/ 274 h 640"/>
                <a:gd name="T62" fmla="*/ 49 w 1007"/>
                <a:gd name="T63" fmla="*/ 285 h 640"/>
                <a:gd name="T64" fmla="*/ 51 w 1007"/>
                <a:gd name="T65" fmla="*/ 295 h 640"/>
                <a:gd name="T66" fmla="*/ 83 w 1007"/>
                <a:gd name="T67" fmla="*/ 286 h 640"/>
                <a:gd name="T68" fmla="*/ 85 w 1007"/>
                <a:gd name="T69" fmla="*/ 285 h 640"/>
                <a:gd name="T70" fmla="*/ 88 w 1007"/>
                <a:gd name="T71" fmla="*/ 300 h 640"/>
                <a:gd name="T72" fmla="*/ 90 w 1007"/>
                <a:gd name="T73" fmla="*/ 325 h 640"/>
                <a:gd name="T74" fmla="*/ 95 w 1007"/>
                <a:gd name="T75" fmla="*/ 334 h 640"/>
                <a:gd name="T76" fmla="*/ 101 w 1007"/>
                <a:gd name="T77" fmla="*/ 347 h 640"/>
                <a:gd name="T78" fmla="*/ 98 w 1007"/>
                <a:gd name="T79" fmla="*/ 352 h 640"/>
                <a:gd name="T80" fmla="*/ 101 w 1007"/>
                <a:gd name="T81" fmla="*/ 363 h 640"/>
                <a:gd name="T82" fmla="*/ 109 w 1007"/>
                <a:gd name="T83" fmla="*/ 364 h 640"/>
                <a:gd name="T84" fmla="*/ 117 w 1007"/>
                <a:gd name="T85" fmla="*/ 385 h 640"/>
                <a:gd name="T86" fmla="*/ 119 w 1007"/>
                <a:gd name="T87" fmla="*/ 399 h 640"/>
                <a:gd name="T88" fmla="*/ 125 w 1007"/>
                <a:gd name="T89" fmla="*/ 408 h 640"/>
                <a:gd name="T90" fmla="*/ 129 w 1007"/>
                <a:gd name="T91" fmla="*/ 402 h 640"/>
                <a:gd name="T92" fmla="*/ 137 w 1007"/>
                <a:gd name="T93" fmla="*/ 397 h 640"/>
                <a:gd name="T94" fmla="*/ 145 w 1007"/>
                <a:gd name="T95" fmla="*/ 399 h 640"/>
                <a:gd name="T96" fmla="*/ 157 w 1007"/>
                <a:gd name="T97" fmla="*/ 402 h 640"/>
                <a:gd name="T98" fmla="*/ 160 w 1007"/>
                <a:gd name="T99" fmla="*/ 396 h 640"/>
                <a:gd name="T100" fmla="*/ 167 w 1007"/>
                <a:gd name="T101" fmla="*/ 396 h 640"/>
                <a:gd name="T102" fmla="*/ 170 w 1007"/>
                <a:gd name="T103" fmla="*/ 399 h 640"/>
                <a:gd name="T104" fmla="*/ 192 w 1007"/>
                <a:gd name="T105" fmla="*/ 402 h 640"/>
                <a:gd name="T106" fmla="*/ 221 w 1007"/>
                <a:gd name="T107" fmla="*/ 389 h 640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w 1007"/>
                <a:gd name="T163" fmla="*/ 0 h 640"/>
                <a:gd name="T164" fmla="*/ 1007 w 1007"/>
                <a:gd name="T165" fmla="*/ 640 h 640"/>
              </a:gdLst>
              <a:ahLst/>
              <a:cxnLst>
                <a:cxn ang="T108">
                  <a:pos x="T0" y="T1"/>
                </a:cxn>
                <a:cxn ang="T109">
                  <a:pos x="T2" y="T3"/>
                </a:cxn>
                <a:cxn ang="T110">
                  <a:pos x="T4" y="T5"/>
                </a:cxn>
                <a:cxn ang="T111">
                  <a:pos x="T6" y="T7"/>
                </a:cxn>
                <a:cxn ang="T112">
                  <a:pos x="T8" y="T9"/>
                </a:cxn>
                <a:cxn ang="T113">
                  <a:pos x="T10" y="T11"/>
                </a:cxn>
                <a:cxn ang="T114">
                  <a:pos x="T12" y="T13"/>
                </a:cxn>
                <a:cxn ang="T115">
                  <a:pos x="T14" y="T15"/>
                </a:cxn>
                <a:cxn ang="T116">
                  <a:pos x="T16" y="T17"/>
                </a:cxn>
                <a:cxn ang="T117">
                  <a:pos x="T18" y="T19"/>
                </a:cxn>
                <a:cxn ang="T118">
                  <a:pos x="T20" y="T21"/>
                </a:cxn>
                <a:cxn ang="T119">
                  <a:pos x="T22" y="T23"/>
                </a:cxn>
                <a:cxn ang="T120">
                  <a:pos x="T24" y="T25"/>
                </a:cxn>
                <a:cxn ang="T121">
                  <a:pos x="T26" y="T27"/>
                </a:cxn>
                <a:cxn ang="T122">
                  <a:pos x="T28" y="T29"/>
                </a:cxn>
                <a:cxn ang="T123">
                  <a:pos x="T30" y="T31"/>
                </a:cxn>
                <a:cxn ang="T124">
                  <a:pos x="T32" y="T33"/>
                </a:cxn>
                <a:cxn ang="T125">
                  <a:pos x="T34" y="T35"/>
                </a:cxn>
                <a:cxn ang="T126">
                  <a:pos x="T36" y="T37"/>
                </a:cxn>
                <a:cxn ang="T127">
                  <a:pos x="T38" y="T39"/>
                </a:cxn>
                <a:cxn ang="T128">
                  <a:pos x="T40" y="T41"/>
                </a:cxn>
                <a:cxn ang="T129">
                  <a:pos x="T42" y="T43"/>
                </a:cxn>
                <a:cxn ang="T130">
                  <a:pos x="T44" y="T45"/>
                </a:cxn>
                <a:cxn ang="T131">
                  <a:pos x="T46" y="T47"/>
                </a:cxn>
                <a:cxn ang="T132">
                  <a:pos x="T48" y="T49"/>
                </a:cxn>
                <a:cxn ang="T133">
                  <a:pos x="T50" y="T51"/>
                </a:cxn>
                <a:cxn ang="T134">
                  <a:pos x="T52" y="T53"/>
                </a:cxn>
                <a:cxn ang="T135">
                  <a:pos x="T54" y="T55"/>
                </a:cxn>
                <a:cxn ang="T136">
                  <a:pos x="T56" y="T57"/>
                </a:cxn>
                <a:cxn ang="T137">
                  <a:pos x="T58" y="T59"/>
                </a:cxn>
                <a:cxn ang="T138">
                  <a:pos x="T60" y="T61"/>
                </a:cxn>
                <a:cxn ang="T139">
                  <a:pos x="T62" y="T63"/>
                </a:cxn>
                <a:cxn ang="T140">
                  <a:pos x="T64" y="T65"/>
                </a:cxn>
                <a:cxn ang="T141">
                  <a:pos x="T66" y="T67"/>
                </a:cxn>
                <a:cxn ang="T142">
                  <a:pos x="T68" y="T69"/>
                </a:cxn>
                <a:cxn ang="T143">
                  <a:pos x="T70" y="T71"/>
                </a:cxn>
                <a:cxn ang="T144">
                  <a:pos x="T72" y="T73"/>
                </a:cxn>
                <a:cxn ang="T145">
                  <a:pos x="T74" y="T75"/>
                </a:cxn>
                <a:cxn ang="T146">
                  <a:pos x="T76" y="T77"/>
                </a:cxn>
                <a:cxn ang="T147">
                  <a:pos x="T78" y="T79"/>
                </a:cxn>
                <a:cxn ang="T148">
                  <a:pos x="T80" y="T81"/>
                </a:cxn>
                <a:cxn ang="T149">
                  <a:pos x="T82" y="T83"/>
                </a:cxn>
                <a:cxn ang="T150">
                  <a:pos x="T84" y="T85"/>
                </a:cxn>
                <a:cxn ang="T151">
                  <a:pos x="T86" y="T87"/>
                </a:cxn>
                <a:cxn ang="T152">
                  <a:pos x="T88" y="T89"/>
                </a:cxn>
                <a:cxn ang="T153">
                  <a:pos x="T90" y="T91"/>
                </a:cxn>
                <a:cxn ang="T154">
                  <a:pos x="T92" y="T93"/>
                </a:cxn>
                <a:cxn ang="T155">
                  <a:pos x="T94" y="T95"/>
                </a:cxn>
                <a:cxn ang="T156">
                  <a:pos x="T96" y="T97"/>
                </a:cxn>
                <a:cxn ang="T157">
                  <a:pos x="T98" y="T99"/>
                </a:cxn>
                <a:cxn ang="T158">
                  <a:pos x="T100" y="T101"/>
                </a:cxn>
                <a:cxn ang="T159">
                  <a:pos x="T102" y="T103"/>
                </a:cxn>
                <a:cxn ang="T160">
                  <a:pos x="T104" y="T105"/>
                </a:cxn>
                <a:cxn ang="T161">
                  <a:pos x="T106" y="T107"/>
                </a:cxn>
              </a:cxnLst>
              <a:rect l="T162" t="T163" r="T164" b="T165"/>
              <a:pathLst>
                <a:path w="1007" h="640">
                  <a:moveTo>
                    <a:pt x="358" y="569"/>
                  </a:moveTo>
                  <a:lnTo>
                    <a:pt x="380" y="572"/>
                  </a:lnTo>
                  <a:lnTo>
                    <a:pt x="404" y="576"/>
                  </a:lnTo>
                  <a:lnTo>
                    <a:pt x="428" y="581"/>
                  </a:lnTo>
                  <a:lnTo>
                    <a:pt x="453" y="584"/>
                  </a:lnTo>
                  <a:lnTo>
                    <a:pt x="477" y="588"/>
                  </a:lnTo>
                  <a:lnTo>
                    <a:pt x="502" y="591"/>
                  </a:lnTo>
                  <a:lnTo>
                    <a:pt x="528" y="594"/>
                  </a:lnTo>
                  <a:lnTo>
                    <a:pt x="553" y="598"/>
                  </a:lnTo>
                  <a:lnTo>
                    <a:pt x="578" y="601"/>
                  </a:lnTo>
                  <a:lnTo>
                    <a:pt x="605" y="603"/>
                  </a:lnTo>
                  <a:lnTo>
                    <a:pt x="631" y="606"/>
                  </a:lnTo>
                  <a:lnTo>
                    <a:pt x="655" y="610"/>
                  </a:lnTo>
                  <a:lnTo>
                    <a:pt x="680" y="613"/>
                  </a:lnTo>
                  <a:lnTo>
                    <a:pt x="704" y="615"/>
                  </a:lnTo>
                  <a:lnTo>
                    <a:pt x="727" y="618"/>
                  </a:lnTo>
                  <a:lnTo>
                    <a:pt x="751" y="620"/>
                  </a:lnTo>
                  <a:lnTo>
                    <a:pt x="775" y="621"/>
                  </a:lnTo>
                  <a:lnTo>
                    <a:pt x="797" y="625"/>
                  </a:lnTo>
                  <a:lnTo>
                    <a:pt x="817" y="627"/>
                  </a:lnTo>
                  <a:lnTo>
                    <a:pt x="837" y="628"/>
                  </a:lnTo>
                  <a:lnTo>
                    <a:pt x="856" y="630"/>
                  </a:lnTo>
                  <a:lnTo>
                    <a:pt x="873" y="632"/>
                  </a:lnTo>
                  <a:lnTo>
                    <a:pt x="890" y="633"/>
                  </a:lnTo>
                  <a:lnTo>
                    <a:pt x="905" y="635"/>
                  </a:lnTo>
                  <a:lnTo>
                    <a:pt x="919" y="635"/>
                  </a:lnTo>
                  <a:lnTo>
                    <a:pt x="930" y="637"/>
                  </a:lnTo>
                  <a:lnTo>
                    <a:pt x="941" y="637"/>
                  </a:lnTo>
                  <a:lnTo>
                    <a:pt x="949" y="638"/>
                  </a:lnTo>
                  <a:lnTo>
                    <a:pt x="957" y="638"/>
                  </a:lnTo>
                  <a:lnTo>
                    <a:pt x="963" y="638"/>
                  </a:lnTo>
                  <a:lnTo>
                    <a:pt x="966" y="640"/>
                  </a:lnTo>
                  <a:lnTo>
                    <a:pt x="1007" y="144"/>
                  </a:lnTo>
                  <a:lnTo>
                    <a:pt x="974" y="143"/>
                  </a:lnTo>
                  <a:lnTo>
                    <a:pt x="941" y="141"/>
                  </a:lnTo>
                  <a:lnTo>
                    <a:pt x="905" y="139"/>
                  </a:lnTo>
                  <a:lnTo>
                    <a:pt x="869" y="136"/>
                  </a:lnTo>
                  <a:lnTo>
                    <a:pt x="832" y="131"/>
                  </a:lnTo>
                  <a:lnTo>
                    <a:pt x="793" y="127"/>
                  </a:lnTo>
                  <a:lnTo>
                    <a:pt x="754" y="122"/>
                  </a:lnTo>
                  <a:lnTo>
                    <a:pt x="714" y="117"/>
                  </a:lnTo>
                  <a:lnTo>
                    <a:pt x="673" y="112"/>
                  </a:lnTo>
                  <a:lnTo>
                    <a:pt x="633" y="105"/>
                  </a:lnTo>
                  <a:lnTo>
                    <a:pt x="592" y="100"/>
                  </a:lnTo>
                  <a:lnTo>
                    <a:pt x="551" y="93"/>
                  </a:lnTo>
                  <a:lnTo>
                    <a:pt x="511" y="88"/>
                  </a:lnTo>
                  <a:lnTo>
                    <a:pt x="470" y="82"/>
                  </a:lnTo>
                  <a:lnTo>
                    <a:pt x="431" y="75"/>
                  </a:lnTo>
                  <a:lnTo>
                    <a:pt x="392" y="68"/>
                  </a:lnTo>
                  <a:lnTo>
                    <a:pt x="355" y="61"/>
                  </a:lnTo>
                  <a:lnTo>
                    <a:pt x="318" y="56"/>
                  </a:lnTo>
                  <a:lnTo>
                    <a:pt x="282" y="49"/>
                  </a:lnTo>
                  <a:lnTo>
                    <a:pt x="248" y="43"/>
                  </a:lnTo>
                  <a:lnTo>
                    <a:pt x="216" y="38"/>
                  </a:lnTo>
                  <a:lnTo>
                    <a:pt x="188" y="31"/>
                  </a:lnTo>
                  <a:lnTo>
                    <a:pt x="159" y="26"/>
                  </a:lnTo>
                  <a:lnTo>
                    <a:pt x="133" y="21"/>
                  </a:lnTo>
                  <a:lnTo>
                    <a:pt x="108" y="17"/>
                  </a:lnTo>
                  <a:lnTo>
                    <a:pt x="88" y="12"/>
                  </a:lnTo>
                  <a:lnTo>
                    <a:pt x="69" y="9"/>
                  </a:lnTo>
                  <a:lnTo>
                    <a:pt x="54" y="5"/>
                  </a:lnTo>
                  <a:lnTo>
                    <a:pt x="42" y="4"/>
                  </a:lnTo>
                  <a:lnTo>
                    <a:pt x="34" y="2"/>
                  </a:lnTo>
                  <a:lnTo>
                    <a:pt x="27" y="0"/>
                  </a:lnTo>
                  <a:lnTo>
                    <a:pt x="25" y="0"/>
                  </a:lnTo>
                  <a:lnTo>
                    <a:pt x="0" y="122"/>
                  </a:lnTo>
                  <a:lnTo>
                    <a:pt x="8" y="141"/>
                  </a:lnTo>
                  <a:lnTo>
                    <a:pt x="20" y="168"/>
                  </a:lnTo>
                  <a:lnTo>
                    <a:pt x="20" y="178"/>
                  </a:lnTo>
                  <a:lnTo>
                    <a:pt x="13" y="183"/>
                  </a:lnTo>
                  <a:lnTo>
                    <a:pt x="22" y="190"/>
                  </a:lnTo>
                  <a:lnTo>
                    <a:pt x="15" y="195"/>
                  </a:lnTo>
                  <a:lnTo>
                    <a:pt x="15" y="202"/>
                  </a:lnTo>
                  <a:lnTo>
                    <a:pt x="28" y="205"/>
                  </a:lnTo>
                  <a:lnTo>
                    <a:pt x="28" y="207"/>
                  </a:lnTo>
                  <a:lnTo>
                    <a:pt x="28" y="209"/>
                  </a:lnTo>
                  <a:lnTo>
                    <a:pt x="28" y="210"/>
                  </a:lnTo>
                  <a:lnTo>
                    <a:pt x="28" y="212"/>
                  </a:lnTo>
                  <a:lnTo>
                    <a:pt x="28" y="214"/>
                  </a:lnTo>
                  <a:lnTo>
                    <a:pt x="28" y="215"/>
                  </a:lnTo>
                  <a:lnTo>
                    <a:pt x="30" y="217"/>
                  </a:lnTo>
                  <a:lnTo>
                    <a:pt x="35" y="219"/>
                  </a:lnTo>
                  <a:lnTo>
                    <a:pt x="39" y="220"/>
                  </a:lnTo>
                  <a:lnTo>
                    <a:pt x="42" y="224"/>
                  </a:lnTo>
                  <a:lnTo>
                    <a:pt x="45" y="227"/>
                  </a:lnTo>
                  <a:lnTo>
                    <a:pt x="49" y="232"/>
                  </a:lnTo>
                  <a:lnTo>
                    <a:pt x="52" y="239"/>
                  </a:lnTo>
                  <a:lnTo>
                    <a:pt x="54" y="244"/>
                  </a:lnTo>
                  <a:lnTo>
                    <a:pt x="57" y="251"/>
                  </a:lnTo>
                  <a:lnTo>
                    <a:pt x="59" y="258"/>
                  </a:lnTo>
                  <a:lnTo>
                    <a:pt x="61" y="263"/>
                  </a:lnTo>
                  <a:lnTo>
                    <a:pt x="62" y="269"/>
                  </a:lnTo>
                  <a:lnTo>
                    <a:pt x="64" y="275"/>
                  </a:lnTo>
                  <a:lnTo>
                    <a:pt x="64" y="278"/>
                  </a:lnTo>
                  <a:lnTo>
                    <a:pt x="66" y="281"/>
                  </a:lnTo>
                  <a:lnTo>
                    <a:pt x="66" y="283"/>
                  </a:lnTo>
                  <a:lnTo>
                    <a:pt x="66" y="285"/>
                  </a:lnTo>
                  <a:lnTo>
                    <a:pt x="74" y="288"/>
                  </a:lnTo>
                  <a:lnTo>
                    <a:pt x="74" y="300"/>
                  </a:lnTo>
                  <a:lnTo>
                    <a:pt x="86" y="300"/>
                  </a:lnTo>
                  <a:lnTo>
                    <a:pt x="88" y="313"/>
                  </a:lnTo>
                  <a:lnTo>
                    <a:pt x="94" y="313"/>
                  </a:lnTo>
                  <a:lnTo>
                    <a:pt x="113" y="313"/>
                  </a:lnTo>
                  <a:lnTo>
                    <a:pt x="113" y="315"/>
                  </a:lnTo>
                  <a:lnTo>
                    <a:pt x="101" y="337"/>
                  </a:lnTo>
                  <a:lnTo>
                    <a:pt x="101" y="349"/>
                  </a:lnTo>
                  <a:lnTo>
                    <a:pt x="93" y="359"/>
                  </a:lnTo>
                  <a:lnTo>
                    <a:pt x="94" y="359"/>
                  </a:lnTo>
                  <a:lnTo>
                    <a:pt x="94" y="368"/>
                  </a:lnTo>
                  <a:lnTo>
                    <a:pt x="88" y="373"/>
                  </a:lnTo>
                  <a:lnTo>
                    <a:pt x="86" y="383"/>
                  </a:lnTo>
                  <a:lnTo>
                    <a:pt x="89" y="401"/>
                  </a:lnTo>
                  <a:lnTo>
                    <a:pt x="89" y="403"/>
                  </a:lnTo>
                  <a:lnTo>
                    <a:pt x="88" y="405"/>
                  </a:lnTo>
                  <a:lnTo>
                    <a:pt x="86" y="408"/>
                  </a:lnTo>
                  <a:lnTo>
                    <a:pt x="79" y="410"/>
                  </a:lnTo>
                  <a:lnTo>
                    <a:pt x="76" y="413"/>
                  </a:lnTo>
                  <a:lnTo>
                    <a:pt x="74" y="417"/>
                  </a:lnTo>
                  <a:lnTo>
                    <a:pt x="72" y="422"/>
                  </a:lnTo>
                  <a:lnTo>
                    <a:pt x="72" y="427"/>
                  </a:lnTo>
                  <a:lnTo>
                    <a:pt x="74" y="430"/>
                  </a:lnTo>
                  <a:lnTo>
                    <a:pt x="74" y="434"/>
                  </a:lnTo>
                  <a:lnTo>
                    <a:pt x="74" y="435"/>
                  </a:lnTo>
                  <a:lnTo>
                    <a:pt x="69" y="437"/>
                  </a:lnTo>
                  <a:lnTo>
                    <a:pt x="69" y="445"/>
                  </a:lnTo>
                  <a:lnTo>
                    <a:pt x="78" y="449"/>
                  </a:lnTo>
                  <a:lnTo>
                    <a:pt x="86" y="457"/>
                  </a:lnTo>
                  <a:lnTo>
                    <a:pt x="101" y="452"/>
                  </a:lnTo>
                  <a:lnTo>
                    <a:pt x="116" y="439"/>
                  </a:lnTo>
                  <a:lnTo>
                    <a:pt x="123" y="437"/>
                  </a:lnTo>
                  <a:lnTo>
                    <a:pt x="125" y="435"/>
                  </a:lnTo>
                  <a:lnTo>
                    <a:pt x="125" y="434"/>
                  </a:lnTo>
                  <a:lnTo>
                    <a:pt x="127" y="434"/>
                  </a:lnTo>
                  <a:lnTo>
                    <a:pt x="128" y="435"/>
                  </a:lnTo>
                  <a:lnTo>
                    <a:pt x="130" y="439"/>
                  </a:lnTo>
                  <a:lnTo>
                    <a:pt x="132" y="447"/>
                  </a:lnTo>
                  <a:lnTo>
                    <a:pt x="132" y="457"/>
                  </a:lnTo>
                  <a:lnTo>
                    <a:pt x="132" y="471"/>
                  </a:lnTo>
                  <a:lnTo>
                    <a:pt x="132" y="481"/>
                  </a:lnTo>
                  <a:lnTo>
                    <a:pt x="133" y="489"/>
                  </a:lnTo>
                  <a:lnTo>
                    <a:pt x="135" y="496"/>
                  </a:lnTo>
                  <a:lnTo>
                    <a:pt x="137" y="503"/>
                  </a:lnTo>
                  <a:lnTo>
                    <a:pt x="138" y="506"/>
                  </a:lnTo>
                  <a:lnTo>
                    <a:pt x="140" y="508"/>
                  </a:lnTo>
                  <a:lnTo>
                    <a:pt x="142" y="510"/>
                  </a:lnTo>
                  <a:lnTo>
                    <a:pt x="145" y="518"/>
                  </a:lnTo>
                  <a:lnTo>
                    <a:pt x="147" y="523"/>
                  </a:lnTo>
                  <a:lnTo>
                    <a:pt x="149" y="528"/>
                  </a:lnTo>
                  <a:lnTo>
                    <a:pt x="149" y="530"/>
                  </a:lnTo>
                  <a:lnTo>
                    <a:pt x="147" y="533"/>
                  </a:lnTo>
                  <a:lnTo>
                    <a:pt x="147" y="535"/>
                  </a:lnTo>
                  <a:lnTo>
                    <a:pt x="145" y="537"/>
                  </a:lnTo>
                  <a:lnTo>
                    <a:pt x="144" y="542"/>
                  </a:lnTo>
                  <a:lnTo>
                    <a:pt x="145" y="545"/>
                  </a:lnTo>
                  <a:lnTo>
                    <a:pt x="147" y="549"/>
                  </a:lnTo>
                  <a:lnTo>
                    <a:pt x="150" y="552"/>
                  </a:lnTo>
                  <a:lnTo>
                    <a:pt x="154" y="554"/>
                  </a:lnTo>
                  <a:lnTo>
                    <a:pt x="157" y="555"/>
                  </a:lnTo>
                  <a:lnTo>
                    <a:pt x="159" y="555"/>
                  </a:lnTo>
                  <a:lnTo>
                    <a:pt x="160" y="555"/>
                  </a:lnTo>
                  <a:lnTo>
                    <a:pt x="172" y="574"/>
                  </a:lnTo>
                  <a:lnTo>
                    <a:pt x="172" y="576"/>
                  </a:lnTo>
                  <a:lnTo>
                    <a:pt x="174" y="579"/>
                  </a:lnTo>
                  <a:lnTo>
                    <a:pt x="174" y="586"/>
                  </a:lnTo>
                  <a:lnTo>
                    <a:pt x="174" y="593"/>
                  </a:lnTo>
                  <a:lnTo>
                    <a:pt x="176" y="599"/>
                  </a:lnTo>
                  <a:lnTo>
                    <a:pt x="176" y="605"/>
                  </a:lnTo>
                  <a:lnTo>
                    <a:pt x="177" y="610"/>
                  </a:lnTo>
                  <a:lnTo>
                    <a:pt x="177" y="611"/>
                  </a:lnTo>
                  <a:lnTo>
                    <a:pt x="181" y="616"/>
                  </a:lnTo>
                  <a:lnTo>
                    <a:pt x="184" y="620"/>
                  </a:lnTo>
                  <a:lnTo>
                    <a:pt x="186" y="620"/>
                  </a:lnTo>
                  <a:lnTo>
                    <a:pt x="188" y="620"/>
                  </a:lnTo>
                  <a:lnTo>
                    <a:pt x="189" y="616"/>
                  </a:lnTo>
                  <a:lnTo>
                    <a:pt x="191" y="615"/>
                  </a:lnTo>
                  <a:lnTo>
                    <a:pt x="191" y="613"/>
                  </a:lnTo>
                  <a:lnTo>
                    <a:pt x="191" y="611"/>
                  </a:lnTo>
                  <a:lnTo>
                    <a:pt x="194" y="606"/>
                  </a:lnTo>
                  <a:lnTo>
                    <a:pt x="199" y="605"/>
                  </a:lnTo>
                  <a:lnTo>
                    <a:pt x="203" y="605"/>
                  </a:lnTo>
                  <a:lnTo>
                    <a:pt x="206" y="605"/>
                  </a:lnTo>
                  <a:lnTo>
                    <a:pt x="211" y="606"/>
                  </a:lnTo>
                  <a:lnTo>
                    <a:pt x="213" y="608"/>
                  </a:lnTo>
                  <a:lnTo>
                    <a:pt x="216" y="610"/>
                  </a:lnTo>
                  <a:lnTo>
                    <a:pt x="218" y="611"/>
                  </a:lnTo>
                  <a:lnTo>
                    <a:pt x="223" y="615"/>
                  </a:lnTo>
                  <a:lnTo>
                    <a:pt x="228" y="615"/>
                  </a:lnTo>
                  <a:lnTo>
                    <a:pt x="232" y="613"/>
                  </a:lnTo>
                  <a:lnTo>
                    <a:pt x="235" y="611"/>
                  </a:lnTo>
                  <a:lnTo>
                    <a:pt x="237" y="608"/>
                  </a:lnTo>
                  <a:lnTo>
                    <a:pt x="238" y="606"/>
                  </a:lnTo>
                  <a:lnTo>
                    <a:pt x="238" y="603"/>
                  </a:lnTo>
                  <a:lnTo>
                    <a:pt x="240" y="603"/>
                  </a:lnTo>
                  <a:lnTo>
                    <a:pt x="243" y="601"/>
                  </a:lnTo>
                  <a:lnTo>
                    <a:pt x="245" y="601"/>
                  </a:lnTo>
                  <a:lnTo>
                    <a:pt x="247" y="603"/>
                  </a:lnTo>
                  <a:lnTo>
                    <a:pt x="248" y="605"/>
                  </a:lnTo>
                  <a:lnTo>
                    <a:pt x="250" y="606"/>
                  </a:lnTo>
                  <a:lnTo>
                    <a:pt x="250" y="608"/>
                  </a:lnTo>
                  <a:lnTo>
                    <a:pt x="252" y="610"/>
                  </a:lnTo>
                  <a:lnTo>
                    <a:pt x="252" y="611"/>
                  </a:lnTo>
                  <a:lnTo>
                    <a:pt x="257" y="611"/>
                  </a:lnTo>
                  <a:lnTo>
                    <a:pt x="277" y="608"/>
                  </a:lnTo>
                  <a:lnTo>
                    <a:pt x="284" y="613"/>
                  </a:lnTo>
                  <a:lnTo>
                    <a:pt x="296" y="613"/>
                  </a:lnTo>
                  <a:lnTo>
                    <a:pt x="311" y="611"/>
                  </a:lnTo>
                  <a:lnTo>
                    <a:pt x="318" y="594"/>
                  </a:lnTo>
                  <a:lnTo>
                    <a:pt x="328" y="594"/>
                  </a:lnTo>
                  <a:lnTo>
                    <a:pt x="335" y="615"/>
                  </a:lnTo>
                  <a:lnTo>
                    <a:pt x="345" y="630"/>
                  </a:lnTo>
                  <a:lnTo>
                    <a:pt x="358" y="56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81" name="Freeform 118"/>
            <p:cNvSpPr>
              <a:spLocks/>
            </p:cNvSpPr>
            <p:nvPr/>
          </p:nvSpPr>
          <p:spPr bwMode="auto">
            <a:xfrm>
              <a:off x="528" y="1726"/>
              <a:ext cx="609" cy="942"/>
            </a:xfrm>
            <a:custGeom>
              <a:avLst/>
              <a:gdLst>
                <a:gd name="T0" fmla="*/ 0 w 626"/>
                <a:gd name="T1" fmla="*/ 243 h 970"/>
                <a:gd name="T2" fmla="*/ 64 w 626"/>
                <a:gd name="T3" fmla="*/ 2 h 970"/>
                <a:gd name="T4" fmla="*/ 82 w 626"/>
                <a:gd name="T5" fmla="*/ 8 h 970"/>
                <a:gd name="T6" fmla="*/ 99 w 626"/>
                <a:gd name="T7" fmla="*/ 15 h 970"/>
                <a:gd name="T8" fmla="*/ 116 w 626"/>
                <a:gd name="T9" fmla="*/ 17 h 970"/>
                <a:gd name="T10" fmla="*/ 131 w 626"/>
                <a:gd name="T11" fmla="*/ 17 h 970"/>
                <a:gd name="T12" fmla="*/ 148 w 626"/>
                <a:gd name="T13" fmla="*/ 18 h 970"/>
                <a:gd name="T14" fmla="*/ 162 w 626"/>
                <a:gd name="T15" fmla="*/ 25 h 970"/>
                <a:gd name="T16" fmla="*/ 177 w 626"/>
                <a:gd name="T17" fmla="*/ 30 h 970"/>
                <a:gd name="T18" fmla="*/ 189 w 626"/>
                <a:gd name="T19" fmla="*/ 35 h 970"/>
                <a:gd name="T20" fmla="*/ 201 w 626"/>
                <a:gd name="T21" fmla="*/ 37 h 970"/>
                <a:gd name="T22" fmla="*/ 213 w 626"/>
                <a:gd name="T23" fmla="*/ 39 h 970"/>
                <a:gd name="T24" fmla="*/ 221 w 626"/>
                <a:gd name="T25" fmla="*/ 41 h 970"/>
                <a:gd name="T26" fmla="*/ 229 w 626"/>
                <a:gd name="T27" fmla="*/ 43 h 970"/>
                <a:gd name="T28" fmla="*/ 235 w 626"/>
                <a:gd name="T29" fmla="*/ 44 h 970"/>
                <a:gd name="T30" fmla="*/ 239 w 626"/>
                <a:gd name="T31" fmla="*/ 44 h 970"/>
                <a:gd name="T32" fmla="*/ 243 w 626"/>
                <a:gd name="T33" fmla="*/ 45 h 970"/>
                <a:gd name="T34" fmla="*/ 243 w 626"/>
                <a:gd name="T35" fmla="*/ 45 h 970"/>
                <a:gd name="T36" fmla="*/ 425 w 626"/>
                <a:gd name="T37" fmla="*/ 83 h 970"/>
                <a:gd name="T38" fmla="*/ 334 w 626"/>
                <a:gd name="T39" fmla="*/ 552 h 970"/>
                <a:gd name="T40" fmla="*/ 332 w 626"/>
                <a:gd name="T41" fmla="*/ 555 h 970"/>
                <a:gd name="T42" fmla="*/ 330 w 626"/>
                <a:gd name="T43" fmla="*/ 564 h 970"/>
                <a:gd name="T44" fmla="*/ 323 w 626"/>
                <a:gd name="T45" fmla="*/ 570 h 970"/>
                <a:gd name="T46" fmla="*/ 315 w 626"/>
                <a:gd name="T47" fmla="*/ 566 h 970"/>
                <a:gd name="T48" fmla="*/ 313 w 626"/>
                <a:gd name="T49" fmla="*/ 564 h 970"/>
                <a:gd name="T50" fmla="*/ 313 w 626"/>
                <a:gd name="T51" fmla="*/ 562 h 970"/>
                <a:gd name="T52" fmla="*/ 311 w 626"/>
                <a:gd name="T53" fmla="*/ 557 h 970"/>
                <a:gd name="T54" fmla="*/ 305 w 626"/>
                <a:gd name="T55" fmla="*/ 555 h 970"/>
                <a:gd name="T56" fmla="*/ 303 w 626"/>
                <a:gd name="T57" fmla="*/ 555 h 970"/>
                <a:gd name="T58" fmla="*/ 302 w 626"/>
                <a:gd name="T59" fmla="*/ 554 h 970"/>
                <a:gd name="T60" fmla="*/ 298 w 626"/>
                <a:gd name="T61" fmla="*/ 554 h 970"/>
                <a:gd name="T62" fmla="*/ 297 w 626"/>
                <a:gd name="T63" fmla="*/ 555 h 970"/>
                <a:gd name="T64" fmla="*/ 294 w 626"/>
                <a:gd name="T65" fmla="*/ 555 h 970"/>
                <a:gd name="T66" fmla="*/ 289 w 626"/>
                <a:gd name="T67" fmla="*/ 555 h 970"/>
                <a:gd name="T68" fmla="*/ 286 w 626"/>
                <a:gd name="T69" fmla="*/ 555 h 970"/>
                <a:gd name="T70" fmla="*/ 285 w 626"/>
                <a:gd name="T71" fmla="*/ 559 h 970"/>
                <a:gd name="T72" fmla="*/ 285 w 626"/>
                <a:gd name="T73" fmla="*/ 562 h 970"/>
                <a:gd name="T74" fmla="*/ 286 w 626"/>
                <a:gd name="T75" fmla="*/ 566 h 970"/>
                <a:gd name="T76" fmla="*/ 286 w 626"/>
                <a:gd name="T77" fmla="*/ 572 h 970"/>
                <a:gd name="T78" fmla="*/ 286 w 626"/>
                <a:gd name="T79" fmla="*/ 580 h 970"/>
                <a:gd name="T80" fmla="*/ 288 w 626"/>
                <a:gd name="T81" fmla="*/ 587 h 970"/>
                <a:gd name="T82" fmla="*/ 286 w 626"/>
                <a:gd name="T83" fmla="*/ 596 h 970"/>
                <a:gd name="T84" fmla="*/ 285 w 626"/>
                <a:gd name="T85" fmla="*/ 602 h 970"/>
                <a:gd name="T86" fmla="*/ 282 w 626"/>
                <a:gd name="T87" fmla="*/ 607 h 970"/>
                <a:gd name="T88" fmla="*/ 282 w 626"/>
                <a:gd name="T89" fmla="*/ 612 h 970"/>
                <a:gd name="T90" fmla="*/ 282 w 626"/>
                <a:gd name="T91" fmla="*/ 620 h 970"/>
                <a:gd name="T92" fmla="*/ 282 w 626"/>
                <a:gd name="T93" fmla="*/ 629 h 970"/>
                <a:gd name="T94" fmla="*/ 281 w 626"/>
                <a:gd name="T95" fmla="*/ 637 h 970"/>
                <a:gd name="T96" fmla="*/ 279 w 626"/>
                <a:gd name="T97" fmla="*/ 637 h 970"/>
                <a:gd name="T98" fmla="*/ 276 w 626"/>
                <a:gd name="T99" fmla="*/ 640 h 970"/>
                <a:gd name="T100" fmla="*/ 273 w 626"/>
                <a:gd name="T101" fmla="*/ 643 h 970"/>
                <a:gd name="T102" fmla="*/ 272 w 626"/>
                <a:gd name="T103" fmla="*/ 644 h 970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w 626"/>
                <a:gd name="T157" fmla="*/ 0 h 970"/>
                <a:gd name="T158" fmla="*/ 626 w 626"/>
                <a:gd name="T159" fmla="*/ 970 h 970"/>
              </a:gdLst>
              <a:ahLst/>
              <a:cxnLst>
                <a:cxn ang="T104">
                  <a:pos x="T0" y="T1"/>
                </a:cxn>
                <a:cxn ang="T105">
                  <a:pos x="T2" y="T3"/>
                </a:cxn>
                <a:cxn ang="T106">
                  <a:pos x="T4" y="T5"/>
                </a:cxn>
                <a:cxn ang="T107">
                  <a:pos x="T6" y="T7"/>
                </a:cxn>
                <a:cxn ang="T108">
                  <a:pos x="T8" y="T9"/>
                </a:cxn>
                <a:cxn ang="T109">
                  <a:pos x="T10" y="T11"/>
                </a:cxn>
                <a:cxn ang="T110">
                  <a:pos x="T12" y="T13"/>
                </a:cxn>
                <a:cxn ang="T111">
                  <a:pos x="T14" y="T15"/>
                </a:cxn>
                <a:cxn ang="T112">
                  <a:pos x="T16" y="T17"/>
                </a:cxn>
                <a:cxn ang="T113">
                  <a:pos x="T18" y="T19"/>
                </a:cxn>
                <a:cxn ang="T114">
                  <a:pos x="T20" y="T21"/>
                </a:cxn>
                <a:cxn ang="T115">
                  <a:pos x="T22" y="T23"/>
                </a:cxn>
                <a:cxn ang="T116">
                  <a:pos x="T24" y="T25"/>
                </a:cxn>
                <a:cxn ang="T117">
                  <a:pos x="T26" y="T27"/>
                </a:cxn>
                <a:cxn ang="T118">
                  <a:pos x="T28" y="T29"/>
                </a:cxn>
                <a:cxn ang="T119">
                  <a:pos x="T30" y="T31"/>
                </a:cxn>
                <a:cxn ang="T120">
                  <a:pos x="T32" y="T33"/>
                </a:cxn>
                <a:cxn ang="T121">
                  <a:pos x="T34" y="T35"/>
                </a:cxn>
                <a:cxn ang="T122">
                  <a:pos x="T36" y="T37"/>
                </a:cxn>
                <a:cxn ang="T123">
                  <a:pos x="T38" y="T39"/>
                </a:cxn>
                <a:cxn ang="T124">
                  <a:pos x="T40" y="T41"/>
                </a:cxn>
                <a:cxn ang="T125">
                  <a:pos x="T42" y="T43"/>
                </a:cxn>
                <a:cxn ang="T126">
                  <a:pos x="T44" y="T45"/>
                </a:cxn>
                <a:cxn ang="T127">
                  <a:pos x="T46" y="T47"/>
                </a:cxn>
                <a:cxn ang="T128">
                  <a:pos x="T48" y="T49"/>
                </a:cxn>
                <a:cxn ang="T129">
                  <a:pos x="T50" y="T51"/>
                </a:cxn>
                <a:cxn ang="T130">
                  <a:pos x="T52" y="T53"/>
                </a:cxn>
                <a:cxn ang="T131">
                  <a:pos x="T54" y="T55"/>
                </a:cxn>
                <a:cxn ang="T132">
                  <a:pos x="T56" y="T57"/>
                </a:cxn>
                <a:cxn ang="T133">
                  <a:pos x="T58" y="T59"/>
                </a:cxn>
                <a:cxn ang="T134">
                  <a:pos x="T60" y="T61"/>
                </a:cxn>
                <a:cxn ang="T135">
                  <a:pos x="T62" y="T63"/>
                </a:cxn>
                <a:cxn ang="T136">
                  <a:pos x="T64" y="T65"/>
                </a:cxn>
                <a:cxn ang="T137">
                  <a:pos x="T66" y="T67"/>
                </a:cxn>
                <a:cxn ang="T138">
                  <a:pos x="T68" y="T69"/>
                </a:cxn>
                <a:cxn ang="T139">
                  <a:pos x="T70" y="T71"/>
                </a:cxn>
                <a:cxn ang="T140">
                  <a:pos x="T72" y="T73"/>
                </a:cxn>
                <a:cxn ang="T141">
                  <a:pos x="T74" y="T75"/>
                </a:cxn>
                <a:cxn ang="T142">
                  <a:pos x="T76" y="T77"/>
                </a:cxn>
                <a:cxn ang="T143">
                  <a:pos x="T78" y="T79"/>
                </a:cxn>
                <a:cxn ang="T144">
                  <a:pos x="T80" y="T81"/>
                </a:cxn>
                <a:cxn ang="T145">
                  <a:pos x="T82" y="T83"/>
                </a:cxn>
                <a:cxn ang="T146">
                  <a:pos x="T84" y="T85"/>
                </a:cxn>
                <a:cxn ang="T147">
                  <a:pos x="T86" y="T87"/>
                </a:cxn>
                <a:cxn ang="T148">
                  <a:pos x="T88" y="T89"/>
                </a:cxn>
                <a:cxn ang="T149">
                  <a:pos x="T90" y="T91"/>
                </a:cxn>
                <a:cxn ang="T150">
                  <a:pos x="T92" y="T93"/>
                </a:cxn>
                <a:cxn ang="T151">
                  <a:pos x="T94" y="T95"/>
                </a:cxn>
                <a:cxn ang="T152">
                  <a:pos x="T96" y="T97"/>
                </a:cxn>
                <a:cxn ang="T153">
                  <a:pos x="T98" y="T99"/>
                </a:cxn>
                <a:cxn ang="T154">
                  <a:pos x="T100" y="T101"/>
                </a:cxn>
                <a:cxn ang="T155">
                  <a:pos x="T102" y="T103"/>
                </a:cxn>
              </a:cxnLst>
              <a:rect l="T156" t="T157" r="T158" b="T159"/>
              <a:pathLst>
                <a:path w="626" h="970">
                  <a:moveTo>
                    <a:pt x="400" y="970"/>
                  </a:moveTo>
                  <a:lnTo>
                    <a:pt x="0" y="366"/>
                  </a:lnTo>
                  <a:lnTo>
                    <a:pt x="95" y="0"/>
                  </a:lnTo>
                  <a:lnTo>
                    <a:pt x="93" y="2"/>
                  </a:lnTo>
                  <a:lnTo>
                    <a:pt x="107" y="5"/>
                  </a:lnTo>
                  <a:lnTo>
                    <a:pt x="120" y="8"/>
                  </a:lnTo>
                  <a:lnTo>
                    <a:pt x="132" y="12"/>
                  </a:lnTo>
                  <a:lnTo>
                    <a:pt x="146" y="15"/>
                  </a:lnTo>
                  <a:lnTo>
                    <a:pt x="158" y="19"/>
                  </a:lnTo>
                  <a:lnTo>
                    <a:pt x="170" y="20"/>
                  </a:lnTo>
                  <a:lnTo>
                    <a:pt x="183" y="24"/>
                  </a:lnTo>
                  <a:lnTo>
                    <a:pt x="193" y="27"/>
                  </a:lnTo>
                  <a:lnTo>
                    <a:pt x="205" y="30"/>
                  </a:lnTo>
                  <a:lnTo>
                    <a:pt x="217" y="32"/>
                  </a:lnTo>
                  <a:lnTo>
                    <a:pt x="229" y="36"/>
                  </a:lnTo>
                  <a:lnTo>
                    <a:pt x="239" y="39"/>
                  </a:lnTo>
                  <a:lnTo>
                    <a:pt x="249" y="41"/>
                  </a:lnTo>
                  <a:lnTo>
                    <a:pt x="259" y="44"/>
                  </a:lnTo>
                  <a:lnTo>
                    <a:pt x="269" y="46"/>
                  </a:lnTo>
                  <a:lnTo>
                    <a:pt x="278" y="49"/>
                  </a:lnTo>
                  <a:lnTo>
                    <a:pt x="288" y="51"/>
                  </a:lnTo>
                  <a:lnTo>
                    <a:pt x="296" y="52"/>
                  </a:lnTo>
                  <a:lnTo>
                    <a:pt x="303" y="54"/>
                  </a:lnTo>
                  <a:lnTo>
                    <a:pt x="312" y="56"/>
                  </a:lnTo>
                  <a:lnTo>
                    <a:pt x="318" y="58"/>
                  </a:lnTo>
                  <a:lnTo>
                    <a:pt x="325" y="59"/>
                  </a:lnTo>
                  <a:lnTo>
                    <a:pt x="330" y="61"/>
                  </a:lnTo>
                  <a:lnTo>
                    <a:pt x="337" y="63"/>
                  </a:lnTo>
                  <a:lnTo>
                    <a:pt x="340" y="64"/>
                  </a:lnTo>
                  <a:lnTo>
                    <a:pt x="346" y="66"/>
                  </a:lnTo>
                  <a:lnTo>
                    <a:pt x="349" y="66"/>
                  </a:lnTo>
                  <a:lnTo>
                    <a:pt x="352" y="66"/>
                  </a:lnTo>
                  <a:lnTo>
                    <a:pt x="354" y="68"/>
                  </a:lnTo>
                  <a:lnTo>
                    <a:pt x="357" y="68"/>
                  </a:lnTo>
                  <a:lnTo>
                    <a:pt x="626" y="125"/>
                  </a:lnTo>
                  <a:lnTo>
                    <a:pt x="508" y="741"/>
                  </a:lnTo>
                  <a:lnTo>
                    <a:pt x="491" y="831"/>
                  </a:lnTo>
                  <a:lnTo>
                    <a:pt x="491" y="833"/>
                  </a:lnTo>
                  <a:lnTo>
                    <a:pt x="489" y="836"/>
                  </a:lnTo>
                  <a:lnTo>
                    <a:pt x="488" y="843"/>
                  </a:lnTo>
                  <a:lnTo>
                    <a:pt x="484" y="850"/>
                  </a:lnTo>
                  <a:lnTo>
                    <a:pt x="481" y="855"/>
                  </a:lnTo>
                  <a:lnTo>
                    <a:pt x="476" y="858"/>
                  </a:lnTo>
                  <a:lnTo>
                    <a:pt x="471" y="858"/>
                  </a:lnTo>
                  <a:lnTo>
                    <a:pt x="464" y="853"/>
                  </a:lnTo>
                  <a:lnTo>
                    <a:pt x="464" y="851"/>
                  </a:lnTo>
                  <a:lnTo>
                    <a:pt x="462" y="850"/>
                  </a:lnTo>
                  <a:lnTo>
                    <a:pt x="462" y="848"/>
                  </a:lnTo>
                  <a:lnTo>
                    <a:pt x="462" y="846"/>
                  </a:lnTo>
                  <a:lnTo>
                    <a:pt x="461" y="844"/>
                  </a:lnTo>
                  <a:lnTo>
                    <a:pt x="457" y="841"/>
                  </a:lnTo>
                  <a:lnTo>
                    <a:pt x="454" y="841"/>
                  </a:lnTo>
                  <a:lnTo>
                    <a:pt x="449" y="839"/>
                  </a:lnTo>
                  <a:lnTo>
                    <a:pt x="447" y="839"/>
                  </a:lnTo>
                  <a:lnTo>
                    <a:pt x="445" y="838"/>
                  </a:lnTo>
                  <a:lnTo>
                    <a:pt x="445" y="836"/>
                  </a:lnTo>
                  <a:lnTo>
                    <a:pt x="444" y="834"/>
                  </a:lnTo>
                  <a:lnTo>
                    <a:pt x="440" y="833"/>
                  </a:lnTo>
                  <a:lnTo>
                    <a:pt x="439" y="833"/>
                  </a:lnTo>
                  <a:lnTo>
                    <a:pt x="437" y="833"/>
                  </a:lnTo>
                  <a:lnTo>
                    <a:pt x="435" y="836"/>
                  </a:lnTo>
                  <a:lnTo>
                    <a:pt x="434" y="836"/>
                  </a:lnTo>
                  <a:lnTo>
                    <a:pt x="432" y="838"/>
                  </a:lnTo>
                  <a:lnTo>
                    <a:pt x="428" y="838"/>
                  </a:lnTo>
                  <a:lnTo>
                    <a:pt x="425" y="838"/>
                  </a:lnTo>
                  <a:lnTo>
                    <a:pt x="423" y="838"/>
                  </a:lnTo>
                  <a:lnTo>
                    <a:pt x="420" y="839"/>
                  </a:lnTo>
                  <a:lnTo>
                    <a:pt x="420" y="841"/>
                  </a:lnTo>
                  <a:lnTo>
                    <a:pt x="418" y="843"/>
                  </a:lnTo>
                  <a:lnTo>
                    <a:pt x="418" y="844"/>
                  </a:lnTo>
                  <a:lnTo>
                    <a:pt x="418" y="846"/>
                  </a:lnTo>
                  <a:lnTo>
                    <a:pt x="420" y="850"/>
                  </a:lnTo>
                  <a:lnTo>
                    <a:pt x="420" y="853"/>
                  </a:lnTo>
                  <a:lnTo>
                    <a:pt x="420" y="856"/>
                  </a:lnTo>
                  <a:lnTo>
                    <a:pt x="420" y="861"/>
                  </a:lnTo>
                  <a:lnTo>
                    <a:pt x="420" y="866"/>
                  </a:lnTo>
                  <a:lnTo>
                    <a:pt x="420" y="873"/>
                  </a:lnTo>
                  <a:lnTo>
                    <a:pt x="422" y="878"/>
                  </a:lnTo>
                  <a:lnTo>
                    <a:pt x="422" y="885"/>
                  </a:lnTo>
                  <a:lnTo>
                    <a:pt x="420" y="890"/>
                  </a:lnTo>
                  <a:lnTo>
                    <a:pt x="420" y="897"/>
                  </a:lnTo>
                  <a:lnTo>
                    <a:pt x="420" y="902"/>
                  </a:lnTo>
                  <a:lnTo>
                    <a:pt x="418" y="907"/>
                  </a:lnTo>
                  <a:lnTo>
                    <a:pt x="417" y="912"/>
                  </a:lnTo>
                  <a:lnTo>
                    <a:pt x="415" y="916"/>
                  </a:lnTo>
                  <a:lnTo>
                    <a:pt x="415" y="919"/>
                  </a:lnTo>
                  <a:lnTo>
                    <a:pt x="415" y="922"/>
                  </a:lnTo>
                  <a:lnTo>
                    <a:pt x="415" y="927"/>
                  </a:lnTo>
                  <a:lnTo>
                    <a:pt x="415" y="934"/>
                  </a:lnTo>
                  <a:lnTo>
                    <a:pt x="415" y="941"/>
                  </a:lnTo>
                  <a:lnTo>
                    <a:pt x="415" y="948"/>
                  </a:lnTo>
                  <a:lnTo>
                    <a:pt x="415" y="954"/>
                  </a:lnTo>
                  <a:lnTo>
                    <a:pt x="413" y="960"/>
                  </a:lnTo>
                  <a:lnTo>
                    <a:pt x="412" y="960"/>
                  </a:lnTo>
                  <a:lnTo>
                    <a:pt x="410" y="961"/>
                  </a:lnTo>
                  <a:lnTo>
                    <a:pt x="408" y="963"/>
                  </a:lnTo>
                  <a:lnTo>
                    <a:pt x="406" y="965"/>
                  </a:lnTo>
                  <a:lnTo>
                    <a:pt x="403" y="966"/>
                  </a:lnTo>
                  <a:lnTo>
                    <a:pt x="401" y="968"/>
                  </a:lnTo>
                  <a:lnTo>
                    <a:pt x="400" y="970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82" name="Freeform 119"/>
            <p:cNvSpPr>
              <a:spLocks/>
            </p:cNvSpPr>
            <p:nvPr/>
          </p:nvSpPr>
          <p:spPr bwMode="auto">
            <a:xfrm>
              <a:off x="846" y="2445"/>
              <a:ext cx="649" cy="757"/>
            </a:xfrm>
            <a:custGeom>
              <a:avLst/>
              <a:gdLst>
                <a:gd name="T0" fmla="*/ 18 w 667"/>
                <a:gd name="T1" fmla="*/ 337 h 780"/>
                <a:gd name="T2" fmla="*/ 25 w 667"/>
                <a:gd name="T3" fmla="*/ 334 h 780"/>
                <a:gd name="T4" fmla="*/ 28 w 667"/>
                <a:gd name="T5" fmla="*/ 326 h 780"/>
                <a:gd name="T6" fmla="*/ 28 w 667"/>
                <a:gd name="T7" fmla="*/ 319 h 780"/>
                <a:gd name="T8" fmla="*/ 27 w 667"/>
                <a:gd name="T9" fmla="*/ 316 h 780"/>
                <a:gd name="T10" fmla="*/ 18 w 667"/>
                <a:gd name="T11" fmla="*/ 299 h 780"/>
                <a:gd name="T12" fmla="*/ 18 w 667"/>
                <a:gd name="T13" fmla="*/ 285 h 780"/>
                <a:gd name="T14" fmla="*/ 18 w 667"/>
                <a:gd name="T15" fmla="*/ 284 h 780"/>
                <a:gd name="T16" fmla="*/ 23 w 667"/>
                <a:gd name="T17" fmla="*/ 280 h 780"/>
                <a:gd name="T18" fmla="*/ 28 w 667"/>
                <a:gd name="T19" fmla="*/ 279 h 780"/>
                <a:gd name="T20" fmla="*/ 32 w 667"/>
                <a:gd name="T21" fmla="*/ 277 h 780"/>
                <a:gd name="T22" fmla="*/ 41 w 667"/>
                <a:gd name="T23" fmla="*/ 270 h 780"/>
                <a:gd name="T24" fmla="*/ 43 w 667"/>
                <a:gd name="T25" fmla="*/ 261 h 780"/>
                <a:gd name="T26" fmla="*/ 44 w 667"/>
                <a:gd name="T27" fmla="*/ 253 h 780"/>
                <a:gd name="T28" fmla="*/ 44 w 667"/>
                <a:gd name="T29" fmla="*/ 248 h 780"/>
                <a:gd name="T30" fmla="*/ 46 w 667"/>
                <a:gd name="T31" fmla="*/ 238 h 780"/>
                <a:gd name="T32" fmla="*/ 54 w 667"/>
                <a:gd name="T33" fmla="*/ 230 h 780"/>
                <a:gd name="T34" fmla="*/ 66 w 667"/>
                <a:gd name="T35" fmla="*/ 226 h 780"/>
                <a:gd name="T36" fmla="*/ 70 w 667"/>
                <a:gd name="T37" fmla="*/ 226 h 780"/>
                <a:gd name="T38" fmla="*/ 74 w 667"/>
                <a:gd name="T39" fmla="*/ 214 h 780"/>
                <a:gd name="T40" fmla="*/ 64 w 667"/>
                <a:gd name="T41" fmla="*/ 186 h 780"/>
                <a:gd name="T42" fmla="*/ 51 w 667"/>
                <a:gd name="T43" fmla="*/ 161 h 780"/>
                <a:gd name="T44" fmla="*/ 50 w 667"/>
                <a:gd name="T45" fmla="*/ 150 h 780"/>
                <a:gd name="T46" fmla="*/ 51 w 667"/>
                <a:gd name="T47" fmla="*/ 148 h 780"/>
                <a:gd name="T48" fmla="*/ 54 w 667"/>
                <a:gd name="T49" fmla="*/ 146 h 780"/>
                <a:gd name="T50" fmla="*/ 57 w 667"/>
                <a:gd name="T51" fmla="*/ 144 h 780"/>
                <a:gd name="T52" fmla="*/ 60 w 667"/>
                <a:gd name="T53" fmla="*/ 140 h 780"/>
                <a:gd name="T54" fmla="*/ 60 w 667"/>
                <a:gd name="T55" fmla="*/ 132 h 780"/>
                <a:gd name="T56" fmla="*/ 60 w 667"/>
                <a:gd name="T57" fmla="*/ 123 h 780"/>
                <a:gd name="T58" fmla="*/ 60 w 667"/>
                <a:gd name="T59" fmla="*/ 116 h 780"/>
                <a:gd name="T60" fmla="*/ 62 w 667"/>
                <a:gd name="T61" fmla="*/ 112 h 780"/>
                <a:gd name="T62" fmla="*/ 64 w 667"/>
                <a:gd name="T63" fmla="*/ 106 h 780"/>
                <a:gd name="T64" fmla="*/ 64 w 667"/>
                <a:gd name="T65" fmla="*/ 99 h 780"/>
                <a:gd name="T66" fmla="*/ 66 w 667"/>
                <a:gd name="T67" fmla="*/ 90 h 780"/>
                <a:gd name="T68" fmla="*/ 64 w 667"/>
                <a:gd name="T69" fmla="*/ 82 h 780"/>
                <a:gd name="T70" fmla="*/ 64 w 667"/>
                <a:gd name="T71" fmla="*/ 76 h 780"/>
                <a:gd name="T72" fmla="*/ 64 w 667"/>
                <a:gd name="T73" fmla="*/ 72 h 780"/>
                <a:gd name="T74" fmla="*/ 63 w 667"/>
                <a:gd name="T75" fmla="*/ 68 h 780"/>
                <a:gd name="T76" fmla="*/ 64 w 667"/>
                <a:gd name="T77" fmla="*/ 66 h 780"/>
                <a:gd name="T78" fmla="*/ 66 w 667"/>
                <a:gd name="T79" fmla="*/ 64 h 780"/>
                <a:gd name="T80" fmla="*/ 70 w 667"/>
                <a:gd name="T81" fmla="*/ 64 h 780"/>
                <a:gd name="T82" fmla="*/ 74 w 667"/>
                <a:gd name="T83" fmla="*/ 63 h 780"/>
                <a:gd name="T84" fmla="*/ 76 w 667"/>
                <a:gd name="T85" fmla="*/ 61 h 780"/>
                <a:gd name="T86" fmla="*/ 78 w 667"/>
                <a:gd name="T87" fmla="*/ 61 h 780"/>
                <a:gd name="T88" fmla="*/ 81 w 667"/>
                <a:gd name="T89" fmla="*/ 63 h 780"/>
                <a:gd name="T90" fmla="*/ 82 w 667"/>
                <a:gd name="T91" fmla="*/ 65 h 780"/>
                <a:gd name="T92" fmla="*/ 87 w 667"/>
                <a:gd name="T93" fmla="*/ 66 h 780"/>
                <a:gd name="T94" fmla="*/ 90 w 667"/>
                <a:gd name="T95" fmla="*/ 68 h 780"/>
                <a:gd name="T96" fmla="*/ 91 w 667"/>
                <a:gd name="T97" fmla="*/ 71 h 780"/>
                <a:gd name="T98" fmla="*/ 93 w 667"/>
                <a:gd name="T99" fmla="*/ 73 h 780"/>
                <a:gd name="T100" fmla="*/ 98 w 667"/>
                <a:gd name="T101" fmla="*/ 78 h 780"/>
                <a:gd name="T102" fmla="*/ 105 w 667"/>
                <a:gd name="T103" fmla="*/ 76 h 780"/>
                <a:gd name="T104" fmla="*/ 111 w 667"/>
                <a:gd name="T105" fmla="*/ 68 h 780"/>
                <a:gd name="T106" fmla="*/ 113 w 667"/>
                <a:gd name="T107" fmla="*/ 61 h 780"/>
                <a:gd name="T108" fmla="*/ 123 w 667"/>
                <a:gd name="T109" fmla="*/ 0 h 780"/>
                <a:gd name="T110" fmla="*/ 454 w 667"/>
                <a:gd name="T111" fmla="*/ 53 h 780"/>
                <a:gd name="T112" fmla="*/ 247 w 667"/>
                <a:gd name="T113" fmla="*/ 495 h 780"/>
                <a:gd name="T114" fmla="*/ 13 w 667"/>
                <a:gd name="T115" fmla="*/ 337 h 780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667"/>
                <a:gd name="T175" fmla="*/ 0 h 780"/>
                <a:gd name="T176" fmla="*/ 667 w 667"/>
                <a:gd name="T177" fmla="*/ 780 h 780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667" h="780">
                  <a:moveTo>
                    <a:pt x="13" y="513"/>
                  </a:moveTo>
                  <a:lnTo>
                    <a:pt x="29" y="513"/>
                  </a:lnTo>
                  <a:lnTo>
                    <a:pt x="34" y="511"/>
                  </a:lnTo>
                  <a:lnTo>
                    <a:pt x="39" y="508"/>
                  </a:lnTo>
                  <a:lnTo>
                    <a:pt x="41" y="503"/>
                  </a:lnTo>
                  <a:lnTo>
                    <a:pt x="42" y="496"/>
                  </a:lnTo>
                  <a:lnTo>
                    <a:pt x="42" y="491"/>
                  </a:lnTo>
                  <a:lnTo>
                    <a:pt x="42" y="486"/>
                  </a:lnTo>
                  <a:lnTo>
                    <a:pt x="42" y="483"/>
                  </a:lnTo>
                  <a:lnTo>
                    <a:pt x="41" y="481"/>
                  </a:lnTo>
                  <a:lnTo>
                    <a:pt x="24" y="472"/>
                  </a:lnTo>
                  <a:lnTo>
                    <a:pt x="29" y="455"/>
                  </a:lnTo>
                  <a:lnTo>
                    <a:pt x="27" y="444"/>
                  </a:lnTo>
                  <a:lnTo>
                    <a:pt x="30" y="433"/>
                  </a:lnTo>
                  <a:lnTo>
                    <a:pt x="32" y="432"/>
                  </a:lnTo>
                  <a:lnTo>
                    <a:pt x="35" y="430"/>
                  </a:lnTo>
                  <a:lnTo>
                    <a:pt x="37" y="427"/>
                  </a:lnTo>
                  <a:lnTo>
                    <a:pt x="41" y="425"/>
                  </a:lnTo>
                  <a:lnTo>
                    <a:pt x="42" y="423"/>
                  </a:lnTo>
                  <a:lnTo>
                    <a:pt x="44" y="422"/>
                  </a:lnTo>
                  <a:lnTo>
                    <a:pt x="46" y="420"/>
                  </a:lnTo>
                  <a:lnTo>
                    <a:pt x="51" y="415"/>
                  </a:lnTo>
                  <a:lnTo>
                    <a:pt x="56" y="410"/>
                  </a:lnTo>
                  <a:lnTo>
                    <a:pt x="57" y="403"/>
                  </a:lnTo>
                  <a:lnTo>
                    <a:pt x="59" y="396"/>
                  </a:lnTo>
                  <a:lnTo>
                    <a:pt x="61" y="389"/>
                  </a:lnTo>
                  <a:lnTo>
                    <a:pt x="61" y="384"/>
                  </a:lnTo>
                  <a:lnTo>
                    <a:pt x="61" y="379"/>
                  </a:lnTo>
                  <a:lnTo>
                    <a:pt x="61" y="378"/>
                  </a:lnTo>
                  <a:lnTo>
                    <a:pt x="63" y="369"/>
                  </a:lnTo>
                  <a:lnTo>
                    <a:pt x="66" y="361"/>
                  </a:lnTo>
                  <a:lnTo>
                    <a:pt x="73" y="354"/>
                  </a:lnTo>
                  <a:lnTo>
                    <a:pt x="81" y="349"/>
                  </a:lnTo>
                  <a:lnTo>
                    <a:pt x="88" y="345"/>
                  </a:lnTo>
                  <a:lnTo>
                    <a:pt x="95" y="344"/>
                  </a:lnTo>
                  <a:lnTo>
                    <a:pt x="100" y="344"/>
                  </a:lnTo>
                  <a:lnTo>
                    <a:pt x="101" y="342"/>
                  </a:lnTo>
                  <a:lnTo>
                    <a:pt x="108" y="334"/>
                  </a:lnTo>
                  <a:lnTo>
                    <a:pt x="108" y="325"/>
                  </a:lnTo>
                  <a:lnTo>
                    <a:pt x="91" y="301"/>
                  </a:lnTo>
                  <a:lnTo>
                    <a:pt x="93" y="283"/>
                  </a:lnTo>
                  <a:lnTo>
                    <a:pt x="81" y="257"/>
                  </a:lnTo>
                  <a:lnTo>
                    <a:pt x="76" y="244"/>
                  </a:lnTo>
                  <a:lnTo>
                    <a:pt x="73" y="229"/>
                  </a:lnTo>
                  <a:lnTo>
                    <a:pt x="74" y="227"/>
                  </a:lnTo>
                  <a:lnTo>
                    <a:pt x="76" y="225"/>
                  </a:lnTo>
                  <a:lnTo>
                    <a:pt x="79" y="224"/>
                  </a:lnTo>
                  <a:lnTo>
                    <a:pt x="81" y="222"/>
                  </a:lnTo>
                  <a:lnTo>
                    <a:pt x="83" y="220"/>
                  </a:lnTo>
                  <a:lnTo>
                    <a:pt x="85" y="219"/>
                  </a:lnTo>
                  <a:lnTo>
                    <a:pt x="86" y="219"/>
                  </a:lnTo>
                  <a:lnTo>
                    <a:pt x="88" y="213"/>
                  </a:lnTo>
                  <a:lnTo>
                    <a:pt x="88" y="207"/>
                  </a:lnTo>
                  <a:lnTo>
                    <a:pt x="88" y="200"/>
                  </a:lnTo>
                  <a:lnTo>
                    <a:pt x="88" y="193"/>
                  </a:lnTo>
                  <a:lnTo>
                    <a:pt x="88" y="186"/>
                  </a:lnTo>
                  <a:lnTo>
                    <a:pt x="88" y="181"/>
                  </a:lnTo>
                  <a:lnTo>
                    <a:pt x="88" y="178"/>
                  </a:lnTo>
                  <a:lnTo>
                    <a:pt x="88" y="175"/>
                  </a:lnTo>
                  <a:lnTo>
                    <a:pt x="90" y="171"/>
                  </a:lnTo>
                  <a:lnTo>
                    <a:pt x="91" y="166"/>
                  </a:lnTo>
                  <a:lnTo>
                    <a:pt x="93" y="161"/>
                  </a:lnTo>
                  <a:lnTo>
                    <a:pt x="93" y="156"/>
                  </a:lnTo>
                  <a:lnTo>
                    <a:pt x="93" y="149"/>
                  </a:lnTo>
                  <a:lnTo>
                    <a:pt x="95" y="144"/>
                  </a:lnTo>
                  <a:lnTo>
                    <a:pt x="95" y="137"/>
                  </a:lnTo>
                  <a:lnTo>
                    <a:pt x="93" y="132"/>
                  </a:lnTo>
                  <a:lnTo>
                    <a:pt x="93" y="125"/>
                  </a:lnTo>
                  <a:lnTo>
                    <a:pt x="93" y="120"/>
                  </a:lnTo>
                  <a:lnTo>
                    <a:pt x="93" y="115"/>
                  </a:lnTo>
                  <a:lnTo>
                    <a:pt x="93" y="112"/>
                  </a:lnTo>
                  <a:lnTo>
                    <a:pt x="93" y="109"/>
                  </a:lnTo>
                  <a:lnTo>
                    <a:pt x="91" y="105"/>
                  </a:lnTo>
                  <a:lnTo>
                    <a:pt x="91" y="103"/>
                  </a:lnTo>
                  <a:lnTo>
                    <a:pt x="91" y="102"/>
                  </a:lnTo>
                  <a:lnTo>
                    <a:pt x="93" y="100"/>
                  </a:lnTo>
                  <a:lnTo>
                    <a:pt x="93" y="98"/>
                  </a:lnTo>
                  <a:lnTo>
                    <a:pt x="96" y="97"/>
                  </a:lnTo>
                  <a:lnTo>
                    <a:pt x="98" y="97"/>
                  </a:lnTo>
                  <a:lnTo>
                    <a:pt x="101" y="97"/>
                  </a:lnTo>
                  <a:lnTo>
                    <a:pt x="105" y="97"/>
                  </a:lnTo>
                  <a:lnTo>
                    <a:pt x="107" y="95"/>
                  </a:lnTo>
                  <a:lnTo>
                    <a:pt x="108" y="95"/>
                  </a:lnTo>
                  <a:lnTo>
                    <a:pt x="110" y="92"/>
                  </a:lnTo>
                  <a:lnTo>
                    <a:pt x="112" y="92"/>
                  </a:lnTo>
                  <a:lnTo>
                    <a:pt x="113" y="92"/>
                  </a:lnTo>
                  <a:lnTo>
                    <a:pt x="117" y="93"/>
                  </a:lnTo>
                  <a:lnTo>
                    <a:pt x="118" y="95"/>
                  </a:lnTo>
                  <a:lnTo>
                    <a:pt x="118" y="97"/>
                  </a:lnTo>
                  <a:lnTo>
                    <a:pt x="120" y="98"/>
                  </a:lnTo>
                  <a:lnTo>
                    <a:pt x="122" y="98"/>
                  </a:lnTo>
                  <a:lnTo>
                    <a:pt x="127" y="100"/>
                  </a:lnTo>
                  <a:lnTo>
                    <a:pt x="130" y="100"/>
                  </a:lnTo>
                  <a:lnTo>
                    <a:pt x="134" y="103"/>
                  </a:lnTo>
                  <a:lnTo>
                    <a:pt x="135" y="105"/>
                  </a:lnTo>
                  <a:lnTo>
                    <a:pt x="135" y="107"/>
                  </a:lnTo>
                  <a:lnTo>
                    <a:pt x="135" y="109"/>
                  </a:lnTo>
                  <a:lnTo>
                    <a:pt x="137" y="110"/>
                  </a:lnTo>
                  <a:lnTo>
                    <a:pt x="137" y="112"/>
                  </a:lnTo>
                  <a:lnTo>
                    <a:pt x="144" y="117"/>
                  </a:lnTo>
                  <a:lnTo>
                    <a:pt x="149" y="117"/>
                  </a:lnTo>
                  <a:lnTo>
                    <a:pt x="154" y="114"/>
                  </a:lnTo>
                  <a:lnTo>
                    <a:pt x="157" y="109"/>
                  </a:lnTo>
                  <a:lnTo>
                    <a:pt x="161" y="102"/>
                  </a:lnTo>
                  <a:lnTo>
                    <a:pt x="162" y="95"/>
                  </a:lnTo>
                  <a:lnTo>
                    <a:pt x="164" y="92"/>
                  </a:lnTo>
                  <a:lnTo>
                    <a:pt x="164" y="90"/>
                  </a:lnTo>
                  <a:lnTo>
                    <a:pt x="181" y="0"/>
                  </a:lnTo>
                  <a:lnTo>
                    <a:pt x="667" y="81"/>
                  </a:lnTo>
                  <a:lnTo>
                    <a:pt x="570" y="780"/>
                  </a:lnTo>
                  <a:lnTo>
                    <a:pt x="362" y="753"/>
                  </a:lnTo>
                  <a:lnTo>
                    <a:pt x="0" y="542"/>
                  </a:lnTo>
                  <a:lnTo>
                    <a:pt x="13" y="513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83" name="Freeform 120"/>
            <p:cNvSpPr>
              <a:spLocks/>
            </p:cNvSpPr>
            <p:nvPr/>
          </p:nvSpPr>
          <p:spPr bwMode="auto">
            <a:xfrm>
              <a:off x="1495" y="2036"/>
              <a:ext cx="697" cy="552"/>
            </a:xfrm>
            <a:custGeom>
              <a:avLst/>
              <a:gdLst>
                <a:gd name="T0" fmla="*/ 387 w 717"/>
                <a:gd name="T1" fmla="*/ 376 h 568"/>
                <a:gd name="T2" fmla="*/ 368 w 717"/>
                <a:gd name="T3" fmla="*/ 375 h 568"/>
                <a:gd name="T4" fmla="*/ 343 w 717"/>
                <a:gd name="T5" fmla="*/ 374 h 568"/>
                <a:gd name="T6" fmla="*/ 315 w 717"/>
                <a:gd name="T7" fmla="*/ 372 h 568"/>
                <a:gd name="T8" fmla="*/ 285 w 717"/>
                <a:gd name="T9" fmla="*/ 369 h 568"/>
                <a:gd name="T10" fmla="*/ 252 w 717"/>
                <a:gd name="T11" fmla="*/ 364 h 568"/>
                <a:gd name="T12" fmla="*/ 219 w 717"/>
                <a:gd name="T13" fmla="*/ 362 h 568"/>
                <a:gd name="T14" fmla="*/ 185 w 717"/>
                <a:gd name="T15" fmla="*/ 359 h 568"/>
                <a:gd name="T16" fmla="*/ 152 w 717"/>
                <a:gd name="T17" fmla="*/ 354 h 568"/>
                <a:gd name="T18" fmla="*/ 119 w 717"/>
                <a:gd name="T19" fmla="*/ 351 h 568"/>
                <a:gd name="T20" fmla="*/ 89 w 717"/>
                <a:gd name="T21" fmla="*/ 347 h 568"/>
                <a:gd name="T22" fmla="*/ 63 w 717"/>
                <a:gd name="T23" fmla="*/ 344 h 568"/>
                <a:gd name="T24" fmla="*/ 42 w 717"/>
                <a:gd name="T25" fmla="*/ 342 h 568"/>
                <a:gd name="T26" fmla="*/ 17 w 717"/>
                <a:gd name="T27" fmla="*/ 340 h 568"/>
                <a:gd name="T28" fmla="*/ 11 w 717"/>
                <a:gd name="T29" fmla="*/ 336 h 568"/>
                <a:gd name="T30" fmla="*/ 1 w 717"/>
                <a:gd name="T31" fmla="*/ 336 h 568"/>
                <a:gd name="T32" fmla="*/ 45 w 717"/>
                <a:gd name="T33" fmla="*/ 0 h 568"/>
                <a:gd name="T34" fmla="*/ 49 w 717"/>
                <a:gd name="T35" fmla="*/ 2 h 568"/>
                <a:gd name="T36" fmla="*/ 63 w 717"/>
                <a:gd name="T37" fmla="*/ 5 h 568"/>
                <a:gd name="T38" fmla="*/ 79 w 717"/>
                <a:gd name="T39" fmla="*/ 7 h 568"/>
                <a:gd name="T40" fmla="*/ 99 w 717"/>
                <a:gd name="T41" fmla="*/ 10 h 568"/>
                <a:gd name="T42" fmla="*/ 122 w 717"/>
                <a:gd name="T43" fmla="*/ 15 h 568"/>
                <a:gd name="T44" fmla="*/ 149 w 717"/>
                <a:gd name="T45" fmla="*/ 17 h 568"/>
                <a:gd name="T46" fmla="*/ 177 w 717"/>
                <a:gd name="T47" fmla="*/ 17 h 568"/>
                <a:gd name="T48" fmla="*/ 205 w 717"/>
                <a:gd name="T49" fmla="*/ 17 h 568"/>
                <a:gd name="T50" fmla="*/ 233 w 717"/>
                <a:gd name="T51" fmla="*/ 20 h 568"/>
                <a:gd name="T52" fmla="*/ 261 w 717"/>
                <a:gd name="T53" fmla="*/ 23 h 568"/>
                <a:gd name="T54" fmla="*/ 286 w 717"/>
                <a:gd name="T55" fmla="*/ 26 h 568"/>
                <a:gd name="T56" fmla="*/ 308 w 717"/>
                <a:gd name="T57" fmla="*/ 32 h 568"/>
                <a:gd name="T58" fmla="*/ 327 w 717"/>
                <a:gd name="T59" fmla="*/ 33 h 568"/>
                <a:gd name="T60" fmla="*/ 341 w 717"/>
                <a:gd name="T61" fmla="*/ 37 h 568"/>
                <a:gd name="T62" fmla="*/ 350 w 717"/>
                <a:gd name="T63" fmla="*/ 38 h 568"/>
                <a:gd name="T64" fmla="*/ 355 w 717"/>
                <a:gd name="T65" fmla="*/ 38 h 568"/>
                <a:gd name="T66" fmla="*/ 483 w 717"/>
                <a:gd name="T67" fmla="*/ 44 h 568"/>
                <a:gd name="T68" fmla="*/ 459 w 717"/>
                <a:gd name="T69" fmla="*/ 381 h 568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w 717"/>
                <a:gd name="T106" fmla="*/ 0 h 568"/>
                <a:gd name="T107" fmla="*/ 717 w 717"/>
                <a:gd name="T108" fmla="*/ 568 h 568"/>
              </a:gdLst>
              <a:ahLst/>
              <a:cxnLst>
                <a:cxn ang="T70">
                  <a:pos x="T0" y="T1"/>
                </a:cxn>
                <a:cxn ang="T71">
                  <a:pos x="T2" y="T3"/>
                </a:cxn>
                <a:cxn ang="T72">
                  <a:pos x="T4" y="T5"/>
                </a:cxn>
                <a:cxn ang="T73">
                  <a:pos x="T6" y="T7"/>
                </a:cxn>
                <a:cxn ang="T74">
                  <a:pos x="T8" y="T9"/>
                </a:cxn>
                <a:cxn ang="T75">
                  <a:pos x="T10" y="T11"/>
                </a:cxn>
                <a:cxn ang="T76">
                  <a:pos x="T12" y="T13"/>
                </a:cxn>
                <a:cxn ang="T77">
                  <a:pos x="T14" y="T15"/>
                </a:cxn>
                <a:cxn ang="T78">
                  <a:pos x="T16" y="T17"/>
                </a:cxn>
                <a:cxn ang="T79">
                  <a:pos x="T18" y="T19"/>
                </a:cxn>
                <a:cxn ang="T80">
                  <a:pos x="T20" y="T21"/>
                </a:cxn>
                <a:cxn ang="T81">
                  <a:pos x="T22" y="T23"/>
                </a:cxn>
                <a:cxn ang="T82">
                  <a:pos x="T24" y="T25"/>
                </a:cxn>
                <a:cxn ang="T83">
                  <a:pos x="T26" y="T27"/>
                </a:cxn>
                <a:cxn ang="T84">
                  <a:pos x="T28" y="T29"/>
                </a:cxn>
                <a:cxn ang="T85">
                  <a:pos x="T30" y="T31"/>
                </a:cxn>
                <a:cxn ang="T86">
                  <a:pos x="T32" y="T33"/>
                </a:cxn>
                <a:cxn ang="T87">
                  <a:pos x="T34" y="T35"/>
                </a:cxn>
                <a:cxn ang="T88">
                  <a:pos x="T36" y="T37"/>
                </a:cxn>
                <a:cxn ang="T89">
                  <a:pos x="T38" y="T39"/>
                </a:cxn>
                <a:cxn ang="T90">
                  <a:pos x="T40" y="T41"/>
                </a:cxn>
                <a:cxn ang="T91">
                  <a:pos x="T42" y="T43"/>
                </a:cxn>
                <a:cxn ang="T92">
                  <a:pos x="T44" y="T45"/>
                </a:cxn>
                <a:cxn ang="T93">
                  <a:pos x="T46" y="T47"/>
                </a:cxn>
                <a:cxn ang="T94">
                  <a:pos x="T48" y="T49"/>
                </a:cxn>
                <a:cxn ang="T95">
                  <a:pos x="T50" y="T51"/>
                </a:cxn>
                <a:cxn ang="T96">
                  <a:pos x="T52" y="T53"/>
                </a:cxn>
                <a:cxn ang="T97">
                  <a:pos x="T54" y="T55"/>
                </a:cxn>
                <a:cxn ang="T98">
                  <a:pos x="T56" y="T57"/>
                </a:cxn>
                <a:cxn ang="T99">
                  <a:pos x="T58" y="T59"/>
                </a:cxn>
                <a:cxn ang="T100">
                  <a:pos x="T60" y="T61"/>
                </a:cxn>
                <a:cxn ang="T101">
                  <a:pos x="T62" y="T63"/>
                </a:cxn>
                <a:cxn ang="T102">
                  <a:pos x="T64" y="T65"/>
                </a:cxn>
                <a:cxn ang="T103">
                  <a:pos x="T66" y="T67"/>
                </a:cxn>
                <a:cxn ang="T104">
                  <a:pos x="T68" y="T69"/>
                </a:cxn>
              </a:cxnLst>
              <a:rect l="T105" t="T106" r="T107" b="T108"/>
              <a:pathLst>
                <a:path w="717" h="568">
                  <a:moveTo>
                    <a:pt x="587" y="562"/>
                  </a:moveTo>
                  <a:lnTo>
                    <a:pt x="575" y="562"/>
                  </a:lnTo>
                  <a:lnTo>
                    <a:pt x="561" y="562"/>
                  </a:lnTo>
                  <a:lnTo>
                    <a:pt x="546" y="560"/>
                  </a:lnTo>
                  <a:lnTo>
                    <a:pt x="528" y="560"/>
                  </a:lnTo>
                  <a:lnTo>
                    <a:pt x="509" y="558"/>
                  </a:lnTo>
                  <a:lnTo>
                    <a:pt x="489" y="557"/>
                  </a:lnTo>
                  <a:lnTo>
                    <a:pt x="468" y="555"/>
                  </a:lnTo>
                  <a:lnTo>
                    <a:pt x="446" y="552"/>
                  </a:lnTo>
                  <a:lnTo>
                    <a:pt x="423" y="550"/>
                  </a:lnTo>
                  <a:lnTo>
                    <a:pt x="399" y="548"/>
                  </a:lnTo>
                  <a:lnTo>
                    <a:pt x="374" y="545"/>
                  </a:lnTo>
                  <a:lnTo>
                    <a:pt x="350" y="543"/>
                  </a:lnTo>
                  <a:lnTo>
                    <a:pt x="325" y="540"/>
                  </a:lnTo>
                  <a:lnTo>
                    <a:pt x="299" y="538"/>
                  </a:lnTo>
                  <a:lnTo>
                    <a:pt x="274" y="535"/>
                  </a:lnTo>
                  <a:lnTo>
                    <a:pt x="250" y="531"/>
                  </a:lnTo>
                  <a:lnTo>
                    <a:pt x="225" y="530"/>
                  </a:lnTo>
                  <a:lnTo>
                    <a:pt x="201" y="526"/>
                  </a:lnTo>
                  <a:lnTo>
                    <a:pt x="177" y="523"/>
                  </a:lnTo>
                  <a:lnTo>
                    <a:pt x="155" y="521"/>
                  </a:lnTo>
                  <a:lnTo>
                    <a:pt x="133" y="518"/>
                  </a:lnTo>
                  <a:lnTo>
                    <a:pt x="113" y="516"/>
                  </a:lnTo>
                  <a:lnTo>
                    <a:pt x="93" y="513"/>
                  </a:lnTo>
                  <a:lnTo>
                    <a:pt x="74" y="511"/>
                  </a:lnTo>
                  <a:lnTo>
                    <a:pt x="59" y="509"/>
                  </a:lnTo>
                  <a:lnTo>
                    <a:pt x="44" y="508"/>
                  </a:lnTo>
                  <a:lnTo>
                    <a:pt x="30" y="506"/>
                  </a:lnTo>
                  <a:lnTo>
                    <a:pt x="20" y="504"/>
                  </a:lnTo>
                  <a:lnTo>
                    <a:pt x="11" y="502"/>
                  </a:lnTo>
                  <a:lnTo>
                    <a:pt x="5" y="502"/>
                  </a:lnTo>
                  <a:lnTo>
                    <a:pt x="1" y="502"/>
                  </a:lnTo>
                  <a:lnTo>
                    <a:pt x="0" y="502"/>
                  </a:lnTo>
                  <a:lnTo>
                    <a:pt x="66" y="0"/>
                  </a:lnTo>
                  <a:lnTo>
                    <a:pt x="69" y="2"/>
                  </a:lnTo>
                  <a:lnTo>
                    <a:pt x="74" y="2"/>
                  </a:lnTo>
                  <a:lnTo>
                    <a:pt x="83" y="3"/>
                  </a:lnTo>
                  <a:lnTo>
                    <a:pt x="93" y="5"/>
                  </a:lnTo>
                  <a:lnTo>
                    <a:pt x="103" y="5"/>
                  </a:lnTo>
                  <a:lnTo>
                    <a:pt x="116" y="7"/>
                  </a:lnTo>
                  <a:lnTo>
                    <a:pt x="132" y="8"/>
                  </a:lnTo>
                  <a:lnTo>
                    <a:pt x="147" y="10"/>
                  </a:lnTo>
                  <a:lnTo>
                    <a:pt x="164" y="13"/>
                  </a:lnTo>
                  <a:lnTo>
                    <a:pt x="182" y="15"/>
                  </a:lnTo>
                  <a:lnTo>
                    <a:pt x="201" y="17"/>
                  </a:lnTo>
                  <a:lnTo>
                    <a:pt x="221" y="18"/>
                  </a:lnTo>
                  <a:lnTo>
                    <a:pt x="242" y="22"/>
                  </a:lnTo>
                  <a:lnTo>
                    <a:pt x="262" y="24"/>
                  </a:lnTo>
                  <a:lnTo>
                    <a:pt x="282" y="27"/>
                  </a:lnTo>
                  <a:lnTo>
                    <a:pt x="304" y="29"/>
                  </a:lnTo>
                  <a:lnTo>
                    <a:pt x="325" y="30"/>
                  </a:lnTo>
                  <a:lnTo>
                    <a:pt x="347" y="34"/>
                  </a:lnTo>
                  <a:lnTo>
                    <a:pt x="367" y="35"/>
                  </a:lnTo>
                  <a:lnTo>
                    <a:pt x="387" y="37"/>
                  </a:lnTo>
                  <a:lnTo>
                    <a:pt x="406" y="39"/>
                  </a:lnTo>
                  <a:lnTo>
                    <a:pt x="424" y="40"/>
                  </a:lnTo>
                  <a:lnTo>
                    <a:pt x="441" y="44"/>
                  </a:lnTo>
                  <a:lnTo>
                    <a:pt x="457" y="46"/>
                  </a:lnTo>
                  <a:lnTo>
                    <a:pt x="472" y="47"/>
                  </a:lnTo>
                  <a:lnTo>
                    <a:pt x="485" y="47"/>
                  </a:lnTo>
                  <a:lnTo>
                    <a:pt x="497" y="49"/>
                  </a:lnTo>
                  <a:lnTo>
                    <a:pt x="507" y="51"/>
                  </a:lnTo>
                  <a:lnTo>
                    <a:pt x="516" y="51"/>
                  </a:lnTo>
                  <a:lnTo>
                    <a:pt x="521" y="52"/>
                  </a:lnTo>
                  <a:lnTo>
                    <a:pt x="526" y="52"/>
                  </a:lnTo>
                  <a:lnTo>
                    <a:pt x="524" y="52"/>
                  </a:lnTo>
                  <a:lnTo>
                    <a:pt x="717" y="64"/>
                  </a:lnTo>
                  <a:lnTo>
                    <a:pt x="710" y="189"/>
                  </a:lnTo>
                  <a:lnTo>
                    <a:pt x="683" y="568"/>
                  </a:lnTo>
                  <a:lnTo>
                    <a:pt x="587" y="562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84" name="Freeform 121"/>
            <p:cNvSpPr>
              <a:spLocks/>
            </p:cNvSpPr>
            <p:nvPr/>
          </p:nvSpPr>
          <p:spPr bwMode="auto">
            <a:xfrm>
              <a:off x="1401" y="2524"/>
              <a:ext cx="665" cy="694"/>
            </a:xfrm>
            <a:custGeom>
              <a:avLst/>
              <a:gdLst>
                <a:gd name="T0" fmla="*/ 60 w 684"/>
                <a:gd name="T1" fmla="*/ 470 h 715"/>
                <a:gd name="T2" fmla="*/ 65 w 684"/>
                <a:gd name="T3" fmla="*/ 433 h 715"/>
                <a:gd name="T4" fmla="*/ 182 w 684"/>
                <a:gd name="T5" fmla="*/ 449 h 715"/>
                <a:gd name="T6" fmla="*/ 177 w 684"/>
                <a:gd name="T7" fmla="*/ 439 h 715"/>
                <a:gd name="T8" fmla="*/ 177 w 684"/>
                <a:gd name="T9" fmla="*/ 428 h 715"/>
                <a:gd name="T10" fmla="*/ 426 w 684"/>
                <a:gd name="T11" fmla="*/ 452 h 715"/>
                <a:gd name="T12" fmla="*/ 459 w 684"/>
                <a:gd name="T13" fmla="*/ 80 h 715"/>
                <a:gd name="T14" fmla="*/ 461 w 684"/>
                <a:gd name="T15" fmla="*/ 41 h 715"/>
                <a:gd name="T16" fmla="*/ 453 w 684"/>
                <a:gd name="T17" fmla="*/ 41 h 715"/>
                <a:gd name="T18" fmla="*/ 444 w 684"/>
                <a:gd name="T19" fmla="*/ 41 h 715"/>
                <a:gd name="T20" fmla="*/ 434 w 684"/>
                <a:gd name="T21" fmla="*/ 40 h 715"/>
                <a:gd name="T22" fmla="*/ 422 w 684"/>
                <a:gd name="T23" fmla="*/ 40 h 715"/>
                <a:gd name="T24" fmla="*/ 409 w 684"/>
                <a:gd name="T25" fmla="*/ 39 h 715"/>
                <a:gd name="T26" fmla="*/ 395 w 684"/>
                <a:gd name="T27" fmla="*/ 39 h 715"/>
                <a:gd name="T28" fmla="*/ 380 w 684"/>
                <a:gd name="T29" fmla="*/ 38 h 715"/>
                <a:gd name="T30" fmla="*/ 367 w 684"/>
                <a:gd name="T31" fmla="*/ 36 h 715"/>
                <a:gd name="T32" fmla="*/ 350 w 684"/>
                <a:gd name="T33" fmla="*/ 34 h 715"/>
                <a:gd name="T34" fmla="*/ 334 w 684"/>
                <a:gd name="T35" fmla="*/ 32 h 715"/>
                <a:gd name="T36" fmla="*/ 318 w 684"/>
                <a:gd name="T37" fmla="*/ 29 h 715"/>
                <a:gd name="T38" fmla="*/ 301 w 684"/>
                <a:gd name="T39" fmla="*/ 27 h 715"/>
                <a:gd name="T40" fmla="*/ 285 w 684"/>
                <a:gd name="T41" fmla="*/ 24 h 715"/>
                <a:gd name="T42" fmla="*/ 266 w 684"/>
                <a:gd name="T43" fmla="*/ 22 h 715"/>
                <a:gd name="T44" fmla="*/ 251 w 684"/>
                <a:gd name="T45" fmla="*/ 19 h 715"/>
                <a:gd name="T46" fmla="*/ 234 w 684"/>
                <a:gd name="T47" fmla="*/ 17 h 715"/>
                <a:gd name="T48" fmla="*/ 217 w 684"/>
                <a:gd name="T49" fmla="*/ 17 h 715"/>
                <a:gd name="T50" fmla="*/ 201 w 684"/>
                <a:gd name="T51" fmla="*/ 17 h 715"/>
                <a:gd name="T52" fmla="*/ 185 w 684"/>
                <a:gd name="T53" fmla="*/ 17 h 715"/>
                <a:gd name="T54" fmla="*/ 170 w 684"/>
                <a:gd name="T55" fmla="*/ 17 h 715"/>
                <a:gd name="T56" fmla="*/ 155 w 684"/>
                <a:gd name="T57" fmla="*/ 16 h 715"/>
                <a:gd name="T58" fmla="*/ 142 w 684"/>
                <a:gd name="T59" fmla="*/ 14 h 715"/>
                <a:gd name="T60" fmla="*/ 128 w 684"/>
                <a:gd name="T61" fmla="*/ 11 h 715"/>
                <a:gd name="T62" fmla="*/ 116 w 684"/>
                <a:gd name="T63" fmla="*/ 9 h 715"/>
                <a:gd name="T64" fmla="*/ 106 w 684"/>
                <a:gd name="T65" fmla="*/ 7 h 715"/>
                <a:gd name="T66" fmla="*/ 95 w 684"/>
                <a:gd name="T67" fmla="*/ 6 h 715"/>
                <a:gd name="T68" fmla="*/ 85 w 684"/>
                <a:gd name="T69" fmla="*/ 4 h 715"/>
                <a:gd name="T70" fmla="*/ 79 w 684"/>
                <a:gd name="T71" fmla="*/ 2 h 715"/>
                <a:gd name="T72" fmla="*/ 73 w 684"/>
                <a:gd name="T73" fmla="*/ 0 h 715"/>
                <a:gd name="T74" fmla="*/ 69 w 684"/>
                <a:gd name="T75" fmla="*/ 0 h 715"/>
                <a:gd name="T76" fmla="*/ 67 w 684"/>
                <a:gd name="T77" fmla="*/ 0 h 715"/>
                <a:gd name="T78" fmla="*/ 66 w 684"/>
                <a:gd name="T79" fmla="*/ 0 h 715"/>
                <a:gd name="T80" fmla="*/ 66 w 684"/>
                <a:gd name="T81" fmla="*/ 0 h 715"/>
                <a:gd name="T82" fmla="*/ 66 w 684"/>
                <a:gd name="T83" fmla="*/ 0 h 715"/>
                <a:gd name="T84" fmla="*/ 0 w 684"/>
                <a:gd name="T85" fmla="*/ 460 h 715"/>
                <a:gd name="T86" fmla="*/ 60 w 684"/>
                <a:gd name="T87" fmla="*/ 470 h 715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w 684"/>
                <a:gd name="T133" fmla="*/ 0 h 715"/>
                <a:gd name="T134" fmla="*/ 684 w 684"/>
                <a:gd name="T135" fmla="*/ 715 h 715"/>
              </a:gdLst>
              <a:ahLst/>
              <a:cxnLst>
                <a:cxn ang="T88">
                  <a:pos x="T0" y="T1"/>
                </a:cxn>
                <a:cxn ang="T89">
                  <a:pos x="T2" y="T3"/>
                </a:cxn>
                <a:cxn ang="T90">
                  <a:pos x="T4" y="T5"/>
                </a:cxn>
                <a:cxn ang="T91">
                  <a:pos x="T6" y="T7"/>
                </a:cxn>
                <a:cxn ang="T92">
                  <a:pos x="T8" y="T9"/>
                </a:cxn>
                <a:cxn ang="T93">
                  <a:pos x="T10" y="T11"/>
                </a:cxn>
                <a:cxn ang="T94">
                  <a:pos x="T12" y="T13"/>
                </a:cxn>
                <a:cxn ang="T95">
                  <a:pos x="T14" y="T15"/>
                </a:cxn>
                <a:cxn ang="T96">
                  <a:pos x="T16" y="T17"/>
                </a:cxn>
                <a:cxn ang="T97">
                  <a:pos x="T18" y="T19"/>
                </a:cxn>
                <a:cxn ang="T98">
                  <a:pos x="T20" y="T21"/>
                </a:cxn>
                <a:cxn ang="T99">
                  <a:pos x="T22" y="T23"/>
                </a:cxn>
                <a:cxn ang="T100">
                  <a:pos x="T24" y="T25"/>
                </a:cxn>
                <a:cxn ang="T101">
                  <a:pos x="T26" y="T27"/>
                </a:cxn>
                <a:cxn ang="T102">
                  <a:pos x="T28" y="T29"/>
                </a:cxn>
                <a:cxn ang="T103">
                  <a:pos x="T30" y="T31"/>
                </a:cxn>
                <a:cxn ang="T104">
                  <a:pos x="T32" y="T33"/>
                </a:cxn>
                <a:cxn ang="T105">
                  <a:pos x="T34" y="T35"/>
                </a:cxn>
                <a:cxn ang="T106">
                  <a:pos x="T36" y="T37"/>
                </a:cxn>
                <a:cxn ang="T107">
                  <a:pos x="T38" y="T39"/>
                </a:cxn>
                <a:cxn ang="T108">
                  <a:pos x="T40" y="T41"/>
                </a:cxn>
                <a:cxn ang="T109">
                  <a:pos x="T42" y="T43"/>
                </a:cxn>
                <a:cxn ang="T110">
                  <a:pos x="T44" y="T45"/>
                </a:cxn>
                <a:cxn ang="T111">
                  <a:pos x="T46" y="T47"/>
                </a:cxn>
                <a:cxn ang="T112">
                  <a:pos x="T48" y="T49"/>
                </a:cxn>
                <a:cxn ang="T113">
                  <a:pos x="T50" y="T51"/>
                </a:cxn>
                <a:cxn ang="T114">
                  <a:pos x="T52" y="T53"/>
                </a:cxn>
                <a:cxn ang="T115">
                  <a:pos x="T54" y="T55"/>
                </a:cxn>
                <a:cxn ang="T116">
                  <a:pos x="T56" y="T57"/>
                </a:cxn>
                <a:cxn ang="T117">
                  <a:pos x="T58" y="T59"/>
                </a:cxn>
                <a:cxn ang="T118">
                  <a:pos x="T60" y="T61"/>
                </a:cxn>
                <a:cxn ang="T119">
                  <a:pos x="T62" y="T63"/>
                </a:cxn>
                <a:cxn ang="T120">
                  <a:pos x="T64" y="T65"/>
                </a:cxn>
                <a:cxn ang="T121">
                  <a:pos x="T66" y="T67"/>
                </a:cxn>
                <a:cxn ang="T122">
                  <a:pos x="T68" y="T69"/>
                </a:cxn>
                <a:cxn ang="T123">
                  <a:pos x="T70" y="T71"/>
                </a:cxn>
                <a:cxn ang="T124">
                  <a:pos x="T72" y="T73"/>
                </a:cxn>
                <a:cxn ang="T125">
                  <a:pos x="T74" y="T75"/>
                </a:cxn>
                <a:cxn ang="T126">
                  <a:pos x="T76" y="T77"/>
                </a:cxn>
                <a:cxn ang="T127">
                  <a:pos x="T78" y="T79"/>
                </a:cxn>
                <a:cxn ang="T128">
                  <a:pos x="T80" y="T81"/>
                </a:cxn>
                <a:cxn ang="T129">
                  <a:pos x="T82" y="T83"/>
                </a:cxn>
                <a:cxn ang="T130">
                  <a:pos x="T84" y="T85"/>
                </a:cxn>
                <a:cxn ang="T131">
                  <a:pos x="T86" y="T87"/>
                </a:cxn>
              </a:cxnLst>
              <a:rect l="T132" t="T133" r="T134" b="T135"/>
              <a:pathLst>
                <a:path w="684" h="715">
                  <a:moveTo>
                    <a:pt x="88" y="715"/>
                  </a:moveTo>
                  <a:lnTo>
                    <a:pt x="95" y="657"/>
                  </a:lnTo>
                  <a:lnTo>
                    <a:pt x="268" y="681"/>
                  </a:lnTo>
                  <a:lnTo>
                    <a:pt x="262" y="666"/>
                  </a:lnTo>
                  <a:lnTo>
                    <a:pt x="262" y="649"/>
                  </a:lnTo>
                  <a:lnTo>
                    <a:pt x="633" y="686"/>
                  </a:lnTo>
                  <a:lnTo>
                    <a:pt x="679" y="121"/>
                  </a:lnTo>
                  <a:lnTo>
                    <a:pt x="684" y="60"/>
                  </a:lnTo>
                  <a:lnTo>
                    <a:pt x="672" y="60"/>
                  </a:lnTo>
                  <a:lnTo>
                    <a:pt x="658" y="60"/>
                  </a:lnTo>
                  <a:lnTo>
                    <a:pt x="643" y="58"/>
                  </a:lnTo>
                  <a:lnTo>
                    <a:pt x="625" y="58"/>
                  </a:lnTo>
                  <a:lnTo>
                    <a:pt x="606" y="56"/>
                  </a:lnTo>
                  <a:lnTo>
                    <a:pt x="586" y="55"/>
                  </a:lnTo>
                  <a:lnTo>
                    <a:pt x="565" y="53"/>
                  </a:lnTo>
                  <a:lnTo>
                    <a:pt x="543" y="50"/>
                  </a:lnTo>
                  <a:lnTo>
                    <a:pt x="520" y="48"/>
                  </a:lnTo>
                  <a:lnTo>
                    <a:pt x="496" y="46"/>
                  </a:lnTo>
                  <a:lnTo>
                    <a:pt x="471" y="43"/>
                  </a:lnTo>
                  <a:lnTo>
                    <a:pt x="447" y="41"/>
                  </a:lnTo>
                  <a:lnTo>
                    <a:pt x="422" y="38"/>
                  </a:lnTo>
                  <a:lnTo>
                    <a:pt x="396" y="36"/>
                  </a:lnTo>
                  <a:lnTo>
                    <a:pt x="371" y="33"/>
                  </a:lnTo>
                  <a:lnTo>
                    <a:pt x="347" y="29"/>
                  </a:lnTo>
                  <a:lnTo>
                    <a:pt x="322" y="28"/>
                  </a:lnTo>
                  <a:lnTo>
                    <a:pt x="298" y="24"/>
                  </a:lnTo>
                  <a:lnTo>
                    <a:pt x="274" y="21"/>
                  </a:lnTo>
                  <a:lnTo>
                    <a:pt x="252" y="19"/>
                  </a:lnTo>
                  <a:lnTo>
                    <a:pt x="230" y="16"/>
                  </a:lnTo>
                  <a:lnTo>
                    <a:pt x="210" y="14"/>
                  </a:lnTo>
                  <a:lnTo>
                    <a:pt x="190" y="11"/>
                  </a:lnTo>
                  <a:lnTo>
                    <a:pt x="171" y="9"/>
                  </a:lnTo>
                  <a:lnTo>
                    <a:pt x="156" y="7"/>
                  </a:lnTo>
                  <a:lnTo>
                    <a:pt x="141" y="6"/>
                  </a:lnTo>
                  <a:lnTo>
                    <a:pt x="127" y="4"/>
                  </a:lnTo>
                  <a:lnTo>
                    <a:pt x="117" y="2"/>
                  </a:lnTo>
                  <a:lnTo>
                    <a:pt x="108" y="0"/>
                  </a:lnTo>
                  <a:lnTo>
                    <a:pt x="102" y="0"/>
                  </a:lnTo>
                  <a:lnTo>
                    <a:pt x="98" y="0"/>
                  </a:lnTo>
                  <a:lnTo>
                    <a:pt x="97" y="0"/>
                  </a:lnTo>
                  <a:lnTo>
                    <a:pt x="0" y="699"/>
                  </a:lnTo>
                  <a:lnTo>
                    <a:pt x="88" y="715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85" name="Freeform 122"/>
            <p:cNvSpPr>
              <a:spLocks/>
            </p:cNvSpPr>
            <p:nvPr/>
          </p:nvSpPr>
          <p:spPr bwMode="auto">
            <a:xfrm>
              <a:off x="2061" y="2582"/>
              <a:ext cx="827" cy="428"/>
            </a:xfrm>
            <a:custGeom>
              <a:avLst/>
              <a:gdLst>
                <a:gd name="T0" fmla="*/ 203 w 851"/>
                <a:gd name="T1" fmla="*/ 212 h 441"/>
                <a:gd name="T2" fmla="*/ 234 w 851"/>
                <a:gd name="T3" fmla="*/ 228 h 441"/>
                <a:gd name="T4" fmla="*/ 266 w 851"/>
                <a:gd name="T5" fmla="*/ 242 h 441"/>
                <a:gd name="T6" fmla="*/ 271 w 851"/>
                <a:gd name="T7" fmla="*/ 245 h 441"/>
                <a:gd name="T8" fmla="*/ 277 w 851"/>
                <a:gd name="T9" fmla="*/ 248 h 441"/>
                <a:gd name="T10" fmla="*/ 285 w 851"/>
                <a:gd name="T11" fmla="*/ 247 h 441"/>
                <a:gd name="T12" fmla="*/ 297 w 851"/>
                <a:gd name="T13" fmla="*/ 248 h 441"/>
                <a:gd name="T14" fmla="*/ 303 w 851"/>
                <a:gd name="T15" fmla="*/ 255 h 441"/>
                <a:gd name="T16" fmla="*/ 315 w 851"/>
                <a:gd name="T17" fmla="*/ 251 h 441"/>
                <a:gd name="T18" fmla="*/ 332 w 851"/>
                <a:gd name="T19" fmla="*/ 257 h 441"/>
                <a:gd name="T20" fmla="*/ 347 w 851"/>
                <a:gd name="T21" fmla="*/ 264 h 441"/>
                <a:gd name="T22" fmla="*/ 367 w 851"/>
                <a:gd name="T23" fmla="*/ 271 h 441"/>
                <a:gd name="T24" fmla="*/ 367 w 851"/>
                <a:gd name="T25" fmla="*/ 273 h 441"/>
                <a:gd name="T26" fmla="*/ 369 w 851"/>
                <a:gd name="T27" fmla="*/ 278 h 441"/>
                <a:gd name="T28" fmla="*/ 380 w 851"/>
                <a:gd name="T29" fmla="*/ 271 h 441"/>
                <a:gd name="T30" fmla="*/ 384 w 851"/>
                <a:gd name="T31" fmla="*/ 265 h 441"/>
                <a:gd name="T32" fmla="*/ 385 w 851"/>
                <a:gd name="T33" fmla="*/ 272 h 441"/>
                <a:gd name="T34" fmla="*/ 389 w 851"/>
                <a:gd name="T35" fmla="*/ 283 h 441"/>
                <a:gd name="T36" fmla="*/ 392 w 851"/>
                <a:gd name="T37" fmla="*/ 280 h 441"/>
                <a:gd name="T38" fmla="*/ 392 w 851"/>
                <a:gd name="T39" fmla="*/ 276 h 441"/>
                <a:gd name="T40" fmla="*/ 425 w 851"/>
                <a:gd name="T41" fmla="*/ 269 h 441"/>
                <a:gd name="T42" fmla="*/ 423 w 851"/>
                <a:gd name="T43" fmla="*/ 270 h 441"/>
                <a:gd name="T44" fmla="*/ 425 w 851"/>
                <a:gd name="T45" fmla="*/ 275 h 441"/>
                <a:gd name="T46" fmla="*/ 438 w 851"/>
                <a:gd name="T47" fmla="*/ 280 h 441"/>
                <a:gd name="T48" fmla="*/ 446 w 851"/>
                <a:gd name="T49" fmla="*/ 286 h 441"/>
                <a:gd name="T50" fmla="*/ 452 w 851"/>
                <a:gd name="T51" fmla="*/ 282 h 441"/>
                <a:gd name="T52" fmla="*/ 465 w 851"/>
                <a:gd name="T53" fmla="*/ 272 h 441"/>
                <a:gd name="T54" fmla="*/ 476 w 851"/>
                <a:gd name="T55" fmla="*/ 273 h 441"/>
                <a:gd name="T56" fmla="*/ 479 w 851"/>
                <a:gd name="T57" fmla="*/ 279 h 441"/>
                <a:gd name="T58" fmla="*/ 479 w 851"/>
                <a:gd name="T59" fmla="*/ 279 h 441"/>
                <a:gd name="T60" fmla="*/ 479 w 851"/>
                <a:gd name="T61" fmla="*/ 276 h 441"/>
                <a:gd name="T62" fmla="*/ 487 w 851"/>
                <a:gd name="T63" fmla="*/ 269 h 441"/>
                <a:gd name="T64" fmla="*/ 489 w 851"/>
                <a:gd name="T65" fmla="*/ 264 h 441"/>
                <a:gd name="T66" fmla="*/ 492 w 851"/>
                <a:gd name="T67" fmla="*/ 269 h 441"/>
                <a:gd name="T68" fmla="*/ 504 w 851"/>
                <a:gd name="T69" fmla="*/ 278 h 441"/>
                <a:gd name="T70" fmla="*/ 506 w 851"/>
                <a:gd name="T71" fmla="*/ 280 h 441"/>
                <a:gd name="T72" fmla="*/ 509 w 851"/>
                <a:gd name="T73" fmla="*/ 272 h 441"/>
                <a:gd name="T74" fmla="*/ 520 w 851"/>
                <a:gd name="T75" fmla="*/ 267 h 441"/>
                <a:gd name="T76" fmla="*/ 527 w 851"/>
                <a:gd name="T77" fmla="*/ 269 h 441"/>
                <a:gd name="T78" fmla="*/ 546 w 851"/>
                <a:gd name="T79" fmla="*/ 285 h 441"/>
                <a:gd name="T80" fmla="*/ 569 w 851"/>
                <a:gd name="T81" fmla="*/ 147 h 441"/>
                <a:gd name="T82" fmla="*/ 555 w 851"/>
                <a:gd name="T83" fmla="*/ 16 h 441"/>
                <a:gd name="T84" fmla="*/ 546 w 851"/>
                <a:gd name="T85" fmla="*/ 16 h 441"/>
                <a:gd name="T86" fmla="*/ 519 w 851"/>
                <a:gd name="T87" fmla="*/ 16 h 441"/>
                <a:gd name="T88" fmla="*/ 477 w 851"/>
                <a:gd name="T89" fmla="*/ 16 h 441"/>
                <a:gd name="T90" fmla="*/ 427 w 851"/>
                <a:gd name="T91" fmla="*/ 16 h 441"/>
                <a:gd name="T92" fmla="*/ 368 w 851"/>
                <a:gd name="T93" fmla="*/ 16 h 441"/>
                <a:gd name="T94" fmla="*/ 306 w 851"/>
                <a:gd name="T95" fmla="*/ 16 h 441"/>
                <a:gd name="T96" fmla="*/ 244 w 851"/>
                <a:gd name="T97" fmla="*/ 15 h 441"/>
                <a:gd name="T98" fmla="*/ 185 w 851"/>
                <a:gd name="T99" fmla="*/ 13 h 441"/>
                <a:gd name="T100" fmla="*/ 133 w 851"/>
                <a:gd name="T101" fmla="*/ 12 h 441"/>
                <a:gd name="T102" fmla="*/ 88 w 851"/>
                <a:gd name="T103" fmla="*/ 8 h 441"/>
                <a:gd name="T104" fmla="*/ 5 w 851"/>
                <a:gd name="T105" fmla="*/ 0 h 441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w 851"/>
                <a:gd name="T160" fmla="*/ 0 h 441"/>
                <a:gd name="T161" fmla="*/ 851 w 851"/>
                <a:gd name="T162" fmla="*/ 441 h 441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T159" t="T160" r="T161" b="T162"/>
              <a:pathLst>
                <a:path w="851" h="441">
                  <a:moveTo>
                    <a:pt x="303" y="79"/>
                  </a:moveTo>
                  <a:lnTo>
                    <a:pt x="294" y="320"/>
                  </a:lnTo>
                  <a:lnTo>
                    <a:pt x="303" y="321"/>
                  </a:lnTo>
                  <a:lnTo>
                    <a:pt x="326" y="345"/>
                  </a:lnTo>
                  <a:lnTo>
                    <a:pt x="335" y="338"/>
                  </a:lnTo>
                  <a:lnTo>
                    <a:pt x="350" y="347"/>
                  </a:lnTo>
                  <a:lnTo>
                    <a:pt x="359" y="335"/>
                  </a:lnTo>
                  <a:lnTo>
                    <a:pt x="379" y="369"/>
                  </a:lnTo>
                  <a:lnTo>
                    <a:pt x="397" y="369"/>
                  </a:lnTo>
                  <a:lnTo>
                    <a:pt x="399" y="369"/>
                  </a:lnTo>
                  <a:lnTo>
                    <a:pt x="401" y="370"/>
                  </a:lnTo>
                  <a:lnTo>
                    <a:pt x="404" y="372"/>
                  </a:lnTo>
                  <a:lnTo>
                    <a:pt x="408" y="374"/>
                  </a:lnTo>
                  <a:lnTo>
                    <a:pt x="411" y="375"/>
                  </a:lnTo>
                  <a:lnTo>
                    <a:pt x="414" y="377"/>
                  </a:lnTo>
                  <a:lnTo>
                    <a:pt x="418" y="379"/>
                  </a:lnTo>
                  <a:lnTo>
                    <a:pt x="419" y="379"/>
                  </a:lnTo>
                  <a:lnTo>
                    <a:pt x="426" y="374"/>
                  </a:lnTo>
                  <a:lnTo>
                    <a:pt x="431" y="372"/>
                  </a:lnTo>
                  <a:lnTo>
                    <a:pt x="438" y="374"/>
                  </a:lnTo>
                  <a:lnTo>
                    <a:pt x="443" y="377"/>
                  </a:lnTo>
                  <a:lnTo>
                    <a:pt x="447" y="380"/>
                  </a:lnTo>
                  <a:lnTo>
                    <a:pt x="450" y="386"/>
                  </a:lnTo>
                  <a:lnTo>
                    <a:pt x="452" y="387"/>
                  </a:lnTo>
                  <a:lnTo>
                    <a:pt x="453" y="389"/>
                  </a:lnTo>
                  <a:lnTo>
                    <a:pt x="458" y="379"/>
                  </a:lnTo>
                  <a:lnTo>
                    <a:pt x="469" y="382"/>
                  </a:lnTo>
                  <a:lnTo>
                    <a:pt x="484" y="377"/>
                  </a:lnTo>
                  <a:lnTo>
                    <a:pt x="484" y="391"/>
                  </a:lnTo>
                  <a:lnTo>
                    <a:pt x="496" y="392"/>
                  </a:lnTo>
                  <a:lnTo>
                    <a:pt x="499" y="406"/>
                  </a:lnTo>
                  <a:lnTo>
                    <a:pt x="511" y="411"/>
                  </a:lnTo>
                  <a:lnTo>
                    <a:pt x="518" y="401"/>
                  </a:lnTo>
                  <a:lnTo>
                    <a:pt x="529" y="397"/>
                  </a:lnTo>
                  <a:lnTo>
                    <a:pt x="540" y="408"/>
                  </a:lnTo>
                  <a:lnTo>
                    <a:pt x="548" y="411"/>
                  </a:lnTo>
                  <a:lnTo>
                    <a:pt x="548" y="413"/>
                  </a:lnTo>
                  <a:lnTo>
                    <a:pt x="548" y="414"/>
                  </a:lnTo>
                  <a:lnTo>
                    <a:pt x="548" y="416"/>
                  </a:lnTo>
                  <a:lnTo>
                    <a:pt x="548" y="418"/>
                  </a:lnTo>
                  <a:lnTo>
                    <a:pt x="550" y="419"/>
                  </a:lnTo>
                  <a:lnTo>
                    <a:pt x="551" y="421"/>
                  </a:lnTo>
                  <a:lnTo>
                    <a:pt x="555" y="419"/>
                  </a:lnTo>
                  <a:lnTo>
                    <a:pt x="562" y="416"/>
                  </a:lnTo>
                  <a:lnTo>
                    <a:pt x="567" y="411"/>
                  </a:lnTo>
                  <a:lnTo>
                    <a:pt x="570" y="408"/>
                  </a:lnTo>
                  <a:lnTo>
                    <a:pt x="572" y="406"/>
                  </a:lnTo>
                  <a:lnTo>
                    <a:pt x="572" y="404"/>
                  </a:lnTo>
                  <a:lnTo>
                    <a:pt x="572" y="408"/>
                  </a:lnTo>
                  <a:lnTo>
                    <a:pt x="573" y="413"/>
                  </a:lnTo>
                  <a:lnTo>
                    <a:pt x="575" y="419"/>
                  </a:lnTo>
                  <a:lnTo>
                    <a:pt x="579" y="428"/>
                  </a:lnTo>
                  <a:lnTo>
                    <a:pt x="580" y="431"/>
                  </a:lnTo>
                  <a:lnTo>
                    <a:pt x="584" y="431"/>
                  </a:lnTo>
                  <a:lnTo>
                    <a:pt x="584" y="430"/>
                  </a:lnTo>
                  <a:lnTo>
                    <a:pt x="585" y="426"/>
                  </a:lnTo>
                  <a:lnTo>
                    <a:pt x="585" y="424"/>
                  </a:lnTo>
                  <a:lnTo>
                    <a:pt x="585" y="421"/>
                  </a:lnTo>
                  <a:lnTo>
                    <a:pt x="585" y="419"/>
                  </a:lnTo>
                  <a:lnTo>
                    <a:pt x="602" y="406"/>
                  </a:lnTo>
                  <a:lnTo>
                    <a:pt x="616" y="416"/>
                  </a:lnTo>
                  <a:lnTo>
                    <a:pt x="633" y="408"/>
                  </a:lnTo>
                  <a:lnTo>
                    <a:pt x="631" y="409"/>
                  </a:lnTo>
                  <a:lnTo>
                    <a:pt x="631" y="413"/>
                  </a:lnTo>
                  <a:lnTo>
                    <a:pt x="633" y="414"/>
                  </a:lnTo>
                  <a:lnTo>
                    <a:pt x="634" y="418"/>
                  </a:lnTo>
                  <a:lnTo>
                    <a:pt x="639" y="421"/>
                  </a:lnTo>
                  <a:lnTo>
                    <a:pt x="646" y="424"/>
                  </a:lnTo>
                  <a:lnTo>
                    <a:pt x="653" y="428"/>
                  </a:lnTo>
                  <a:lnTo>
                    <a:pt x="658" y="431"/>
                  </a:lnTo>
                  <a:lnTo>
                    <a:pt x="661" y="433"/>
                  </a:lnTo>
                  <a:lnTo>
                    <a:pt x="665" y="435"/>
                  </a:lnTo>
                  <a:lnTo>
                    <a:pt x="667" y="435"/>
                  </a:lnTo>
                  <a:lnTo>
                    <a:pt x="670" y="433"/>
                  </a:lnTo>
                  <a:lnTo>
                    <a:pt x="675" y="430"/>
                  </a:lnTo>
                  <a:lnTo>
                    <a:pt x="682" y="423"/>
                  </a:lnTo>
                  <a:lnTo>
                    <a:pt x="690" y="416"/>
                  </a:lnTo>
                  <a:lnTo>
                    <a:pt x="697" y="413"/>
                  </a:lnTo>
                  <a:lnTo>
                    <a:pt x="702" y="413"/>
                  </a:lnTo>
                  <a:lnTo>
                    <a:pt x="707" y="414"/>
                  </a:lnTo>
                  <a:lnTo>
                    <a:pt x="709" y="416"/>
                  </a:lnTo>
                  <a:lnTo>
                    <a:pt x="712" y="419"/>
                  </a:lnTo>
                  <a:lnTo>
                    <a:pt x="714" y="421"/>
                  </a:lnTo>
                  <a:lnTo>
                    <a:pt x="714" y="423"/>
                  </a:lnTo>
                  <a:lnTo>
                    <a:pt x="716" y="423"/>
                  </a:lnTo>
                  <a:lnTo>
                    <a:pt x="716" y="421"/>
                  </a:lnTo>
                  <a:lnTo>
                    <a:pt x="717" y="419"/>
                  </a:lnTo>
                  <a:lnTo>
                    <a:pt x="721" y="416"/>
                  </a:lnTo>
                  <a:lnTo>
                    <a:pt x="724" y="411"/>
                  </a:lnTo>
                  <a:lnTo>
                    <a:pt x="727" y="408"/>
                  </a:lnTo>
                  <a:lnTo>
                    <a:pt x="727" y="404"/>
                  </a:lnTo>
                  <a:lnTo>
                    <a:pt x="727" y="401"/>
                  </a:lnTo>
                  <a:lnTo>
                    <a:pt x="729" y="401"/>
                  </a:lnTo>
                  <a:lnTo>
                    <a:pt x="731" y="404"/>
                  </a:lnTo>
                  <a:lnTo>
                    <a:pt x="734" y="408"/>
                  </a:lnTo>
                  <a:lnTo>
                    <a:pt x="741" y="411"/>
                  </a:lnTo>
                  <a:lnTo>
                    <a:pt x="746" y="416"/>
                  </a:lnTo>
                  <a:lnTo>
                    <a:pt x="751" y="421"/>
                  </a:lnTo>
                  <a:lnTo>
                    <a:pt x="753" y="423"/>
                  </a:lnTo>
                  <a:lnTo>
                    <a:pt x="755" y="424"/>
                  </a:lnTo>
                  <a:lnTo>
                    <a:pt x="756" y="423"/>
                  </a:lnTo>
                  <a:lnTo>
                    <a:pt x="758" y="419"/>
                  </a:lnTo>
                  <a:lnTo>
                    <a:pt x="761" y="414"/>
                  </a:lnTo>
                  <a:lnTo>
                    <a:pt x="766" y="409"/>
                  </a:lnTo>
                  <a:lnTo>
                    <a:pt x="771" y="406"/>
                  </a:lnTo>
                  <a:lnTo>
                    <a:pt x="775" y="406"/>
                  </a:lnTo>
                  <a:lnTo>
                    <a:pt x="780" y="406"/>
                  </a:lnTo>
                  <a:lnTo>
                    <a:pt x="783" y="408"/>
                  </a:lnTo>
                  <a:lnTo>
                    <a:pt x="787" y="408"/>
                  </a:lnTo>
                  <a:lnTo>
                    <a:pt x="788" y="409"/>
                  </a:lnTo>
                  <a:lnTo>
                    <a:pt x="815" y="433"/>
                  </a:lnTo>
                  <a:lnTo>
                    <a:pt x="831" y="435"/>
                  </a:lnTo>
                  <a:lnTo>
                    <a:pt x="849" y="441"/>
                  </a:lnTo>
                  <a:lnTo>
                    <a:pt x="851" y="223"/>
                  </a:lnTo>
                  <a:lnTo>
                    <a:pt x="831" y="84"/>
                  </a:lnTo>
                  <a:lnTo>
                    <a:pt x="829" y="20"/>
                  </a:lnTo>
                  <a:lnTo>
                    <a:pt x="827" y="20"/>
                  </a:lnTo>
                  <a:lnTo>
                    <a:pt x="822" y="20"/>
                  </a:lnTo>
                  <a:lnTo>
                    <a:pt x="814" y="20"/>
                  </a:lnTo>
                  <a:lnTo>
                    <a:pt x="804" y="20"/>
                  </a:lnTo>
                  <a:lnTo>
                    <a:pt x="790" y="20"/>
                  </a:lnTo>
                  <a:lnTo>
                    <a:pt x="773" y="20"/>
                  </a:lnTo>
                  <a:lnTo>
                    <a:pt x="755" y="20"/>
                  </a:lnTo>
                  <a:lnTo>
                    <a:pt x="736" y="20"/>
                  </a:lnTo>
                  <a:lnTo>
                    <a:pt x="712" y="20"/>
                  </a:lnTo>
                  <a:lnTo>
                    <a:pt x="689" y="20"/>
                  </a:lnTo>
                  <a:lnTo>
                    <a:pt x="663" y="20"/>
                  </a:lnTo>
                  <a:lnTo>
                    <a:pt x="636" y="20"/>
                  </a:lnTo>
                  <a:lnTo>
                    <a:pt x="609" y="20"/>
                  </a:lnTo>
                  <a:lnTo>
                    <a:pt x="579" y="18"/>
                  </a:lnTo>
                  <a:lnTo>
                    <a:pt x="550" y="18"/>
                  </a:lnTo>
                  <a:lnTo>
                    <a:pt x="519" y="18"/>
                  </a:lnTo>
                  <a:lnTo>
                    <a:pt x="489" y="18"/>
                  </a:lnTo>
                  <a:lnTo>
                    <a:pt x="457" y="17"/>
                  </a:lnTo>
                  <a:lnTo>
                    <a:pt x="426" y="17"/>
                  </a:lnTo>
                  <a:lnTo>
                    <a:pt x="396" y="17"/>
                  </a:lnTo>
                  <a:lnTo>
                    <a:pt x="364" y="15"/>
                  </a:lnTo>
                  <a:lnTo>
                    <a:pt x="335" y="15"/>
                  </a:lnTo>
                  <a:lnTo>
                    <a:pt x="304" y="15"/>
                  </a:lnTo>
                  <a:lnTo>
                    <a:pt x="276" y="13"/>
                  </a:lnTo>
                  <a:lnTo>
                    <a:pt x="249" y="13"/>
                  </a:lnTo>
                  <a:lnTo>
                    <a:pt x="221" y="12"/>
                  </a:lnTo>
                  <a:lnTo>
                    <a:pt x="198" y="12"/>
                  </a:lnTo>
                  <a:lnTo>
                    <a:pt x="174" y="10"/>
                  </a:lnTo>
                  <a:lnTo>
                    <a:pt x="152" y="10"/>
                  </a:lnTo>
                  <a:lnTo>
                    <a:pt x="133" y="8"/>
                  </a:lnTo>
                  <a:lnTo>
                    <a:pt x="117" y="6"/>
                  </a:lnTo>
                  <a:lnTo>
                    <a:pt x="101" y="6"/>
                  </a:lnTo>
                  <a:lnTo>
                    <a:pt x="5" y="0"/>
                  </a:lnTo>
                  <a:lnTo>
                    <a:pt x="0" y="61"/>
                  </a:lnTo>
                  <a:lnTo>
                    <a:pt x="303" y="7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86" name="Freeform 123"/>
            <p:cNvSpPr>
              <a:spLocks/>
            </p:cNvSpPr>
            <p:nvPr/>
          </p:nvSpPr>
          <p:spPr bwMode="auto">
            <a:xfrm>
              <a:off x="1658" y="2620"/>
              <a:ext cx="1334" cy="1316"/>
            </a:xfrm>
            <a:custGeom>
              <a:avLst/>
              <a:gdLst>
                <a:gd name="T0" fmla="*/ 522 w 1371"/>
                <a:gd name="T1" fmla="*/ 189 h 1355"/>
                <a:gd name="T2" fmla="*/ 569 w 1371"/>
                <a:gd name="T3" fmla="*/ 212 h 1355"/>
                <a:gd name="T4" fmla="*/ 614 w 1371"/>
                <a:gd name="T5" fmla="*/ 210 h 1355"/>
                <a:gd name="T6" fmla="*/ 658 w 1371"/>
                <a:gd name="T7" fmla="*/ 236 h 1355"/>
                <a:gd name="T8" fmla="*/ 674 w 1371"/>
                <a:gd name="T9" fmla="*/ 231 h 1355"/>
                <a:gd name="T10" fmla="*/ 695 w 1371"/>
                <a:gd name="T11" fmla="*/ 229 h 1355"/>
                <a:gd name="T12" fmla="*/ 729 w 1371"/>
                <a:gd name="T13" fmla="*/ 244 h 1355"/>
                <a:gd name="T14" fmla="*/ 767 w 1371"/>
                <a:gd name="T15" fmla="*/ 234 h 1355"/>
                <a:gd name="T16" fmla="*/ 775 w 1371"/>
                <a:gd name="T17" fmla="*/ 236 h 1355"/>
                <a:gd name="T18" fmla="*/ 796 w 1371"/>
                <a:gd name="T19" fmla="*/ 240 h 1355"/>
                <a:gd name="T20" fmla="*/ 818 w 1371"/>
                <a:gd name="T21" fmla="*/ 231 h 1355"/>
                <a:gd name="T22" fmla="*/ 894 w 1371"/>
                <a:gd name="T23" fmla="*/ 303 h 1355"/>
                <a:gd name="T24" fmla="*/ 931 w 1371"/>
                <a:gd name="T25" fmla="*/ 458 h 1355"/>
                <a:gd name="T26" fmla="*/ 923 w 1371"/>
                <a:gd name="T27" fmla="*/ 500 h 1355"/>
                <a:gd name="T28" fmla="*/ 925 w 1371"/>
                <a:gd name="T29" fmla="*/ 533 h 1355"/>
                <a:gd name="T30" fmla="*/ 913 w 1371"/>
                <a:gd name="T31" fmla="*/ 574 h 1355"/>
                <a:gd name="T32" fmla="*/ 894 w 1371"/>
                <a:gd name="T33" fmla="*/ 585 h 1355"/>
                <a:gd name="T34" fmla="*/ 867 w 1371"/>
                <a:gd name="T35" fmla="*/ 592 h 1355"/>
                <a:gd name="T36" fmla="*/ 853 w 1371"/>
                <a:gd name="T37" fmla="*/ 594 h 1355"/>
                <a:gd name="T38" fmla="*/ 853 w 1371"/>
                <a:gd name="T39" fmla="*/ 583 h 1355"/>
                <a:gd name="T40" fmla="*/ 841 w 1371"/>
                <a:gd name="T41" fmla="*/ 579 h 1355"/>
                <a:gd name="T42" fmla="*/ 833 w 1371"/>
                <a:gd name="T43" fmla="*/ 582 h 1355"/>
                <a:gd name="T44" fmla="*/ 829 w 1371"/>
                <a:gd name="T45" fmla="*/ 591 h 1355"/>
                <a:gd name="T46" fmla="*/ 840 w 1371"/>
                <a:gd name="T47" fmla="*/ 610 h 1355"/>
                <a:gd name="T48" fmla="*/ 811 w 1371"/>
                <a:gd name="T49" fmla="*/ 644 h 1355"/>
                <a:gd name="T50" fmla="*/ 773 w 1371"/>
                <a:gd name="T51" fmla="*/ 666 h 1355"/>
                <a:gd name="T52" fmla="*/ 739 w 1371"/>
                <a:gd name="T53" fmla="*/ 687 h 1355"/>
                <a:gd name="T54" fmla="*/ 770 w 1371"/>
                <a:gd name="T55" fmla="*/ 665 h 1355"/>
                <a:gd name="T56" fmla="*/ 751 w 1371"/>
                <a:gd name="T57" fmla="*/ 672 h 1355"/>
                <a:gd name="T58" fmla="*/ 747 w 1371"/>
                <a:gd name="T59" fmla="*/ 663 h 1355"/>
                <a:gd name="T60" fmla="*/ 719 w 1371"/>
                <a:gd name="T61" fmla="*/ 666 h 1355"/>
                <a:gd name="T62" fmla="*/ 729 w 1371"/>
                <a:gd name="T63" fmla="*/ 684 h 1355"/>
                <a:gd name="T64" fmla="*/ 716 w 1371"/>
                <a:gd name="T65" fmla="*/ 694 h 1355"/>
                <a:gd name="T66" fmla="*/ 704 w 1371"/>
                <a:gd name="T67" fmla="*/ 682 h 1355"/>
                <a:gd name="T68" fmla="*/ 695 w 1371"/>
                <a:gd name="T69" fmla="*/ 702 h 1355"/>
                <a:gd name="T70" fmla="*/ 684 w 1371"/>
                <a:gd name="T71" fmla="*/ 718 h 1355"/>
                <a:gd name="T72" fmla="*/ 669 w 1371"/>
                <a:gd name="T73" fmla="*/ 733 h 1355"/>
                <a:gd name="T74" fmla="*/ 654 w 1371"/>
                <a:gd name="T75" fmla="*/ 779 h 1355"/>
                <a:gd name="T76" fmla="*/ 646 w 1371"/>
                <a:gd name="T77" fmla="*/ 769 h 1355"/>
                <a:gd name="T78" fmla="*/ 653 w 1371"/>
                <a:gd name="T79" fmla="*/ 795 h 1355"/>
                <a:gd name="T80" fmla="*/ 654 w 1371"/>
                <a:gd name="T81" fmla="*/ 897 h 1355"/>
                <a:gd name="T82" fmla="*/ 623 w 1371"/>
                <a:gd name="T83" fmla="*/ 881 h 1355"/>
                <a:gd name="T84" fmla="*/ 595 w 1371"/>
                <a:gd name="T85" fmla="*/ 881 h 1355"/>
                <a:gd name="T86" fmla="*/ 535 w 1371"/>
                <a:gd name="T87" fmla="*/ 853 h 1355"/>
                <a:gd name="T88" fmla="*/ 522 w 1371"/>
                <a:gd name="T89" fmla="*/ 841 h 1355"/>
                <a:gd name="T90" fmla="*/ 509 w 1371"/>
                <a:gd name="T91" fmla="*/ 806 h 1355"/>
                <a:gd name="T92" fmla="*/ 504 w 1371"/>
                <a:gd name="T93" fmla="*/ 781 h 1355"/>
                <a:gd name="T94" fmla="*/ 487 w 1371"/>
                <a:gd name="T95" fmla="*/ 748 h 1355"/>
                <a:gd name="T96" fmla="*/ 463 w 1371"/>
                <a:gd name="T97" fmla="*/ 718 h 1355"/>
                <a:gd name="T98" fmla="*/ 444 w 1371"/>
                <a:gd name="T99" fmla="*/ 693 h 1355"/>
                <a:gd name="T100" fmla="*/ 361 w 1371"/>
                <a:gd name="T101" fmla="*/ 569 h 1355"/>
                <a:gd name="T102" fmla="*/ 323 w 1371"/>
                <a:gd name="T103" fmla="*/ 563 h 1355"/>
                <a:gd name="T104" fmla="*/ 297 w 1371"/>
                <a:gd name="T105" fmla="*/ 557 h 1355"/>
                <a:gd name="T106" fmla="*/ 282 w 1371"/>
                <a:gd name="T107" fmla="*/ 562 h 1355"/>
                <a:gd name="T108" fmla="*/ 251 w 1371"/>
                <a:gd name="T109" fmla="*/ 600 h 1355"/>
                <a:gd name="T110" fmla="*/ 238 w 1371"/>
                <a:gd name="T111" fmla="*/ 614 h 1355"/>
                <a:gd name="T112" fmla="*/ 215 w 1371"/>
                <a:gd name="T113" fmla="*/ 619 h 1355"/>
                <a:gd name="T114" fmla="*/ 177 w 1371"/>
                <a:gd name="T115" fmla="*/ 594 h 1355"/>
                <a:gd name="T116" fmla="*/ 143 w 1371"/>
                <a:gd name="T117" fmla="*/ 567 h 1355"/>
                <a:gd name="T118" fmla="*/ 124 w 1371"/>
                <a:gd name="T119" fmla="*/ 510 h 1355"/>
                <a:gd name="T120" fmla="*/ 88 w 1371"/>
                <a:gd name="T121" fmla="*/ 458 h 1355"/>
                <a:gd name="T122" fmla="*/ 6 w 1371"/>
                <a:gd name="T123" fmla="*/ 372 h 1355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w 1371"/>
                <a:gd name="T187" fmla="*/ 0 h 1355"/>
                <a:gd name="T188" fmla="*/ 1371 w 1371"/>
                <a:gd name="T189" fmla="*/ 1355 h 1355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T186" t="T187" r="T188" b="T189"/>
              <a:pathLst>
                <a:path w="1371" h="1355">
                  <a:moveTo>
                    <a:pt x="6" y="560"/>
                  </a:moveTo>
                  <a:lnTo>
                    <a:pt x="0" y="545"/>
                  </a:lnTo>
                  <a:lnTo>
                    <a:pt x="0" y="528"/>
                  </a:lnTo>
                  <a:lnTo>
                    <a:pt x="371" y="565"/>
                  </a:lnTo>
                  <a:lnTo>
                    <a:pt x="417" y="0"/>
                  </a:lnTo>
                  <a:lnTo>
                    <a:pt x="720" y="18"/>
                  </a:lnTo>
                  <a:lnTo>
                    <a:pt x="711" y="259"/>
                  </a:lnTo>
                  <a:lnTo>
                    <a:pt x="720" y="260"/>
                  </a:lnTo>
                  <a:lnTo>
                    <a:pt x="743" y="284"/>
                  </a:lnTo>
                  <a:lnTo>
                    <a:pt x="752" y="277"/>
                  </a:lnTo>
                  <a:lnTo>
                    <a:pt x="767" y="286"/>
                  </a:lnTo>
                  <a:lnTo>
                    <a:pt x="776" y="274"/>
                  </a:lnTo>
                  <a:lnTo>
                    <a:pt x="796" y="308"/>
                  </a:lnTo>
                  <a:lnTo>
                    <a:pt x="814" y="308"/>
                  </a:lnTo>
                  <a:lnTo>
                    <a:pt x="816" y="308"/>
                  </a:lnTo>
                  <a:lnTo>
                    <a:pt x="818" y="309"/>
                  </a:lnTo>
                  <a:lnTo>
                    <a:pt x="821" y="311"/>
                  </a:lnTo>
                  <a:lnTo>
                    <a:pt x="825" y="313"/>
                  </a:lnTo>
                  <a:lnTo>
                    <a:pt x="828" y="314"/>
                  </a:lnTo>
                  <a:lnTo>
                    <a:pt x="831" y="316"/>
                  </a:lnTo>
                  <a:lnTo>
                    <a:pt x="835" y="318"/>
                  </a:lnTo>
                  <a:lnTo>
                    <a:pt x="836" y="318"/>
                  </a:lnTo>
                  <a:lnTo>
                    <a:pt x="843" y="313"/>
                  </a:lnTo>
                  <a:lnTo>
                    <a:pt x="848" y="311"/>
                  </a:lnTo>
                  <a:lnTo>
                    <a:pt x="855" y="313"/>
                  </a:lnTo>
                  <a:lnTo>
                    <a:pt x="860" y="316"/>
                  </a:lnTo>
                  <a:lnTo>
                    <a:pt x="864" y="319"/>
                  </a:lnTo>
                  <a:lnTo>
                    <a:pt x="867" y="325"/>
                  </a:lnTo>
                  <a:lnTo>
                    <a:pt x="869" y="326"/>
                  </a:lnTo>
                  <a:lnTo>
                    <a:pt x="870" y="328"/>
                  </a:lnTo>
                  <a:lnTo>
                    <a:pt x="875" y="318"/>
                  </a:lnTo>
                  <a:lnTo>
                    <a:pt x="886" y="321"/>
                  </a:lnTo>
                  <a:lnTo>
                    <a:pt x="901" y="316"/>
                  </a:lnTo>
                  <a:lnTo>
                    <a:pt x="901" y="330"/>
                  </a:lnTo>
                  <a:lnTo>
                    <a:pt x="913" y="331"/>
                  </a:lnTo>
                  <a:lnTo>
                    <a:pt x="916" y="345"/>
                  </a:lnTo>
                  <a:lnTo>
                    <a:pt x="928" y="350"/>
                  </a:lnTo>
                  <a:lnTo>
                    <a:pt x="935" y="340"/>
                  </a:lnTo>
                  <a:lnTo>
                    <a:pt x="946" y="336"/>
                  </a:lnTo>
                  <a:lnTo>
                    <a:pt x="957" y="347"/>
                  </a:lnTo>
                  <a:lnTo>
                    <a:pt x="965" y="350"/>
                  </a:lnTo>
                  <a:lnTo>
                    <a:pt x="965" y="352"/>
                  </a:lnTo>
                  <a:lnTo>
                    <a:pt x="965" y="353"/>
                  </a:lnTo>
                  <a:lnTo>
                    <a:pt x="965" y="355"/>
                  </a:lnTo>
                  <a:lnTo>
                    <a:pt x="965" y="357"/>
                  </a:lnTo>
                  <a:lnTo>
                    <a:pt x="967" y="358"/>
                  </a:lnTo>
                  <a:lnTo>
                    <a:pt x="968" y="360"/>
                  </a:lnTo>
                  <a:lnTo>
                    <a:pt x="972" y="358"/>
                  </a:lnTo>
                  <a:lnTo>
                    <a:pt x="979" y="355"/>
                  </a:lnTo>
                  <a:lnTo>
                    <a:pt x="984" y="350"/>
                  </a:lnTo>
                  <a:lnTo>
                    <a:pt x="987" y="347"/>
                  </a:lnTo>
                  <a:lnTo>
                    <a:pt x="989" y="345"/>
                  </a:lnTo>
                  <a:lnTo>
                    <a:pt x="989" y="343"/>
                  </a:lnTo>
                  <a:lnTo>
                    <a:pt x="989" y="347"/>
                  </a:lnTo>
                  <a:lnTo>
                    <a:pt x="990" y="352"/>
                  </a:lnTo>
                  <a:lnTo>
                    <a:pt x="992" y="358"/>
                  </a:lnTo>
                  <a:lnTo>
                    <a:pt x="996" y="367"/>
                  </a:lnTo>
                  <a:lnTo>
                    <a:pt x="997" y="370"/>
                  </a:lnTo>
                  <a:lnTo>
                    <a:pt x="1001" y="370"/>
                  </a:lnTo>
                  <a:lnTo>
                    <a:pt x="1001" y="369"/>
                  </a:lnTo>
                  <a:lnTo>
                    <a:pt x="1002" y="365"/>
                  </a:lnTo>
                  <a:lnTo>
                    <a:pt x="1002" y="363"/>
                  </a:lnTo>
                  <a:lnTo>
                    <a:pt x="1002" y="360"/>
                  </a:lnTo>
                  <a:lnTo>
                    <a:pt x="1002" y="358"/>
                  </a:lnTo>
                  <a:lnTo>
                    <a:pt x="1019" y="345"/>
                  </a:lnTo>
                  <a:lnTo>
                    <a:pt x="1033" y="355"/>
                  </a:lnTo>
                  <a:lnTo>
                    <a:pt x="1050" y="347"/>
                  </a:lnTo>
                  <a:lnTo>
                    <a:pt x="1048" y="348"/>
                  </a:lnTo>
                  <a:lnTo>
                    <a:pt x="1048" y="352"/>
                  </a:lnTo>
                  <a:lnTo>
                    <a:pt x="1050" y="353"/>
                  </a:lnTo>
                  <a:lnTo>
                    <a:pt x="1051" y="357"/>
                  </a:lnTo>
                  <a:lnTo>
                    <a:pt x="1056" y="360"/>
                  </a:lnTo>
                  <a:lnTo>
                    <a:pt x="1063" y="363"/>
                  </a:lnTo>
                  <a:lnTo>
                    <a:pt x="1070" y="367"/>
                  </a:lnTo>
                  <a:lnTo>
                    <a:pt x="1075" y="370"/>
                  </a:lnTo>
                  <a:lnTo>
                    <a:pt x="1078" y="372"/>
                  </a:lnTo>
                  <a:lnTo>
                    <a:pt x="1082" y="374"/>
                  </a:lnTo>
                  <a:lnTo>
                    <a:pt x="1084" y="374"/>
                  </a:lnTo>
                  <a:lnTo>
                    <a:pt x="1087" y="372"/>
                  </a:lnTo>
                  <a:lnTo>
                    <a:pt x="1092" y="369"/>
                  </a:lnTo>
                  <a:lnTo>
                    <a:pt x="1099" y="362"/>
                  </a:lnTo>
                  <a:lnTo>
                    <a:pt x="1107" y="355"/>
                  </a:lnTo>
                  <a:lnTo>
                    <a:pt x="1114" y="352"/>
                  </a:lnTo>
                  <a:lnTo>
                    <a:pt x="1119" y="352"/>
                  </a:lnTo>
                  <a:lnTo>
                    <a:pt x="1124" y="353"/>
                  </a:lnTo>
                  <a:lnTo>
                    <a:pt x="1126" y="355"/>
                  </a:lnTo>
                  <a:lnTo>
                    <a:pt x="1129" y="358"/>
                  </a:lnTo>
                  <a:lnTo>
                    <a:pt x="1131" y="360"/>
                  </a:lnTo>
                  <a:lnTo>
                    <a:pt x="1131" y="362"/>
                  </a:lnTo>
                  <a:lnTo>
                    <a:pt x="1133" y="362"/>
                  </a:lnTo>
                  <a:lnTo>
                    <a:pt x="1133" y="360"/>
                  </a:lnTo>
                  <a:lnTo>
                    <a:pt x="1134" y="358"/>
                  </a:lnTo>
                  <a:lnTo>
                    <a:pt x="1138" y="355"/>
                  </a:lnTo>
                  <a:lnTo>
                    <a:pt x="1141" y="350"/>
                  </a:lnTo>
                  <a:lnTo>
                    <a:pt x="1144" y="347"/>
                  </a:lnTo>
                  <a:lnTo>
                    <a:pt x="1144" y="343"/>
                  </a:lnTo>
                  <a:lnTo>
                    <a:pt x="1144" y="340"/>
                  </a:lnTo>
                  <a:lnTo>
                    <a:pt x="1146" y="340"/>
                  </a:lnTo>
                  <a:lnTo>
                    <a:pt x="1148" y="343"/>
                  </a:lnTo>
                  <a:lnTo>
                    <a:pt x="1151" y="347"/>
                  </a:lnTo>
                  <a:lnTo>
                    <a:pt x="1158" y="350"/>
                  </a:lnTo>
                  <a:lnTo>
                    <a:pt x="1163" y="355"/>
                  </a:lnTo>
                  <a:lnTo>
                    <a:pt x="1168" y="360"/>
                  </a:lnTo>
                  <a:lnTo>
                    <a:pt x="1170" y="362"/>
                  </a:lnTo>
                  <a:lnTo>
                    <a:pt x="1172" y="363"/>
                  </a:lnTo>
                  <a:lnTo>
                    <a:pt x="1173" y="362"/>
                  </a:lnTo>
                  <a:lnTo>
                    <a:pt x="1175" y="358"/>
                  </a:lnTo>
                  <a:lnTo>
                    <a:pt x="1178" y="353"/>
                  </a:lnTo>
                  <a:lnTo>
                    <a:pt x="1183" y="348"/>
                  </a:lnTo>
                  <a:lnTo>
                    <a:pt x="1188" y="345"/>
                  </a:lnTo>
                  <a:lnTo>
                    <a:pt x="1192" y="345"/>
                  </a:lnTo>
                  <a:lnTo>
                    <a:pt x="1197" y="345"/>
                  </a:lnTo>
                  <a:lnTo>
                    <a:pt x="1200" y="347"/>
                  </a:lnTo>
                  <a:lnTo>
                    <a:pt x="1204" y="347"/>
                  </a:lnTo>
                  <a:lnTo>
                    <a:pt x="1205" y="348"/>
                  </a:lnTo>
                  <a:lnTo>
                    <a:pt x="1232" y="372"/>
                  </a:lnTo>
                  <a:lnTo>
                    <a:pt x="1248" y="374"/>
                  </a:lnTo>
                  <a:lnTo>
                    <a:pt x="1266" y="380"/>
                  </a:lnTo>
                  <a:lnTo>
                    <a:pt x="1265" y="377"/>
                  </a:lnTo>
                  <a:lnTo>
                    <a:pt x="1276" y="392"/>
                  </a:lnTo>
                  <a:lnTo>
                    <a:pt x="1302" y="389"/>
                  </a:lnTo>
                  <a:lnTo>
                    <a:pt x="1312" y="391"/>
                  </a:lnTo>
                  <a:lnTo>
                    <a:pt x="1312" y="455"/>
                  </a:lnTo>
                  <a:lnTo>
                    <a:pt x="1317" y="580"/>
                  </a:lnTo>
                  <a:lnTo>
                    <a:pt x="1341" y="611"/>
                  </a:lnTo>
                  <a:lnTo>
                    <a:pt x="1341" y="641"/>
                  </a:lnTo>
                  <a:lnTo>
                    <a:pt x="1354" y="655"/>
                  </a:lnTo>
                  <a:lnTo>
                    <a:pt x="1361" y="675"/>
                  </a:lnTo>
                  <a:lnTo>
                    <a:pt x="1361" y="677"/>
                  </a:lnTo>
                  <a:lnTo>
                    <a:pt x="1363" y="678"/>
                  </a:lnTo>
                  <a:lnTo>
                    <a:pt x="1364" y="682"/>
                  </a:lnTo>
                  <a:lnTo>
                    <a:pt x="1366" y="687"/>
                  </a:lnTo>
                  <a:lnTo>
                    <a:pt x="1366" y="690"/>
                  </a:lnTo>
                  <a:lnTo>
                    <a:pt x="1368" y="695"/>
                  </a:lnTo>
                  <a:lnTo>
                    <a:pt x="1370" y="700"/>
                  </a:lnTo>
                  <a:lnTo>
                    <a:pt x="1371" y="705"/>
                  </a:lnTo>
                  <a:lnTo>
                    <a:pt x="1371" y="710"/>
                  </a:lnTo>
                  <a:lnTo>
                    <a:pt x="1371" y="717"/>
                  </a:lnTo>
                  <a:lnTo>
                    <a:pt x="1371" y="722"/>
                  </a:lnTo>
                  <a:lnTo>
                    <a:pt x="1370" y="727"/>
                  </a:lnTo>
                  <a:lnTo>
                    <a:pt x="1368" y="734"/>
                  </a:lnTo>
                  <a:lnTo>
                    <a:pt x="1366" y="739"/>
                  </a:lnTo>
                  <a:lnTo>
                    <a:pt x="1363" y="744"/>
                  </a:lnTo>
                  <a:lnTo>
                    <a:pt x="1356" y="753"/>
                  </a:lnTo>
                  <a:lnTo>
                    <a:pt x="1353" y="759"/>
                  </a:lnTo>
                  <a:lnTo>
                    <a:pt x="1351" y="765"/>
                  </a:lnTo>
                  <a:lnTo>
                    <a:pt x="1351" y="768"/>
                  </a:lnTo>
                  <a:lnTo>
                    <a:pt x="1353" y="771"/>
                  </a:lnTo>
                  <a:lnTo>
                    <a:pt x="1354" y="773"/>
                  </a:lnTo>
                  <a:lnTo>
                    <a:pt x="1356" y="775"/>
                  </a:lnTo>
                  <a:lnTo>
                    <a:pt x="1353" y="797"/>
                  </a:lnTo>
                  <a:lnTo>
                    <a:pt x="1356" y="798"/>
                  </a:lnTo>
                  <a:lnTo>
                    <a:pt x="1358" y="802"/>
                  </a:lnTo>
                  <a:lnTo>
                    <a:pt x="1361" y="807"/>
                  </a:lnTo>
                  <a:lnTo>
                    <a:pt x="1363" y="812"/>
                  </a:lnTo>
                  <a:lnTo>
                    <a:pt x="1363" y="819"/>
                  </a:lnTo>
                  <a:lnTo>
                    <a:pt x="1359" y="827"/>
                  </a:lnTo>
                  <a:lnTo>
                    <a:pt x="1353" y="836"/>
                  </a:lnTo>
                  <a:lnTo>
                    <a:pt x="1351" y="837"/>
                  </a:lnTo>
                  <a:lnTo>
                    <a:pt x="1348" y="836"/>
                  </a:lnTo>
                  <a:lnTo>
                    <a:pt x="1346" y="836"/>
                  </a:lnTo>
                  <a:lnTo>
                    <a:pt x="1329" y="854"/>
                  </a:lnTo>
                  <a:lnTo>
                    <a:pt x="1337" y="866"/>
                  </a:lnTo>
                  <a:lnTo>
                    <a:pt x="1339" y="875"/>
                  </a:lnTo>
                  <a:lnTo>
                    <a:pt x="1337" y="875"/>
                  </a:lnTo>
                  <a:lnTo>
                    <a:pt x="1334" y="875"/>
                  </a:lnTo>
                  <a:lnTo>
                    <a:pt x="1332" y="875"/>
                  </a:lnTo>
                  <a:lnTo>
                    <a:pt x="1329" y="875"/>
                  </a:lnTo>
                  <a:lnTo>
                    <a:pt x="1324" y="876"/>
                  </a:lnTo>
                  <a:lnTo>
                    <a:pt x="1319" y="878"/>
                  </a:lnTo>
                  <a:lnTo>
                    <a:pt x="1312" y="880"/>
                  </a:lnTo>
                  <a:lnTo>
                    <a:pt x="1305" y="883"/>
                  </a:lnTo>
                  <a:lnTo>
                    <a:pt x="1295" y="888"/>
                  </a:lnTo>
                  <a:lnTo>
                    <a:pt x="1285" y="893"/>
                  </a:lnTo>
                  <a:lnTo>
                    <a:pt x="1273" y="898"/>
                  </a:lnTo>
                  <a:lnTo>
                    <a:pt x="1260" y="905"/>
                  </a:lnTo>
                  <a:lnTo>
                    <a:pt x="1246" y="913"/>
                  </a:lnTo>
                  <a:lnTo>
                    <a:pt x="1251" y="905"/>
                  </a:lnTo>
                  <a:lnTo>
                    <a:pt x="1256" y="902"/>
                  </a:lnTo>
                  <a:lnTo>
                    <a:pt x="1268" y="895"/>
                  </a:lnTo>
                  <a:lnTo>
                    <a:pt x="1270" y="895"/>
                  </a:lnTo>
                  <a:lnTo>
                    <a:pt x="1271" y="893"/>
                  </a:lnTo>
                  <a:lnTo>
                    <a:pt x="1271" y="891"/>
                  </a:lnTo>
                  <a:lnTo>
                    <a:pt x="1268" y="890"/>
                  </a:lnTo>
                  <a:lnTo>
                    <a:pt x="1266" y="890"/>
                  </a:lnTo>
                  <a:lnTo>
                    <a:pt x="1263" y="890"/>
                  </a:lnTo>
                  <a:lnTo>
                    <a:pt x="1261" y="890"/>
                  </a:lnTo>
                  <a:lnTo>
                    <a:pt x="1260" y="890"/>
                  </a:lnTo>
                  <a:lnTo>
                    <a:pt x="1258" y="891"/>
                  </a:lnTo>
                  <a:lnTo>
                    <a:pt x="1256" y="891"/>
                  </a:lnTo>
                  <a:lnTo>
                    <a:pt x="1251" y="895"/>
                  </a:lnTo>
                  <a:lnTo>
                    <a:pt x="1249" y="895"/>
                  </a:lnTo>
                  <a:lnTo>
                    <a:pt x="1248" y="895"/>
                  </a:lnTo>
                  <a:lnTo>
                    <a:pt x="1246" y="895"/>
                  </a:lnTo>
                  <a:lnTo>
                    <a:pt x="1244" y="895"/>
                  </a:lnTo>
                  <a:lnTo>
                    <a:pt x="1243" y="893"/>
                  </a:lnTo>
                  <a:lnTo>
                    <a:pt x="1244" y="890"/>
                  </a:lnTo>
                  <a:lnTo>
                    <a:pt x="1246" y="886"/>
                  </a:lnTo>
                  <a:lnTo>
                    <a:pt x="1248" y="881"/>
                  </a:lnTo>
                  <a:lnTo>
                    <a:pt x="1249" y="878"/>
                  </a:lnTo>
                  <a:lnTo>
                    <a:pt x="1251" y="876"/>
                  </a:lnTo>
                  <a:lnTo>
                    <a:pt x="1253" y="875"/>
                  </a:lnTo>
                  <a:lnTo>
                    <a:pt x="1254" y="873"/>
                  </a:lnTo>
                  <a:lnTo>
                    <a:pt x="1254" y="871"/>
                  </a:lnTo>
                  <a:lnTo>
                    <a:pt x="1254" y="869"/>
                  </a:lnTo>
                  <a:lnTo>
                    <a:pt x="1253" y="868"/>
                  </a:lnTo>
                  <a:lnTo>
                    <a:pt x="1251" y="864"/>
                  </a:lnTo>
                  <a:lnTo>
                    <a:pt x="1249" y="864"/>
                  </a:lnTo>
                  <a:lnTo>
                    <a:pt x="1248" y="864"/>
                  </a:lnTo>
                  <a:lnTo>
                    <a:pt x="1243" y="868"/>
                  </a:lnTo>
                  <a:lnTo>
                    <a:pt x="1238" y="869"/>
                  </a:lnTo>
                  <a:lnTo>
                    <a:pt x="1234" y="871"/>
                  </a:lnTo>
                  <a:lnTo>
                    <a:pt x="1232" y="873"/>
                  </a:lnTo>
                  <a:lnTo>
                    <a:pt x="1232" y="875"/>
                  </a:lnTo>
                  <a:lnTo>
                    <a:pt x="1232" y="876"/>
                  </a:lnTo>
                  <a:lnTo>
                    <a:pt x="1232" y="878"/>
                  </a:lnTo>
                  <a:lnTo>
                    <a:pt x="1231" y="880"/>
                  </a:lnTo>
                  <a:lnTo>
                    <a:pt x="1229" y="880"/>
                  </a:lnTo>
                  <a:lnTo>
                    <a:pt x="1227" y="880"/>
                  </a:lnTo>
                  <a:lnTo>
                    <a:pt x="1224" y="878"/>
                  </a:lnTo>
                  <a:lnTo>
                    <a:pt x="1222" y="875"/>
                  </a:lnTo>
                  <a:lnTo>
                    <a:pt x="1219" y="873"/>
                  </a:lnTo>
                  <a:lnTo>
                    <a:pt x="1217" y="871"/>
                  </a:lnTo>
                  <a:lnTo>
                    <a:pt x="1216" y="869"/>
                  </a:lnTo>
                  <a:lnTo>
                    <a:pt x="1216" y="871"/>
                  </a:lnTo>
                  <a:lnTo>
                    <a:pt x="1217" y="875"/>
                  </a:lnTo>
                  <a:lnTo>
                    <a:pt x="1219" y="878"/>
                  </a:lnTo>
                  <a:lnTo>
                    <a:pt x="1219" y="881"/>
                  </a:lnTo>
                  <a:lnTo>
                    <a:pt x="1219" y="885"/>
                  </a:lnTo>
                  <a:lnTo>
                    <a:pt x="1217" y="886"/>
                  </a:lnTo>
                  <a:lnTo>
                    <a:pt x="1216" y="890"/>
                  </a:lnTo>
                  <a:lnTo>
                    <a:pt x="1216" y="891"/>
                  </a:lnTo>
                  <a:lnTo>
                    <a:pt x="1217" y="895"/>
                  </a:lnTo>
                  <a:lnTo>
                    <a:pt x="1221" y="898"/>
                  </a:lnTo>
                  <a:lnTo>
                    <a:pt x="1226" y="903"/>
                  </a:lnTo>
                  <a:lnTo>
                    <a:pt x="1231" y="907"/>
                  </a:lnTo>
                  <a:lnTo>
                    <a:pt x="1234" y="910"/>
                  </a:lnTo>
                  <a:lnTo>
                    <a:pt x="1236" y="913"/>
                  </a:lnTo>
                  <a:lnTo>
                    <a:pt x="1234" y="915"/>
                  </a:lnTo>
                  <a:lnTo>
                    <a:pt x="1234" y="917"/>
                  </a:lnTo>
                  <a:lnTo>
                    <a:pt x="1232" y="919"/>
                  </a:lnTo>
                  <a:lnTo>
                    <a:pt x="1231" y="919"/>
                  </a:lnTo>
                  <a:lnTo>
                    <a:pt x="1212" y="939"/>
                  </a:lnTo>
                  <a:lnTo>
                    <a:pt x="1202" y="937"/>
                  </a:lnTo>
                  <a:lnTo>
                    <a:pt x="1192" y="959"/>
                  </a:lnTo>
                  <a:lnTo>
                    <a:pt x="1202" y="957"/>
                  </a:lnTo>
                  <a:lnTo>
                    <a:pt x="1200" y="959"/>
                  </a:lnTo>
                  <a:lnTo>
                    <a:pt x="1199" y="961"/>
                  </a:lnTo>
                  <a:lnTo>
                    <a:pt x="1197" y="964"/>
                  </a:lnTo>
                  <a:lnTo>
                    <a:pt x="1194" y="966"/>
                  </a:lnTo>
                  <a:lnTo>
                    <a:pt x="1190" y="969"/>
                  </a:lnTo>
                  <a:lnTo>
                    <a:pt x="1185" y="973"/>
                  </a:lnTo>
                  <a:lnTo>
                    <a:pt x="1180" y="976"/>
                  </a:lnTo>
                  <a:lnTo>
                    <a:pt x="1177" y="981"/>
                  </a:lnTo>
                  <a:lnTo>
                    <a:pt x="1172" y="985"/>
                  </a:lnTo>
                  <a:lnTo>
                    <a:pt x="1165" y="988"/>
                  </a:lnTo>
                  <a:lnTo>
                    <a:pt x="1160" y="991"/>
                  </a:lnTo>
                  <a:lnTo>
                    <a:pt x="1155" y="995"/>
                  </a:lnTo>
                  <a:lnTo>
                    <a:pt x="1148" y="998"/>
                  </a:lnTo>
                  <a:lnTo>
                    <a:pt x="1143" y="1000"/>
                  </a:lnTo>
                  <a:lnTo>
                    <a:pt x="1136" y="1001"/>
                  </a:lnTo>
                  <a:lnTo>
                    <a:pt x="1134" y="1003"/>
                  </a:lnTo>
                  <a:lnTo>
                    <a:pt x="1129" y="1007"/>
                  </a:lnTo>
                  <a:lnTo>
                    <a:pt x="1124" y="1010"/>
                  </a:lnTo>
                  <a:lnTo>
                    <a:pt x="1117" y="1013"/>
                  </a:lnTo>
                  <a:lnTo>
                    <a:pt x="1111" y="1018"/>
                  </a:lnTo>
                  <a:lnTo>
                    <a:pt x="1106" y="1022"/>
                  </a:lnTo>
                  <a:lnTo>
                    <a:pt x="1102" y="1023"/>
                  </a:lnTo>
                  <a:lnTo>
                    <a:pt x="1100" y="1025"/>
                  </a:lnTo>
                  <a:lnTo>
                    <a:pt x="1099" y="1025"/>
                  </a:lnTo>
                  <a:lnTo>
                    <a:pt x="1094" y="1029"/>
                  </a:lnTo>
                  <a:lnTo>
                    <a:pt x="1089" y="1032"/>
                  </a:lnTo>
                  <a:lnTo>
                    <a:pt x="1084" y="1034"/>
                  </a:lnTo>
                  <a:lnTo>
                    <a:pt x="1078" y="1034"/>
                  </a:lnTo>
                  <a:lnTo>
                    <a:pt x="1080" y="1034"/>
                  </a:lnTo>
                  <a:lnTo>
                    <a:pt x="1085" y="1029"/>
                  </a:lnTo>
                  <a:lnTo>
                    <a:pt x="1099" y="1020"/>
                  </a:lnTo>
                  <a:lnTo>
                    <a:pt x="1100" y="1018"/>
                  </a:lnTo>
                  <a:lnTo>
                    <a:pt x="1102" y="1017"/>
                  </a:lnTo>
                  <a:lnTo>
                    <a:pt x="1107" y="1015"/>
                  </a:lnTo>
                  <a:lnTo>
                    <a:pt x="1112" y="1012"/>
                  </a:lnTo>
                  <a:lnTo>
                    <a:pt x="1119" y="1008"/>
                  </a:lnTo>
                  <a:lnTo>
                    <a:pt x="1124" y="1005"/>
                  </a:lnTo>
                  <a:lnTo>
                    <a:pt x="1131" y="1001"/>
                  </a:lnTo>
                  <a:lnTo>
                    <a:pt x="1136" y="998"/>
                  </a:lnTo>
                  <a:lnTo>
                    <a:pt x="1139" y="995"/>
                  </a:lnTo>
                  <a:lnTo>
                    <a:pt x="1141" y="993"/>
                  </a:lnTo>
                  <a:lnTo>
                    <a:pt x="1143" y="993"/>
                  </a:lnTo>
                  <a:lnTo>
                    <a:pt x="1141" y="993"/>
                  </a:lnTo>
                  <a:lnTo>
                    <a:pt x="1138" y="993"/>
                  </a:lnTo>
                  <a:lnTo>
                    <a:pt x="1131" y="996"/>
                  </a:lnTo>
                  <a:lnTo>
                    <a:pt x="1119" y="1001"/>
                  </a:lnTo>
                  <a:lnTo>
                    <a:pt x="1106" y="1008"/>
                  </a:lnTo>
                  <a:lnTo>
                    <a:pt x="1104" y="1008"/>
                  </a:lnTo>
                  <a:lnTo>
                    <a:pt x="1102" y="1010"/>
                  </a:lnTo>
                  <a:lnTo>
                    <a:pt x="1099" y="1012"/>
                  </a:lnTo>
                  <a:lnTo>
                    <a:pt x="1097" y="1013"/>
                  </a:lnTo>
                  <a:lnTo>
                    <a:pt x="1094" y="1015"/>
                  </a:lnTo>
                  <a:lnTo>
                    <a:pt x="1092" y="1015"/>
                  </a:lnTo>
                  <a:lnTo>
                    <a:pt x="1092" y="1012"/>
                  </a:lnTo>
                  <a:lnTo>
                    <a:pt x="1094" y="1008"/>
                  </a:lnTo>
                  <a:lnTo>
                    <a:pt x="1094" y="1007"/>
                  </a:lnTo>
                  <a:lnTo>
                    <a:pt x="1095" y="1005"/>
                  </a:lnTo>
                  <a:lnTo>
                    <a:pt x="1095" y="1003"/>
                  </a:lnTo>
                  <a:lnTo>
                    <a:pt x="1097" y="1000"/>
                  </a:lnTo>
                  <a:lnTo>
                    <a:pt x="1097" y="998"/>
                  </a:lnTo>
                  <a:lnTo>
                    <a:pt x="1099" y="995"/>
                  </a:lnTo>
                  <a:lnTo>
                    <a:pt x="1099" y="993"/>
                  </a:lnTo>
                  <a:lnTo>
                    <a:pt x="1087" y="1005"/>
                  </a:lnTo>
                  <a:lnTo>
                    <a:pt x="1078" y="1007"/>
                  </a:lnTo>
                  <a:lnTo>
                    <a:pt x="1075" y="1001"/>
                  </a:lnTo>
                  <a:lnTo>
                    <a:pt x="1077" y="1012"/>
                  </a:lnTo>
                  <a:lnTo>
                    <a:pt x="1067" y="1015"/>
                  </a:lnTo>
                  <a:lnTo>
                    <a:pt x="1065" y="1013"/>
                  </a:lnTo>
                  <a:lnTo>
                    <a:pt x="1062" y="1008"/>
                  </a:lnTo>
                  <a:lnTo>
                    <a:pt x="1056" y="1003"/>
                  </a:lnTo>
                  <a:lnTo>
                    <a:pt x="1051" y="1000"/>
                  </a:lnTo>
                  <a:lnTo>
                    <a:pt x="1048" y="998"/>
                  </a:lnTo>
                  <a:lnTo>
                    <a:pt x="1048" y="1000"/>
                  </a:lnTo>
                  <a:lnTo>
                    <a:pt x="1050" y="1007"/>
                  </a:lnTo>
                  <a:lnTo>
                    <a:pt x="1058" y="1020"/>
                  </a:lnTo>
                  <a:lnTo>
                    <a:pt x="1060" y="1020"/>
                  </a:lnTo>
                  <a:lnTo>
                    <a:pt x="1063" y="1023"/>
                  </a:lnTo>
                  <a:lnTo>
                    <a:pt x="1067" y="1023"/>
                  </a:lnTo>
                  <a:lnTo>
                    <a:pt x="1068" y="1025"/>
                  </a:lnTo>
                  <a:lnTo>
                    <a:pt x="1070" y="1029"/>
                  </a:lnTo>
                  <a:lnTo>
                    <a:pt x="1070" y="1032"/>
                  </a:lnTo>
                  <a:lnTo>
                    <a:pt x="1067" y="1035"/>
                  </a:lnTo>
                  <a:lnTo>
                    <a:pt x="1063" y="1037"/>
                  </a:lnTo>
                  <a:lnTo>
                    <a:pt x="1062" y="1039"/>
                  </a:lnTo>
                  <a:lnTo>
                    <a:pt x="1058" y="1040"/>
                  </a:lnTo>
                  <a:lnTo>
                    <a:pt x="1056" y="1042"/>
                  </a:lnTo>
                  <a:lnTo>
                    <a:pt x="1053" y="1044"/>
                  </a:lnTo>
                  <a:lnTo>
                    <a:pt x="1051" y="1045"/>
                  </a:lnTo>
                  <a:lnTo>
                    <a:pt x="1050" y="1045"/>
                  </a:lnTo>
                  <a:lnTo>
                    <a:pt x="1050" y="1047"/>
                  </a:lnTo>
                  <a:lnTo>
                    <a:pt x="1048" y="1047"/>
                  </a:lnTo>
                  <a:lnTo>
                    <a:pt x="1046" y="1047"/>
                  </a:lnTo>
                  <a:lnTo>
                    <a:pt x="1045" y="1047"/>
                  </a:lnTo>
                  <a:lnTo>
                    <a:pt x="1043" y="1045"/>
                  </a:lnTo>
                  <a:lnTo>
                    <a:pt x="1041" y="1044"/>
                  </a:lnTo>
                  <a:lnTo>
                    <a:pt x="1040" y="1039"/>
                  </a:lnTo>
                  <a:lnTo>
                    <a:pt x="1040" y="1034"/>
                  </a:lnTo>
                  <a:lnTo>
                    <a:pt x="1036" y="1030"/>
                  </a:lnTo>
                  <a:lnTo>
                    <a:pt x="1036" y="1027"/>
                  </a:lnTo>
                  <a:lnTo>
                    <a:pt x="1033" y="1027"/>
                  </a:lnTo>
                  <a:lnTo>
                    <a:pt x="1033" y="1025"/>
                  </a:lnTo>
                  <a:lnTo>
                    <a:pt x="1031" y="1025"/>
                  </a:lnTo>
                  <a:lnTo>
                    <a:pt x="1029" y="1025"/>
                  </a:lnTo>
                  <a:lnTo>
                    <a:pt x="1019" y="1013"/>
                  </a:lnTo>
                  <a:lnTo>
                    <a:pt x="1023" y="1027"/>
                  </a:lnTo>
                  <a:lnTo>
                    <a:pt x="1031" y="1037"/>
                  </a:lnTo>
                  <a:lnTo>
                    <a:pt x="1028" y="1040"/>
                  </a:lnTo>
                  <a:lnTo>
                    <a:pt x="1031" y="1056"/>
                  </a:lnTo>
                  <a:lnTo>
                    <a:pt x="1019" y="1069"/>
                  </a:lnTo>
                  <a:lnTo>
                    <a:pt x="1018" y="1057"/>
                  </a:lnTo>
                  <a:lnTo>
                    <a:pt x="1011" y="1067"/>
                  </a:lnTo>
                  <a:lnTo>
                    <a:pt x="1006" y="1064"/>
                  </a:lnTo>
                  <a:lnTo>
                    <a:pt x="984" y="1078"/>
                  </a:lnTo>
                  <a:lnTo>
                    <a:pt x="992" y="1086"/>
                  </a:lnTo>
                  <a:lnTo>
                    <a:pt x="996" y="1083"/>
                  </a:lnTo>
                  <a:lnTo>
                    <a:pt x="997" y="1081"/>
                  </a:lnTo>
                  <a:lnTo>
                    <a:pt x="1001" y="1078"/>
                  </a:lnTo>
                  <a:lnTo>
                    <a:pt x="1002" y="1076"/>
                  </a:lnTo>
                  <a:lnTo>
                    <a:pt x="1004" y="1078"/>
                  </a:lnTo>
                  <a:lnTo>
                    <a:pt x="1004" y="1081"/>
                  </a:lnTo>
                  <a:lnTo>
                    <a:pt x="1001" y="1089"/>
                  </a:lnTo>
                  <a:lnTo>
                    <a:pt x="999" y="1091"/>
                  </a:lnTo>
                  <a:lnTo>
                    <a:pt x="997" y="1095"/>
                  </a:lnTo>
                  <a:lnTo>
                    <a:pt x="996" y="1098"/>
                  </a:lnTo>
                  <a:lnTo>
                    <a:pt x="994" y="1100"/>
                  </a:lnTo>
                  <a:lnTo>
                    <a:pt x="992" y="1103"/>
                  </a:lnTo>
                  <a:lnTo>
                    <a:pt x="992" y="1105"/>
                  </a:lnTo>
                  <a:lnTo>
                    <a:pt x="985" y="1110"/>
                  </a:lnTo>
                  <a:lnTo>
                    <a:pt x="982" y="1103"/>
                  </a:lnTo>
                  <a:lnTo>
                    <a:pt x="952" y="1103"/>
                  </a:lnTo>
                  <a:lnTo>
                    <a:pt x="957" y="1110"/>
                  </a:lnTo>
                  <a:lnTo>
                    <a:pt x="962" y="1111"/>
                  </a:lnTo>
                  <a:lnTo>
                    <a:pt x="965" y="1120"/>
                  </a:lnTo>
                  <a:lnTo>
                    <a:pt x="972" y="1125"/>
                  </a:lnTo>
                  <a:lnTo>
                    <a:pt x="977" y="1123"/>
                  </a:lnTo>
                  <a:lnTo>
                    <a:pt x="963" y="1167"/>
                  </a:lnTo>
                  <a:lnTo>
                    <a:pt x="963" y="1169"/>
                  </a:lnTo>
                  <a:lnTo>
                    <a:pt x="962" y="1171"/>
                  </a:lnTo>
                  <a:lnTo>
                    <a:pt x="962" y="1172"/>
                  </a:lnTo>
                  <a:lnTo>
                    <a:pt x="960" y="1172"/>
                  </a:lnTo>
                  <a:lnTo>
                    <a:pt x="958" y="1174"/>
                  </a:lnTo>
                  <a:lnTo>
                    <a:pt x="957" y="1172"/>
                  </a:lnTo>
                  <a:lnTo>
                    <a:pt x="955" y="1169"/>
                  </a:lnTo>
                  <a:lnTo>
                    <a:pt x="955" y="1162"/>
                  </a:lnTo>
                  <a:lnTo>
                    <a:pt x="953" y="1159"/>
                  </a:lnTo>
                  <a:lnTo>
                    <a:pt x="953" y="1155"/>
                  </a:lnTo>
                  <a:lnTo>
                    <a:pt x="952" y="1154"/>
                  </a:lnTo>
                  <a:lnTo>
                    <a:pt x="950" y="1152"/>
                  </a:lnTo>
                  <a:lnTo>
                    <a:pt x="948" y="1154"/>
                  </a:lnTo>
                  <a:lnTo>
                    <a:pt x="948" y="1157"/>
                  </a:lnTo>
                  <a:lnTo>
                    <a:pt x="948" y="1164"/>
                  </a:lnTo>
                  <a:lnTo>
                    <a:pt x="946" y="1166"/>
                  </a:lnTo>
                  <a:lnTo>
                    <a:pt x="945" y="1169"/>
                  </a:lnTo>
                  <a:lnTo>
                    <a:pt x="941" y="1172"/>
                  </a:lnTo>
                  <a:lnTo>
                    <a:pt x="940" y="1172"/>
                  </a:lnTo>
                  <a:lnTo>
                    <a:pt x="930" y="1166"/>
                  </a:lnTo>
                  <a:lnTo>
                    <a:pt x="931" y="1174"/>
                  </a:lnTo>
                  <a:lnTo>
                    <a:pt x="928" y="1179"/>
                  </a:lnTo>
                  <a:lnTo>
                    <a:pt x="938" y="1184"/>
                  </a:lnTo>
                  <a:lnTo>
                    <a:pt x="957" y="1181"/>
                  </a:lnTo>
                  <a:lnTo>
                    <a:pt x="958" y="1198"/>
                  </a:lnTo>
                  <a:lnTo>
                    <a:pt x="948" y="1223"/>
                  </a:lnTo>
                  <a:lnTo>
                    <a:pt x="948" y="1233"/>
                  </a:lnTo>
                  <a:lnTo>
                    <a:pt x="962" y="1269"/>
                  </a:lnTo>
                  <a:lnTo>
                    <a:pt x="960" y="1291"/>
                  </a:lnTo>
                  <a:lnTo>
                    <a:pt x="970" y="1304"/>
                  </a:lnTo>
                  <a:lnTo>
                    <a:pt x="975" y="1325"/>
                  </a:lnTo>
                  <a:lnTo>
                    <a:pt x="982" y="1337"/>
                  </a:lnTo>
                  <a:lnTo>
                    <a:pt x="968" y="1347"/>
                  </a:lnTo>
                  <a:lnTo>
                    <a:pt x="962" y="1355"/>
                  </a:lnTo>
                  <a:lnTo>
                    <a:pt x="960" y="1353"/>
                  </a:lnTo>
                  <a:lnTo>
                    <a:pt x="958" y="1352"/>
                  </a:lnTo>
                  <a:lnTo>
                    <a:pt x="957" y="1350"/>
                  </a:lnTo>
                  <a:lnTo>
                    <a:pt x="953" y="1347"/>
                  </a:lnTo>
                  <a:lnTo>
                    <a:pt x="950" y="1343"/>
                  </a:lnTo>
                  <a:lnTo>
                    <a:pt x="946" y="1340"/>
                  </a:lnTo>
                  <a:lnTo>
                    <a:pt x="943" y="1338"/>
                  </a:lnTo>
                  <a:lnTo>
                    <a:pt x="938" y="1335"/>
                  </a:lnTo>
                  <a:lnTo>
                    <a:pt x="933" y="1331"/>
                  </a:lnTo>
                  <a:lnTo>
                    <a:pt x="926" y="1330"/>
                  </a:lnTo>
                  <a:lnTo>
                    <a:pt x="919" y="1326"/>
                  </a:lnTo>
                  <a:lnTo>
                    <a:pt x="913" y="1325"/>
                  </a:lnTo>
                  <a:lnTo>
                    <a:pt x="904" y="1325"/>
                  </a:lnTo>
                  <a:lnTo>
                    <a:pt x="896" y="1325"/>
                  </a:lnTo>
                  <a:lnTo>
                    <a:pt x="887" y="1325"/>
                  </a:lnTo>
                  <a:lnTo>
                    <a:pt x="886" y="1325"/>
                  </a:lnTo>
                  <a:lnTo>
                    <a:pt x="884" y="1325"/>
                  </a:lnTo>
                  <a:lnTo>
                    <a:pt x="882" y="1325"/>
                  </a:lnTo>
                  <a:lnTo>
                    <a:pt x="879" y="1325"/>
                  </a:lnTo>
                  <a:lnTo>
                    <a:pt x="877" y="1325"/>
                  </a:lnTo>
                  <a:lnTo>
                    <a:pt x="875" y="1326"/>
                  </a:lnTo>
                  <a:lnTo>
                    <a:pt x="874" y="1326"/>
                  </a:lnTo>
                  <a:lnTo>
                    <a:pt x="872" y="1326"/>
                  </a:lnTo>
                  <a:lnTo>
                    <a:pt x="836" y="1304"/>
                  </a:lnTo>
                  <a:lnTo>
                    <a:pt x="821" y="1304"/>
                  </a:lnTo>
                  <a:lnTo>
                    <a:pt x="821" y="1303"/>
                  </a:lnTo>
                  <a:lnTo>
                    <a:pt x="820" y="1301"/>
                  </a:lnTo>
                  <a:lnTo>
                    <a:pt x="820" y="1298"/>
                  </a:lnTo>
                  <a:lnTo>
                    <a:pt x="816" y="1294"/>
                  </a:lnTo>
                  <a:lnTo>
                    <a:pt x="811" y="1291"/>
                  </a:lnTo>
                  <a:lnTo>
                    <a:pt x="806" y="1287"/>
                  </a:lnTo>
                  <a:lnTo>
                    <a:pt x="798" y="1284"/>
                  </a:lnTo>
                  <a:lnTo>
                    <a:pt x="787" y="1284"/>
                  </a:lnTo>
                  <a:lnTo>
                    <a:pt x="786" y="1284"/>
                  </a:lnTo>
                  <a:lnTo>
                    <a:pt x="784" y="1284"/>
                  </a:lnTo>
                  <a:lnTo>
                    <a:pt x="781" y="1284"/>
                  </a:lnTo>
                  <a:lnTo>
                    <a:pt x="779" y="1284"/>
                  </a:lnTo>
                  <a:lnTo>
                    <a:pt x="777" y="1284"/>
                  </a:lnTo>
                  <a:lnTo>
                    <a:pt x="776" y="1284"/>
                  </a:lnTo>
                  <a:lnTo>
                    <a:pt x="774" y="1284"/>
                  </a:lnTo>
                  <a:lnTo>
                    <a:pt x="774" y="1269"/>
                  </a:lnTo>
                  <a:lnTo>
                    <a:pt x="767" y="1267"/>
                  </a:lnTo>
                  <a:lnTo>
                    <a:pt x="767" y="1265"/>
                  </a:lnTo>
                  <a:lnTo>
                    <a:pt x="767" y="1262"/>
                  </a:lnTo>
                  <a:lnTo>
                    <a:pt x="765" y="1257"/>
                  </a:lnTo>
                  <a:lnTo>
                    <a:pt x="764" y="1252"/>
                  </a:lnTo>
                  <a:lnTo>
                    <a:pt x="764" y="1247"/>
                  </a:lnTo>
                  <a:lnTo>
                    <a:pt x="762" y="1242"/>
                  </a:lnTo>
                  <a:lnTo>
                    <a:pt x="759" y="1237"/>
                  </a:lnTo>
                  <a:lnTo>
                    <a:pt x="757" y="1230"/>
                  </a:lnTo>
                  <a:lnTo>
                    <a:pt x="755" y="1225"/>
                  </a:lnTo>
                  <a:lnTo>
                    <a:pt x="754" y="1220"/>
                  </a:lnTo>
                  <a:lnTo>
                    <a:pt x="750" y="1216"/>
                  </a:lnTo>
                  <a:lnTo>
                    <a:pt x="748" y="1213"/>
                  </a:lnTo>
                  <a:lnTo>
                    <a:pt x="745" y="1210"/>
                  </a:lnTo>
                  <a:lnTo>
                    <a:pt x="743" y="1208"/>
                  </a:lnTo>
                  <a:lnTo>
                    <a:pt x="740" y="1208"/>
                  </a:lnTo>
                  <a:lnTo>
                    <a:pt x="738" y="1208"/>
                  </a:lnTo>
                  <a:lnTo>
                    <a:pt x="738" y="1205"/>
                  </a:lnTo>
                  <a:lnTo>
                    <a:pt x="738" y="1199"/>
                  </a:lnTo>
                  <a:lnTo>
                    <a:pt x="738" y="1193"/>
                  </a:lnTo>
                  <a:lnTo>
                    <a:pt x="738" y="1188"/>
                  </a:lnTo>
                  <a:lnTo>
                    <a:pt x="738" y="1181"/>
                  </a:lnTo>
                  <a:lnTo>
                    <a:pt x="738" y="1177"/>
                  </a:lnTo>
                  <a:lnTo>
                    <a:pt x="738" y="1176"/>
                  </a:lnTo>
                  <a:lnTo>
                    <a:pt x="728" y="1166"/>
                  </a:lnTo>
                  <a:lnTo>
                    <a:pt x="728" y="1164"/>
                  </a:lnTo>
                  <a:lnTo>
                    <a:pt x="728" y="1161"/>
                  </a:lnTo>
                  <a:lnTo>
                    <a:pt x="730" y="1154"/>
                  </a:lnTo>
                  <a:lnTo>
                    <a:pt x="730" y="1147"/>
                  </a:lnTo>
                  <a:lnTo>
                    <a:pt x="728" y="1140"/>
                  </a:lnTo>
                  <a:lnTo>
                    <a:pt x="726" y="1133"/>
                  </a:lnTo>
                  <a:lnTo>
                    <a:pt x="725" y="1128"/>
                  </a:lnTo>
                  <a:lnTo>
                    <a:pt x="720" y="1127"/>
                  </a:lnTo>
                  <a:lnTo>
                    <a:pt x="718" y="1127"/>
                  </a:lnTo>
                  <a:lnTo>
                    <a:pt x="715" y="1125"/>
                  </a:lnTo>
                  <a:lnTo>
                    <a:pt x="711" y="1123"/>
                  </a:lnTo>
                  <a:lnTo>
                    <a:pt x="708" y="1122"/>
                  </a:lnTo>
                  <a:lnTo>
                    <a:pt x="706" y="1118"/>
                  </a:lnTo>
                  <a:lnTo>
                    <a:pt x="703" y="1115"/>
                  </a:lnTo>
                  <a:lnTo>
                    <a:pt x="699" y="1111"/>
                  </a:lnTo>
                  <a:lnTo>
                    <a:pt x="696" y="1106"/>
                  </a:lnTo>
                  <a:lnTo>
                    <a:pt x="693" y="1103"/>
                  </a:lnTo>
                  <a:lnTo>
                    <a:pt x="689" y="1098"/>
                  </a:lnTo>
                  <a:lnTo>
                    <a:pt x="686" y="1091"/>
                  </a:lnTo>
                  <a:lnTo>
                    <a:pt x="682" y="1086"/>
                  </a:lnTo>
                  <a:lnTo>
                    <a:pt x="679" y="1081"/>
                  </a:lnTo>
                  <a:lnTo>
                    <a:pt x="676" y="1074"/>
                  </a:lnTo>
                  <a:lnTo>
                    <a:pt x="672" y="1069"/>
                  </a:lnTo>
                  <a:lnTo>
                    <a:pt x="669" y="1062"/>
                  </a:lnTo>
                  <a:lnTo>
                    <a:pt x="667" y="1061"/>
                  </a:lnTo>
                  <a:lnTo>
                    <a:pt x="666" y="1059"/>
                  </a:lnTo>
                  <a:lnTo>
                    <a:pt x="662" y="1056"/>
                  </a:lnTo>
                  <a:lnTo>
                    <a:pt x="660" y="1051"/>
                  </a:lnTo>
                  <a:lnTo>
                    <a:pt x="657" y="1047"/>
                  </a:lnTo>
                  <a:lnTo>
                    <a:pt x="654" y="1045"/>
                  </a:lnTo>
                  <a:lnTo>
                    <a:pt x="652" y="1044"/>
                  </a:lnTo>
                  <a:lnTo>
                    <a:pt x="652" y="1042"/>
                  </a:lnTo>
                  <a:lnTo>
                    <a:pt x="610" y="949"/>
                  </a:lnTo>
                  <a:lnTo>
                    <a:pt x="605" y="935"/>
                  </a:lnTo>
                  <a:lnTo>
                    <a:pt x="591" y="915"/>
                  </a:lnTo>
                  <a:lnTo>
                    <a:pt x="564" y="891"/>
                  </a:lnTo>
                  <a:lnTo>
                    <a:pt x="562" y="890"/>
                  </a:lnTo>
                  <a:lnTo>
                    <a:pt x="561" y="885"/>
                  </a:lnTo>
                  <a:lnTo>
                    <a:pt x="554" y="880"/>
                  </a:lnTo>
                  <a:lnTo>
                    <a:pt x="549" y="873"/>
                  </a:lnTo>
                  <a:lnTo>
                    <a:pt x="542" y="866"/>
                  </a:lnTo>
                  <a:lnTo>
                    <a:pt x="535" y="861"/>
                  </a:lnTo>
                  <a:lnTo>
                    <a:pt x="528" y="856"/>
                  </a:lnTo>
                  <a:lnTo>
                    <a:pt x="522" y="854"/>
                  </a:lnTo>
                  <a:lnTo>
                    <a:pt x="520" y="854"/>
                  </a:lnTo>
                  <a:lnTo>
                    <a:pt x="515" y="854"/>
                  </a:lnTo>
                  <a:lnTo>
                    <a:pt x="512" y="853"/>
                  </a:lnTo>
                  <a:lnTo>
                    <a:pt x="506" y="853"/>
                  </a:lnTo>
                  <a:lnTo>
                    <a:pt x="501" y="853"/>
                  </a:lnTo>
                  <a:lnTo>
                    <a:pt x="496" y="851"/>
                  </a:lnTo>
                  <a:lnTo>
                    <a:pt x="490" y="851"/>
                  </a:lnTo>
                  <a:lnTo>
                    <a:pt x="484" y="849"/>
                  </a:lnTo>
                  <a:lnTo>
                    <a:pt x="478" y="849"/>
                  </a:lnTo>
                  <a:lnTo>
                    <a:pt x="473" y="847"/>
                  </a:lnTo>
                  <a:lnTo>
                    <a:pt x="468" y="846"/>
                  </a:lnTo>
                  <a:lnTo>
                    <a:pt x="461" y="844"/>
                  </a:lnTo>
                  <a:lnTo>
                    <a:pt x="457" y="844"/>
                  </a:lnTo>
                  <a:lnTo>
                    <a:pt x="452" y="841"/>
                  </a:lnTo>
                  <a:lnTo>
                    <a:pt x="449" y="839"/>
                  </a:lnTo>
                  <a:lnTo>
                    <a:pt x="446" y="837"/>
                  </a:lnTo>
                  <a:lnTo>
                    <a:pt x="442" y="836"/>
                  </a:lnTo>
                  <a:lnTo>
                    <a:pt x="440" y="834"/>
                  </a:lnTo>
                  <a:lnTo>
                    <a:pt x="439" y="834"/>
                  </a:lnTo>
                  <a:lnTo>
                    <a:pt x="435" y="836"/>
                  </a:lnTo>
                  <a:lnTo>
                    <a:pt x="434" y="837"/>
                  </a:lnTo>
                  <a:lnTo>
                    <a:pt x="432" y="839"/>
                  </a:lnTo>
                  <a:lnTo>
                    <a:pt x="429" y="842"/>
                  </a:lnTo>
                  <a:lnTo>
                    <a:pt x="427" y="846"/>
                  </a:lnTo>
                  <a:lnTo>
                    <a:pt x="424" y="847"/>
                  </a:lnTo>
                  <a:lnTo>
                    <a:pt x="420" y="849"/>
                  </a:lnTo>
                  <a:lnTo>
                    <a:pt x="418" y="849"/>
                  </a:lnTo>
                  <a:lnTo>
                    <a:pt x="417" y="849"/>
                  </a:lnTo>
                  <a:lnTo>
                    <a:pt x="415" y="847"/>
                  </a:lnTo>
                  <a:lnTo>
                    <a:pt x="413" y="846"/>
                  </a:lnTo>
                  <a:lnTo>
                    <a:pt x="412" y="844"/>
                  </a:lnTo>
                  <a:lnTo>
                    <a:pt x="408" y="844"/>
                  </a:lnTo>
                  <a:lnTo>
                    <a:pt x="405" y="846"/>
                  </a:lnTo>
                  <a:lnTo>
                    <a:pt x="398" y="847"/>
                  </a:lnTo>
                  <a:lnTo>
                    <a:pt x="391" y="853"/>
                  </a:lnTo>
                  <a:lnTo>
                    <a:pt x="386" y="863"/>
                  </a:lnTo>
                  <a:lnTo>
                    <a:pt x="380" y="875"/>
                  </a:lnTo>
                  <a:lnTo>
                    <a:pt x="374" y="891"/>
                  </a:lnTo>
                  <a:lnTo>
                    <a:pt x="368" y="902"/>
                  </a:lnTo>
                  <a:lnTo>
                    <a:pt x="368" y="903"/>
                  </a:lnTo>
                  <a:lnTo>
                    <a:pt x="366" y="903"/>
                  </a:lnTo>
                  <a:lnTo>
                    <a:pt x="366" y="905"/>
                  </a:lnTo>
                  <a:lnTo>
                    <a:pt x="364" y="908"/>
                  </a:lnTo>
                  <a:lnTo>
                    <a:pt x="361" y="912"/>
                  </a:lnTo>
                  <a:lnTo>
                    <a:pt x="358" y="915"/>
                  </a:lnTo>
                  <a:lnTo>
                    <a:pt x="356" y="915"/>
                  </a:lnTo>
                  <a:lnTo>
                    <a:pt x="356" y="917"/>
                  </a:lnTo>
                  <a:lnTo>
                    <a:pt x="352" y="919"/>
                  </a:lnTo>
                  <a:lnTo>
                    <a:pt x="351" y="922"/>
                  </a:lnTo>
                  <a:lnTo>
                    <a:pt x="349" y="924"/>
                  </a:lnTo>
                  <a:lnTo>
                    <a:pt x="347" y="925"/>
                  </a:lnTo>
                  <a:lnTo>
                    <a:pt x="346" y="927"/>
                  </a:lnTo>
                  <a:lnTo>
                    <a:pt x="346" y="930"/>
                  </a:lnTo>
                  <a:lnTo>
                    <a:pt x="344" y="932"/>
                  </a:lnTo>
                  <a:lnTo>
                    <a:pt x="342" y="935"/>
                  </a:lnTo>
                  <a:lnTo>
                    <a:pt x="339" y="937"/>
                  </a:lnTo>
                  <a:lnTo>
                    <a:pt x="334" y="937"/>
                  </a:lnTo>
                  <a:lnTo>
                    <a:pt x="325" y="937"/>
                  </a:lnTo>
                  <a:lnTo>
                    <a:pt x="314" y="932"/>
                  </a:lnTo>
                  <a:lnTo>
                    <a:pt x="312" y="930"/>
                  </a:lnTo>
                  <a:lnTo>
                    <a:pt x="308" y="927"/>
                  </a:lnTo>
                  <a:lnTo>
                    <a:pt x="303" y="924"/>
                  </a:lnTo>
                  <a:lnTo>
                    <a:pt x="297" y="919"/>
                  </a:lnTo>
                  <a:lnTo>
                    <a:pt x="288" y="912"/>
                  </a:lnTo>
                  <a:lnTo>
                    <a:pt x="280" y="907"/>
                  </a:lnTo>
                  <a:lnTo>
                    <a:pt x="271" y="902"/>
                  </a:lnTo>
                  <a:lnTo>
                    <a:pt x="263" y="895"/>
                  </a:lnTo>
                  <a:lnTo>
                    <a:pt x="261" y="895"/>
                  </a:lnTo>
                  <a:lnTo>
                    <a:pt x="259" y="895"/>
                  </a:lnTo>
                  <a:lnTo>
                    <a:pt x="256" y="895"/>
                  </a:lnTo>
                  <a:lnTo>
                    <a:pt x="251" y="893"/>
                  </a:lnTo>
                  <a:lnTo>
                    <a:pt x="246" y="890"/>
                  </a:lnTo>
                  <a:lnTo>
                    <a:pt x="239" y="885"/>
                  </a:lnTo>
                  <a:lnTo>
                    <a:pt x="234" y="880"/>
                  </a:lnTo>
                  <a:lnTo>
                    <a:pt x="227" y="869"/>
                  </a:lnTo>
                  <a:lnTo>
                    <a:pt x="224" y="866"/>
                  </a:lnTo>
                  <a:lnTo>
                    <a:pt x="220" y="864"/>
                  </a:lnTo>
                  <a:lnTo>
                    <a:pt x="217" y="863"/>
                  </a:lnTo>
                  <a:lnTo>
                    <a:pt x="214" y="859"/>
                  </a:lnTo>
                  <a:lnTo>
                    <a:pt x="209" y="854"/>
                  </a:lnTo>
                  <a:lnTo>
                    <a:pt x="204" y="846"/>
                  </a:lnTo>
                  <a:lnTo>
                    <a:pt x="195" y="834"/>
                  </a:lnTo>
                  <a:lnTo>
                    <a:pt x="187" y="819"/>
                  </a:lnTo>
                  <a:lnTo>
                    <a:pt x="187" y="815"/>
                  </a:lnTo>
                  <a:lnTo>
                    <a:pt x="185" y="809"/>
                  </a:lnTo>
                  <a:lnTo>
                    <a:pt x="185" y="800"/>
                  </a:lnTo>
                  <a:lnTo>
                    <a:pt x="185" y="792"/>
                  </a:lnTo>
                  <a:lnTo>
                    <a:pt x="183" y="783"/>
                  </a:lnTo>
                  <a:lnTo>
                    <a:pt x="183" y="776"/>
                  </a:lnTo>
                  <a:lnTo>
                    <a:pt x="183" y="771"/>
                  </a:lnTo>
                  <a:lnTo>
                    <a:pt x="183" y="770"/>
                  </a:lnTo>
                  <a:lnTo>
                    <a:pt x="171" y="753"/>
                  </a:lnTo>
                  <a:lnTo>
                    <a:pt x="171" y="751"/>
                  </a:lnTo>
                  <a:lnTo>
                    <a:pt x="171" y="749"/>
                  </a:lnTo>
                  <a:lnTo>
                    <a:pt x="171" y="746"/>
                  </a:lnTo>
                  <a:lnTo>
                    <a:pt x="170" y="741"/>
                  </a:lnTo>
                  <a:lnTo>
                    <a:pt x="166" y="732"/>
                  </a:lnTo>
                  <a:lnTo>
                    <a:pt x="160" y="722"/>
                  </a:lnTo>
                  <a:lnTo>
                    <a:pt x="149" y="710"/>
                  </a:lnTo>
                  <a:lnTo>
                    <a:pt x="134" y="695"/>
                  </a:lnTo>
                  <a:lnTo>
                    <a:pt x="132" y="693"/>
                  </a:lnTo>
                  <a:lnTo>
                    <a:pt x="129" y="690"/>
                  </a:lnTo>
                  <a:lnTo>
                    <a:pt x="124" y="685"/>
                  </a:lnTo>
                  <a:lnTo>
                    <a:pt x="119" y="680"/>
                  </a:lnTo>
                  <a:lnTo>
                    <a:pt x="114" y="677"/>
                  </a:lnTo>
                  <a:lnTo>
                    <a:pt x="109" y="671"/>
                  </a:lnTo>
                  <a:lnTo>
                    <a:pt x="105" y="670"/>
                  </a:lnTo>
                  <a:lnTo>
                    <a:pt x="104" y="668"/>
                  </a:lnTo>
                  <a:lnTo>
                    <a:pt x="92" y="648"/>
                  </a:lnTo>
                  <a:lnTo>
                    <a:pt x="60" y="609"/>
                  </a:lnTo>
                  <a:lnTo>
                    <a:pt x="43" y="605"/>
                  </a:lnTo>
                  <a:lnTo>
                    <a:pt x="19" y="561"/>
                  </a:lnTo>
                  <a:lnTo>
                    <a:pt x="6" y="560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87" name="Freeform 124"/>
            <p:cNvSpPr>
              <a:spLocks/>
            </p:cNvSpPr>
            <p:nvPr/>
          </p:nvSpPr>
          <p:spPr bwMode="auto">
            <a:xfrm>
              <a:off x="2004" y="1844"/>
              <a:ext cx="789" cy="392"/>
            </a:xfrm>
            <a:custGeom>
              <a:avLst/>
              <a:gdLst>
                <a:gd name="T0" fmla="*/ 533 w 811"/>
                <a:gd name="T1" fmla="*/ 239 h 404"/>
                <a:gd name="T2" fmla="*/ 531 w 811"/>
                <a:gd name="T3" fmla="*/ 229 h 404"/>
                <a:gd name="T4" fmla="*/ 528 w 811"/>
                <a:gd name="T5" fmla="*/ 221 h 404"/>
                <a:gd name="T6" fmla="*/ 526 w 811"/>
                <a:gd name="T7" fmla="*/ 216 h 404"/>
                <a:gd name="T8" fmla="*/ 520 w 811"/>
                <a:gd name="T9" fmla="*/ 209 h 404"/>
                <a:gd name="T10" fmla="*/ 518 w 811"/>
                <a:gd name="T11" fmla="*/ 199 h 404"/>
                <a:gd name="T12" fmla="*/ 520 w 811"/>
                <a:gd name="T13" fmla="*/ 188 h 404"/>
                <a:gd name="T14" fmla="*/ 520 w 811"/>
                <a:gd name="T15" fmla="*/ 178 h 404"/>
                <a:gd name="T16" fmla="*/ 521 w 811"/>
                <a:gd name="T17" fmla="*/ 173 h 404"/>
                <a:gd name="T18" fmla="*/ 516 w 811"/>
                <a:gd name="T19" fmla="*/ 146 h 404"/>
                <a:gd name="T20" fmla="*/ 508 w 811"/>
                <a:gd name="T21" fmla="*/ 138 h 404"/>
                <a:gd name="T22" fmla="*/ 505 w 811"/>
                <a:gd name="T23" fmla="*/ 127 h 404"/>
                <a:gd name="T24" fmla="*/ 506 w 811"/>
                <a:gd name="T25" fmla="*/ 122 h 404"/>
                <a:gd name="T26" fmla="*/ 504 w 811"/>
                <a:gd name="T27" fmla="*/ 108 h 404"/>
                <a:gd name="T28" fmla="*/ 501 w 811"/>
                <a:gd name="T29" fmla="*/ 102 h 404"/>
                <a:gd name="T30" fmla="*/ 493 w 811"/>
                <a:gd name="T31" fmla="*/ 97 h 404"/>
                <a:gd name="T32" fmla="*/ 490 w 811"/>
                <a:gd name="T33" fmla="*/ 87 h 404"/>
                <a:gd name="T34" fmla="*/ 489 w 811"/>
                <a:gd name="T35" fmla="*/ 80 h 404"/>
                <a:gd name="T36" fmla="*/ 486 w 811"/>
                <a:gd name="T37" fmla="*/ 73 h 404"/>
                <a:gd name="T38" fmla="*/ 484 w 811"/>
                <a:gd name="T39" fmla="*/ 70 h 404"/>
                <a:gd name="T40" fmla="*/ 478 w 811"/>
                <a:gd name="T41" fmla="*/ 63 h 404"/>
                <a:gd name="T42" fmla="*/ 474 w 811"/>
                <a:gd name="T43" fmla="*/ 58 h 404"/>
                <a:gd name="T44" fmla="*/ 469 w 811"/>
                <a:gd name="T45" fmla="*/ 48 h 404"/>
                <a:gd name="T46" fmla="*/ 459 w 811"/>
                <a:gd name="T47" fmla="*/ 41 h 404"/>
                <a:gd name="T48" fmla="*/ 450 w 811"/>
                <a:gd name="T49" fmla="*/ 39 h 404"/>
                <a:gd name="T50" fmla="*/ 441 w 811"/>
                <a:gd name="T51" fmla="*/ 38 h 404"/>
                <a:gd name="T52" fmla="*/ 398 w 811"/>
                <a:gd name="T53" fmla="*/ 32 h 404"/>
                <a:gd name="T54" fmla="*/ 391 w 811"/>
                <a:gd name="T55" fmla="*/ 37 h 404"/>
                <a:gd name="T56" fmla="*/ 384 w 811"/>
                <a:gd name="T57" fmla="*/ 38 h 404"/>
                <a:gd name="T58" fmla="*/ 378 w 811"/>
                <a:gd name="T59" fmla="*/ 32 h 404"/>
                <a:gd name="T60" fmla="*/ 364 w 811"/>
                <a:gd name="T61" fmla="*/ 18 h 404"/>
                <a:gd name="T62" fmla="*/ 355 w 811"/>
                <a:gd name="T63" fmla="*/ 16 h 404"/>
                <a:gd name="T64" fmla="*/ 348 w 811"/>
                <a:gd name="T65" fmla="*/ 16 h 404"/>
                <a:gd name="T66" fmla="*/ 328 w 811"/>
                <a:gd name="T67" fmla="*/ 16 h 404"/>
                <a:gd name="T68" fmla="*/ 295 w 811"/>
                <a:gd name="T69" fmla="*/ 16 h 404"/>
                <a:gd name="T70" fmla="*/ 258 w 811"/>
                <a:gd name="T71" fmla="*/ 16 h 404"/>
                <a:gd name="T72" fmla="*/ 214 w 811"/>
                <a:gd name="T73" fmla="*/ 16 h 404"/>
                <a:gd name="T74" fmla="*/ 167 w 811"/>
                <a:gd name="T75" fmla="*/ 13 h 404"/>
                <a:gd name="T76" fmla="*/ 123 w 811"/>
                <a:gd name="T77" fmla="*/ 12 h 404"/>
                <a:gd name="T78" fmla="*/ 84 w 811"/>
                <a:gd name="T79" fmla="*/ 8 h 404"/>
                <a:gd name="T80" fmla="*/ 50 w 811"/>
                <a:gd name="T81" fmla="*/ 5 h 404"/>
                <a:gd name="T82" fmla="*/ 23 w 811"/>
                <a:gd name="T83" fmla="*/ 2 h 404"/>
                <a:gd name="T84" fmla="*/ 2 w 811"/>
                <a:gd name="T85" fmla="*/ 165 h 404"/>
                <a:gd name="T86" fmla="*/ 126 w 811"/>
                <a:gd name="T87" fmla="*/ 254 h 404"/>
                <a:gd name="T88" fmla="*/ 153 w 811"/>
                <a:gd name="T89" fmla="*/ 257 h 404"/>
                <a:gd name="T90" fmla="*/ 189 w 811"/>
                <a:gd name="T91" fmla="*/ 260 h 404"/>
                <a:gd name="T92" fmla="*/ 234 w 811"/>
                <a:gd name="T93" fmla="*/ 262 h 404"/>
                <a:gd name="T94" fmla="*/ 289 w 811"/>
                <a:gd name="T95" fmla="*/ 262 h 404"/>
                <a:gd name="T96" fmla="*/ 343 w 811"/>
                <a:gd name="T97" fmla="*/ 262 h 404"/>
                <a:gd name="T98" fmla="*/ 400 w 811"/>
                <a:gd name="T99" fmla="*/ 264 h 404"/>
                <a:gd name="T100" fmla="*/ 449 w 811"/>
                <a:gd name="T101" fmla="*/ 264 h 404"/>
                <a:gd name="T102" fmla="*/ 492 w 811"/>
                <a:gd name="T103" fmla="*/ 265 h 404"/>
                <a:gd name="T104" fmla="*/ 528 w 811"/>
                <a:gd name="T105" fmla="*/ 265 h 404"/>
                <a:gd name="T106" fmla="*/ 547 w 811"/>
                <a:gd name="T107" fmla="*/ 265 h 404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w 811"/>
                <a:gd name="T163" fmla="*/ 0 h 404"/>
                <a:gd name="T164" fmla="*/ 811 w 811"/>
                <a:gd name="T165" fmla="*/ 404 h 404"/>
              </a:gdLst>
              <a:ahLst/>
              <a:cxnLst>
                <a:cxn ang="T108">
                  <a:pos x="T0" y="T1"/>
                </a:cxn>
                <a:cxn ang="T109">
                  <a:pos x="T2" y="T3"/>
                </a:cxn>
                <a:cxn ang="T110">
                  <a:pos x="T4" y="T5"/>
                </a:cxn>
                <a:cxn ang="T111">
                  <a:pos x="T6" y="T7"/>
                </a:cxn>
                <a:cxn ang="T112">
                  <a:pos x="T8" y="T9"/>
                </a:cxn>
                <a:cxn ang="T113">
                  <a:pos x="T10" y="T11"/>
                </a:cxn>
                <a:cxn ang="T114">
                  <a:pos x="T12" y="T13"/>
                </a:cxn>
                <a:cxn ang="T115">
                  <a:pos x="T14" y="T15"/>
                </a:cxn>
                <a:cxn ang="T116">
                  <a:pos x="T16" y="T17"/>
                </a:cxn>
                <a:cxn ang="T117">
                  <a:pos x="T18" y="T19"/>
                </a:cxn>
                <a:cxn ang="T118">
                  <a:pos x="T20" y="T21"/>
                </a:cxn>
                <a:cxn ang="T119">
                  <a:pos x="T22" y="T23"/>
                </a:cxn>
                <a:cxn ang="T120">
                  <a:pos x="T24" y="T25"/>
                </a:cxn>
                <a:cxn ang="T121">
                  <a:pos x="T26" y="T27"/>
                </a:cxn>
                <a:cxn ang="T122">
                  <a:pos x="T28" y="T29"/>
                </a:cxn>
                <a:cxn ang="T123">
                  <a:pos x="T30" y="T31"/>
                </a:cxn>
                <a:cxn ang="T124">
                  <a:pos x="T32" y="T33"/>
                </a:cxn>
                <a:cxn ang="T125">
                  <a:pos x="T34" y="T35"/>
                </a:cxn>
                <a:cxn ang="T126">
                  <a:pos x="T36" y="T37"/>
                </a:cxn>
                <a:cxn ang="T127">
                  <a:pos x="T38" y="T39"/>
                </a:cxn>
                <a:cxn ang="T128">
                  <a:pos x="T40" y="T41"/>
                </a:cxn>
                <a:cxn ang="T129">
                  <a:pos x="T42" y="T43"/>
                </a:cxn>
                <a:cxn ang="T130">
                  <a:pos x="T44" y="T45"/>
                </a:cxn>
                <a:cxn ang="T131">
                  <a:pos x="T46" y="T47"/>
                </a:cxn>
                <a:cxn ang="T132">
                  <a:pos x="T48" y="T49"/>
                </a:cxn>
                <a:cxn ang="T133">
                  <a:pos x="T50" y="T51"/>
                </a:cxn>
                <a:cxn ang="T134">
                  <a:pos x="T52" y="T53"/>
                </a:cxn>
                <a:cxn ang="T135">
                  <a:pos x="T54" y="T55"/>
                </a:cxn>
                <a:cxn ang="T136">
                  <a:pos x="T56" y="T57"/>
                </a:cxn>
                <a:cxn ang="T137">
                  <a:pos x="T58" y="T59"/>
                </a:cxn>
                <a:cxn ang="T138">
                  <a:pos x="T60" y="T61"/>
                </a:cxn>
                <a:cxn ang="T139">
                  <a:pos x="T62" y="T63"/>
                </a:cxn>
                <a:cxn ang="T140">
                  <a:pos x="T64" y="T65"/>
                </a:cxn>
                <a:cxn ang="T141">
                  <a:pos x="T66" y="T67"/>
                </a:cxn>
                <a:cxn ang="T142">
                  <a:pos x="T68" y="T69"/>
                </a:cxn>
                <a:cxn ang="T143">
                  <a:pos x="T70" y="T71"/>
                </a:cxn>
                <a:cxn ang="T144">
                  <a:pos x="T72" y="T73"/>
                </a:cxn>
                <a:cxn ang="T145">
                  <a:pos x="T74" y="T75"/>
                </a:cxn>
                <a:cxn ang="T146">
                  <a:pos x="T76" y="T77"/>
                </a:cxn>
                <a:cxn ang="T147">
                  <a:pos x="T78" y="T79"/>
                </a:cxn>
                <a:cxn ang="T148">
                  <a:pos x="T80" y="T81"/>
                </a:cxn>
                <a:cxn ang="T149">
                  <a:pos x="T82" y="T83"/>
                </a:cxn>
                <a:cxn ang="T150">
                  <a:pos x="T84" y="T85"/>
                </a:cxn>
                <a:cxn ang="T151">
                  <a:pos x="T86" y="T87"/>
                </a:cxn>
                <a:cxn ang="T152">
                  <a:pos x="T88" y="T89"/>
                </a:cxn>
                <a:cxn ang="T153">
                  <a:pos x="T90" y="T91"/>
                </a:cxn>
                <a:cxn ang="T154">
                  <a:pos x="T92" y="T93"/>
                </a:cxn>
                <a:cxn ang="T155">
                  <a:pos x="T94" y="T95"/>
                </a:cxn>
                <a:cxn ang="T156">
                  <a:pos x="T96" y="T97"/>
                </a:cxn>
                <a:cxn ang="T157">
                  <a:pos x="T98" y="T99"/>
                </a:cxn>
                <a:cxn ang="T158">
                  <a:pos x="T100" y="T101"/>
                </a:cxn>
                <a:cxn ang="T159">
                  <a:pos x="T102" y="T103"/>
                </a:cxn>
                <a:cxn ang="T160">
                  <a:pos x="T104" y="T105"/>
                </a:cxn>
                <a:cxn ang="T161">
                  <a:pos x="T106" y="T107"/>
                </a:cxn>
              </a:cxnLst>
              <a:rect l="T162" t="T163" r="T164" b="T165"/>
              <a:pathLst>
                <a:path w="811" h="404">
                  <a:moveTo>
                    <a:pt x="811" y="404"/>
                  </a:moveTo>
                  <a:lnTo>
                    <a:pt x="799" y="376"/>
                  </a:lnTo>
                  <a:lnTo>
                    <a:pt x="785" y="364"/>
                  </a:lnTo>
                  <a:lnTo>
                    <a:pt x="782" y="352"/>
                  </a:lnTo>
                  <a:lnTo>
                    <a:pt x="782" y="350"/>
                  </a:lnTo>
                  <a:lnTo>
                    <a:pt x="780" y="348"/>
                  </a:lnTo>
                  <a:lnTo>
                    <a:pt x="779" y="345"/>
                  </a:lnTo>
                  <a:lnTo>
                    <a:pt x="777" y="342"/>
                  </a:lnTo>
                  <a:lnTo>
                    <a:pt x="775" y="337"/>
                  </a:lnTo>
                  <a:lnTo>
                    <a:pt x="774" y="333"/>
                  </a:lnTo>
                  <a:lnTo>
                    <a:pt x="772" y="330"/>
                  </a:lnTo>
                  <a:lnTo>
                    <a:pt x="769" y="326"/>
                  </a:lnTo>
                  <a:lnTo>
                    <a:pt x="767" y="323"/>
                  </a:lnTo>
                  <a:lnTo>
                    <a:pt x="765" y="318"/>
                  </a:lnTo>
                  <a:lnTo>
                    <a:pt x="765" y="313"/>
                  </a:lnTo>
                  <a:lnTo>
                    <a:pt x="763" y="308"/>
                  </a:lnTo>
                  <a:lnTo>
                    <a:pt x="763" y="303"/>
                  </a:lnTo>
                  <a:lnTo>
                    <a:pt x="763" y="298"/>
                  </a:lnTo>
                  <a:lnTo>
                    <a:pt x="763" y="291"/>
                  </a:lnTo>
                  <a:lnTo>
                    <a:pt x="765" y="286"/>
                  </a:lnTo>
                  <a:lnTo>
                    <a:pt x="765" y="281"/>
                  </a:lnTo>
                  <a:lnTo>
                    <a:pt x="765" y="276"/>
                  </a:lnTo>
                  <a:lnTo>
                    <a:pt x="765" y="272"/>
                  </a:lnTo>
                  <a:lnTo>
                    <a:pt x="767" y="269"/>
                  </a:lnTo>
                  <a:lnTo>
                    <a:pt x="767" y="266"/>
                  </a:lnTo>
                  <a:lnTo>
                    <a:pt x="767" y="264"/>
                  </a:lnTo>
                  <a:lnTo>
                    <a:pt x="760" y="255"/>
                  </a:lnTo>
                  <a:lnTo>
                    <a:pt x="758" y="223"/>
                  </a:lnTo>
                  <a:lnTo>
                    <a:pt x="755" y="218"/>
                  </a:lnTo>
                  <a:lnTo>
                    <a:pt x="750" y="215"/>
                  </a:lnTo>
                  <a:lnTo>
                    <a:pt x="747" y="210"/>
                  </a:lnTo>
                  <a:lnTo>
                    <a:pt x="743" y="205"/>
                  </a:lnTo>
                  <a:lnTo>
                    <a:pt x="743" y="200"/>
                  </a:lnTo>
                  <a:lnTo>
                    <a:pt x="743" y="194"/>
                  </a:lnTo>
                  <a:lnTo>
                    <a:pt x="743" y="191"/>
                  </a:lnTo>
                  <a:lnTo>
                    <a:pt x="743" y="188"/>
                  </a:lnTo>
                  <a:lnTo>
                    <a:pt x="745" y="186"/>
                  </a:lnTo>
                  <a:lnTo>
                    <a:pt x="743" y="178"/>
                  </a:lnTo>
                  <a:lnTo>
                    <a:pt x="743" y="169"/>
                  </a:lnTo>
                  <a:lnTo>
                    <a:pt x="741" y="164"/>
                  </a:lnTo>
                  <a:lnTo>
                    <a:pt x="738" y="159"/>
                  </a:lnTo>
                  <a:lnTo>
                    <a:pt x="736" y="156"/>
                  </a:lnTo>
                  <a:lnTo>
                    <a:pt x="735" y="154"/>
                  </a:lnTo>
                  <a:lnTo>
                    <a:pt x="733" y="152"/>
                  </a:lnTo>
                  <a:lnTo>
                    <a:pt x="731" y="150"/>
                  </a:lnTo>
                  <a:lnTo>
                    <a:pt x="726" y="147"/>
                  </a:lnTo>
                  <a:lnTo>
                    <a:pt x="725" y="144"/>
                  </a:lnTo>
                  <a:lnTo>
                    <a:pt x="721" y="139"/>
                  </a:lnTo>
                  <a:lnTo>
                    <a:pt x="721" y="134"/>
                  </a:lnTo>
                  <a:lnTo>
                    <a:pt x="719" y="130"/>
                  </a:lnTo>
                  <a:lnTo>
                    <a:pt x="719" y="125"/>
                  </a:lnTo>
                  <a:lnTo>
                    <a:pt x="719" y="123"/>
                  </a:lnTo>
                  <a:lnTo>
                    <a:pt x="714" y="110"/>
                  </a:lnTo>
                  <a:lnTo>
                    <a:pt x="713" y="108"/>
                  </a:lnTo>
                  <a:lnTo>
                    <a:pt x="711" y="105"/>
                  </a:lnTo>
                  <a:lnTo>
                    <a:pt x="708" y="103"/>
                  </a:lnTo>
                  <a:lnTo>
                    <a:pt x="706" y="100"/>
                  </a:lnTo>
                  <a:lnTo>
                    <a:pt x="703" y="95"/>
                  </a:lnTo>
                  <a:lnTo>
                    <a:pt x="699" y="93"/>
                  </a:lnTo>
                  <a:lnTo>
                    <a:pt x="697" y="90"/>
                  </a:lnTo>
                  <a:lnTo>
                    <a:pt x="696" y="88"/>
                  </a:lnTo>
                  <a:lnTo>
                    <a:pt x="694" y="84"/>
                  </a:lnTo>
                  <a:lnTo>
                    <a:pt x="692" y="79"/>
                  </a:lnTo>
                  <a:lnTo>
                    <a:pt x="689" y="74"/>
                  </a:lnTo>
                  <a:lnTo>
                    <a:pt x="686" y="69"/>
                  </a:lnTo>
                  <a:lnTo>
                    <a:pt x="681" y="64"/>
                  </a:lnTo>
                  <a:lnTo>
                    <a:pt x="675" y="61"/>
                  </a:lnTo>
                  <a:lnTo>
                    <a:pt x="667" y="59"/>
                  </a:lnTo>
                  <a:lnTo>
                    <a:pt x="665" y="59"/>
                  </a:lnTo>
                  <a:lnTo>
                    <a:pt x="662" y="57"/>
                  </a:lnTo>
                  <a:lnTo>
                    <a:pt x="659" y="56"/>
                  </a:lnTo>
                  <a:lnTo>
                    <a:pt x="659" y="54"/>
                  </a:lnTo>
                  <a:lnTo>
                    <a:pt x="648" y="54"/>
                  </a:lnTo>
                  <a:lnTo>
                    <a:pt x="637" y="44"/>
                  </a:lnTo>
                  <a:lnTo>
                    <a:pt x="584" y="44"/>
                  </a:lnTo>
                  <a:lnTo>
                    <a:pt x="584" y="46"/>
                  </a:lnTo>
                  <a:lnTo>
                    <a:pt x="582" y="47"/>
                  </a:lnTo>
                  <a:lnTo>
                    <a:pt x="579" y="51"/>
                  </a:lnTo>
                  <a:lnTo>
                    <a:pt x="576" y="52"/>
                  </a:lnTo>
                  <a:lnTo>
                    <a:pt x="572" y="56"/>
                  </a:lnTo>
                  <a:lnTo>
                    <a:pt x="569" y="56"/>
                  </a:lnTo>
                  <a:lnTo>
                    <a:pt x="565" y="54"/>
                  </a:lnTo>
                  <a:lnTo>
                    <a:pt x="562" y="51"/>
                  </a:lnTo>
                  <a:lnTo>
                    <a:pt x="560" y="49"/>
                  </a:lnTo>
                  <a:lnTo>
                    <a:pt x="555" y="46"/>
                  </a:lnTo>
                  <a:lnTo>
                    <a:pt x="549" y="42"/>
                  </a:lnTo>
                  <a:lnTo>
                    <a:pt x="542" y="37"/>
                  </a:lnTo>
                  <a:lnTo>
                    <a:pt x="535" y="32"/>
                  </a:lnTo>
                  <a:lnTo>
                    <a:pt x="528" y="29"/>
                  </a:lnTo>
                  <a:lnTo>
                    <a:pt x="523" y="25"/>
                  </a:lnTo>
                  <a:lnTo>
                    <a:pt x="521" y="25"/>
                  </a:lnTo>
                  <a:lnTo>
                    <a:pt x="520" y="25"/>
                  </a:lnTo>
                  <a:lnTo>
                    <a:pt x="516" y="25"/>
                  </a:lnTo>
                  <a:lnTo>
                    <a:pt x="511" y="24"/>
                  </a:lnTo>
                  <a:lnTo>
                    <a:pt x="503" y="24"/>
                  </a:lnTo>
                  <a:lnTo>
                    <a:pt x="493" y="24"/>
                  </a:lnTo>
                  <a:lnTo>
                    <a:pt x="481" y="24"/>
                  </a:lnTo>
                  <a:lnTo>
                    <a:pt x="467" y="24"/>
                  </a:lnTo>
                  <a:lnTo>
                    <a:pt x="450" y="22"/>
                  </a:lnTo>
                  <a:lnTo>
                    <a:pt x="433" y="22"/>
                  </a:lnTo>
                  <a:lnTo>
                    <a:pt x="417" y="20"/>
                  </a:lnTo>
                  <a:lnTo>
                    <a:pt x="398" y="20"/>
                  </a:lnTo>
                  <a:lnTo>
                    <a:pt x="378" y="20"/>
                  </a:lnTo>
                  <a:lnTo>
                    <a:pt x="357" y="18"/>
                  </a:lnTo>
                  <a:lnTo>
                    <a:pt x="335" y="18"/>
                  </a:lnTo>
                  <a:lnTo>
                    <a:pt x="313" y="17"/>
                  </a:lnTo>
                  <a:lnTo>
                    <a:pt x="291" y="15"/>
                  </a:lnTo>
                  <a:lnTo>
                    <a:pt x="269" y="15"/>
                  </a:lnTo>
                  <a:lnTo>
                    <a:pt x="247" y="13"/>
                  </a:lnTo>
                  <a:lnTo>
                    <a:pt x="225" y="13"/>
                  </a:lnTo>
                  <a:lnTo>
                    <a:pt x="203" y="12"/>
                  </a:lnTo>
                  <a:lnTo>
                    <a:pt x="181" y="12"/>
                  </a:lnTo>
                  <a:lnTo>
                    <a:pt x="161" y="10"/>
                  </a:lnTo>
                  <a:lnTo>
                    <a:pt x="142" y="8"/>
                  </a:lnTo>
                  <a:lnTo>
                    <a:pt x="122" y="8"/>
                  </a:lnTo>
                  <a:lnTo>
                    <a:pt x="105" y="7"/>
                  </a:lnTo>
                  <a:lnTo>
                    <a:pt x="88" y="7"/>
                  </a:lnTo>
                  <a:lnTo>
                    <a:pt x="73" y="5"/>
                  </a:lnTo>
                  <a:lnTo>
                    <a:pt x="59" y="3"/>
                  </a:lnTo>
                  <a:lnTo>
                    <a:pt x="48" y="3"/>
                  </a:lnTo>
                  <a:lnTo>
                    <a:pt x="37" y="2"/>
                  </a:lnTo>
                  <a:lnTo>
                    <a:pt x="31" y="2"/>
                  </a:lnTo>
                  <a:lnTo>
                    <a:pt x="24" y="0"/>
                  </a:lnTo>
                  <a:lnTo>
                    <a:pt x="2" y="250"/>
                  </a:lnTo>
                  <a:lnTo>
                    <a:pt x="0" y="250"/>
                  </a:lnTo>
                  <a:lnTo>
                    <a:pt x="193" y="262"/>
                  </a:lnTo>
                  <a:lnTo>
                    <a:pt x="186" y="387"/>
                  </a:lnTo>
                  <a:lnTo>
                    <a:pt x="197" y="389"/>
                  </a:lnTo>
                  <a:lnTo>
                    <a:pt x="208" y="391"/>
                  </a:lnTo>
                  <a:lnTo>
                    <a:pt x="224" y="392"/>
                  </a:lnTo>
                  <a:lnTo>
                    <a:pt x="239" y="392"/>
                  </a:lnTo>
                  <a:lnTo>
                    <a:pt x="257" y="394"/>
                  </a:lnTo>
                  <a:lnTo>
                    <a:pt x="278" y="396"/>
                  </a:lnTo>
                  <a:lnTo>
                    <a:pt x="298" y="396"/>
                  </a:lnTo>
                  <a:lnTo>
                    <a:pt x="322" y="398"/>
                  </a:lnTo>
                  <a:lnTo>
                    <a:pt x="345" y="398"/>
                  </a:lnTo>
                  <a:lnTo>
                    <a:pt x="371" y="399"/>
                  </a:lnTo>
                  <a:lnTo>
                    <a:pt x="396" y="399"/>
                  </a:lnTo>
                  <a:lnTo>
                    <a:pt x="423" y="399"/>
                  </a:lnTo>
                  <a:lnTo>
                    <a:pt x="450" y="401"/>
                  </a:lnTo>
                  <a:lnTo>
                    <a:pt x="477" y="401"/>
                  </a:lnTo>
                  <a:lnTo>
                    <a:pt x="505" y="401"/>
                  </a:lnTo>
                  <a:lnTo>
                    <a:pt x="532" y="401"/>
                  </a:lnTo>
                  <a:lnTo>
                    <a:pt x="559" y="403"/>
                  </a:lnTo>
                  <a:lnTo>
                    <a:pt x="586" y="403"/>
                  </a:lnTo>
                  <a:lnTo>
                    <a:pt x="611" y="403"/>
                  </a:lnTo>
                  <a:lnTo>
                    <a:pt x="637" y="403"/>
                  </a:lnTo>
                  <a:lnTo>
                    <a:pt x="660" y="403"/>
                  </a:lnTo>
                  <a:lnTo>
                    <a:pt x="684" y="403"/>
                  </a:lnTo>
                  <a:lnTo>
                    <a:pt x="704" y="404"/>
                  </a:lnTo>
                  <a:lnTo>
                    <a:pt x="725" y="404"/>
                  </a:lnTo>
                  <a:lnTo>
                    <a:pt x="743" y="404"/>
                  </a:lnTo>
                  <a:lnTo>
                    <a:pt x="760" y="404"/>
                  </a:lnTo>
                  <a:lnTo>
                    <a:pt x="775" y="404"/>
                  </a:lnTo>
                  <a:lnTo>
                    <a:pt x="787" y="404"/>
                  </a:lnTo>
                  <a:lnTo>
                    <a:pt x="797" y="404"/>
                  </a:lnTo>
                  <a:lnTo>
                    <a:pt x="804" y="404"/>
                  </a:lnTo>
                  <a:lnTo>
                    <a:pt x="809" y="404"/>
                  </a:lnTo>
                  <a:lnTo>
                    <a:pt x="811" y="404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88" name="Freeform 125"/>
            <p:cNvSpPr>
              <a:spLocks/>
            </p:cNvSpPr>
            <p:nvPr/>
          </p:nvSpPr>
          <p:spPr bwMode="auto">
            <a:xfrm>
              <a:off x="1384" y="1534"/>
              <a:ext cx="665" cy="553"/>
            </a:xfrm>
            <a:custGeom>
              <a:avLst/>
              <a:gdLst>
                <a:gd name="T0" fmla="*/ 119 w 684"/>
                <a:gd name="T1" fmla="*/ 340 h 570"/>
                <a:gd name="T2" fmla="*/ 108 w 684"/>
                <a:gd name="T3" fmla="*/ 337 h 570"/>
                <a:gd name="T4" fmla="*/ 89 w 684"/>
                <a:gd name="T5" fmla="*/ 333 h 570"/>
                <a:gd name="T6" fmla="*/ 69 w 684"/>
                <a:gd name="T7" fmla="*/ 330 h 570"/>
                <a:gd name="T8" fmla="*/ 47 w 684"/>
                <a:gd name="T9" fmla="*/ 327 h 570"/>
                <a:gd name="T10" fmla="*/ 25 w 684"/>
                <a:gd name="T11" fmla="*/ 324 h 570"/>
                <a:gd name="T12" fmla="*/ 16 w 684"/>
                <a:gd name="T13" fmla="*/ 322 h 570"/>
                <a:gd name="T14" fmla="*/ 2 w 684"/>
                <a:gd name="T15" fmla="*/ 320 h 570"/>
                <a:gd name="T16" fmla="*/ 17 w 684"/>
                <a:gd name="T17" fmla="*/ 244 h 570"/>
                <a:gd name="T18" fmla="*/ 50 w 684"/>
                <a:gd name="T19" fmla="*/ 0 h 570"/>
                <a:gd name="T20" fmla="*/ 83 w 684"/>
                <a:gd name="T21" fmla="*/ 7 h 570"/>
                <a:gd name="T22" fmla="*/ 116 w 684"/>
                <a:gd name="T23" fmla="*/ 15 h 570"/>
                <a:gd name="T24" fmla="*/ 149 w 684"/>
                <a:gd name="T25" fmla="*/ 16 h 570"/>
                <a:gd name="T26" fmla="*/ 182 w 684"/>
                <a:gd name="T27" fmla="*/ 16 h 570"/>
                <a:gd name="T28" fmla="*/ 218 w 684"/>
                <a:gd name="T29" fmla="*/ 20 h 570"/>
                <a:gd name="T30" fmla="*/ 252 w 684"/>
                <a:gd name="T31" fmla="*/ 27 h 570"/>
                <a:gd name="T32" fmla="*/ 285 w 684"/>
                <a:gd name="T33" fmla="*/ 32 h 570"/>
                <a:gd name="T34" fmla="*/ 316 w 684"/>
                <a:gd name="T35" fmla="*/ 36 h 570"/>
                <a:gd name="T36" fmla="*/ 347 w 684"/>
                <a:gd name="T37" fmla="*/ 39 h 570"/>
                <a:gd name="T38" fmla="*/ 374 w 684"/>
                <a:gd name="T39" fmla="*/ 40 h 570"/>
                <a:gd name="T40" fmla="*/ 399 w 684"/>
                <a:gd name="T41" fmla="*/ 42 h 570"/>
                <a:gd name="T42" fmla="*/ 421 w 684"/>
                <a:gd name="T43" fmla="*/ 44 h 570"/>
                <a:gd name="T44" fmla="*/ 437 w 684"/>
                <a:gd name="T45" fmla="*/ 45 h 570"/>
                <a:gd name="T46" fmla="*/ 449 w 684"/>
                <a:gd name="T47" fmla="*/ 45 h 570"/>
                <a:gd name="T48" fmla="*/ 459 w 684"/>
                <a:gd name="T49" fmla="*/ 45 h 570"/>
                <a:gd name="T50" fmla="*/ 461 w 684"/>
                <a:gd name="T51" fmla="*/ 46 h 570"/>
                <a:gd name="T52" fmla="*/ 446 w 684"/>
                <a:gd name="T53" fmla="*/ 210 h 570"/>
                <a:gd name="T54" fmla="*/ 432 w 684"/>
                <a:gd name="T55" fmla="*/ 373 h 570"/>
                <a:gd name="T56" fmla="*/ 425 w 684"/>
                <a:gd name="T57" fmla="*/ 372 h 570"/>
                <a:gd name="T58" fmla="*/ 412 w 684"/>
                <a:gd name="T59" fmla="*/ 372 h 570"/>
                <a:gd name="T60" fmla="*/ 395 w 684"/>
                <a:gd name="T61" fmla="*/ 371 h 570"/>
                <a:gd name="T62" fmla="*/ 374 w 684"/>
                <a:gd name="T63" fmla="*/ 368 h 570"/>
                <a:gd name="T64" fmla="*/ 350 w 684"/>
                <a:gd name="T65" fmla="*/ 364 h 570"/>
                <a:gd name="T66" fmla="*/ 324 w 684"/>
                <a:gd name="T67" fmla="*/ 362 h 570"/>
                <a:gd name="T68" fmla="*/ 296 w 684"/>
                <a:gd name="T69" fmla="*/ 360 h 570"/>
                <a:gd name="T70" fmla="*/ 266 w 684"/>
                <a:gd name="T71" fmla="*/ 357 h 570"/>
                <a:gd name="T72" fmla="*/ 240 w 684"/>
                <a:gd name="T73" fmla="*/ 353 h 570"/>
                <a:gd name="T74" fmla="*/ 213 w 684"/>
                <a:gd name="T75" fmla="*/ 350 h 570"/>
                <a:gd name="T76" fmla="*/ 187 w 684"/>
                <a:gd name="T77" fmla="*/ 348 h 570"/>
                <a:gd name="T78" fmla="*/ 166 w 684"/>
                <a:gd name="T79" fmla="*/ 344 h 570"/>
                <a:gd name="T80" fmla="*/ 146 w 684"/>
                <a:gd name="T81" fmla="*/ 342 h 570"/>
                <a:gd name="T82" fmla="*/ 134 w 684"/>
                <a:gd name="T83" fmla="*/ 341 h 570"/>
                <a:gd name="T84" fmla="*/ 122 w 684"/>
                <a:gd name="T85" fmla="*/ 340 h 570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684"/>
                <a:gd name="T130" fmla="*/ 0 h 570"/>
                <a:gd name="T131" fmla="*/ 684 w 684"/>
                <a:gd name="T132" fmla="*/ 570 h 570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684" h="570">
                  <a:moveTo>
                    <a:pt x="180" y="518"/>
                  </a:moveTo>
                  <a:lnTo>
                    <a:pt x="176" y="518"/>
                  </a:lnTo>
                  <a:lnTo>
                    <a:pt x="169" y="516"/>
                  </a:lnTo>
                  <a:lnTo>
                    <a:pt x="159" y="514"/>
                  </a:lnTo>
                  <a:lnTo>
                    <a:pt x="147" y="513"/>
                  </a:lnTo>
                  <a:lnTo>
                    <a:pt x="134" y="509"/>
                  </a:lnTo>
                  <a:lnTo>
                    <a:pt x="119" y="508"/>
                  </a:lnTo>
                  <a:lnTo>
                    <a:pt x="102" y="504"/>
                  </a:lnTo>
                  <a:lnTo>
                    <a:pt x="87" y="503"/>
                  </a:lnTo>
                  <a:lnTo>
                    <a:pt x="70" y="499"/>
                  </a:lnTo>
                  <a:lnTo>
                    <a:pt x="54" y="498"/>
                  </a:lnTo>
                  <a:lnTo>
                    <a:pt x="39" y="496"/>
                  </a:lnTo>
                  <a:lnTo>
                    <a:pt x="27" y="492"/>
                  </a:lnTo>
                  <a:lnTo>
                    <a:pt x="16" y="491"/>
                  </a:lnTo>
                  <a:lnTo>
                    <a:pt x="9" y="489"/>
                  </a:lnTo>
                  <a:lnTo>
                    <a:pt x="2" y="489"/>
                  </a:lnTo>
                  <a:lnTo>
                    <a:pt x="0" y="489"/>
                  </a:lnTo>
                  <a:lnTo>
                    <a:pt x="17" y="372"/>
                  </a:lnTo>
                  <a:lnTo>
                    <a:pt x="63" y="61"/>
                  </a:lnTo>
                  <a:lnTo>
                    <a:pt x="76" y="0"/>
                  </a:lnTo>
                  <a:lnTo>
                    <a:pt x="98" y="3"/>
                  </a:lnTo>
                  <a:lnTo>
                    <a:pt x="122" y="7"/>
                  </a:lnTo>
                  <a:lnTo>
                    <a:pt x="146" y="12"/>
                  </a:lnTo>
                  <a:lnTo>
                    <a:pt x="171" y="15"/>
                  </a:lnTo>
                  <a:lnTo>
                    <a:pt x="195" y="19"/>
                  </a:lnTo>
                  <a:lnTo>
                    <a:pt x="220" y="22"/>
                  </a:lnTo>
                  <a:lnTo>
                    <a:pt x="246" y="25"/>
                  </a:lnTo>
                  <a:lnTo>
                    <a:pt x="271" y="29"/>
                  </a:lnTo>
                  <a:lnTo>
                    <a:pt x="296" y="32"/>
                  </a:lnTo>
                  <a:lnTo>
                    <a:pt x="323" y="34"/>
                  </a:lnTo>
                  <a:lnTo>
                    <a:pt x="349" y="37"/>
                  </a:lnTo>
                  <a:lnTo>
                    <a:pt x="373" y="41"/>
                  </a:lnTo>
                  <a:lnTo>
                    <a:pt x="398" y="44"/>
                  </a:lnTo>
                  <a:lnTo>
                    <a:pt x="422" y="46"/>
                  </a:lnTo>
                  <a:lnTo>
                    <a:pt x="445" y="49"/>
                  </a:lnTo>
                  <a:lnTo>
                    <a:pt x="469" y="51"/>
                  </a:lnTo>
                  <a:lnTo>
                    <a:pt x="493" y="52"/>
                  </a:lnTo>
                  <a:lnTo>
                    <a:pt x="515" y="56"/>
                  </a:lnTo>
                  <a:lnTo>
                    <a:pt x="535" y="58"/>
                  </a:lnTo>
                  <a:lnTo>
                    <a:pt x="555" y="59"/>
                  </a:lnTo>
                  <a:lnTo>
                    <a:pt x="574" y="61"/>
                  </a:lnTo>
                  <a:lnTo>
                    <a:pt x="591" y="63"/>
                  </a:lnTo>
                  <a:lnTo>
                    <a:pt x="608" y="64"/>
                  </a:lnTo>
                  <a:lnTo>
                    <a:pt x="623" y="66"/>
                  </a:lnTo>
                  <a:lnTo>
                    <a:pt x="637" y="66"/>
                  </a:lnTo>
                  <a:lnTo>
                    <a:pt x="648" y="68"/>
                  </a:lnTo>
                  <a:lnTo>
                    <a:pt x="659" y="68"/>
                  </a:lnTo>
                  <a:lnTo>
                    <a:pt x="667" y="69"/>
                  </a:lnTo>
                  <a:lnTo>
                    <a:pt x="675" y="69"/>
                  </a:lnTo>
                  <a:lnTo>
                    <a:pt x="681" y="69"/>
                  </a:lnTo>
                  <a:lnTo>
                    <a:pt x="684" y="71"/>
                  </a:lnTo>
                  <a:lnTo>
                    <a:pt x="662" y="320"/>
                  </a:lnTo>
                  <a:lnTo>
                    <a:pt x="640" y="570"/>
                  </a:lnTo>
                  <a:lnTo>
                    <a:pt x="635" y="570"/>
                  </a:lnTo>
                  <a:lnTo>
                    <a:pt x="630" y="569"/>
                  </a:lnTo>
                  <a:lnTo>
                    <a:pt x="621" y="569"/>
                  </a:lnTo>
                  <a:lnTo>
                    <a:pt x="611" y="567"/>
                  </a:lnTo>
                  <a:lnTo>
                    <a:pt x="599" y="565"/>
                  </a:lnTo>
                  <a:lnTo>
                    <a:pt x="586" y="565"/>
                  </a:lnTo>
                  <a:lnTo>
                    <a:pt x="571" y="564"/>
                  </a:lnTo>
                  <a:lnTo>
                    <a:pt x="555" y="562"/>
                  </a:lnTo>
                  <a:lnTo>
                    <a:pt x="538" y="558"/>
                  </a:lnTo>
                  <a:lnTo>
                    <a:pt x="520" y="557"/>
                  </a:lnTo>
                  <a:lnTo>
                    <a:pt x="501" y="555"/>
                  </a:lnTo>
                  <a:lnTo>
                    <a:pt x="481" y="553"/>
                  </a:lnTo>
                  <a:lnTo>
                    <a:pt x="461" y="552"/>
                  </a:lnTo>
                  <a:lnTo>
                    <a:pt x="439" y="548"/>
                  </a:lnTo>
                  <a:lnTo>
                    <a:pt x="418" y="547"/>
                  </a:lnTo>
                  <a:lnTo>
                    <a:pt x="396" y="545"/>
                  </a:lnTo>
                  <a:lnTo>
                    <a:pt x="376" y="542"/>
                  </a:lnTo>
                  <a:lnTo>
                    <a:pt x="356" y="540"/>
                  </a:lnTo>
                  <a:lnTo>
                    <a:pt x="335" y="536"/>
                  </a:lnTo>
                  <a:lnTo>
                    <a:pt x="315" y="535"/>
                  </a:lnTo>
                  <a:lnTo>
                    <a:pt x="296" y="533"/>
                  </a:lnTo>
                  <a:lnTo>
                    <a:pt x="278" y="531"/>
                  </a:lnTo>
                  <a:lnTo>
                    <a:pt x="261" y="528"/>
                  </a:lnTo>
                  <a:lnTo>
                    <a:pt x="246" y="526"/>
                  </a:lnTo>
                  <a:lnTo>
                    <a:pt x="230" y="525"/>
                  </a:lnTo>
                  <a:lnTo>
                    <a:pt x="217" y="523"/>
                  </a:lnTo>
                  <a:lnTo>
                    <a:pt x="207" y="523"/>
                  </a:lnTo>
                  <a:lnTo>
                    <a:pt x="197" y="521"/>
                  </a:lnTo>
                  <a:lnTo>
                    <a:pt x="188" y="520"/>
                  </a:lnTo>
                  <a:lnTo>
                    <a:pt x="183" y="520"/>
                  </a:lnTo>
                  <a:lnTo>
                    <a:pt x="180" y="518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589" name="Group 126"/>
            <p:cNvGrpSpPr>
              <a:grpSpLocks/>
            </p:cNvGrpSpPr>
            <p:nvPr/>
          </p:nvGrpSpPr>
          <p:grpSpPr bwMode="auto">
            <a:xfrm>
              <a:off x="3179" y="1296"/>
              <a:ext cx="723" cy="681"/>
              <a:chOff x="3132" y="1095"/>
              <a:chExt cx="724" cy="681"/>
            </a:xfrm>
          </p:grpSpPr>
          <p:sp>
            <p:nvSpPr>
              <p:cNvPr id="652" name="Freeform 127"/>
              <p:cNvSpPr>
                <a:spLocks/>
              </p:cNvSpPr>
              <p:nvPr/>
            </p:nvSpPr>
            <p:spPr bwMode="auto">
              <a:xfrm>
                <a:off x="3132" y="1095"/>
                <a:ext cx="548" cy="284"/>
              </a:xfrm>
              <a:custGeom>
                <a:avLst/>
                <a:gdLst>
                  <a:gd name="T0" fmla="*/ 12 w 564"/>
                  <a:gd name="T1" fmla="*/ 83 h 293"/>
                  <a:gd name="T2" fmla="*/ 17 w 564"/>
                  <a:gd name="T3" fmla="*/ 98 h 293"/>
                  <a:gd name="T4" fmla="*/ 27 w 564"/>
                  <a:gd name="T5" fmla="*/ 104 h 293"/>
                  <a:gd name="T6" fmla="*/ 45 w 564"/>
                  <a:gd name="T7" fmla="*/ 104 h 293"/>
                  <a:gd name="T8" fmla="*/ 79 w 564"/>
                  <a:gd name="T9" fmla="*/ 112 h 293"/>
                  <a:gd name="T10" fmla="*/ 104 w 564"/>
                  <a:gd name="T11" fmla="*/ 122 h 293"/>
                  <a:gd name="T12" fmla="*/ 137 w 564"/>
                  <a:gd name="T13" fmla="*/ 125 h 293"/>
                  <a:gd name="T14" fmla="*/ 149 w 564"/>
                  <a:gd name="T15" fmla="*/ 137 h 293"/>
                  <a:gd name="T16" fmla="*/ 156 w 564"/>
                  <a:gd name="T17" fmla="*/ 160 h 293"/>
                  <a:gd name="T18" fmla="*/ 154 w 564"/>
                  <a:gd name="T19" fmla="*/ 172 h 293"/>
                  <a:gd name="T20" fmla="*/ 168 w 564"/>
                  <a:gd name="T21" fmla="*/ 184 h 293"/>
                  <a:gd name="T22" fmla="*/ 178 w 564"/>
                  <a:gd name="T23" fmla="*/ 181 h 293"/>
                  <a:gd name="T24" fmla="*/ 182 w 564"/>
                  <a:gd name="T25" fmla="*/ 172 h 293"/>
                  <a:gd name="T26" fmla="*/ 193 w 564"/>
                  <a:gd name="T27" fmla="*/ 151 h 293"/>
                  <a:gd name="T28" fmla="*/ 200 w 564"/>
                  <a:gd name="T29" fmla="*/ 139 h 293"/>
                  <a:gd name="T30" fmla="*/ 206 w 564"/>
                  <a:gd name="T31" fmla="*/ 122 h 293"/>
                  <a:gd name="T32" fmla="*/ 206 w 564"/>
                  <a:gd name="T33" fmla="*/ 132 h 293"/>
                  <a:gd name="T34" fmla="*/ 218 w 564"/>
                  <a:gd name="T35" fmla="*/ 125 h 293"/>
                  <a:gd name="T36" fmla="*/ 229 w 564"/>
                  <a:gd name="T37" fmla="*/ 127 h 293"/>
                  <a:gd name="T38" fmla="*/ 224 w 564"/>
                  <a:gd name="T39" fmla="*/ 139 h 293"/>
                  <a:gd name="T40" fmla="*/ 229 w 564"/>
                  <a:gd name="T41" fmla="*/ 137 h 293"/>
                  <a:gd name="T42" fmla="*/ 244 w 564"/>
                  <a:gd name="T43" fmla="*/ 125 h 293"/>
                  <a:gd name="T44" fmla="*/ 250 w 564"/>
                  <a:gd name="T45" fmla="*/ 111 h 293"/>
                  <a:gd name="T46" fmla="*/ 287 w 564"/>
                  <a:gd name="T47" fmla="*/ 98 h 293"/>
                  <a:gd name="T48" fmla="*/ 315 w 564"/>
                  <a:gd name="T49" fmla="*/ 101 h 293"/>
                  <a:gd name="T50" fmla="*/ 335 w 564"/>
                  <a:gd name="T51" fmla="*/ 114 h 293"/>
                  <a:gd name="T52" fmla="*/ 334 w 564"/>
                  <a:gd name="T53" fmla="*/ 101 h 293"/>
                  <a:gd name="T54" fmla="*/ 341 w 564"/>
                  <a:gd name="T55" fmla="*/ 97 h 293"/>
                  <a:gd name="T56" fmla="*/ 351 w 564"/>
                  <a:gd name="T57" fmla="*/ 98 h 293"/>
                  <a:gd name="T58" fmla="*/ 373 w 564"/>
                  <a:gd name="T59" fmla="*/ 94 h 293"/>
                  <a:gd name="T60" fmla="*/ 360 w 564"/>
                  <a:gd name="T61" fmla="*/ 79 h 293"/>
                  <a:gd name="T62" fmla="*/ 357 w 564"/>
                  <a:gd name="T63" fmla="*/ 65 h 293"/>
                  <a:gd name="T64" fmla="*/ 347 w 564"/>
                  <a:gd name="T65" fmla="*/ 63 h 293"/>
                  <a:gd name="T66" fmla="*/ 331 w 564"/>
                  <a:gd name="T67" fmla="*/ 64 h 293"/>
                  <a:gd name="T68" fmla="*/ 309 w 564"/>
                  <a:gd name="T69" fmla="*/ 46 h 293"/>
                  <a:gd name="T70" fmla="*/ 304 w 564"/>
                  <a:gd name="T71" fmla="*/ 42 h 293"/>
                  <a:gd name="T72" fmla="*/ 290 w 564"/>
                  <a:gd name="T73" fmla="*/ 46 h 293"/>
                  <a:gd name="T74" fmla="*/ 264 w 564"/>
                  <a:gd name="T75" fmla="*/ 53 h 293"/>
                  <a:gd name="T76" fmla="*/ 247 w 564"/>
                  <a:gd name="T77" fmla="*/ 54 h 293"/>
                  <a:gd name="T78" fmla="*/ 212 w 564"/>
                  <a:gd name="T79" fmla="*/ 76 h 293"/>
                  <a:gd name="T80" fmla="*/ 203 w 564"/>
                  <a:gd name="T81" fmla="*/ 72 h 293"/>
                  <a:gd name="T82" fmla="*/ 190 w 564"/>
                  <a:gd name="T83" fmla="*/ 75 h 293"/>
                  <a:gd name="T84" fmla="*/ 170 w 564"/>
                  <a:gd name="T85" fmla="*/ 65 h 293"/>
                  <a:gd name="T86" fmla="*/ 151 w 564"/>
                  <a:gd name="T87" fmla="*/ 45 h 293"/>
                  <a:gd name="T88" fmla="*/ 127 w 564"/>
                  <a:gd name="T89" fmla="*/ 52 h 293"/>
                  <a:gd name="T90" fmla="*/ 130 w 564"/>
                  <a:gd name="T91" fmla="*/ 44 h 293"/>
                  <a:gd name="T92" fmla="*/ 117 w 564"/>
                  <a:gd name="T93" fmla="*/ 52 h 293"/>
                  <a:gd name="T94" fmla="*/ 113 w 564"/>
                  <a:gd name="T95" fmla="*/ 42 h 293"/>
                  <a:gd name="T96" fmla="*/ 108 w 564"/>
                  <a:gd name="T97" fmla="*/ 40 h 293"/>
                  <a:gd name="T98" fmla="*/ 111 w 564"/>
                  <a:gd name="T99" fmla="*/ 35 h 293"/>
                  <a:gd name="T100" fmla="*/ 113 w 564"/>
                  <a:gd name="T101" fmla="*/ 35 h 293"/>
                  <a:gd name="T102" fmla="*/ 114 w 564"/>
                  <a:gd name="T103" fmla="*/ 39 h 293"/>
                  <a:gd name="T104" fmla="*/ 117 w 564"/>
                  <a:gd name="T105" fmla="*/ 37 h 293"/>
                  <a:gd name="T106" fmla="*/ 142 w 564"/>
                  <a:gd name="T107" fmla="*/ 8 h 293"/>
                  <a:gd name="T108" fmla="*/ 152 w 564"/>
                  <a:gd name="T109" fmla="*/ 3 h 293"/>
                  <a:gd name="T110" fmla="*/ 132 w 564"/>
                  <a:gd name="T111" fmla="*/ 2 h 293"/>
                  <a:gd name="T112" fmla="*/ 104 w 564"/>
                  <a:gd name="T113" fmla="*/ 20 h 293"/>
                  <a:gd name="T114" fmla="*/ 87 w 564"/>
                  <a:gd name="T115" fmla="*/ 38 h 293"/>
                  <a:gd name="T116" fmla="*/ 74 w 564"/>
                  <a:gd name="T117" fmla="*/ 46 h 293"/>
                  <a:gd name="T118" fmla="*/ 55 w 564"/>
                  <a:gd name="T119" fmla="*/ 59 h 293"/>
                  <a:gd name="T120" fmla="*/ 42 w 564"/>
                  <a:gd name="T121" fmla="*/ 61 h 293"/>
                  <a:gd name="T122" fmla="*/ 17 w 564"/>
                  <a:gd name="T123" fmla="*/ 76 h 293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w 564"/>
                  <a:gd name="T187" fmla="*/ 0 h 293"/>
                  <a:gd name="T188" fmla="*/ 564 w 564"/>
                  <a:gd name="T189" fmla="*/ 293 h 293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T186" t="T187" r="T188" b="T189"/>
                <a:pathLst>
                  <a:path w="564" h="293">
                    <a:moveTo>
                      <a:pt x="0" y="129"/>
                    </a:moveTo>
                    <a:lnTo>
                      <a:pt x="2" y="129"/>
                    </a:lnTo>
                    <a:lnTo>
                      <a:pt x="4" y="129"/>
                    </a:lnTo>
                    <a:lnTo>
                      <a:pt x="6" y="129"/>
                    </a:lnTo>
                    <a:lnTo>
                      <a:pt x="9" y="129"/>
                    </a:lnTo>
                    <a:lnTo>
                      <a:pt x="12" y="129"/>
                    </a:lnTo>
                    <a:lnTo>
                      <a:pt x="17" y="130"/>
                    </a:lnTo>
                    <a:lnTo>
                      <a:pt x="21" y="135"/>
                    </a:lnTo>
                    <a:lnTo>
                      <a:pt x="26" y="140"/>
                    </a:lnTo>
                    <a:lnTo>
                      <a:pt x="29" y="149"/>
                    </a:lnTo>
                    <a:lnTo>
                      <a:pt x="31" y="151"/>
                    </a:lnTo>
                    <a:lnTo>
                      <a:pt x="31" y="152"/>
                    </a:lnTo>
                    <a:lnTo>
                      <a:pt x="34" y="154"/>
                    </a:lnTo>
                    <a:lnTo>
                      <a:pt x="36" y="156"/>
                    </a:lnTo>
                    <a:lnTo>
                      <a:pt x="38" y="157"/>
                    </a:lnTo>
                    <a:lnTo>
                      <a:pt x="39" y="159"/>
                    </a:lnTo>
                    <a:lnTo>
                      <a:pt x="41" y="159"/>
                    </a:lnTo>
                    <a:lnTo>
                      <a:pt x="41" y="161"/>
                    </a:lnTo>
                    <a:lnTo>
                      <a:pt x="44" y="161"/>
                    </a:lnTo>
                    <a:lnTo>
                      <a:pt x="48" y="161"/>
                    </a:lnTo>
                    <a:lnTo>
                      <a:pt x="53" y="161"/>
                    </a:lnTo>
                    <a:lnTo>
                      <a:pt x="60" y="162"/>
                    </a:lnTo>
                    <a:lnTo>
                      <a:pt x="66" y="162"/>
                    </a:lnTo>
                    <a:lnTo>
                      <a:pt x="75" y="164"/>
                    </a:lnTo>
                    <a:lnTo>
                      <a:pt x="83" y="166"/>
                    </a:lnTo>
                    <a:lnTo>
                      <a:pt x="92" y="168"/>
                    </a:lnTo>
                    <a:lnTo>
                      <a:pt x="100" y="169"/>
                    </a:lnTo>
                    <a:lnTo>
                      <a:pt x="109" y="171"/>
                    </a:lnTo>
                    <a:lnTo>
                      <a:pt x="117" y="174"/>
                    </a:lnTo>
                    <a:lnTo>
                      <a:pt x="126" y="176"/>
                    </a:lnTo>
                    <a:lnTo>
                      <a:pt x="132" y="179"/>
                    </a:lnTo>
                    <a:lnTo>
                      <a:pt x="139" y="183"/>
                    </a:lnTo>
                    <a:lnTo>
                      <a:pt x="146" y="186"/>
                    </a:lnTo>
                    <a:lnTo>
                      <a:pt x="148" y="186"/>
                    </a:lnTo>
                    <a:lnTo>
                      <a:pt x="154" y="188"/>
                    </a:lnTo>
                    <a:lnTo>
                      <a:pt x="165" y="190"/>
                    </a:lnTo>
                    <a:lnTo>
                      <a:pt x="175" y="190"/>
                    </a:lnTo>
                    <a:lnTo>
                      <a:pt x="185" y="191"/>
                    </a:lnTo>
                    <a:lnTo>
                      <a:pt x="193" y="193"/>
                    </a:lnTo>
                    <a:lnTo>
                      <a:pt x="200" y="193"/>
                    </a:lnTo>
                    <a:lnTo>
                      <a:pt x="204" y="193"/>
                    </a:lnTo>
                    <a:lnTo>
                      <a:pt x="207" y="198"/>
                    </a:lnTo>
                    <a:lnTo>
                      <a:pt x="210" y="210"/>
                    </a:lnTo>
                    <a:lnTo>
                      <a:pt x="212" y="210"/>
                    </a:lnTo>
                    <a:lnTo>
                      <a:pt x="214" y="210"/>
                    </a:lnTo>
                    <a:lnTo>
                      <a:pt x="219" y="210"/>
                    </a:lnTo>
                    <a:lnTo>
                      <a:pt x="222" y="212"/>
                    </a:lnTo>
                    <a:lnTo>
                      <a:pt x="227" y="215"/>
                    </a:lnTo>
                    <a:lnTo>
                      <a:pt x="231" y="222"/>
                    </a:lnTo>
                    <a:lnTo>
                      <a:pt x="234" y="230"/>
                    </a:lnTo>
                    <a:lnTo>
                      <a:pt x="236" y="242"/>
                    </a:lnTo>
                    <a:lnTo>
                      <a:pt x="236" y="244"/>
                    </a:lnTo>
                    <a:lnTo>
                      <a:pt x="234" y="247"/>
                    </a:lnTo>
                    <a:lnTo>
                      <a:pt x="234" y="250"/>
                    </a:lnTo>
                    <a:lnTo>
                      <a:pt x="234" y="256"/>
                    </a:lnTo>
                    <a:lnTo>
                      <a:pt x="232" y="259"/>
                    </a:lnTo>
                    <a:lnTo>
                      <a:pt x="232" y="262"/>
                    </a:lnTo>
                    <a:lnTo>
                      <a:pt x="231" y="266"/>
                    </a:lnTo>
                    <a:lnTo>
                      <a:pt x="253" y="266"/>
                    </a:lnTo>
                    <a:lnTo>
                      <a:pt x="253" y="267"/>
                    </a:lnTo>
                    <a:lnTo>
                      <a:pt x="251" y="269"/>
                    </a:lnTo>
                    <a:lnTo>
                      <a:pt x="251" y="274"/>
                    </a:lnTo>
                    <a:lnTo>
                      <a:pt x="251" y="279"/>
                    </a:lnTo>
                    <a:lnTo>
                      <a:pt x="251" y="284"/>
                    </a:lnTo>
                    <a:lnTo>
                      <a:pt x="253" y="288"/>
                    </a:lnTo>
                    <a:lnTo>
                      <a:pt x="256" y="291"/>
                    </a:lnTo>
                    <a:lnTo>
                      <a:pt x="261" y="293"/>
                    </a:lnTo>
                    <a:lnTo>
                      <a:pt x="266" y="279"/>
                    </a:lnTo>
                    <a:lnTo>
                      <a:pt x="266" y="281"/>
                    </a:lnTo>
                    <a:lnTo>
                      <a:pt x="266" y="279"/>
                    </a:lnTo>
                    <a:lnTo>
                      <a:pt x="266" y="278"/>
                    </a:lnTo>
                    <a:lnTo>
                      <a:pt x="268" y="274"/>
                    </a:lnTo>
                    <a:lnTo>
                      <a:pt x="270" y="271"/>
                    </a:lnTo>
                    <a:lnTo>
                      <a:pt x="271" y="266"/>
                    </a:lnTo>
                    <a:lnTo>
                      <a:pt x="275" y="261"/>
                    </a:lnTo>
                    <a:lnTo>
                      <a:pt x="276" y="256"/>
                    </a:lnTo>
                    <a:lnTo>
                      <a:pt x="280" y="250"/>
                    </a:lnTo>
                    <a:lnTo>
                      <a:pt x="283" y="245"/>
                    </a:lnTo>
                    <a:lnTo>
                      <a:pt x="286" y="239"/>
                    </a:lnTo>
                    <a:lnTo>
                      <a:pt x="288" y="234"/>
                    </a:lnTo>
                    <a:lnTo>
                      <a:pt x="292" y="228"/>
                    </a:lnTo>
                    <a:lnTo>
                      <a:pt x="293" y="225"/>
                    </a:lnTo>
                    <a:lnTo>
                      <a:pt x="297" y="220"/>
                    </a:lnTo>
                    <a:lnTo>
                      <a:pt x="298" y="218"/>
                    </a:lnTo>
                    <a:lnTo>
                      <a:pt x="298" y="217"/>
                    </a:lnTo>
                    <a:lnTo>
                      <a:pt x="300" y="215"/>
                    </a:lnTo>
                    <a:lnTo>
                      <a:pt x="300" y="206"/>
                    </a:lnTo>
                    <a:lnTo>
                      <a:pt x="302" y="198"/>
                    </a:lnTo>
                    <a:lnTo>
                      <a:pt x="303" y="193"/>
                    </a:lnTo>
                    <a:lnTo>
                      <a:pt x="305" y="191"/>
                    </a:lnTo>
                    <a:lnTo>
                      <a:pt x="307" y="188"/>
                    </a:lnTo>
                    <a:lnTo>
                      <a:pt x="308" y="188"/>
                    </a:lnTo>
                    <a:lnTo>
                      <a:pt x="310" y="188"/>
                    </a:lnTo>
                    <a:lnTo>
                      <a:pt x="308" y="191"/>
                    </a:lnTo>
                    <a:lnTo>
                      <a:pt x="308" y="195"/>
                    </a:lnTo>
                    <a:lnTo>
                      <a:pt x="308" y="198"/>
                    </a:lnTo>
                    <a:lnTo>
                      <a:pt x="308" y="203"/>
                    </a:lnTo>
                    <a:lnTo>
                      <a:pt x="308" y="206"/>
                    </a:lnTo>
                    <a:lnTo>
                      <a:pt x="308" y="210"/>
                    </a:lnTo>
                    <a:lnTo>
                      <a:pt x="310" y="213"/>
                    </a:lnTo>
                    <a:lnTo>
                      <a:pt x="327" y="201"/>
                    </a:lnTo>
                    <a:lnTo>
                      <a:pt x="327" y="193"/>
                    </a:lnTo>
                    <a:lnTo>
                      <a:pt x="336" y="191"/>
                    </a:lnTo>
                    <a:lnTo>
                      <a:pt x="341" y="186"/>
                    </a:lnTo>
                    <a:lnTo>
                      <a:pt x="346" y="191"/>
                    </a:lnTo>
                    <a:lnTo>
                      <a:pt x="344" y="191"/>
                    </a:lnTo>
                    <a:lnTo>
                      <a:pt x="344" y="193"/>
                    </a:lnTo>
                    <a:lnTo>
                      <a:pt x="342" y="196"/>
                    </a:lnTo>
                    <a:lnTo>
                      <a:pt x="341" y="198"/>
                    </a:lnTo>
                    <a:lnTo>
                      <a:pt x="339" y="201"/>
                    </a:lnTo>
                    <a:lnTo>
                      <a:pt x="336" y="205"/>
                    </a:lnTo>
                    <a:lnTo>
                      <a:pt x="336" y="208"/>
                    </a:lnTo>
                    <a:lnTo>
                      <a:pt x="336" y="210"/>
                    </a:lnTo>
                    <a:lnTo>
                      <a:pt x="336" y="215"/>
                    </a:lnTo>
                    <a:lnTo>
                      <a:pt x="336" y="218"/>
                    </a:lnTo>
                    <a:lnTo>
                      <a:pt x="337" y="218"/>
                    </a:lnTo>
                    <a:lnTo>
                      <a:pt x="339" y="217"/>
                    </a:lnTo>
                    <a:lnTo>
                      <a:pt x="341" y="215"/>
                    </a:lnTo>
                    <a:lnTo>
                      <a:pt x="342" y="213"/>
                    </a:lnTo>
                    <a:lnTo>
                      <a:pt x="342" y="212"/>
                    </a:lnTo>
                    <a:lnTo>
                      <a:pt x="344" y="210"/>
                    </a:lnTo>
                    <a:lnTo>
                      <a:pt x="354" y="198"/>
                    </a:lnTo>
                    <a:lnTo>
                      <a:pt x="356" y="198"/>
                    </a:lnTo>
                    <a:lnTo>
                      <a:pt x="359" y="196"/>
                    </a:lnTo>
                    <a:lnTo>
                      <a:pt x="363" y="193"/>
                    </a:lnTo>
                    <a:lnTo>
                      <a:pt x="364" y="193"/>
                    </a:lnTo>
                    <a:lnTo>
                      <a:pt x="363" y="188"/>
                    </a:lnTo>
                    <a:lnTo>
                      <a:pt x="363" y="183"/>
                    </a:lnTo>
                    <a:lnTo>
                      <a:pt x="364" y="179"/>
                    </a:lnTo>
                    <a:lnTo>
                      <a:pt x="366" y="176"/>
                    </a:lnTo>
                    <a:lnTo>
                      <a:pt x="369" y="174"/>
                    </a:lnTo>
                    <a:lnTo>
                      <a:pt x="373" y="173"/>
                    </a:lnTo>
                    <a:lnTo>
                      <a:pt x="374" y="173"/>
                    </a:lnTo>
                    <a:lnTo>
                      <a:pt x="376" y="171"/>
                    </a:lnTo>
                    <a:lnTo>
                      <a:pt x="400" y="173"/>
                    </a:lnTo>
                    <a:lnTo>
                      <a:pt x="400" y="168"/>
                    </a:lnTo>
                    <a:lnTo>
                      <a:pt x="417" y="168"/>
                    </a:lnTo>
                    <a:lnTo>
                      <a:pt x="429" y="151"/>
                    </a:lnTo>
                    <a:lnTo>
                      <a:pt x="468" y="154"/>
                    </a:lnTo>
                    <a:lnTo>
                      <a:pt x="471" y="157"/>
                    </a:lnTo>
                    <a:lnTo>
                      <a:pt x="474" y="159"/>
                    </a:lnTo>
                    <a:lnTo>
                      <a:pt x="479" y="162"/>
                    </a:lnTo>
                    <a:lnTo>
                      <a:pt x="486" y="168"/>
                    </a:lnTo>
                    <a:lnTo>
                      <a:pt x="493" y="171"/>
                    </a:lnTo>
                    <a:lnTo>
                      <a:pt x="498" y="174"/>
                    </a:lnTo>
                    <a:lnTo>
                      <a:pt x="501" y="176"/>
                    </a:lnTo>
                    <a:lnTo>
                      <a:pt x="503" y="174"/>
                    </a:lnTo>
                    <a:lnTo>
                      <a:pt x="503" y="173"/>
                    </a:lnTo>
                    <a:lnTo>
                      <a:pt x="501" y="171"/>
                    </a:lnTo>
                    <a:lnTo>
                      <a:pt x="501" y="166"/>
                    </a:lnTo>
                    <a:lnTo>
                      <a:pt x="500" y="162"/>
                    </a:lnTo>
                    <a:lnTo>
                      <a:pt x="500" y="157"/>
                    </a:lnTo>
                    <a:lnTo>
                      <a:pt x="501" y="154"/>
                    </a:lnTo>
                    <a:lnTo>
                      <a:pt x="501" y="152"/>
                    </a:lnTo>
                    <a:lnTo>
                      <a:pt x="505" y="151"/>
                    </a:lnTo>
                    <a:lnTo>
                      <a:pt x="506" y="149"/>
                    </a:lnTo>
                    <a:lnTo>
                      <a:pt x="508" y="149"/>
                    </a:lnTo>
                    <a:lnTo>
                      <a:pt x="510" y="149"/>
                    </a:lnTo>
                    <a:lnTo>
                      <a:pt x="510" y="152"/>
                    </a:lnTo>
                    <a:lnTo>
                      <a:pt x="513" y="154"/>
                    </a:lnTo>
                    <a:lnTo>
                      <a:pt x="517" y="154"/>
                    </a:lnTo>
                    <a:lnTo>
                      <a:pt x="520" y="154"/>
                    </a:lnTo>
                    <a:lnTo>
                      <a:pt x="525" y="152"/>
                    </a:lnTo>
                    <a:lnTo>
                      <a:pt x="528" y="151"/>
                    </a:lnTo>
                    <a:lnTo>
                      <a:pt x="532" y="151"/>
                    </a:lnTo>
                    <a:lnTo>
                      <a:pt x="532" y="149"/>
                    </a:lnTo>
                    <a:lnTo>
                      <a:pt x="562" y="149"/>
                    </a:lnTo>
                    <a:lnTo>
                      <a:pt x="564" y="144"/>
                    </a:lnTo>
                    <a:lnTo>
                      <a:pt x="559" y="144"/>
                    </a:lnTo>
                    <a:lnTo>
                      <a:pt x="550" y="129"/>
                    </a:lnTo>
                    <a:lnTo>
                      <a:pt x="537" y="129"/>
                    </a:lnTo>
                    <a:lnTo>
                      <a:pt x="537" y="127"/>
                    </a:lnTo>
                    <a:lnTo>
                      <a:pt x="537" y="125"/>
                    </a:lnTo>
                    <a:lnTo>
                      <a:pt x="537" y="124"/>
                    </a:lnTo>
                    <a:lnTo>
                      <a:pt x="535" y="120"/>
                    </a:lnTo>
                    <a:lnTo>
                      <a:pt x="535" y="118"/>
                    </a:lnTo>
                    <a:lnTo>
                      <a:pt x="535" y="117"/>
                    </a:lnTo>
                    <a:lnTo>
                      <a:pt x="535" y="115"/>
                    </a:lnTo>
                    <a:lnTo>
                      <a:pt x="535" y="105"/>
                    </a:lnTo>
                    <a:lnTo>
                      <a:pt x="534" y="100"/>
                    </a:lnTo>
                    <a:lnTo>
                      <a:pt x="530" y="96"/>
                    </a:lnTo>
                    <a:lnTo>
                      <a:pt x="527" y="95"/>
                    </a:lnTo>
                    <a:lnTo>
                      <a:pt x="523" y="95"/>
                    </a:lnTo>
                    <a:lnTo>
                      <a:pt x="520" y="95"/>
                    </a:lnTo>
                    <a:lnTo>
                      <a:pt x="518" y="96"/>
                    </a:lnTo>
                    <a:lnTo>
                      <a:pt x="513" y="102"/>
                    </a:lnTo>
                    <a:lnTo>
                      <a:pt x="508" y="102"/>
                    </a:lnTo>
                    <a:lnTo>
                      <a:pt x="505" y="102"/>
                    </a:lnTo>
                    <a:lnTo>
                      <a:pt x="501" y="102"/>
                    </a:lnTo>
                    <a:lnTo>
                      <a:pt x="500" y="100"/>
                    </a:lnTo>
                    <a:lnTo>
                      <a:pt x="496" y="98"/>
                    </a:lnTo>
                    <a:lnTo>
                      <a:pt x="496" y="96"/>
                    </a:lnTo>
                    <a:lnTo>
                      <a:pt x="496" y="95"/>
                    </a:lnTo>
                    <a:lnTo>
                      <a:pt x="490" y="102"/>
                    </a:lnTo>
                    <a:lnTo>
                      <a:pt x="468" y="100"/>
                    </a:lnTo>
                    <a:lnTo>
                      <a:pt x="466" y="95"/>
                    </a:lnTo>
                    <a:lnTo>
                      <a:pt x="462" y="73"/>
                    </a:lnTo>
                    <a:lnTo>
                      <a:pt x="466" y="68"/>
                    </a:lnTo>
                    <a:lnTo>
                      <a:pt x="464" y="61"/>
                    </a:lnTo>
                    <a:lnTo>
                      <a:pt x="462" y="63"/>
                    </a:lnTo>
                    <a:lnTo>
                      <a:pt x="459" y="63"/>
                    </a:lnTo>
                    <a:lnTo>
                      <a:pt x="456" y="64"/>
                    </a:lnTo>
                    <a:lnTo>
                      <a:pt x="452" y="66"/>
                    </a:lnTo>
                    <a:lnTo>
                      <a:pt x="449" y="66"/>
                    </a:lnTo>
                    <a:lnTo>
                      <a:pt x="447" y="68"/>
                    </a:lnTo>
                    <a:lnTo>
                      <a:pt x="440" y="71"/>
                    </a:lnTo>
                    <a:lnTo>
                      <a:pt x="434" y="73"/>
                    </a:lnTo>
                    <a:lnTo>
                      <a:pt x="427" y="74"/>
                    </a:lnTo>
                    <a:lnTo>
                      <a:pt x="420" y="78"/>
                    </a:lnTo>
                    <a:lnTo>
                      <a:pt x="413" y="78"/>
                    </a:lnTo>
                    <a:lnTo>
                      <a:pt x="407" y="80"/>
                    </a:lnTo>
                    <a:lnTo>
                      <a:pt x="402" y="81"/>
                    </a:lnTo>
                    <a:lnTo>
                      <a:pt x="395" y="81"/>
                    </a:lnTo>
                    <a:lnTo>
                      <a:pt x="390" y="83"/>
                    </a:lnTo>
                    <a:lnTo>
                      <a:pt x="383" y="83"/>
                    </a:lnTo>
                    <a:lnTo>
                      <a:pt x="380" y="83"/>
                    </a:lnTo>
                    <a:lnTo>
                      <a:pt x="374" y="83"/>
                    </a:lnTo>
                    <a:lnTo>
                      <a:pt x="371" y="83"/>
                    </a:lnTo>
                    <a:lnTo>
                      <a:pt x="369" y="83"/>
                    </a:lnTo>
                    <a:lnTo>
                      <a:pt x="368" y="83"/>
                    </a:lnTo>
                    <a:lnTo>
                      <a:pt x="330" y="118"/>
                    </a:lnTo>
                    <a:lnTo>
                      <a:pt x="324" y="117"/>
                    </a:lnTo>
                    <a:lnTo>
                      <a:pt x="317" y="117"/>
                    </a:lnTo>
                    <a:lnTo>
                      <a:pt x="315" y="117"/>
                    </a:lnTo>
                    <a:lnTo>
                      <a:pt x="312" y="117"/>
                    </a:lnTo>
                    <a:lnTo>
                      <a:pt x="308" y="117"/>
                    </a:lnTo>
                    <a:lnTo>
                      <a:pt x="307" y="117"/>
                    </a:lnTo>
                    <a:lnTo>
                      <a:pt x="305" y="112"/>
                    </a:lnTo>
                    <a:lnTo>
                      <a:pt x="303" y="110"/>
                    </a:lnTo>
                    <a:lnTo>
                      <a:pt x="300" y="108"/>
                    </a:lnTo>
                    <a:lnTo>
                      <a:pt x="297" y="110"/>
                    </a:lnTo>
                    <a:lnTo>
                      <a:pt x="292" y="112"/>
                    </a:lnTo>
                    <a:lnTo>
                      <a:pt x="288" y="113"/>
                    </a:lnTo>
                    <a:lnTo>
                      <a:pt x="286" y="115"/>
                    </a:lnTo>
                    <a:lnTo>
                      <a:pt x="285" y="115"/>
                    </a:lnTo>
                    <a:lnTo>
                      <a:pt x="266" y="115"/>
                    </a:lnTo>
                    <a:lnTo>
                      <a:pt x="263" y="108"/>
                    </a:lnTo>
                    <a:lnTo>
                      <a:pt x="263" y="107"/>
                    </a:lnTo>
                    <a:lnTo>
                      <a:pt x="261" y="105"/>
                    </a:lnTo>
                    <a:lnTo>
                      <a:pt x="258" y="102"/>
                    </a:lnTo>
                    <a:lnTo>
                      <a:pt x="254" y="100"/>
                    </a:lnTo>
                    <a:lnTo>
                      <a:pt x="253" y="96"/>
                    </a:lnTo>
                    <a:lnTo>
                      <a:pt x="249" y="93"/>
                    </a:lnTo>
                    <a:lnTo>
                      <a:pt x="246" y="90"/>
                    </a:lnTo>
                    <a:lnTo>
                      <a:pt x="244" y="88"/>
                    </a:lnTo>
                    <a:lnTo>
                      <a:pt x="236" y="78"/>
                    </a:lnTo>
                    <a:lnTo>
                      <a:pt x="226" y="71"/>
                    </a:lnTo>
                    <a:lnTo>
                      <a:pt x="217" y="69"/>
                    </a:lnTo>
                    <a:lnTo>
                      <a:pt x="209" y="69"/>
                    </a:lnTo>
                    <a:lnTo>
                      <a:pt x="200" y="73"/>
                    </a:lnTo>
                    <a:lnTo>
                      <a:pt x="195" y="76"/>
                    </a:lnTo>
                    <a:lnTo>
                      <a:pt x="192" y="78"/>
                    </a:lnTo>
                    <a:lnTo>
                      <a:pt x="190" y="80"/>
                    </a:lnTo>
                    <a:lnTo>
                      <a:pt x="190" y="78"/>
                    </a:lnTo>
                    <a:lnTo>
                      <a:pt x="192" y="74"/>
                    </a:lnTo>
                    <a:lnTo>
                      <a:pt x="192" y="73"/>
                    </a:lnTo>
                    <a:lnTo>
                      <a:pt x="193" y="71"/>
                    </a:lnTo>
                    <a:lnTo>
                      <a:pt x="193" y="68"/>
                    </a:lnTo>
                    <a:lnTo>
                      <a:pt x="193" y="66"/>
                    </a:lnTo>
                    <a:lnTo>
                      <a:pt x="188" y="68"/>
                    </a:lnTo>
                    <a:lnTo>
                      <a:pt x="183" y="69"/>
                    </a:lnTo>
                    <a:lnTo>
                      <a:pt x="180" y="74"/>
                    </a:lnTo>
                    <a:lnTo>
                      <a:pt x="176" y="80"/>
                    </a:lnTo>
                    <a:lnTo>
                      <a:pt x="173" y="85"/>
                    </a:lnTo>
                    <a:lnTo>
                      <a:pt x="171" y="88"/>
                    </a:lnTo>
                    <a:lnTo>
                      <a:pt x="170" y="91"/>
                    </a:lnTo>
                    <a:lnTo>
                      <a:pt x="168" y="64"/>
                    </a:lnTo>
                    <a:lnTo>
                      <a:pt x="168" y="66"/>
                    </a:lnTo>
                    <a:lnTo>
                      <a:pt x="166" y="66"/>
                    </a:lnTo>
                    <a:lnTo>
                      <a:pt x="165" y="66"/>
                    </a:lnTo>
                    <a:lnTo>
                      <a:pt x="163" y="64"/>
                    </a:lnTo>
                    <a:lnTo>
                      <a:pt x="163" y="63"/>
                    </a:lnTo>
                    <a:lnTo>
                      <a:pt x="161" y="61"/>
                    </a:lnTo>
                    <a:lnTo>
                      <a:pt x="163" y="56"/>
                    </a:lnTo>
                    <a:lnTo>
                      <a:pt x="163" y="52"/>
                    </a:lnTo>
                    <a:lnTo>
                      <a:pt x="165" y="49"/>
                    </a:lnTo>
                    <a:lnTo>
                      <a:pt x="166" y="49"/>
                    </a:lnTo>
                    <a:lnTo>
                      <a:pt x="166" y="51"/>
                    </a:lnTo>
                    <a:lnTo>
                      <a:pt x="168" y="52"/>
                    </a:lnTo>
                    <a:lnTo>
                      <a:pt x="168" y="54"/>
                    </a:lnTo>
                    <a:lnTo>
                      <a:pt x="168" y="52"/>
                    </a:lnTo>
                    <a:lnTo>
                      <a:pt x="168" y="51"/>
                    </a:lnTo>
                    <a:lnTo>
                      <a:pt x="168" y="49"/>
                    </a:lnTo>
                    <a:lnTo>
                      <a:pt x="166" y="47"/>
                    </a:lnTo>
                    <a:lnTo>
                      <a:pt x="168" y="49"/>
                    </a:lnTo>
                    <a:lnTo>
                      <a:pt x="168" y="54"/>
                    </a:lnTo>
                    <a:lnTo>
                      <a:pt x="170" y="59"/>
                    </a:lnTo>
                    <a:lnTo>
                      <a:pt x="171" y="61"/>
                    </a:lnTo>
                    <a:lnTo>
                      <a:pt x="173" y="61"/>
                    </a:lnTo>
                    <a:lnTo>
                      <a:pt x="175" y="61"/>
                    </a:lnTo>
                    <a:lnTo>
                      <a:pt x="175" y="58"/>
                    </a:lnTo>
                    <a:lnTo>
                      <a:pt x="176" y="56"/>
                    </a:lnTo>
                    <a:lnTo>
                      <a:pt x="176" y="54"/>
                    </a:lnTo>
                    <a:lnTo>
                      <a:pt x="185" y="46"/>
                    </a:lnTo>
                    <a:lnTo>
                      <a:pt x="187" y="37"/>
                    </a:lnTo>
                    <a:lnTo>
                      <a:pt x="207" y="19"/>
                    </a:lnTo>
                    <a:lnTo>
                      <a:pt x="214" y="8"/>
                    </a:lnTo>
                    <a:lnTo>
                      <a:pt x="212" y="8"/>
                    </a:lnTo>
                    <a:lnTo>
                      <a:pt x="212" y="10"/>
                    </a:lnTo>
                    <a:lnTo>
                      <a:pt x="214" y="10"/>
                    </a:lnTo>
                    <a:lnTo>
                      <a:pt x="222" y="7"/>
                    </a:lnTo>
                    <a:lnTo>
                      <a:pt x="226" y="5"/>
                    </a:lnTo>
                    <a:lnTo>
                      <a:pt x="227" y="3"/>
                    </a:lnTo>
                    <a:lnTo>
                      <a:pt x="224" y="2"/>
                    </a:lnTo>
                    <a:lnTo>
                      <a:pt x="219" y="2"/>
                    </a:lnTo>
                    <a:lnTo>
                      <a:pt x="215" y="0"/>
                    </a:lnTo>
                    <a:lnTo>
                      <a:pt x="210" y="0"/>
                    </a:lnTo>
                    <a:lnTo>
                      <a:pt x="209" y="0"/>
                    </a:lnTo>
                    <a:lnTo>
                      <a:pt x="197" y="2"/>
                    </a:lnTo>
                    <a:lnTo>
                      <a:pt x="185" y="5"/>
                    </a:lnTo>
                    <a:lnTo>
                      <a:pt x="176" y="12"/>
                    </a:lnTo>
                    <a:lnTo>
                      <a:pt x="168" y="19"/>
                    </a:lnTo>
                    <a:lnTo>
                      <a:pt x="163" y="25"/>
                    </a:lnTo>
                    <a:lnTo>
                      <a:pt x="158" y="30"/>
                    </a:lnTo>
                    <a:lnTo>
                      <a:pt x="154" y="34"/>
                    </a:lnTo>
                    <a:lnTo>
                      <a:pt x="154" y="36"/>
                    </a:lnTo>
                    <a:lnTo>
                      <a:pt x="146" y="37"/>
                    </a:lnTo>
                    <a:lnTo>
                      <a:pt x="141" y="41"/>
                    </a:lnTo>
                    <a:lnTo>
                      <a:pt x="136" y="46"/>
                    </a:lnTo>
                    <a:lnTo>
                      <a:pt x="132" y="51"/>
                    </a:lnTo>
                    <a:lnTo>
                      <a:pt x="131" y="56"/>
                    </a:lnTo>
                    <a:lnTo>
                      <a:pt x="127" y="61"/>
                    </a:lnTo>
                    <a:lnTo>
                      <a:pt x="126" y="64"/>
                    </a:lnTo>
                    <a:lnTo>
                      <a:pt x="122" y="66"/>
                    </a:lnTo>
                    <a:lnTo>
                      <a:pt x="119" y="68"/>
                    </a:lnTo>
                    <a:lnTo>
                      <a:pt x="114" y="69"/>
                    </a:lnTo>
                    <a:lnTo>
                      <a:pt x="109" y="73"/>
                    </a:lnTo>
                    <a:lnTo>
                      <a:pt x="104" y="78"/>
                    </a:lnTo>
                    <a:lnTo>
                      <a:pt x="99" y="81"/>
                    </a:lnTo>
                    <a:lnTo>
                      <a:pt x="95" y="85"/>
                    </a:lnTo>
                    <a:lnTo>
                      <a:pt x="92" y="88"/>
                    </a:lnTo>
                    <a:lnTo>
                      <a:pt x="92" y="90"/>
                    </a:lnTo>
                    <a:lnTo>
                      <a:pt x="83" y="90"/>
                    </a:lnTo>
                    <a:lnTo>
                      <a:pt x="73" y="90"/>
                    </a:lnTo>
                    <a:lnTo>
                      <a:pt x="73" y="91"/>
                    </a:lnTo>
                    <a:lnTo>
                      <a:pt x="70" y="91"/>
                    </a:lnTo>
                    <a:lnTo>
                      <a:pt x="66" y="91"/>
                    </a:lnTo>
                    <a:lnTo>
                      <a:pt x="65" y="93"/>
                    </a:lnTo>
                    <a:lnTo>
                      <a:pt x="60" y="93"/>
                    </a:lnTo>
                    <a:lnTo>
                      <a:pt x="56" y="95"/>
                    </a:lnTo>
                    <a:lnTo>
                      <a:pt x="55" y="96"/>
                    </a:lnTo>
                    <a:lnTo>
                      <a:pt x="53" y="96"/>
                    </a:lnTo>
                    <a:lnTo>
                      <a:pt x="46" y="105"/>
                    </a:lnTo>
                    <a:lnTo>
                      <a:pt x="38" y="112"/>
                    </a:lnTo>
                    <a:lnTo>
                      <a:pt x="29" y="117"/>
                    </a:lnTo>
                    <a:lnTo>
                      <a:pt x="21" y="120"/>
                    </a:lnTo>
                    <a:lnTo>
                      <a:pt x="12" y="124"/>
                    </a:lnTo>
                    <a:lnTo>
                      <a:pt x="7" y="127"/>
                    </a:lnTo>
                    <a:lnTo>
                      <a:pt x="2" y="127"/>
                    </a:lnTo>
                    <a:lnTo>
                      <a:pt x="0" y="129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53" name="Freeform 128"/>
              <p:cNvSpPr>
                <a:spLocks/>
              </p:cNvSpPr>
              <p:nvPr/>
            </p:nvSpPr>
            <p:spPr bwMode="auto">
              <a:xfrm>
                <a:off x="3490" y="1273"/>
                <a:ext cx="366" cy="503"/>
              </a:xfrm>
              <a:custGeom>
                <a:avLst/>
                <a:gdLst>
                  <a:gd name="T0" fmla="*/ 211 w 377"/>
                  <a:gd name="T1" fmla="*/ 296 h 519"/>
                  <a:gd name="T2" fmla="*/ 216 w 377"/>
                  <a:gd name="T3" fmla="*/ 272 h 519"/>
                  <a:gd name="T4" fmla="*/ 230 w 377"/>
                  <a:gd name="T5" fmla="*/ 256 h 519"/>
                  <a:gd name="T6" fmla="*/ 236 w 377"/>
                  <a:gd name="T7" fmla="*/ 241 h 519"/>
                  <a:gd name="T8" fmla="*/ 237 w 377"/>
                  <a:gd name="T9" fmla="*/ 233 h 519"/>
                  <a:gd name="T10" fmla="*/ 244 w 377"/>
                  <a:gd name="T11" fmla="*/ 236 h 519"/>
                  <a:gd name="T12" fmla="*/ 248 w 377"/>
                  <a:gd name="T13" fmla="*/ 233 h 519"/>
                  <a:gd name="T14" fmla="*/ 250 w 377"/>
                  <a:gd name="T15" fmla="*/ 204 h 519"/>
                  <a:gd name="T16" fmla="*/ 229 w 377"/>
                  <a:gd name="T17" fmla="*/ 139 h 519"/>
                  <a:gd name="T18" fmla="*/ 214 w 377"/>
                  <a:gd name="T19" fmla="*/ 122 h 519"/>
                  <a:gd name="T20" fmla="*/ 204 w 377"/>
                  <a:gd name="T21" fmla="*/ 128 h 519"/>
                  <a:gd name="T22" fmla="*/ 192 w 377"/>
                  <a:gd name="T23" fmla="*/ 133 h 519"/>
                  <a:gd name="T24" fmla="*/ 186 w 377"/>
                  <a:gd name="T25" fmla="*/ 148 h 519"/>
                  <a:gd name="T26" fmla="*/ 176 w 377"/>
                  <a:gd name="T27" fmla="*/ 162 h 519"/>
                  <a:gd name="T28" fmla="*/ 172 w 377"/>
                  <a:gd name="T29" fmla="*/ 168 h 519"/>
                  <a:gd name="T30" fmla="*/ 166 w 377"/>
                  <a:gd name="T31" fmla="*/ 166 h 519"/>
                  <a:gd name="T32" fmla="*/ 153 w 377"/>
                  <a:gd name="T33" fmla="*/ 155 h 519"/>
                  <a:gd name="T34" fmla="*/ 156 w 377"/>
                  <a:gd name="T35" fmla="*/ 139 h 519"/>
                  <a:gd name="T36" fmla="*/ 164 w 377"/>
                  <a:gd name="T37" fmla="*/ 135 h 519"/>
                  <a:gd name="T38" fmla="*/ 182 w 377"/>
                  <a:gd name="T39" fmla="*/ 98 h 519"/>
                  <a:gd name="T40" fmla="*/ 182 w 377"/>
                  <a:gd name="T41" fmla="*/ 76 h 519"/>
                  <a:gd name="T42" fmla="*/ 173 w 377"/>
                  <a:gd name="T43" fmla="*/ 59 h 519"/>
                  <a:gd name="T44" fmla="*/ 169 w 377"/>
                  <a:gd name="T45" fmla="*/ 47 h 519"/>
                  <a:gd name="T46" fmla="*/ 178 w 377"/>
                  <a:gd name="T47" fmla="*/ 48 h 519"/>
                  <a:gd name="T48" fmla="*/ 164 w 377"/>
                  <a:gd name="T49" fmla="*/ 26 h 519"/>
                  <a:gd name="T50" fmla="*/ 140 w 377"/>
                  <a:gd name="T51" fmla="*/ 16 h 519"/>
                  <a:gd name="T52" fmla="*/ 91 w 377"/>
                  <a:gd name="T53" fmla="*/ 0 h 519"/>
                  <a:gd name="T54" fmla="*/ 77 w 377"/>
                  <a:gd name="T55" fmla="*/ 10 h 519"/>
                  <a:gd name="T56" fmla="*/ 71 w 377"/>
                  <a:gd name="T57" fmla="*/ 23 h 519"/>
                  <a:gd name="T58" fmla="*/ 79 w 377"/>
                  <a:gd name="T59" fmla="*/ 33 h 519"/>
                  <a:gd name="T60" fmla="*/ 72 w 377"/>
                  <a:gd name="T61" fmla="*/ 37 h 519"/>
                  <a:gd name="T62" fmla="*/ 57 w 377"/>
                  <a:gd name="T63" fmla="*/ 46 h 519"/>
                  <a:gd name="T64" fmla="*/ 59 w 377"/>
                  <a:gd name="T65" fmla="*/ 66 h 519"/>
                  <a:gd name="T66" fmla="*/ 55 w 377"/>
                  <a:gd name="T67" fmla="*/ 81 h 519"/>
                  <a:gd name="T68" fmla="*/ 47 w 377"/>
                  <a:gd name="T69" fmla="*/ 85 h 519"/>
                  <a:gd name="T70" fmla="*/ 47 w 377"/>
                  <a:gd name="T71" fmla="*/ 69 h 519"/>
                  <a:gd name="T72" fmla="*/ 44 w 377"/>
                  <a:gd name="T73" fmla="*/ 53 h 519"/>
                  <a:gd name="T74" fmla="*/ 42 w 377"/>
                  <a:gd name="T75" fmla="*/ 59 h 519"/>
                  <a:gd name="T76" fmla="*/ 36 w 377"/>
                  <a:gd name="T77" fmla="*/ 74 h 519"/>
                  <a:gd name="T78" fmla="*/ 25 w 377"/>
                  <a:gd name="T79" fmla="*/ 75 h 519"/>
                  <a:gd name="T80" fmla="*/ 18 w 377"/>
                  <a:gd name="T81" fmla="*/ 78 h 519"/>
                  <a:gd name="T82" fmla="*/ 17 w 377"/>
                  <a:gd name="T83" fmla="*/ 91 h 519"/>
                  <a:gd name="T84" fmla="*/ 17 w 377"/>
                  <a:gd name="T85" fmla="*/ 103 h 519"/>
                  <a:gd name="T86" fmla="*/ 17 w 377"/>
                  <a:gd name="T87" fmla="*/ 117 h 519"/>
                  <a:gd name="T88" fmla="*/ 10 w 377"/>
                  <a:gd name="T89" fmla="*/ 139 h 519"/>
                  <a:gd name="T90" fmla="*/ 3 w 377"/>
                  <a:gd name="T91" fmla="*/ 150 h 519"/>
                  <a:gd name="T92" fmla="*/ 10 w 377"/>
                  <a:gd name="T93" fmla="*/ 170 h 519"/>
                  <a:gd name="T94" fmla="*/ 3 w 377"/>
                  <a:gd name="T95" fmla="*/ 178 h 519"/>
                  <a:gd name="T96" fmla="*/ 17 w 377"/>
                  <a:gd name="T97" fmla="*/ 201 h 519"/>
                  <a:gd name="T98" fmla="*/ 17 w 377"/>
                  <a:gd name="T99" fmla="*/ 215 h 519"/>
                  <a:gd name="T100" fmla="*/ 30 w 377"/>
                  <a:gd name="T101" fmla="*/ 246 h 519"/>
                  <a:gd name="T102" fmla="*/ 28 w 377"/>
                  <a:gd name="T103" fmla="*/ 282 h 519"/>
                  <a:gd name="T104" fmla="*/ 17 w 377"/>
                  <a:gd name="T105" fmla="*/ 306 h 519"/>
                  <a:gd name="T106" fmla="*/ 17 w 377"/>
                  <a:gd name="T107" fmla="*/ 320 h 519"/>
                  <a:gd name="T108" fmla="*/ 3 w 377"/>
                  <a:gd name="T109" fmla="*/ 334 h 519"/>
                  <a:gd name="T110" fmla="*/ 201 w 377"/>
                  <a:gd name="T111" fmla="*/ 320 h 519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377"/>
                  <a:gd name="T169" fmla="*/ 0 h 519"/>
                  <a:gd name="T170" fmla="*/ 377 w 377"/>
                  <a:gd name="T171" fmla="*/ 519 h 519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377" h="519">
                    <a:moveTo>
                      <a:pt x="304" y="496"/>
                    </a:moveTo>
                    <a:lnTo>
                      <a:pt x="304" y="489"/>
                    </a:lnTo>
                    <a:lnTo>
                      <a:pt x="308" y="480"/>
                    </a:lnTo>
                    <a:lnTo>
                      <a:pt x="311" y="472"/>
                    </a:lnTo>
                    <a:lnTo>
                      <a:pt x="314" y="465"/>
                    </a:lnTo>
                    <a:lnTo>
                      <a:pt x="320" y="458"/>
                    </a:lnTo>
                    <a:lnTo>
                      <a:pt x="325" y="453"/>
                    </a:lnTo>
                    <a:lnTo>
                      <a:pt x="326" y="450"/>
                    </a:lnTo>
                    <a:lnTo>
                      <a:pt x="328" y="448"/>
                    </a:lnTo>
                    <a:lnTo>
                      <a:pt x="326" y="438"/>
                    </a:lnTo>
                    <a:lnTo>
                      <a:pt x="326" y="430"/>
                    </a:lnTo>
                    <a:lnTo>
                      <a:pt x="328" y="421"/>
                    </a:lnTo>
                    <a:lnTo>
                      <a:pt x="330" y="416"/>
                    </a:lnTo>
                    <a:lnTo>
                      <a:pt x="333" y="411"/>
                    </a:lnTo>
                    <a:lnTo>
                      <a:pt x="336" y="408"/>
                    </a:lnTo>
                    <a:lnTo>
                      <a:pt x="338" y="406"/>
                    </a:lnTo>
                    <a:lnTo>
                      <a:pt x="340" y="406"/>
                    </a:lnTo>
                    <a:lnTo>
                      <a:pt x="348" y="396"/>
                    </a:lnTo>
                    <a:lnTo>
                      <a:pt x="350" y="386"/>
                    </a:lnTo>
                    <a:lnTo>
                      <a:pt x="350" y="384"/>
                    </a:lnTo>
                    <a:lnTo>
                      <a:pt x="350" y="382"/>
                    </a:lnTo>
                    <a:lnTo>
                      <a:pt x="352" y="381"/>
                    </a:lnTo>
                    <a:lnTo>
                      <a:pt x="352" y="379"/>
                    </a:lnTo>
                    <a:lnTo>
                      <a:pt x="355" y="375"/>
                    </a:lnTo>
                    <a:lnTo>
                      <a:pt x="355" y="372"/>
                    </a:lnTo>
                    <a:lnTo>
                      <a:pt x="353" y="370"/>
                    </a:lnTo>
                    <a:lnTo>
                      <a:pt x="355" y="365"/>
                    </a:lnTo>
                    <a:lnTo>
                      <a:pt x="355" y="362"/>
                    </a:lnTo>
                    <a:lnTo>
                      <a:pt x="358" y="360"/>
                    </a:lnTo>
                    <a:lnTo>
                      <a:pt x="360" y="360"/>
                    </a:lnTo>
                    <a:lnTo>
                      <a:pt x="364" y="359"/>
                    </a:lnTo>
                    <a:lnTo>
                      <a:pt x="365" y="360"/>
                    </a:lnTo>
                    <a:lnTo>
                      <a:pt x="367" y="360"/>
                    </a:lnTo>
                    <a:lnTo>
                      <a:pt x="369" y="360"/>
                    </a:lnTo>
                    <a:lnTo>
                      <a:pt x="369" y="365"/>
                    </a:lnTo>
                    <a:lnTo>
                      <a:pt x="370" y="367"/>
                    </a:lnTo>
                    <a:lnTo>
                      <a:pt x="372" y="367"/>
                    </a:lnTo>
                    <a:lnTo>
                      <a:pt x="372" y="365"/>
                    </a:lnTo>
                    <a:lnTo>
                      <a:pt x="374" y="364"/>
                    </a:lnTo>
                    <a:lnTo>
                      <a:pt x="374" y="362"/>
                    </a:lnTo>
                    <a:lnTo>
                      <a:pt x="375" y="360"/>
                    </a:lnTo>
                    <a:lnTo>
                      <a:pt x="377" y="316"/>
                    </a:lnTo>
                    <a:lnTo>
                      <a:pt x="377" y="318"/>
                    </a:lnTo>
                    <a:lnTo>
                      <a:pt x="377" y="316"/>
                    </a:lnTo>
                    <a:lnTo>
                      <a:pt x="372" y="293"/>
                    </a:lnTo>
                    <a:lnTo>
                      <a:pt x="365" y="271"/>
                    </a:lnTo>
                    <a:lnTo>
                      <a:pt x="360" y="254"/>
                    </a:lnTo>
                    <a:lnTo>
                      <a:pt x="355" y="237"/>
                    </a:lnTo>
                    <a:lnTo>
                      <a:pt x="350" y="225"/>
                    </a:lnTo>
                    <a:lnTo>
                      <a:pt x="345" y="215"/>
                    </a:lnTo>
                    <a:lnTo>
                      <a:pt x="340" y="206"/>
                    </a:lnTo>
                    <a:lnTo>
                      <a:pt x="336" y="199"/>
                    </a:lnTo>
                    <a:lnTo>
                      <a:pt x="333" y="196"/>
                    </a:lnTo>
                    <a:lnTo>
                      <a:pt x="330" y="193"/>
                    </a:lnTo>
                    <a:lnTo>
                      <a:pt x="326" y="191"/>
                    </a:lnTo>
                    <a:lnTo>
                      <a:pt x="323" y="189"/>
                    </a:lnTo>
                    <a:lnTo>
                      <a:pt x="321" y="189"/>
                    </a:lnTo>
                    <a:lnTo>
                      <a:pt x="318" y="191"/>
                    </a:lnTo>
                    <a:lnTo>
                      <a:pt x="316" y="191"/>
                    </a:lnTo>
                    <a:lnTo>
                      <a:pt x="314" y="193"/>
                    </a:lnTo>
                    <a:lnTo>
                      <a:pt x="311" y="194"/>
                    </a:lnTo>
                    <a:lnTo>
                      <a:pt x="308" y="198"/>
                    </a:lnTo>
                    <a:lnTo>
                      <a:pt x="303" y="199"/>
                    </a:lnTo>
                    <a:lnTo>
                      <a:pt x="299" y="201"/>
                    </a:lnTo>
                    <a:lnTo>
                      <a:pt x="296" y="203"/>
                    </a:lnTo>
                    <a:lnTo>
                      <a:pt x="294" y="205"/>
                    </a:lnTo>
                    <a:lnTo>
                      <a:pt x="292" y="205"/>
                    </a:lnTo>
                    <a:lnTo>
                      <a:pt x="292" y="206"/>
                    </a:lnTo>
                    <a:lnTo>
                      <a:pt x="287" y="210"/>
                    </a:lnTo>
                    <a:lnTo>
                      <a:pt x="284" y="218"/>
                    </a:lnTo>
                    <a:lnTo>
                      <a:pt x="284" y="221"/>
                    </a:lnTo>
                    <a:lnTo>
                      <a:pt x="282" y="225"/>
                    </a:lnTo>
                    <a:lnTo>
                      <a:pt x="281" y="230"/>
                    </a:lnTo>
                    <a:lnTo>
                      <a:pt x="277" y="233"/>
                    </a:lnTo>
                    <a:lnTo>
                      <a:pt x="276" y="238"/>
                    </a:lnTo>
                    <a:lnTo>
                      <a:pt x="272" y="242"/>
                    </a:lnTo>
                    <a:lnTo>
                      <a:pt x="269" y="242"/>
                    </a:lnTo>
                    <a:lnTo>
                      <a:pt x="269" y="247"/>
                    </a:lnTo>
                    <a:lnTo>
                      <a:pt x="267" y="250"/>
                    </a:lnTo>
                    <a:lnTo>
                      <a:pt x="265" y="254"/>
                    </a:lnTo>
                    <a:lnTo>
                      <a:pt x="264" y="255"/>
                    </a:lnTo>
                    <a:lnTo>
                      <a:pt x="262" y="257"/>
                    </a:lnTo>
                    <a:lnTo>
                      <a:pt x="260" y="259"/>
                    </a:lnTo>
                    <a:lnTo>
                      <a:pt x="259" y="259"/>
                    </a:lnTo>
                    <a:lnTo>
                      <a:pt x="255" y="259"/>
                    </a:lnTo>
                    <a:lnTo>
                      <a:pt x="254" y="257"/>
                    </a:lnTo>
                    <a:lnTo>
                      <a:pt x="252" y="257"/>
                    </a:lnTo>
                    <a:lnTo>
                      <a:pt x="250" y="257"/>
                    </a:lnTo>
                    <a:lnTo>
                      <a:pt x="247" y="255"/>
                    </a:lnTo>
                    <a:lnTo>
                      <a:pt x="238" y="255"/>
                    </a:lnTo>
                    <a:lnTo>
                      <a:pt x="235" y="250"/>
                    </a:lnTo>
                    <a:lnTo>
                      <a:pt x="232" y="245"/>
                    </a:lnTo>
                    <a:lnTo>
                      <a:pt x="232" y="240"/>
                    </a:lnTo>
                    <a:lnTo>
                      <a:pt x="232" y="233"/>
                    </a:lnTo>
                    <a:lnTo>
                      <a:pt x="233" y="228"/>
                    </a:lnTo>
                    <a:lnTo>
                      <a:pt x="233" y="225"/>
                    </a:lnTo>
                    <a:lnTo>
                      <a:pt x="235" y="223"/>
                    </a:lnTo>
                    <a:lnTo>
                      <a:pt x="235" y="218"/>
                    </a:lnTo>
                    <a:lnTo>
                      <a:pt x="237" y="215"/>
                    </a:lnTo>
                    <a:lnTo>
                      <a:pt x="238" y="213"/>
                    </a:lnTo>
                    <a:lnTo>
                      <a:pt x="242" y="211"/>
                    </a:lnTo>
                    <a:lnTo>
                      <a:pt x="243" y="210"/>
                    </a:lnTo>
                    <a:lnTo>
                      <a:pt x="247" y="210"/>
                    </a:lnTo>
                    <a:lnTo>
                      <a:pt x="248" y="208"/>
                    </a:lnTo>
                    <a:lnTo>
                      <a:pt x="259" y="198"/>
                    </a:lnTo>
                    <a:lnTo>
                      <a:pt x="262" y="176"/>
                    </a:lnTo>
                    <a:lnTo>
                      <a:pt x="276" y="164"/>
                    </a:lnTo>
                    <a:lnTo>
                      <a:pt x="276" y="162"/>
                    </a:lnTo>
                    <a:lnTo>
                      <a:pt x="276" y="159"/>
                    </a:lnTo>
                    <a:lnTo>
                      <a:pt x="276" y="152"/>
                    </a:lnTo>
                    <a:lnTo>
                      <a:pt x="276" y="147"/>
                    </a:lnTo>
                    <a:lnTo>
                      <a:pt x="276" y="140"/>
                    </a:lnTo>
                    <a:lnTo>
                      <a:pt x="276" y="133"/>
                    </a:lnTo>
                    <a:lnTo>
                      <a:pt x="276" y="128"/>
                    </a:lnTo>
                    <a:lnTo>
                      <a:pt x="276" y="127"/>
                    </a:lnTo>
                    <a:lnTo>
                      <a:pt x="276" y="118"/>
                    </a:lnTo>
                    <a:lnTo>
                      <a:pt x="274" y="110"/>
                    </a:lnTo>
                    <a:lnTo>
                      <a:pt x="272" y="105"/>
                    </a:lnTo>
                    <a:lnTo>
                      <a:pt x="269" y="100"/>
                    </a:lnTo>
                    <a:lnTo>
                      <a:pt x="267" y="96"/>
                    </a:lnTo>
                    <a:lnTo>
                      <a:pt x="264" y="93"/>
                    </a:lnTo>
                    <a:lnTo>
                      <a:pt x="262" y="91"/>
                    </a:lnTo>
                    <a:lnTo>
                      <a:pt x="260" y="89"/>
                    </a:lnTo>
                    <a:lnTo>
                      <a:pt x="255" y="86"/>
                    </a:lnTo>
                    <a:lnTo>
                      <a:pt x="254" y="83"/>
                    </a:lnTo>
                    <a:lnTo>
                      <a:pt x="254" y="79"/>
                    </a:lnTo>
                    <a:lnTo>
                      <a:pt x="254" y="76"/>
                    </a:lnTo>
                    <a:lnTo>
                      <a:pt x="255" y="74"/>
                    </a:lnTo>
                    <a:lnTo>
                      <a:pt x="257" y="73"/>
                    </a:lnTo>
                    <a:lnTo>
                      <a:pt x="259" y="71"/>
                    </a:lnTo>
                    <a:lnTo>
                      <a:pt x="260" y="71"/>
                    </a:lnTo>
                    <a:lnTo>
                      <a:pt x="265" y="76"/>
                    </a:lnTo>
                    <a:lnTo>
                      <a:pt x="269" y="76"/>
                    </a:lnTo>
                    <a:lnTo>
                      <a:pt x="270" y="76"/>
                    </a:lnTo>
                    <a:lnTo>
                      <a:pt x="270" y="74"/>
                    </a:lnTo>
                    <a:lnTo>
                      <a:pt x="270" y="73"/>
                    </a:lnTo>
                    <a:lnTo>
                      <a:pt x="269" y="71"/>
                    </a:lnTo>
                    <a:lnTo>
                      <a:pt x="269" y="69"/>
                    </a:lnTo>
                    <a:lnTo>
                      <a:pt x="267" y="67"/>
                    </a:lnTo>
                    <a:lnTo>
                      <a:pt x="248" y="40"/>
                    </a:lnTo>
                    <a:lnTo>
                      <a:pt x="240" y="39"/>
                    </a:lnTo>
                    <a:lnTo>
                      <a:pt x="232" y="37"/>
                    </a:lnTo>
                    <a:lnTo>
                      <a:pt x="225" y="35"/>
                    </a:lnTo>
                    <a:lnTo>
                      <a:pt x="220" y="34"/>
                    </a:lnTo>
                    <a:lnTo>
                      <a:pt x="215" y="32"/>
                    </a:lnTo>
                    <a:lnTo>
                      <a:pt x="211" y="29"/>
                    </a:lnTo>
                    <a:lnTo>
                      <a:pt x="210" y="27"/>
                    </a:lnTo>
                    <a:lnTo>
                      <a:pt x="208" y="27"/>
                    </a:lnTo>
                    <a:lnTo>
                      <a:pt x="193" y="27"/>
                    </a:lnTo>
                    <a:lnTo>
                      <a:pt x="179" y="12"/>
                    </a:lnTo>
                    <a:lnTo>
                      <a:pt x="152" y="10"/>
                    </a:lnTo>
                    <a:lnTo>
                      <a:pt x="138" y="0"/>
                    </a:lnTo>
                    <a:lnTo>
                      <a:pt x="130" y="0"/>
                    </a:lnTo>
                    <a:lnTo>
                      <a:pt x="125" y="3"/>
                    </a:lnTo>
                    <a:lnTo>
                      <a:pt x="115" y="1"/>
                    </a:lnTo>
                    <a:lnTo>
                      <a:pt x="115" y="3"/>
                    </a:lnTo>
                    <a:lnTo>
                      <a:pt x="115" y="7"/>
                    </a:lnTo>
                    <a:lnTo>
                      <a:pt x="115" y="10"/>
                    </a:lnTo>
                    <a:lnTo>
                      <a:pt x="115" y="12"/>
                    </a:lnTo>
                    <a:lnTo>
                      <a:pt x="108" y="17"/>
                    </a:lnTo>
                    <a:lnTo>
                      <a:pt x="105" y="22"/>
                    </a:lnTo>
                    <a:lnTo>
                      <a:pt x="103" y="27"/>
                    </a:lnTo>
                    <a:lnTo>
                      <a:pt x="105" y="32"/>
                    </a:lnTo>
                    <a:lnTo>
                      <a:pt x="106" y="37"/>
                    </a:lnTo>
                    <a:lnTo>
                      <a:pt x="110" y="40"/>
                    </a:lnTo>
                    <a:lnTo>
                      <a:pt x="111" y="42"/>
                    </a:lnTo>
                    <a:lnTo>
                      <a:pt x="113" y="44"/>
                    </a:lnTo>
                    <a:lnTo>
                      <a:pt x="116" y="44"/>
                    </a:lnTo>
                    <a:lnTo>
                      <a:pt x="120" y="45"/>
                    </a:lnTo>
                    <a:lnTo>
                      <a:pt x="120" y="47"/>
                    </a:lnTo>
                    <a:lnTo>
                      <a:pt x="120" y="49"/>
                    </a:lnTo>
                    <a:lnTo>
                      <a:pt x="120" y="51"/>
                    </a:lnTo>
                    <a:lnTo>
                      <a:pt x="118" y="52"/>
                    </a:lnTo>
                    <a:lnTo>
                      <a:pt x="116" y="52"/>
                    </a:lnTo>
                    <a:lnTo>
                      <a:pt x="116" y="54"/>
                    </a:lnTo>
                    <a:lnTo>
                      <a:pt x="108" y="54"/>
                    </a:lnTo>
                    <a:lnTo>
                      <a:pt x="101" y="56"/>
                    </a:lnTo>
                    <a:lnTo>
                      <a:pt x="96" y="59"/>
                    </a:lnTo>
                    <a:lnTo>
                      <a:pt x="91" y="62"/>
                    </a:lnTo>
                    <a:lnTo>
                      <a:pt x="89" y="67"/>
                    </a:lnTo>
                    <a:lnTo>
                      <a:pt x="86" y="71"/>
                    </a:lnTo>
                    <a:lnTo>
                      <a:pt x="86" y="73"/>
                    </a:lnTo>
                    <a:lnTo>
                      <a:pt x="86" y="74"/>
                    </a:lnTo>
                    <a:lnTo>
                      <a:pt x="88" y="79"/>
                    </a:lnTo>
                    <a:lnTo>
                      <a:pt x="88" y="86"/>
                    </a:lnTo>
                    <a:lnTo>
                      <a:pt x="89" y="91"/>
                    </a:lnTo>
                    <a:lnTo>
                      <a:pt x="89" y="96"/>
                    </a:lnTo>
                    <a:lnTo>
                      <a:pt x="89" y="101"/>
                    </a:lnTo>
                    <a:lnTo>
                      <a:pt x="89" y="106"/>
                    </a:lnTo>
                    <a:lnTo>
                      <a:pt x="88" y="110"/>
                    </a:lnTo>
                    <a:lnTo>
                      <a:pt x="86" y="115"/>
                    </a:lnTo>
                    <a:lnTo>
                      <a:pt x="86" y="118"/>
                    </a:lnTo>
                    <a:lnTo>
                      <a:pt x="84" y="123"/>
                    </a:lnTo>
                    <a:lnTo>
                      <a:pt x="83" y="127"/>
                    </a:lnTo>
                    <a:lnTo>
                      <a:pt x="83" y="128"/>
                    </a:lnTo>
                    <a:lnTo>
                      <a:pt x="81" y="132"/>
                    </a:lnTo>
                    <a:lnTo>
                      <a:pt x="79" y="133"/>
                    </a:lnTo>
                    <a:lnTo>
                      <a:pt x="72" y="132"/>
                    </a:lnTo>
                    <a:lnTo>
                      <a:pt x="66" y="130"/>
                    </a:lnTo>
                    <a:lnTo>
                      <a:pt x="66" y="128"/>
                    </a:lnTo>
                    <a:lnTo>
                      <a:pt x="67" y="125"/>
                    </a:lnTo>
                    <a:lnTo>
                      <a:pt x="67" y="118"/>
                    </a:lnTo>
                    <a:lnTo>
                      <a:pt x="69" y="113"/>
                    </a:lnTo>
                    <a:lnTo>
                      <a:pt x="71" y="106"/>
                    </a:lnTo>
                    <a:lnTo>
                      <a:pt x="71" y="100"/>
                    </a:lnTo>
                    <a:lnTo>
                      <a:pt x="71" y="95"/>
                    </a:lnTo>
                    <a:lnTo>
                      <a:pt x="71" y="93"/>
                    </a:lnTo>
                    <a:lnTo>
                      <a:pt x="69" y="86"/>
                    </a:lnTo>
                    <a:lnTo>
                      <a:pt x="67" y="83"/>
                    </a:lnTo>
                    <a:lnTo>
                      <a:pt x="66" y="81"/>
                    </a:lnTo>
                    <a:lnTo>
                      <a:pt x="64" y="83"/>
                    </a:lnTo>
                    <a:lnTo>
                      <a:pt x="64" y="84"/>
                    </a:lnTo>
                    <a:lnTo>
                      <a:pt x="62" y="88"/>
                    </a:lnTo>
                    <a:lnTo>
                      <a:pt x="62" y="89"/>
                    </a:lnTo>
                    <a:lnTo>
                      <a:pt x="61" y="91"/>
                    </a:lnTo>
                    <a:lnTo>
                      <a:pt x="61" y="93"/>
                    </a:lnTo>
                    <a:lnTo>
                      <a:pt x="59" y="98"/>
                    </a:lnTo>
                    <a:lnTo>
                      <a:pt x="56" y="101"/>
                    </a:lnTo>
                    <a:lnTo>
                      <a:pt x="54" y="106"/>
                    </a:lnTo>
                    <a:lnTo>
                      <a:pt x="52" y="110"/>
                    </a:lnTo>
                    <a:lnTo>
                      <a:pt x="50" y="113"/>
                    </a:lnTo>
                    <a:lnTo>
                      <a:pt x="49" y="113"/>
                    </a:lnTo>
                    <a:lnTo>
                      <a:pt x="44" y="111"/>
                    </a:lnTo>
                    <a:lnTo>
                      <a:pt x="40" y="111"/>
                    </a:lnTo>
                    <a:lnTo>
                      <a:pt x="39" y="113"/>
                    </a:lnTo>
                    <a:lnTo>
                      <a:pt x="39" y="115"/>
                    </a:lnTo>
                    <a:lnTo>
                      <a:pt x="39" y="117"/>
                    </a:lnTo>
                    <a:lnTo>
                      <a:pt x="32" y="120"/>
                    </a:lnTo>
                    <a:lnTo>
                      <a:pt x="32" y="122"/>
                    </a:lnTo>
                    <a:lnTo>
                      <a:pt x="32" y="125"/>
                    </a:lnTo>
                    <a:lnTo>
                      <a:pt x="30" y="128"/>
                    </a:lnTo>
                    <a:lnTo>
                      <a:pt x="30" y="133"/>
                    </a:lnTo>
                    <a:lnTo>
                      <a:pt x="30" y="137"/>
                    </a:lnTo>
                    <a:lnTo>
                      <a:pt x="30" y="139"/>
                    </a:lnTo>
                    <a:lnTo>
                      <a:pt x="30" y="140"/>
                    </a:lnTo>
                    <a:lnTo>
                      <a:pt x="23" y="144"/>
                    </a:lnTo>
                    <a:lnTo>
                      <a:pt x="20" y="147"/>
                    </a:lnTo>
                    <a:lnTo>
                      <a:pt x="18" y="150"/>
                    </a:lnTo>
                    <a:lnTo>
                      <a:pt x="17" y="152"/>
                    </a:lnTo>
                    <a:lnTo>
                      <a:pt x="15" y="155"/>
                    </a:lnTo>
                    <a:lnTo>
                      <a:pt x="17" y="159"/>
                    </a:lnTo>
                    <a:lnTo>
                      <a:pt x="17" y="161"/>
                    </a:lnTo>
                    <a:lnTo>
                      <a:pt x="18" y="162"/>
                    </a:lnTo>
                    <a:lnTo>
                      <a:pt x="20" y="166"/>
                    </a:lnTo>
                    <a:lnTo>
                      <a:pt x="20" y="171"/>
                    </a:lnTo>
                    <a:lnTo>
                      <a:pt x="20" y="176"/>
                    </a:lnTo>
                    <a:lnTo>
                      <a:pt x="20" y="181"/>
                    </a:lnTo>
                    <a:lnTo>
                      <a:pt x="18" y="186"/>
                    </a:lnTo>
                    <a:lnTo>
                      <a:pt x="17" y="193"/>
                    </a:lnTo>
                    <a:lnTo>
                      <a:pt x="15" y="198"/>
                    </a:lnTo>
                    <a:lnTo>
                      <a:pt x="13" y="203"/>
                    </a:lnTo>
                    <a:lnTo>
                      <a:pt x="12" y="210"/>
                    </a:lnTo>
                    <a:lnTo>
                      <a:pt x="10" y="215"/>
                    </a:lnTo>
                    <a:lnTo>
                      <a:pt x="8" y="220"/>
                    </a:lnTo>
                    <a:lnTo>
                      <a:pt x="6" y="225"/>
                    </a:lnTo>
                    <a:lnTo>
                      <a:pt x="5" y="228"/>
                    </a:lnTo>
                    <a:lnTo>
                      <a:pt x="3" y="232"/>
                    </a:lnTo>
                    <a:lnTo>
                      <a:pt x="3" y="233"/>
                    </a:lnTo>
                    <a:lnTo>
                      <a:pt x="5" y="238"/>
                    </a:lnTo>
                    <a:lnTo>
                      <a:pt x="6" y="245"/>
                    </a:lnTo>
                    <a:lnTo>
                      <a:pt x="8" y="250"/>
                    </a:lnTo>
                    <a:lnTo>
                      <a:pt x="8" y="255"/>
                    </a:lnTo>
                    <a:lnTo>
                      <a:pt x="10" y="260"/>
                    </a:lnTo>
                    <a:lnTo>
                      <a:pt x="10" y="264"/>
                    </a:lnTo>
                    <a:lnTo>
                      <a:pt x="10" y="267"/>
                    </a:lnTo>
                    <a:lnTo>
                      <a:pt x="6" y="269"/>
                    </a:lnTo>
                    <a:lnTo>
                      <a:pt x="5" y="271"/>
                    </a:lnTo>
                    <a:lnTo>
                      <a:pt x="3" y="274"/>
                    </a:lnTo>
                    <a:lnTo>
                      <a:pt x="3" y="277"/>
                    </a:lnTo>
                    <a:lnTo>
                      <a:pt x="5" y="282"/>
                    </a:lnTo>
                    <a:lnTo>
                      <a:pt x="6" y="287"/>
                    </a:lnTo>
                    <a:lnTo>
                      <a:pt x="8" y="294"/>
                    </a:lnTo>
                    <a:lnTo>
                      <a:pt x="12" y="299"/>
                    </a:lnTo>
                    <a:lnTo>
                      <a:pt x="15" y="306"/>
                    </a:lnTo>
                    <a:lnTo>
                      <a:pt x="17" y="311"/>
                    </a:lnTo>
                    <a:lnTo>
                      <a:pt x="20" y="318"/>
                    </a:lnTo>
                    <a:lnTo>
                      <a:pt x="23" y="323"/>
                    </a:lnTo>
                    <a:lnTo>
                      <a:pt x="25" y="326"/>
                    </a:lnTo>
                    <a:lnTo>
                      <a:pt x="27" y="330"/>
                    </a:lnTo>
                    <a:lnTo>
                      <a:pt x="28" y="333"/>
                    </a:lnTo>
                    <a:lnTo>
                      <a:pt x="30" y="333"/>
                    </a:lnTo>
                    <a:lnTo>
                      <a:pt x="34" y="338"/>
                    </a:lnTo>
                    <a:lnTo>
                      <a:pt x="37" y="345"/>
                    </a:lnTo>
                    <a:lnTo>
                      <a:pt x="39" y="353"/>
                    </a:lnTo>
                    <a:lnTo>
                      <a:pt x="42" y="362"/>
                    </a:lnTo>
                    <a:lnTo>
                      <a:pt x="42" y="370"/>
                    </a:lnTo>
                    <a:lnTo>
                      <a:pt x="44" y="381"/>
                    </a:lnTo>
                    <a:lnTo>
                      <a:pt x="44" y="391"/>
                    </a:lnTo>
                    <a:lnTo>
                      <a:pt x="44" y="401"/>
                    </a:lnTo>
                    <a:lnTo>
                      <a:pt x="44" y="411"/>
                    </a:lnTo>
                    <a:lnTo>
                      <a:pt x="44" y="419"/>
                    </a:lnTo>
                    <a:lnTo>
                      <a:pt x="44" y="428"/>
                    </a:lnTo>
                    <a:lnTo>
                      <a:pt x="42" y="436"/>
                    </a:lnTo>
                    <a:lnTo>
                      <a:pt x="42" y="441"/>
                    </a:lnTo>
                    <a:lnTo>
                      <a:pt x="40" y="447"/>
                    </a:lnTo>
                    <a:lnTo>
                      <a:pt x="40" y="450"/>
                    </a:lnTo>
                    <a:lnTo>
                      <a:pt x="40" y="452"/>
                    </a:lnTo>
                    <a:lnTo>
                      <a:pt x="32" y="463"/>
                    </a:lnTo>
                    <a:lnTo>
                      <a:pt x="27" y="474"/>
                    </a:lnTo>
                    <a:lnTo>
                      <a:pt x="23" y="480"/>
                    </a:lnTo>
                    <a:lnTo>
                      <a:pt x="23" y="487"/>
                    </a:lnTo>
                    <a:lnTo>
                      <a:pt x="23" y="491"/>
                    </a:lnTo>
                    <a:lnTo>
                      <a:pt x="23" y="494"/>
                    </a:lnTo>
                    <a:lnTo>
                      <a:pt x="23" y="496"/>
                    </a:lnTo>
                    <a:lnTo>
                      <a:pt x="18" y="502"/>
                    </a:lnTo>
                    <a:lnTo>
                      <a:pt x="15" y="506"/>
                    </a:lnTo>
                    <a:lnTo>
                      <a:pt x="12" y="511"/>
                    </a:lnTo>
                    <a:lnTo>
                      <a:pt x="8" y="513"/>
                    </a:lnTo>
                    <a:lnTo>
                      <a:pt x="6" y="516"/>
                    </a:lnTo>
                    <a:lnTo>
                      <a:pt x="3" y="518"/>
                    </a:lnTo>
                    <a:lnTo>
                      <a:pt x="3" y="519"/>
                    </a:lnTo>
                    <a:lnTo>
                      <a:pt x="1" y="519"/>
                    </a:lnTo>
                    <a:lnTo>
                      <a:pt x="0" y="519"/>
                    </a:lnTo>
                    <a:lnTo>
                      <a:pt x="184" y="497"/>
                    </a:lnTo>
                    <a:lnTo>
                      <a:pt x="188" y="514"/>
                    </a:lnTo>
                    <a:lnTo>
                      <a:pt x="304" y="496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590" name="Freeform 129"/>
            <p:cNvSpPr>
              <a:spLocks/>
            </p:cNvSpPr>
            <p:nvPr/>
          </p:nvSpPr>
          <p:spPr bwMode="auto">
            <a:xfrm>
              <a:off x="3986" y="2043"/>
              <a:ext cx="434" cy="427"/>
            </a:xfrm>
            <a:custGeom>
              <a:avLst/>
              <a:gdLst>
                <a:gd name="T0" fmla="*/ 44 w 446"/>
                <a:gd name="T1" fmla="*/ 263 h 440"/>
                <a:gd name="T2" fmla="*/ 35 w 446"/>
                <a:gd name="T3" fmla="*/ 261 h 440"/>
                <a:gd name="T4" fmla="*/ 18 w 446"/>
                <a:gd name="T5" fmla="*/ 234 h 440"/>
                <a:gd name="T6" fmla="*/ 5 w 446"/>
                <a:gd name="T7" fmla="*/ 218 h 440"/>
                <a:gd name="T8" fmla="*/ 3 w 446"/>
                <a:gd name="T9" fmla="*/ 201 h 440"/>
                <a:gd name="T10" fmla="*/ 1 w 446"/>
                <a:gd name="T11" fmla="*/ 196 h 440"/>
                <a:gd name="T12" fmla="*/ 18 w 446"/>
                <a:gd name="T13" fmla="*/ 195 h 440"/>
                <a:gd name="T14" fmla="*/ 18 w 446"/>
                <a:gd name="T15" fmla="*/ 167 h 440"/>
                <a:gd name="T16" fmla="*/ 23 w 446"/>
                <a:gd name="T17" fmla="*/ 160 h 440"/>
                <a:gd name="T18" fmla="*/ 26 w 446"/>
                <a:gd name="T19" fmla="*/ 148 h 440"/>
                <a:gd name="T20" fmla="*/ 40 w 446"/>
                <a:gd name="T21" fmla="*/ 148 h 440"/>
                <a:gd name="T22" fmla="*/ 47 w 446"/>
                <a:gd name="T23" fmla="*/ 148 h 440"/>
                <a:gd name="T24" fmla="*/ 64 w 446"/>
                <a:gd name="T25" fmla="*/ 110 h 440"/>
                <a:gd name="T26" fmla="*/ 74 w 446"/>
                <a:gd name="T27" fmla="*/ 110 h 440"/>
                <a:gd name="T28" fmla="*/ 81 w 446"/>
                <a:gd name="T29" fmla="*/ 103 h 440"/>
                <a:gd name="T30" fmla="*/ 90 w 446"/>
                <a:gd name="T31" fmla="*/ 90 h 440"/>
                <a:gd name="T32" fmla="*/ 97 w 446"/>
                <a:gd name="T33" fmla="*/ 72 h 440"/>
                <a:gd name="T34" fmla="*/ 98 w 446"/>
                <a:gd name="T35" fmla="*/ 59 h 440"/>
                <a:gd name="T36" fmla="*/ 102 w 446"/>
                <a:gd name="T37" fmla="*/ 37 h 440"/>
                <a:gd name="T38" fmla="*/ 100 w 446"/>
                <a:gd name="T39" fmla="*/ 10 h 440"/>
                <a:gd name="T40" fmla="*/ 184 w 446"/>
                <a:gd name="T41" fmla="*/ 62 h 440"/>
                <a:gd name="T42" fmla="*/ 216 w 446"/>
                <a:gd name="T43" fmla="*/ 80 h 440"/>
                <a:gd name="T44" fmla="*/ 230 w 446"/>
                <a:gd name="T45" fmla="*/ 65 h 440"/>
                <a:gd name="T46" fmla="*/ 249 w 446"/>
                <a:gd name="T47" fmla="*/ 66 h 440"/>
                <a:gd name="T48" fmla="*/ 260 w 446"/>
                <a:gd name="T49" fmla="*/ 53 h 440"/>
                <a:gd name="T50" fmla="*/ 282 w 446"/>
                <a:gd name="T51" fmla="*/ 55 h 440"/>
                <a:gd name="T52" fmla="*/ 290 w 446"/>
                <a:gd name="T53" fmla="*/ 55 h 440"/>
                <a:gd name="T54" fmla="*/ 296 w 446"/>
                <a:gd name="T55" fmla="*/ 62 h 440"/>
                <a:gd name="T56" fmla="*/ 302 w 446"/>
                <a:gd name="T57" fmla="*/ 79 h 440"/>
                <a:gd name="T58" fmla="*/ 299 w 446"/>
                <a:gd name="T59" fmla="*/ 86 h 440"/>
                <a:gd name="T60" fmla="*/ 276 w 446"/>
                <a:gd name="T61" fmla="*/ 80 h 440"/>
                <a:gd name="T62" fmla="*/ 262 w 446"/>
                <a:gd name="T63" fmla="*/ 74 h 440"/>
                <a:gd name="T64" fmla="*/ 254 w 446"/>
                <a:gd name="T65" fmla="*/ 107 h 440"/>
                <a:gd name="T66" fmla="*/ 242 w 446"/>
                <a:gd name="T67" fmla="*/ 119 h 440"/>
                <a:gd name="T68" fmla="*/ 236 w 446"/>
                <a:gd name="T69" fmla="*/ 134 h 440"/>
                <a:gd name="T70" fmla="*/ 229 w 446"/>
                <a:gd name="T71" fmla="*/ 129 h 440"/>
                <a:gd name="T72" fmla="*/ 223 w 446"/>
                <a:gd name="T73" fmla="*/ 143 h 440"/>
                <a:gd name="T74" fmla="*/ 221 w 446"/>
                <a:gd name="T75" fmla="*/ 149 h 440"/>
                <a:gd name="T76" fmla="*/ 218 w 446"/>
                <a:gd name="T77" fmla="*/ 159 h 440"/>
                <a:gd name="T78" fmla="*/ 199 w 446"/>
                <a:gd name="T79" fmla="*/ 160 h 440"/>
                <a:gd name="T80" fmla="*/ 188 w 446"/>
                <a:gd name="T81" fmla="*/ 160 h 440"/>
                <a:gd name="T82" fmla="*/ 188 w 446"/>
                <a:gd name="T83" fmla="*/ 176 h 440"/>
                <a:gd name="T84" fmla="*/ 183 w 446"/>
                <a:gd name="T85" fmla="*/ 189 h 440"/>
                <a:gd name="T86" fmla="*/ 179 w 446"/>
                <a:gd name="T87" fmla="*/ 195 h 440"/>
                <a:gd name="T88" fmla="*/ 174 w 446"/>
                <a:gd name="T89" fmla="*/ 212 h 440"/>
                <a:gd name="T90" fmla="*/ 163 w 446"/>
                <a:gd name="T91" fmla="*/ 232 h 440"/>
                <a:gd name="T92" fmla="*/ 163 w 446"/>
                <a:gd name="T93" fmla="*/ 239 h 440"/>
                <a:gd name="T94" fmla="*/ 164 w 446"/>
                <a:gd name="T95" fmla="*/ 253 h 440"/>
                <a:gd name="T96" fmla="*/ 148 w 446"/>
                <a:gd name="T97" fmla="*/ 259 h 440"/>
                <a:gd name="T98" fmla="*/ 136 w 446"/>
                <a:gd name="T99" fmla="*/ 267 h 440"/>
                <a:gd name="T100" fmla="*/ 125 w 446"/>
                <a:gd name="T101" fmla="*/ 268 h 440"/>
                <a:gd name="T102" fmla="*/ 122 w 446"/>
                <a:gd name="T103" fmla="*/ 276 h 440"/>
                <a:gd name="T104" fmla="*/ 118 w 446"/>
                <a:gd name="T105" fmla="*/ 279 h 440"/>
                <a:gd name="T106" fmla="*/ 97 w 446"/>
                <a:gd name="T107" fmla="*/ 280 h 440"/>
                <a:gd name="T108" fmla="*/ 90 w 446"/>
                <a:gd name="T109" fmla="*/ 285 h 440"/>
                <a:gd name="T110" fmla="*/ 74 w 446"/>
                <a:gd name="T111" fmla="*/ 288 h 440"/>
                <a:gd name="T112" fmla="*/ 55 w 446"/>
                <a:gd name="T113" fmla="*/ 279 h 440"/>
                <a:gd name="T114" fmla="*/ 51 w 446"/>
                <a:gd name="T115" fmla="*/ 265 h 440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446"/>
                <a:gd name="T175" fmla="*/ 0 h 440"/>
                <a:gd name="T176" fmla="*/ 446 w 446"/>
                <a:gd name="T177" fmla="*/ 440 h 440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446" h="440">
                  <a:moveTo>
                    <a:pt x="76" y="404"/>
                  </a:moveTo>
                  <a:lnTo>
                    <a:pt x="64" y="404"/>
                  </a:lnTo>
                  <a:lnTo>
                    <a:pt x="64" y="402"/>
                  </a:lnTo>
                  <a:lnTo>
                    <a:pt x="62" y="401"/>
                  </a:lnTo>
                  <a:lnTo>
                    <a:pt x="62" y="399"/>
                  </a:lnTo>
                  <a:lnTo>
                    <a:pt x="61" y="397"/>
                  </a:lnTo>
                  <a:lnTo>
                    <a:pt x="57" y="397"/>
                  </a:lnTo>
                  <a:lnTo>
                    <a:pt x="54" y="396"/>
                  </a:lnTo>
                  <a:lnTo>
                    <a:pt x="49" y="396"/>
                  </a:lnTo>
                  <a:lnTo>
                    <a:pt x="49" y="394"/>
                  </a:lnTo>
                  <a:lnTo>
                    <a:pt x="45" y="389"/>
                  </a:lnTo>
                  <a:lnTo>
                    <a:pt x="40" y="384"/>
                  </a:lnTo>
                  <a:lnTo>
                    <a:pt x="35" y="375"/>
                  </a:lnTo>
                  <a:lnTo>
                    <a:pt x="28" y="367"/>
                  </a:lnTo>
                  <a:lnTo>
                    <a:pt x="22" y="357"/>
                  </a:lnTo>
                  <a:lnTo>
                    <a:pt x="13" y="348"/>
                  </a:lnTo>
                  <a:lnTo>
                    <a:pt x="5" y="338"/>
                  </a:lnTo>
                  <a:lnTo>
                    <a:pt x="5" y="335"/>
                  </a:lnTo>
                  <a:lnTo>
                    <a:pt x="5" y="331"/>
                  </a:lnTo>
                  <a:lnTo>
                    <a:pt x="6" y="326"/>
                  </a:lnTo>
                  <a:lnTo>
                    <a:pt x="6" y="323"/>
                  </a:lnTo>
                  <a:lnTo>
                    <a:pt x="6" y="318"/>
                  </a:lnTo>
                  <a:lnTo>
                    <a:pt x="5" y="311"/>
                  </a:lnTo>
                  <a:lnTo>
                    <a:pt x="3" y="306"/>
                  </a:lnTo>
                  <a:lnTo>
                    <a:pt x="0" y="303"/>
                  </a:lnTo>
                  <a:lnTo>
                    <a:pt x="0" y="299"/>
                  </a:lnTo>
                  <a:lnTo>
                    <a:pt x="0" y="297"/>
                  </a:lnTo>
                  <a:lnTo>
                    <a:pt x="1" y="297"/>
                  </a:lnTo>
                  <a:lnTo>
                    <a:pt x="1" y="299"/>
                  </a:lnTo>
                  <a:lnTo>
                    <a:pt x="3" y="299"/>
                  </a:lnTo>
                  <a:lnTo>
                    <a:pt x="6" y="303"/>
                  </a:lnTo>
                  <a:lnTo>
                    <a:pt x="13" y="301"/>
                  </a:lnTo>
                  <a:lnTo>
                    <a:pt x="18" y="297"/>
                  </a:lnTo>
                  <a:lnTo>
                    <a:pt x="23" y="292"/>
                  </a:lnTo>
                  <a:lnTo>
                    <a:pt x="28" y="287"/>
                  </a:lnTo>
                  <a:lnTo>
                    <a:pt x="32" y="281"/>
                  </a:lnTo>
                  <a:lnTo>
                    <a:pt x="34" y="277"/>
                  </a:lnTo>
                  <a:lnTo>
                    <a:pt x="35" y="275"/>
                  </a:lnTo>
                  <a:lnTo>
                    <a:pt x="32" y="253"/>
                  </a:lnTo>
                  <a:lnTo>
                    <a:pt x="34" y="252"/>
                  </a:lnTo>
                  <a:lnTo>
                    <a:pt x="34" y="250"/>
                  </a:lnTo>
                  <a:lnTo>
                    <a:pt x="35" y="247"/>
                  </a:lnTo>
                  <a:lnTo>
                    <a:pt x="37" y="243"/>
                  </a:lnTo>
                  <a:lnTo>
                    <a:pt x="39" y="242"/>
                  </a:lnTo>
                  <a:lnTo>
                    <a:pt x="39" y="238"/>
                  </a:lnTo>
                  <a:lnTo>
                    <a:pt x="40" y="230"/>
                  </a:lnTo>
                  <a:lnTo>
                    <a:pt x="40" y="225"/>
                  </a:lnTo>
                  <a:lnTo>
                    <a:pt x="44" y="221"/>
                  </a:lnTo>
                  <a:lnTo>
                    <a:pt x="45" y="221"/>
                  </a:lnTo>
                  <a:lnTo>
                    <a:pt x="49" y="221"/>
                  </a:lnTo>
                  <a:lnTo>
                    <a:pt x="50" y="221"/>
                  </a:lnTo>
                  <a:lnTo>
                    <a:pt x="52" y="223"/>
                  </a:lnTo>
                  <a:lnTo>
                    <a:pt x="54" y="225"/>
                  </a:lnTo>
                  <a:lnTo>
                    <a:pt x="57" y="233"/>
                  </a:lnTo>
                  <a:lnTo>
                    <a:pt x="61" y="235"/>
                  </a:lnTo>
                  <a:lnTo>
                    <a:pt x="62" y="233"/>
                  </a:lnTo>
                  <a:lnTo>
                    <a:pt x="66" y="230"/>
                  </a:lnTo>
                  <a:lnTo>
                    <a:pt x="67" y="225"/>
                  </a:lnTo>
                  <a:lnTo>
                    <a:pt x="67" y="221"/>
                  </a:lnTo>
                  <a:lnTo>
                    <a:pt x="67" y="216"/>
                  </a:lnTo>
                  <a:lnTo>
                    <a:pt x="69" y="216"/>
                  </a:lnTo>
                  <a:lnTo>
                    <a:pt x="71" y="189"/>
                  </a:lnTo>
                  <a:lnTo>
                    <a:pt x="93" y="167"/>
                  </a:lnTo>
                  <a:lnTo>
                    <a:pt x="93" y="169"/>
                  </a:lnTo>
                  <a:lnTo>
                    <a:pt x="94" y="171"/>
                  </a:lnTo>
                  <a:lnTo>
                    <a:pt x="98" y="171"/>
                  </a:lnTo>
                  <a:lnTo>
                    <a:pt x="101" y="169"/>
                  </a:lnTo>
                  <a:lnTo>
                    <a:pt x="105" y="169"/>
                  </a:lnTo>
                  <a:lnTo>
                    <a:pt x="108" y="167"/>
                  </a:lnTo>
                  <a:lnTo>
                    <a:pt x="110" y="165"/>
                  </a:lnTo>
                  <a:lnTo>
                    <a:pt x="110" y="164"/>
                  </a:lnTo>
                  <a:lnTo>
                    <a:pt x="111" y="164"/>
                  </a:lnTo>
                  <a:lnTo>
                    <a:pt x="113" y="160"/>
                  </a:lnTo>
                  <a:lnTo>
                    <a:pt x="118" y="155"/>
                  </a:lnTo>
                  <a:lnTo>
                    <a:pt x="122" y="150"/>
                  </a:lnTo>
                  <a:lnTo>
                    <a:pt x="125" y="147"/>
                  </a:lnTo>
                  <a:lnTo>
                    <a:pt x="130" y="142"/>
                  </a:lnTo>
                  <a:lnTo>
                    <a:pt x="132" y="138"/>
                  </a:lnTo>
                  <a:lnTo>
                    <a:pt x="133" y="137"/>
                  </a:lnTo>
                  <a:lnTo>
                    <a:pt x="138" y="130"/>
                  </a:lnTo>
                  <a:lnTo>
                    <a:pt x="142" y="125"/>
                  </a:lnTo>
                  <a:lnTo>
                    <a:pt x="144" y="120"/>
                  </a:lnTo>
                  <a:lnTo>
                    <a:pt x="144" y="115"/>
                  </a:lnTo>
                  <a:lnTo>
                    <a:pt x="144" y="111"/>
                  </a:lnTo>
                  <a:lnTo>
                    <a:pt x="142" y="108"/>
                  </a:lnTo>
                  <a:lnTo>
                    <a:pt x="142" y="106"/>
                  </a:lnTo>
                  <a:lnTo>
                    <a:pt x="142" y="105"/>
                  </a:lnTo>
                  <a:lnTo>
                    <a:pt x="142" y="103"/>
                  </a:lnTo>
                  <a:lnTo>
                    <a:pt x="142" y="96"/>
                  </a:lnTo>
                  <a:lnTo>
                    <a:pt x="144" y="89"/>
                  </a:lnTo>
                  <a:lnTo>
                    <a:pt x="144" y="79"/>
                  </a:lnTo>
                  <a:lnTo>
                    <a:pt x="145" y="69"/>
                  </a:lnTo>
                  <a:lnTo>
                    <a:pt x="147" y="61"/>
                  </a:lnTo>
                  <a:lnTo>
                    <a:pt x="147" y="55"/>
                  </a:lnTo>
                  <a:lnTo>
                    <a:pt x="149" y="52"/>
                  </a:lnTo>
                  <a:lnTo>
                    <a:pt x="152" y="47"/>
                  </a:lnTo>
                  <a:lnTo>
                    <a:pt x="152" y="40"/>
                  </a:lnTo>
                  <a:lnTo>
                    <a:pt x="152" y="32"/>
                  </a:lnTo>
                  <a:lnTo>
                    <a:pt x="150" y="23"/>
                  </a:lnTo>
                  <a:lnTo>
                    <a:pt x="149" y="15"/>
                  </a:lnTo>
                  <a:lnTo>
                    <a:pt x="147" y="10"/>
                  </a:lnTo>
                  <a:lnTo>
                    <a:pt x="145" y="5"/>
                  </a:lnTo>
                  <a:lnTo>
                    <a:pt x="144" y="3"/>
                  </a:lnTo>
                  <a:lnTo>
                    <a:pt x="155" y="0"/>
                  </a:lnTo>
                  <a:lnTo>
                    <a:pt x="174" y="111"/>
                  </a:lnTo>
                  <a:lnTo>
                    <a:pt x="269" y="93"/>
                  </a:lnTo>
                  <a:lnTo>
                    <a:pt x="279" y="154"/>
                  </a:lnTo>
                  <a:lnTo>
                    <a:pt x="314" y="121"/>
                  </a:lnTo>
                  <a:lnTo>
                    <a:pt x="314" y="123"/>
                  </a:lnTo>
                  <a:lnTo>
                    <a:pt x="316" y="123"/>
                  </a:lnTo>
                  <a:lnTo>
                    <a:pt x="318" y="123"/>
                  </a:lnTo>
                  <a:lnTo>
                    <a:pt x="321" y="121"/>
                  </a:lnTo>
                  <a:lnTo>
                    <a:pt x="326" y="116"/>
                  </a:lnTo>
                  <a:lnTo>
                    <a:pt x="331" y="110"/>
                  </a:lnTo>
                  <a:lnTo>
                    <a:pt x="338" y="98"/>
                  </a:lnTo>
                  <a:lnTo>
                    <a:pt x="340" y="98"/>
                  </a:lnTo>
                  <a:lnTo>
                    <a:pt x="343" y="99"/>
                  </a:lnTo>
                  <a:lnTo>
                    <a:pt x="348" y="101"/>
                  </a:lnTo>
                  <a:lnTo>
                    <a:pt x="353" y="101"/>
                  </a:lnTo>
                  <a:lnTo>
                    <a:pt x="358" y="101"/>
                  </a:lnTo>
                  <a:lnTo>
                    <a:pt x="365" y="99"/>
                  </a:lnTo>
                  <a:lnTo>
                    <a:pt x="370" y="94"/>
                  </a:lnTo>
                  <a:lnTo>
                    <a:pt x="375" y="88"/>
                  </a:lnTo>
                  <a:lnTo>
                    <a:pt x="377" y="86"/>
                  </a:lnTo>
                  <a:lnTo>
                    <a:pt x="377" y="84"/>
                  </a:lnTo>
                  <a:lnTo>
                    <a:pt x="380" y="81"/>
                  </a:lnTo>
                  <a:lnTo>
                    <a:pt x="384" y="79"/>
                  </a:lnTo>
                  <a:lnTo>
                    <a:pt x="389" y="77"/>
                  </a:lnTo>
                  <a:lnTo>
                    <a:pt x="394" y="77"/>
                  </a:lnTo>
                  <a:lnTo>
                    <a:pt x="402" y="79"/>
                  </a:lnTo>
                  <a:lnTo>
                    <a:pt x="413" y="83"/>
                  </a:lnTo>
                  <a:lnTo>
                    <a:pt x="414" y="83"/>
                  </a:lnTo>
                  <a:lnTo>
                    <a:pt x="416" y="83"/>
                  </a:lnTo>
                  <a:lnTo>
                    <a:pt x="418" y="83"/>
                  </a:lnTo>
                  <a:lnTo>
                    <a:pt x="419" y="83"/>
                  </a:lnTo>
                  <a:lnTo>
                    <a:pt x="423" y="83"/>
                  </a:lnTo>
                  <a:lnTo>
                    <a:pt x="424" y="83"/>
                  </a:lnTo>
                  <a:lnTo>
                    <a:pt x="426" y="83"/>
                  </a:lnTo>
                  <a:lnTo>
                    <a:pt x="428" y="89"/>
                  </a:lnTo>
                  <a:lnTo>
                    <a:pt x="430" y="91"/>
                  </a:lnTo>
                  <a:lnTo>
                    <a:pt x="433" y="93"/>
                  </a:lnTo>
                  <a:lnTo>
                    <a:pt x="436" y="96"/>
                  </a:lnTo>
                  <a:lnTo>
                    <a:pt x="441" y="99"/>
                  </a:lnTo>
                  <a:lnTo>
                    <a:pt x="445" y="105"/>
                  </a:lnTo>
                  <a:lnTo>
                    <a:pt x="446" y="110"/>
                  </a:lnTo>
                  <a:lnTo>
                    <a:pt x="446" y="115"/>
                  </a:lnTo>
                  <a:lnTo>
                    <a:pt x="443" y="120"/>
                  </a:lnTo>
                  <a:lnTo>
                    <a:pt x="443" y="121"/>
                  </a:lnTo>
                  <a:lnTo>
                    <a:pt x="443" y="125"/>
                  </a:lnTo>
                  <a:lnTo>
                    <a:pt x="443" y="128"/>
                  </a:lnTo>
                  <a:lnTo>
                    <a:pt x="441" y="130"/>
                  </a:lnTo>
                  <a:lnTo>
                    <a:pt x="438" y="132"/>
                  </a:lnTo>
                  <a:lnTo>
                    <a:pt x="433" y="133"/>
                  </a:lnTo>
                  <a:lnTo>
                    <a:pt x="424" y="130"/>
                  </a:lnTo>
                  <a:lnTo>
                    <a:pt x="411" y="125"/>
                  </a:lnTo>
                  <a:lnTo>
                    <a:pt x="409" y="123"/>
                  </a:lnTo>
                  <a:lnTo>
                    <a:pt x="406" y="121"/>
                  </a:lnTo>
                  <a:lnTo>
                    <a:pt x="401" y="120"/>
                  </a:lnTo>
                  <a:lnTo>
                    <a:pt x="396" y="118"/>
                  </a:lnTo>
                  <a:lnTo>
                    <a:pt x="392" y="115"/>
                  </a:lnTo>
                  <a:lnTo>
                    <a:pt x="387" y="113"/>
                  </a:lnTo>
                  <a:lnTo>
                    <a:pt x="384" y="111"/>
                  </a:lnTo>
                  <a:lnTo>
                    <a:pt x="380" y="145"/>
                  </a:lnTo>
                  <a:lnTo>
                    <a:pt x="375" y="150"/>
                  </a:lnTo>
                  <a:lnTo>
                    <a:pt x="375" y="152"/>
                  </a:lnTo>
                  <a:lnTo>
                    <a:pt x="374" y="157"/>
                  </a:lnTo>
                  <a:lnTo>
                    <a:pt x="372" y="162"/>
                  </a:lnTo>
                  <a:lnTo>
                    <a:pt x="369" y="169"/>
                  </a:lnTo>
                  <a:lnTo>
                    <a:pt x="365" y="176"/>
                  </a:lnTo>
                  <a:lnTo>
                    <a:pt x="362" y="179"/>
                  </a:lnTo>
                  <a:lnTo>
                    <a:pt x="358" y="182"/>
                  </a:lnTo>
                  <a:lnTo>
                    <a:pt x="355" y="181"/>
                  </a:lnTo>
                  <a:lnTo>
                    <a:pt x="355" y="182"/>
                  </a:lnTo>
                  <a:lnTo>
                    <a:pt x="355" y="186"/>
                  </a:lnTo>
                  <a:lnTo>
                    <a:pt x="353" y="189"/>
                  </a:lnTo>
                  <a:lnTo>
                    <a:pt x="352" y="194"/>
                  </a:lnTo>
                  <a:lnTo>
                    <a:pt x="350" y="199"/>
                  </a:lnTo>
                  <a:lnTo>
                    <a:pt x="347" y="203"/>
                  </a:lnTo>
                  <a:lnTo>
                    <a:pt x="345" y="203"/>
                  </a:lnTo>
                  <a:lnTo>
                    <a:pt x="342" y="199"/>
                  </a:lnTo>
                  <a:lnTo>
                    <a:pt x="340" y="199"/>
                  </a:lnTo>
                  <a:lnTo>
                    <a:pt x="338" y="198"/>
                  </a:lnTo>
                  <a:lnTo>
                    <a:pt x="336" y="196"/>
                  </a:lnTo>
                  <a:lnTo>
                    <a:pt x="333" y="196"/>
                  </a:lnTo>
                  <a:lnTo>
                    <a:pt x="331" y="198"/>
                  </a:lnTo>
                  <a:lnTo>
                    <a:pt x="328" y="199"/>
                  </a:lnTo>
                  <a:lnTo>
                    <a:pt x="326" y="206"/>
                  </a:lnTo>
                  <a:lnTo>
                    <a:pt x="326" y="216"/>
                  </a:lnTo>
                  <a:lnTo>
                    <a:pt x="326" y="218"/>
                  </a:lnTo>
                  <a:lnTo>
                    <a:pt x="326" y="220"/>
                  </a:lnTo>
                  <a:lnTo>
                    <a:pt x="325" y="223"/>
                  </a:lnTo>
                  <a:lnTo>
                    <a:pt x="325" y="225"/>
                  </a:lnTo>
                  <a:lnTo>
                    <a:pt x="323" y="226"/>
                  </a:lnTo>
                  <a:lnTo>
                    <a:pt x="323" y="228"/>
                  </a:lnTo>
                  <a:lnTo>
                    <a:pt x="323" y="230"/>
                  </a:lnTo>
                  <a:lnTo>
                    <a:pt x="323" y="231"/>
                  </a:lnTo>
                  <a:lnTo>
                    <a:pt x="321" y="235"/>
                  </a:lnTo>
                  <a:lnTo>
                    <a:pt x="320" y="242"/>
                  </a:lnTo>
                  <a:lnTo>
                    <a:pt x="318" y="247"/>
                  </a:lnTo>
                  <a:lnTo>
                    <a:pt x="313" y="250"/>
                  </a:lnTo>
                  <a:lnTo>
                    <a:pt x="308" y="252"/>
                  </a:lnTo>
                  <a:lnTo>
                    <a:pt x="301" y="250"/>
                  </a:lnTo>
                  <a:lnTo>
                    <a:pt x="291" y="243"/>
                  </a:lnTo>
                  <a:lnTo>
                    <a:pt x="289" y="242"/>
                  </a:lnTo>
                  <a:lnTo>
                    <a:pt x="286" y="240"/>
                  </a:lnTo>
                  <a:lnTo>
                    <a:pt x="282" y="238"/>
                  </a:lnTo>
                  <a:lnTo>
                    <a:pt x="279" y="238"/>
                  </a:lnTo>
                  <a:lnTo>
                    <a:pt x="276" y="240"/>
                  </a:lnTo>
                  <a:lnTo>
                    <a:pt x="274" y="243"/>
                  </a:lnTo>
                  <a:lnTo>
                    <a:pt x="274" y="250"/>
                  </a:lnTo>
                  <a:lnTo>
                    <a:pt x="276" y="260"/>
                  </a:lnTo>
                  <a:lnTo>
                    <a:pt x="276" y="262"/>
                  </a:lnTo>
                  <a:lnTo>
                    <a:pt x="276" y="265"/>
                  </a:lnTo>
                  <a:lnTo>
                    <a:pt x="274" y="267"/>
                  </a:lnTo>
                  <a:lnTo>
                    <a:pt x="272" y="269"/>
                  </a:lnTo>
                  <a:lnTo>
                    <a:pt x="272" y="272"/>
                  </a:lnTo>
                  <a:lnTo>
                    <a:pt x="270" y="274"/>
                  </a:lnTo>
                  <a:lnTo>
                    <a:pt x="270" y="275"/>
                  </a:lnTo>
                  <a:lnTo>
                    <a:pt x="269" y="275"/>
                  </a:lnTo>
                  <a:lnTo>
                    <a:pt x="267" y="287"/>
                  </a:lnTo>
                  <a:lnTo>
                    <a:pt x="265" y="289"/>
                  </a:lnTo>
                  <a:lnTo>
                    <a:pt x="264" y="291"/>
                  </a:lnTo>
                  <a:lnTo>
                    <a:pt x="264" y="292"/>
                  </a:lnTo>
                  <a:lnTo>
                    <a:pt x="262" y="296"/>
                  </a:lnTo>
                  <a:lnTo>
                    <a:pt x="260" y="301"/>
                  </a:lnTo>
                  <a:lnTo>
                    <a:pt x="259" y="308"/>
                  </a:lnTo>
                  <a:lnTo>
                    <a:pt x="259" y="314"/>
                  </a:lnTo>
                  <a:lnTo>
                    <a:pt x="259" y="318"/>
                  </a:lnTo>
                  <a:lnTo>
                    <a:pt x="255" y="321"/>
                  </a:lnTo>
                  <a:lnTo>
                    <a:pt x="252" y="326"/>
                  </a:lnTo>
                  <a:lnTo>
                    <a:pt x="248" y="331"/>
                  </a:lnTo>
                  <a:lnTo>
                    <a:pt x="245" y="336"/>
                  </a:lnTo>
                  <a:lnTo>
                    <a:pt x="242" y="341"/>
                  </a:lnTo>
                  <a:lnTo>
                    <a:pt x="240" y="347"/>
                  </a:lnTo>
                  <a:lnTo>
                    <a:pt x="238" y="352"/>
                  </a:lnTo>
                  <a:lnTo>
                    <a:pt x="238" y="353"/>
                  </a:lnTo>
                  <a:lnTo>
                    <a:pt x="238" y="355"/>
                  </a:lnTo>
                  <a:lnTo>
                    <a:pt x="238" y="357"/>
                  </a:lnTo>
                  <a:lnTo>
                    <a:pt x="238" y="360"/>
                  </a:lnTo>
                  <a:lnTo>
                    <a:pt x="238" y="362"/>
                  </a:lnTo>
                  <a:lnTo>
                    <a:pt x="238" y="363"/>
                  </a:lnTo>
                  <a:lnTo>
                    <a:pt x="238" y="365"/>
                  </a:lnTo>
                  <a:lnTo>
                    <a:pt x="243" y="369"/>
                  </a:lnTo>
                  <a:lnTo>
                    <a:pt x="237" y="377"/>
                  </a:lnTo>
                  <a:lnTo>
                    <a:pt x="242" y="384"/>
                  </a:lnTo>
                  <a:lnTo>
                    <a:pt x="225" y="396"/>
                  </a:lnTo>
                  <a:lnTo>
                    <a:pt x="223" y="396"/>
                  </a:lnTo>
                  <a:lnTo>
                    <a:pt x="220" y="394"/>
                  </a:lnTo>
                  <a:lnTo>
                    <a:pt x="216" y="394"/>
                  </a:lnTo>
                  <a:lnTo>
                    <a:pt x="211" y="394"/>
                  </a:lnTo>
                  <a:lnTo>
                    <a:pt x="208" y="396"/>
                  </a:lnTo>
                  <a:lnTo>
                    <a:pt x="203" y="401"/>
                  </a:lnTo>
                  <a:lnTo>
                    <a:pt x="201" y="407"/>
                  </a:lnTo>
                  <a:lnTo>
                    <a:pt x="199" y="406"/>
                  </a:lnTo>
                  <a:lnTo>
                    <a:pt x="198" y="404"/>
                  </a:lnTo>
                  <a:lnTo>
                    <a:pt x="194" y="404"/>
                  </a:lnTo>
                  <a:lnTo>
                    <a:pt x="189" y="402"/>
                  </a:lnTo>
                  <a:lnTo>
                    <a:pt x="186" y="402"/>
                  </a:lnTo>
                  <a:lnTo>
                    <a:pt x="184" y="404"/>
                  </a:lnTo>
                  <a:lnTo>
                    <a:pt x="184" y="407"/>
                  </a:lnTo>
                  <a:lnTo>
                    <a:pt x="186" y="414"/>
                  </a:lnTo>
                  <a:lnTo>
                    <a:pt x="186" y="416"/>
                  </a:lnTo>
                  <a:lnTo>
                    <a:pt x="184" y="418"/>
                  </a:lnTo>
                  <a:lnTo>
                    <a:pt x="182" y="418"/>
                  </a:lnTo>
                  <a:lnTo>
                    <a:pt x="179" y="419"/>
                  </a:lnTo>
                  <a:lnTo>
                    <a:pt x="176" y="421"/>
                  </a:lnTo>
                  <a:lnTo>
                    <a:pt x="174" y="423"/>
                  </a:lnTo>
                  <a:lnTo>
                    <a:pt x="172" y="423"/>
                  </a:lnTo>
                  <a:lnTo>
                    <a:pt x="171" y="424"/>
                  </a:lnTo>
                  <a:lnTo>
                    <a:pt x="167" y="426"/>
                  </a:lnTo>
                  <a:lnTo>
                    <a:pt x="162" y="428"/>
                  </a:lnTo>
                  <a:lnTo>
                    <a:pt x="155" y="429"/>
                  </a:lnTo>
                  <a:lnTo>
                    <a:pt x="150" y="429"/>
                  </a:lnTo>
                  <a:lnTo>
                    <a:pt x="145" y="429"/>
                  </a:lnTo>
                  <a:lnTo>
                    <a:pt x="142" y="428"/>
                  </a:lnTo>
                  <a:lnTo>
                    <a:pt x="140" y="423"/>
                  </a:lnTo>
                  <a:lnTo>
                    <a:pt x="138" y="426"/>
                  </a:lnTo>
                  <a:lnTo>
                    <a:pt x="135" y="429"/>
                  </a:lnTo>
                  <a:lnTo>
                    <a:pt x="132" y="433"/>
                  </a:lnTo>
                  <a:lnTo>
                    <a:pt x="127" y="438"/>
                  </a:lnTo>
                  <a:lnTo>
                    <a:pt x="122" y="440"/>
                  </a:lnTo>
                  <a:lnTo>
                    <a:pt x="116" y="440"/>
                  </a:lnTo>
                  <a:lnTo>
                    <a:pt x="110" y="438"/>
                  </a:lnTo>
                  <a:lnTo>
                    <a:pt x="108" y="438"/>
                  </a:lnTo>
                  <a:lnTo>
                    <a:pt x="105" y="438"/>
                  </a:lnTo>
                  <a:lnTo>
                    <a:pt x="101" y="436"/>
                  </a:lnTo>
                  <a:lnTo>
                    <a:pt x="98" y="435"/>
                  </a:lnTo>
                  <a:lnTo>
                    <a:pt x="93" y="433"/>
                  </a:lnTo>
                  <a:lnTo>
                    <a:pt x="88" y="428"/>
                  </a:lnTo>
                  <a:lnTo>
                    <a:pt x="83" y="423"/>
                  </a:lnTo>
                  <a:lnTo>
                    <a:pt x="79" y="416"/>
                  </a:lnTo>
                  <a:lnTo>
                    <a:pt x="78" y="413"/>
                  </a:lnTo>
                  <a:lnTo>
                    <a:pt x="78" y="409"/>
                  </a:lnTo>
                  <a:lnTo>
                    <a:pt x="78" y="406"/>
                  </a:lnTo>
                  <a:lnTo>
                    <a:pt x="76" y="404"/>
                  </a:lnTo>
                </a:path>
              </a:pathLst>
            </a:custGeom>
            <a:solidFill>
              <a:srgbClr val="DDDDDD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91" name="Freeform 130"/>
            <p:cNvSpPr>
              <a:spLocks/>
            </p:cNvSpPr>
            <p:nvPr/>
          </p:nvSpPr>
          <p:spPr bwMode="auto">
            <a:xfrm>
              <a:off x="4583" y="2049"/>
              <a:ext cx="102" cy="170"/>
            </a:xfrm>
            <a:custGeom>
              <a:avLst/>
              <a:gdLst>
                <a:gd name="T0" fmla="*/ 17 w 105"/>
                <a:gd name="T1" fmla="*/ 16 h 175"/>
                <a:gd name="T2" fmla="*/ 17 w 105"/>
                <a:gd name="T3" fmla="*/ 17 h 175"/>
                <a:gd name="T4" fmla="*/ 17 w 105"/>
                <a:gd name="T5" fmla="*/ 17 h 175"/>
                <a:gd name="T6" fmla="*/ 17 w 105"/>
                <a:gd name="T7" fmla="*/ 20 h 175"/>
                <a:gd name="T8" fmla="*/ 17 w 105"/>
                <a:gd name="T9" fmla="*/ 22 h 175"/>
                <a:gd name="T10" fmla="*/ 17 w 105"/>
                <a:gd name="T11" fmla="*/ 24 h 175"/>
                <a:gd name="T12" fmla="*/ 17 w 105"/>
                <a:gd name="T13" fmla="*/ 32 h 175"/>
                <a:gd name="T14" fmla="*/ 17 w 105"/>
                <a:gd name="T15" fmla="*/ 39 h 175"/>
                <a:gd name="T16" fmla="*/ 20 w 105"/>
                <a:gd name="T17" fmla="*/ 42 h 175"/>
                <a:gd name="T18" fmla="*/ 23 w 105"/>
                <a:gd name="T19" fmla="*/ 42 h 175"/>
                <a:gd name="T20" fmla="*/ 25 w 105"/>
                <a:gd name="T21" fmla="*/ 43 h 175"/>
                <a:gd name="T22" fmla="*/ 30 w 105"/>
                <a:gd name="T23" fmla="*/ 45 h 175"/>
                <a:gd name="T24" fmla="*/ 35 w 105"/>
                <a:gd name="T25" fmla="*/ 48 h 175"/>
                <a:gd name="T26" fmla="*/ 35 w 105"/>
                <a:gd name="T27" fmla="*/ 54 h 175"/>
                <a:gd name="T28" fmla="*/ 35 w 105"/>
                <a:gd name="T29" fmla="*/ 59 h 175"/>
                <a:gd name="T30" fmla="*/ 35 w 105"/>
                <a:gd name="T31" fmla="*/ 59 h 175"/>
                <a:gd name="T32" fmla="*/ 39 w 105"/>
                <a:gd name="T33" fmla="*/ 63 h 175"/>
                <a:gd name="T34" fmla="*/ 41 w 105"/>
                <a:gd name="T35" fmla="*/ 67 h 175"/>
                <a:gd name="T36" fmla="*/ 43 w 105"/>
                <a:gd name="T37" fmla="*/ 70 h 175"/>
                <a:gd name="T38" fmla="*/ 43 w 105"/>
                <a:gd name="T39" fmla="*/ 71 h 175"/>
                <a:gd name="T40" fmla="*/ 44 w 105"/>
                <a:gd name="T41" fmla="*/ 71 h 175"/>
                <a:gd name="T42" fmla="*/ 45 w 105"/>
                <a:gd name="T43" fmla="*/ 74 h 175"/>
                <a:gd name="T44" fmla="*/ 45 w 105"/>
                <a:gd name="T45" fmla="*/ 75 h 175"/>
                <a:gd name="T46" fmla="*/ 49 w 105"/>
                <a:gd name="T47" fmla="*/ 80 h 175"/>
                <a:gd name="T48" fmla="*/ 55 w 105"/>
                <a:gd name="T49" fmla="*/ 82 h 175"/>
                <a:gd name="T50" fmla="*/ 59 w 105"/>
                <a:gd name="T51" fmla="*/ 82 h 175"/>
                <a:gd name="T52" fmla="*/ 61 w 105"/>
                <a:gd name="T53" fmla="*/ 82 h 175"/>
                <a:gd name="T54" fmla="*/ 63 w 105"/>
                <a:gd name="T55" fmla="*/ 90 h 175"/>
                <a:gd name="T56" fmla="*/ 58 w 105"/>
                <a:gd name="T57" fmla="*/ 94 h 175"/>
                <a:gd name="T58" fmla="*/ 58 w 105"/>
                <a:gd name="T59" fmla="*/ 94 h 175"/>
                <a:gd name="T60" fmla="*/ 57 w 105"/>
                <a:gd name="T61" fmla="*/ 95 h 175"/>
                <a:gd name="T62" fmla="*/ 57 w 105"/>
                <a:gd name="T63" fmla="*/ 96 h 175"/>
                <a:gd name="T64" fmla="*/ 53 w 105"/>
                <a:gd name="T65" fmla="*/ 99 h 175"/>
                <a:gd name="T66" fmla="*/ 57 w 105"/>
                <a:gd name="T67" fmla="*/ 100 h 175"/>
                <a:gd name="T68" fmla="*/ 61 w 105"/>
                <a:gd name="T69" fmla="*/ 99 h 175"/>
                <a:gd name="T70" fmla="*/ 63 w 105"/>
                <a:gd name="T71" fmla="*/ 98 h 175"/>
                <a:gd name="T72" fmla="*/ 66 w 105"/>
                <a:gd name="T73" fmla="*/ 96 h 175"/>
                <a:gd name="T74" fmla="*/ 69 w 105"/>
                <a:gd name="T75" fmla="*/ 99 h 175"/>
                <a:gd name="T76" fmla="*/ 69 w 105"/>
                <a:gd name="T77" fmla="*/ 104 h 175"/>
                <a:gd name="T78" fmla="*/ 69 w 105"/>
                <a:gd name="T79" fmla="*/ 109 h 175"/>
                <a:gd name="T80" fmla="*/ 0 w 105"/>
                <a:gd name="T81" fmla="*/ 17 h 175"/>
                <a:gd name="T82" fmla="*/ 0 w 105"/>
                <a:gd name="T83" fmla="*/ 17 h 175"/>
                <a:gd name="T84" fmla="*/ 5 w 105"/>
                <a:gd name="T85" fmla="*/ 7 h 175"/>
                <a:gd name="T86" fmla="*/ 15 w 105"/>
                <a:gd name="T87" fmla="*/ 0 h 175"/>
                <a:gd name="T88" fmla="*/ 17 w 105"/>
                <a:gd name="T89" fmla="*/ 0 h 175"/>
                <a:gd name="T90" fmla="*/ 18 w 105"/>
                <a:gd name="T91" fmla="*/ 2 h 175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w 105"/>
                <a:gd name="T139" fmla="*/ 0 h 175"/>
                <a:gd name="T140" fmla="*/ 105 w 105"/>
                <a:gd name="T141" fmla="*/ 175 h 175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T138" t="T139" r="T140" b="T141"/>
              <a:pathLst>
                <a:path w="105" h="175">
                  <a:moveTo>
                    <a:pt x="27" y="7"/>
                  </a:moveTo>
                  <a:lnTo>
                    <a:pt x="24" y="16"/>
                  </a:lnTo>
                  <a:lnTo>
                    <a:pt x="20" y="22"/>
                  </a:lnTo>
                  <a:lnTo>
                    <a:pt x="20" y="26"/>
                  </a:lnTo>
                  <a:lnTo>
                    <a:pt x="20" y="29"/>
                  </a:lnTo>
                  <a:lnTo>
                    <a:pt x="20" y="31"/>
                  </a:lnTo>
                  <a:lnTo>
                    <a:pt x="22" y="34"/>
                  </a:lnTo>
                  <a:lnTo>
                    <a:pt x="22" y="36"/>
                  </a:lnTo>
                  <a:lnTo>
                    <a:pt x="24" y="36"/>
                  </a:lnTo>
                  <a:lnTo>
                    <a:pt x="24" y="38"/>
                  </a:lnTo>
                  <a:lnTo>
                    <a:pt x="25" y="46"/>
                  </a:lnTo>
                  <a:lnTo>
                    <a:pt x="27" y="49"/>
                  </a:lnTo>
                  <a:lnTo>
                    <a:pt x="29" y="55"/>
                  </a:lnTo>
                  <a:lnTo>
                    <a:pt x="30" y="56"/>
                  </a:lnTo>
                  <a:lnTo>
                    <a:pt x="34" y="60"/>
                  </a:lnTo>
                  <a:lnTo>
                    <a:pt x="36" y="61"/>
                  </a:lnTo>
                  <a:lnTo>
                    <a:pt x="37" y="61"/>
                  </a:lnTo>
                  <a:lnTo>
                    <a:pt x="39" y="63"/>
                  </a:lnTo>
                  <a:lnTo>
                    <a:pt x="44" y="66"/>
                  </a:lnTo>
                  <a:lnTo>
                    <a:pt x="47" y="70"/>
                  </a:lnTo>
                  <a:lnTo>
                    <a:pt x="49" y="73"/>
                  </a:lnTo>
                  <a:lnTo>
                    <a:pt x="49" y="78"/>
                  </a:lnTo>
                  <a:lnTo>
                    <a:pt x="49" y="82"/>
                  </a:lnTo>
                  <a:lnTo>
                    <a:pt x="49" y="85"/>
                  </a:lnTo>
                  <a:lnTo>
                    <a:pt x="49" y="88"/>
                  </a:lnTo>
                  <a:lnTo>
                    <a:pt x="51" y="92"/>
                  </a:lnTo>
                  <a:lnTo>
                    <a:pt x="54" y="93"/>
                  </a:lnTo>
                  <a:lnTo>
                    <a:pt x="56" y="97"/>
                  </a:lnTo>
                  <a:lnTo>
                    <a:pt x="59" y="99"/>
                  </a:lnTo>
                  <a:lnTo>
                    <a:pt x="61" y="102"/>
                  </a:lnTo>
                  <a:lnTo>
                    <a:pt x="63" y="104"/>
                  </a:lnTo>
                  <a:lnTo>
                    <a:pt x="63" y="105"/>
                  </a:lnTo>
                  <a:lnTo>
                    <a:pt x="64" y="105"/>
                  </a:lnTo>
                  <a:lnTo>
                    <a:pt x="64" y="109"/>
                  </a:lnTo>
                  <a:lnTo>
                    <a:pt x="66" y="110"/>
                  </a:lnTo>
                  <a:lnTo>
                    <a:pt x="66" y="112"/>
                  </a:lnTo>
                  <a:lnTo>
                    <a:pt x="71" y="115"/>
                  </a:lnTo>
                  <a:lnTo>
                    <a:pt x="74" y="119"/>
                  </a:lnTo>
                  <a:lnTo>
                    <a:pt x="80" y="121"/>
                  </a:lnTo>
                  <a:lnTo>
                    <a:pt x="83" y="122"/>
                  </a:lnTo>
                  <a:lnTo>
                    <a:pt x="86" y="122"/>
                  </a:lnTo>
                  <a:lnTo>
                    <a:pt x="88" y="122"/>
                  </a:lnTo>
                  <a:lnTo>
                    <a:pt x="90" y="122"/>
                  </a:lnTo>
                  <a:lnTo>
                    <a:pt x="93" y="126"/>
                  </a:lnTo>
                  <a:lnTo>
                    <a:pt x="93" y="136"/>
                  </a:lnTo>
                  <a:lnTo>
                    <a:pt x="86" y="136"/>
                  </a:lnTo>
                  <a:lnTo>
                    <a:pt x="86" y="141"/>
                  </a:lnTo>
                  <a:lnTo>
                    <a:pt x="86" y="143"/>
                  </a:lnTo>
                  <a:lnTo>
                    <a:pt x="85" y="143"/>
                  </a:lnTo>
                  <a:lnTo>
                    <a:pt x="85" y="144"/>
                  </a:lnTo>
                  <a:lnTo>
                    <a:pt x="83" y="146"/>
                  </a:lnTo>
                  <a:lnTo>
                    <a:pt x="81" y="148"/>
                  </a:lnTo>
                  <a:lnTo>
                    <a:pt x="83" y="149"/>
                  </a:lnTo>
                  <a:lnTo>
                    <a:pt x="85" y="149"/>
                  </a:lnTo>
                  <a:lnTo>
                    <a:pt x="88" y="149"/>
                  </a:lnTo>
                  <a:lnTo>
                    <a:pt x="90" y="148"/>
                  </a:lnTo>
                  <a:lnTo>
                    <a:pt x="91" y="148"/>
                  </a:lnTo>
                  <a:lnTo>
                    <a:pt x="93" y="146"/>
                  </a:lnTo>
                  <a:lnTo>
                    <a:pt x="98" y="144"/>
                  </a:lnTo>
                  <a:lnTo>
                    <a:pt x="100" y="144"/>
                  </a:lnTo>
                  <a:lnTo>
                    <a:pt x="102" y="148"/>
                  </a:lnTo>
                  <a:lnTo>
                    <a:pt x="102" y="149"/>
                  </a:lnTo>
                  <a:lnTo>
                    <a:pt x="102" y="154"/>
                  </a:lnTo>
                  <a:lnTo>
                    <a:pt x="105" y="158"/>
                  </a:lnTo>
                  <a:lnTo>
                    <a:pt x="103" y="163"/>
                  </a:lnTo>
                  <a:lnTo>
                    <a:pt x="41" y="175"/>
                  </a:lnTo>
                  <a:lnTo>
                    <a:pt x="0" y="21"/>
                  </a:lnTo>
                  <a:lnTo>
                    <a:pt x="0" y="22"/>
                  </a:lnTo>
                  <a:lnTo>
                    <a:pt x="2" y="12"/>
                  </a:lnTo>
                  <a:lnTo>
                    <a:pt x="5" y="7"/>
                  </a:lnTo>
                  <a:lnTo>
                    <a:pt x="10" y="4"/>
                  </a:lnTo>
                  <a:lnTo>
                    <a:pt x="15" y="0"/>
                  </a:lnTo>
                  <a:lnTo>
                    <a:pt x="22" y="0"/>
                  </a:lnTo>
                  <a:lnTo>
                    <a:pt x="27" y="0"/>
                  </a:lnTo>
                  <a:lnTo>
                    <a:pt x="30" y="0"/>
                  </a:lnTo>
                  <a:lnTo>
                    <a:pt x="32" y="2"/>
                  </a:lnTo>
                  <a:lnTo>
                    <a:pt x="27" y="7"/>
                  </a:lnTo>
                </a:path>
              </a:pathLst>
            </a:custGeom>
            <a:solidFill>
              <a:srgbClr val="C00000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592" name="Group 131"/>
            <p:cNvGrpSpPr>
              <a:grpSpLocks/>
            </p:cNvGrpSpPr>
            <p:nvPr/>
          </p:nvGrpSpPr>
          <p:grpSpPr bwMode="auto">
            <a:xfrm>
              <a:off x="3980" y="2710"/>
              <a:ext cx="478" cy="363"/>
              <a:chOff x="3916" y="2758"/>
              <a:chExt cx="478" cy="363"/>
            </a:xfrm>
          </p:grpSpPr>
          <p:sp>
            <p:nvSpPr>
              <p:cNvPr id="645" name="Freeform 132"/>
              <p:cNvSpPr>
                <a:spLocks/>
              </p:cNvSpPr>
              <p:nvPr/>
            </p:nvSpPr>
            <p:spPr bwMode="auto">
              <a:xfrm>
                <a:off x="4222" y="3072"/>
                <a:ext cx="15" cy="16"/>
              </a:xfrm>
              <a:custGeom>
                <a:avLst/>
                <a:gdLst>
                  <a:gd name="T0" fmla="*/ 1 w 15"/>
                  <a:gd name="T1" fmla="*/ 5 h 17"/>
                  <a:gd name="T2" fmla="*/ 5 w 15"/>
                  <a:gd name="T3" fmla="*/ 2 h 17"/>
                  <a:gd name="T4" fmla="*/ 6 w 15"/>
                  <a:gd name="T5" fmla="*/ 0 h 17"/>
                  <a:gd name="T6" fmla="*/ 10 w 15"/>
                  <a:gd name="T7" fmla="*/ 0 h 17"/>
                  <a:gd name="T8" fmla="*/ 12 w 15"/>
                  <a:gd name="T9" fmla="*/ 0 h 17"/>
                  <a:gd name="T10" fmla="*/ 13 w 15"/>
                  <a:gd name="T11" fmla="*/ 2 h 17"/>
                  <a:gd name="T12" fmla="*/ 13 w 15"/>
                  <a:gd name="T13" fmla="*/ 2 h 17"/>
                  <a:gd name="T14" fmla="*/ 15 w 15"/>
                  <a:gd name="T15" fmla="*/ 3 h 17"/>
                  <a:gd name="T16" fmla="*/ 15 w 15"/>
                  <a:gd name="T17" fmla="*/ 5 h 17"/>
                  <a:gd name="T18" fmla="*/ 15 w 15"/>
                  <a:gd name="T19" fmla="*/ 7 h 17"/>
                  <a:gd name="T20" fmla="*/ 13 w 15"/>
                  <a:gd name="T21" fmla="*/ 8 h 17"/>
                  <a:gd name="T22" fmla="*/ 13 w 15"/>
                  <a:gd name="T23" fmla="*/ 8 h 17"/>
                  <a:gd name="T24" fmla="*/ 12 w 15"/>
                  <a:gd name="T25" fmla="*/ 8 h 17"/>
                  <a:gd name="T26" fmla="*/ 10 w 15"/>
                  <a:gd name="T27" fmla="*/ 8 h 17"/>
                  <a:gd name="T28" fmla="*/ 6 w 15"/>
                  <a:gd name="T29" fmla="*/ 8 h 17"/>
                  <a:gd name="T30" fmla="*/ 3 w 15"/>
                  <a:gd name="T31" fmla="*/ 8 h 17"/>
                  <a:gd name="T32" fmla="*/ 1 w 15"/>
                  <a:gd name="T33" fmla="*/ 8 h 17"/>
                  <a:gd name="T34" fmla="*/ 1 w 15"/>
                  <a:gd name="T35" fmla="*/ 8 h 17"/>
                  <a:gd name="T36" fmla="*/ 0 w 15"/>
                  <a:gd name="T37" fmla="*/ 8 h 17"/>
                  <a:gd name="T38" fmla="*/ 0 w 15"/>
                  <a:gd name="T39" fmla="*/ 8 h 17"/>
                  <a:gd name="T40" fmla="*/ 0 w 15"/>
                  <a:gd name="T41" fmla="*/ 8 h 17"/>
                  <a:gd name="T42" fmla="*/ 0 w 15"/>
                  <a:gd name="T43" fmla="*/ 8 h 17"/>
                  <a:gd name="T44" fmla="*/ 0 w 15"/>
                  <a:gd name="T45" fmla="*/ 8 h 17"/>
                  <a:gd name="T46" fmla="*/ 1 w 15"/>
                  <a:gd name="T47" fmla="*/ 7 h 17"/>
                  <a:gd name="T48" fmla="*/ 1 w 15"/>
                  <a:gd name="T49" fmla="*/ 5 h 1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15"/>
                  <a:gd name="T76" fmla="*/ 0 h 17"/>
                  <a:gd name="T77" fmla="*/ 15 w 15"/>
                  <a:gd name="T78" fmla="*/ 17 h 17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15" h="17">
                    <a:moveTo>
                      <a:pt x="1" y="5"/>
                    </a:moveTo>
                    <a:lnTo>
                      <a:pt x="5" y="2"/>
                    </a:lnTo>
                    <a:lnTo>
                      <a:pt x="6" y="0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5" y="3"/>
                    </a:lnTo>
                    <a:lnTo>
                      <a:pt x="15" y="5"/>
                    </a:lnTo>
                    <a:lnTo>
                      <a:pt x="15" y="7"/>
                    </a:lnTo>
                    <a:lnTo>
                      <a:pt x="13" y="8"/>
                    </a:lnTo>
                    <a:lnTo>
                      <a:pt x="13" y="10"/>
                    </a:lnTo>
                    <a:lnTo>
                      <a:pt x="12" y="12"/>
                    </a:lnTo>
                    <a:lnTo>
                      <a:pt x="10" y="15"/>
                    </a:lnTo>
                    <a:lnTo>
                      <a:pt x="6" y="17"/>
                    </a:lnTo>
                    <a:lnTo>
                      <a:pt x="3" y="17"/>
                    </a:lnTo>
                    <a:lnTo>
                      <a:pt x="1" y="17"/>
                    </a:lnTo>
                    <a:lnTo>
                      <a:pt x="0" y="15"/>
                    </a:lnTo>
                    <a:lnTo>
                      <a:pt x="0" y="13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1" y="7"/>
                    </a:lnTo>
                    <a:lnTo>
                      <a:pt x="1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46" name="Freeform 133"/>
              <p:cNvSpPr>
                <a:spLocks/>
              </p:cNvSpPr>
              <p:nvPr/>
            </p:nvSpPr>
            <p:spPr bwMode="auto">
              <a:xfrm>
                <a:off x="4206" y="3072"/>
                <a:ext cx="11" cy="12"/>
              </a:xfrm>
              <a:custGeom>
                <a:avLst/>
                <a:gdLst>
                  <a:gd name="T0" fmla="*/ 0 w 11"/>
                  <a:gd name="T1" fmla="*/ 6 h 13"/>
                  <a:gd name="T2" fmla="*/ 0 w 11"/>
                  <a:gd name="T3" fmla="*/ 3 h 13"/>
                  <a:gd name="T4" fmla="*/ 2 w 11"/>
                  <a:gd name="T5" fmla="*/ 2 h 13"/>
                  <a:gd name="T6" fmla="*/ 4 w 11"/>
                  <a:gd name="T7" fmla="*/ 0 h 13"/>
                  <a:gd name="T8" fmla="*/ 6 w 11"/>
                  <a:gd name="T9" fmla="*/ 0 h 13"/>
                  <a:gd name="T10" fmla="*/ 7 w 11"/>
                  <a:gd name="T11" fmla="*/ 0 h 13"/>
                  <a:gd name="T12" fmla="*/ 9 w 11"/>
                  <a:gd name="T13" fmla="*/ 2 h 13"/>
                  <a:gd name="T14" fmla="*/ 11 w 11"/>
                  <a:gd name="T15" fmla="*/ 3 h 13"/>
                  <a:gd name="T16" fmla="*/ 11 w 11"/>
                  <a:gd name="T17" fmla="*/ 6 h 13"/>
                  <a:gd name="T18" fmla="*/ 11 w 11"/>
                  <a:gd name="T19" fmla="*/ 6 h 13"/>
                  <a:gd name="T20" fmla="*/ 9 w 11"/>
                  <a:gd name="T21" fmla="*/ 6 h 13"/>
                  <a:gd name="T22" fmla="*/ 7 w 11"/>
                  <a:gd name="T23" fmla="*/ 6 h 13"/>
                  <a:gd name="T24" fmla="*/ 6 w 11"/>
                  <a:gd name="T25" fmla="*/ 6 h 13"/>
                  <a:gd name="T26" fmla="*/ 4 w 11"/>
                  <a:gd name="T27" fmla="*/ 6 h 13"/>
                  <a:gd name="T28" fmla="*/ 2 w 11"/>
                  <a:gd name="T29" fmla="*/ 6 h 13"/>
                  <a:gd name="T30" fmla="*/ 0 w 11"/>
                  <a:gd name="T31" fmla="*/ 6 h 13"/>
                  <a:gd name="T32" fmla="*/ 0 w 11"/>
                  <a:gd name="T33" fmla="*/ 6 h 13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1"/>
                  <a:gd name="T52" fmla="*/ 0 h 13"/>
                  <a:gd name="T53" fmla="*/ 11 w 11"/>
                  <a:gd name="T54" fmla="*/ 13 h 13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1" h="13">
                    <a:moveTo>
                      <a:pt x="0" y="7"/>
                    </a:moveTo>
                    <a:lnTo>
                      <a:pt x="0" y="3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0"/>
                    </a:lnTo>
                    <a:lnTo>
                      <a:pt x="9" y="2"/>
                    </a:lnTo>
                    <a:lnTo>
                      <a:pt x="11" y="3"/>
                    </a:lnTo>
                    <a:lnTo>
                      <a:pt x="11" y="7"/>
                    </a:lnTo>
                    <a:lnTo>
                      <a:pt x="11" y="10"/>
                    </a:lnTo>
                    <a:lnTo>
                      <a:pt x="9" y="12"/>
                    </a:lnTo>
                    <a:lnTo>
                      <a:pt x="7" y="13"/>
                    </a:lnTo>
                    <a:lnTo>
                      <a:pt x="6" y="13"/>
                    </a:lnTo>
                    <a:lnTo>
                      <a:pt x="4" y="13"/>
                    </a:lnTo>
                    <a:lnTo>
                      <a:pt x="2" y="12"/>
                    </a:lnTo>
                    <a:lnTo>
                      <a:pt x="0" y="10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47" name="Freeform 134"/>
              <p:cNvSpPr>
                <a:spLocks/>
              </p:cNvSpPr>
              <p:nvPr/>
            </p:nvSpPr>
            <p:spPr bwMode="auto">
              <a:xfrm>
                <a:off x="4212" y="3098"/>
                <a:ext cx="13" cy="16"/>
              </a:xfrm>
              <a:custGeom>
                <a:avLst/>
                <a:gdLst>
                  <a:gd name="T0" fmla="*/ 1 w 13"/>
                  <a:gd name="T1" fmla="*/ 5 h 17"/>
                  <a:gd name="T2" fmla="*/ 3 w 13"/>
                  <a:gd name="T3" fmla="*/ 2 h 17"/>
                  <a:gd name="T4" fmla="*/ 6 w 13"/>
                  <a:gd name="T5" fmla="*/ 0 h 17"/>
                  <a:gd name="T6" fmla="*/ 8 w 13"/>
                  <a:gd name="T7" fmla="*/ 0 h 17"/>
                  <a:gd name="T8" fmla="*/ 11 w 13"/>
                  <a:gd name="T9" fmla="*/ 0 h 17"/>
                  <a:gd name="T10" fmla="*/ 13 w 13"/>
                  <a:gd name="T11" fmla="*/ 0 h 17"/>
                  <a:gd name="T12" fmla="*/ 13 w 13"/>
                  <a:gd name="T13" fmla="*/ 2 h 17"/>
                  <a:gd name="T14" fmla="*/ 13 w 13"/>
                  <a:gd name="T15" fmla="*/ 3 h 17"/>
                  <a:gd name="T16" fmla="*/ 13 w 13"/>
                  <a:gd name="T17" fmla="*/ 5 h 17"/>
                  <a:gd name="T18" fmla="*/ 13 w 13"/>
                  <a:gd name="T19" fmla="*/ 5 h 17"/>
                  <a:gd name="T20" fmla="*/ 13 w 13"/>
                  <a:gd name="T21" fmla="*/ 8 h 17"/>
                  <a:gd name="T22" fmla="*/ 13 w 13"/>
                  <a:gd name="T23" fmla="*/ 8 h 17"/>
                  <a:gd name="T24" fmla="*/ 11 w 13"/>
                  <a:gd name="T25" fmla="*/ 8 h 17"/>
                  <a:gd name="T26" fmla="*/ 10 w 13"/>
                  <a:gd name="T27" fmla="*/ 8 h 17"/>
                  <a:gd name="T28" fmla="*/ 6 w 13"/>
                  <a:gd name="T29" fmla="*/ 8 h 17"/>
                  <a:gd name="T30" fmla="*/ 5 w 13"/>
                  <a:gd name="T31" fmla="*/ 8 h 17"/>
                  <a:gd name="T32" fmla="*/ 1 w 13"/>
                  <a:gd name="T33" fmla="*/ 8 h 17"/>
                  <a:gd name="T34" fmla="*/ 1 w 13"/>
                  <a:gd name="T35" fmla="*/ 8 h 17"/>
                  <a:gd name="T36" fmla="*/ 0 w 13"/>
                  <a:gd name="T37" fmla="*/ 8 h 17"/>
                  <a:gd name="T38" fmla="*/ 0 w 13"/>
                  <a:gd name="T39" fmla="*/ 8 h 17"/>
                  <a:gd name="T40" fmla="*/ 0 w 13"/>
                  <a:gd name="T41" fmla="*/ 8 h 17"/>
                  <a:gd name="T42" fmla="*/ 0 w 13"/>
                  <a:gd name="T43" fmla="*/ 8 h 17"/>
                  <a:gd name="T44" fmla="*/ 0 w 13"/>
                  <a:gd name="T45" fmla="*/ 8 h 17"/>
                  <a:gd name="T46" fmla="*/ 0 w 13"/>
                  <a:gd name="T47" fmla="*/ 7 h 17"/>
                  <a:gd name="T48" fmla="*/ 1 w 13"/>
                  <a:gd name="T49" fmla="*/ 5 h 1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13"/>
                  <a:gd name="T76" fmla="*/ 0 h 17"/>
                  <a:gd name="T77" fmla="*/ 13 w 13"/>
                  <a:gd name="T78" fmla="*/ 17 h 17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13" h="17">
                    <a:moveTo>
                      <a:pt x="1" y="5"/>
                    </a:moveTo>
                    <a:lnTo>
                      <a:pt x="3" y="2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1" y="0"/>
                    </a:lnTo>
                    <a:lnTo>
                      <a:pt x="13" y="0"/>
                    </a:lnTo>
                    <a:lnTo>
                      <a:pt x="13" y="2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3" y="8"/>
                    </a:lnTo>
                    <a:lnTo>
                      <a:pt x="11" y="10"/>
                    </a:lnTo>
                    <a:lnTo>
                      <a:pt x="10" y="14"/>
                    </a:lnTo>
                    <a:lnTo>
                      <a:pt x="6" y="15"/>
                    </a:lnTo>
                    <a:lnTo>
                      <a:pt x="5" y="17"/>
                    </a:lnTo>
                    <a:lnTo>
                      <a:pt x="1" y="17"/>
                    </a:lnTo>
                    <a:lnTo>
                      <a:pt x="1" y="15"/>
                    </a:lnTo>
                    <a:lnTo>
                      <a:pt x="0" y="14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1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48" name="Freeform 135"/>
              <p:cNvSpPr>
                <a:spLocks/>
              </p:cNvSpPr>
              <p:nvPr/>
            </p:nvSpPr>
            <p:spPr bwMode="auto">
              <a:xfrm>
                <a:off x="3916" y="2758"/>
                <a:ext cx="478" cy="363"/>
              </a:xfrm>
              <a:custGeom>
                <a:avLst/>
                <a:gdLst>
                  <a:gd name="T0" fmla="*/ 178 w 492"/>
                  <a:gd name="T1" fmla="*/ 243 h 374"/>
                  <a:gd name="T2" fmla="*/ 178 w 492"/>
                  <a:gd name="T3" fmla="*/ 240 h 374"/>
                  <a:gd name="T4" fmla="*/ 178 w 492"/>
                  <a:gd name="T5" fmla="*/ 229 h 374"/>
                  <a:gd name="T6" fmla="*/ 162 w 492"/>
                  <a:gd name="T7" fmla="*/ 208 h 374"/>
                  <a:gd name="T8" fmla="*/ 154 w 492"/>
                  <a:gd name="T9" fmla="*/ 202 h 374"/>
                  <a:gd name="T10" fmla="*/ 142 w 492"/>
                  <a:gd name="T11" fmla="*/ 177 h 374"/>
                  <a:gd name="T12" fmla="*/ 130 w 492"/>
                  <a:gd name="T13" fmla="*/ 173 h 374"/>
                  <a:gd name="T14" fmla="*/ 122 w 492"/>
                  <a:gd name="T15" fmla="*/ 168 h 374"/>
                  <a:gd name="T16" fmla="*/ 112 w 492"/>
                  <a:gd name="T17" fmla="*/ 156 h 374"/>
                  <a:gd name="T18" fmla="*/ 106 w 492"/>
                  <a:gd name="T19" fmla="*/ 144 h 374"/>
                  <a:gd name="T20" fmla="*/ 95 w 492"/>
                  <a:gd name="T21" fmla="*/ 139 h 374"/>
                  <a:gd name="T22" fmla="*/ 91 w 492"/>
                  <a:gd name="T23" fmla="*/ 137 h 374"/>
                  <a:gd name="T24" fmla="*/ 86 w 492"/>
                  <a:gd name="T25" fmla="*/ 132 h 374"/>
                  <a:gd name="T26" fmla="*/ 79 w 492"/>
                  <a:gd name="T27" fmla="*/ 120 h 374"/>
                  <a:gd name="T28" fmla="*/ 73 w 492"/>
                  <a:gd name="T29" fmla="*/ 120 h 374"/>
                  <a:gd name="T30" fmla="*/ 63 w 492"/>
                  <a:gd name="T31" fmla="*/ 114 h 374"/>
                  <a:gd name="T32" fmla="*/ 55 w 492"/>
                  <a:gd name="T33" fmla="*/ 104 h 374"/>
                  <a:gd name="T34" fmla="*/ 47 w 492"/>
                  <a:gd name="T35" fmla="*/ 96 h 374"/>
                  <a:gd name="T36" fmla="*/ 40 w 492"/>
                  <a:gd name="T37" fmla="*/ 79 h 374"/>
                  <a:gd name="T38" fmla="*/ 38 w 492"/>
                  <a:gd name="T39" fmla="*/ 74 h 374"/>
                  <a:gd name="T40" fmla="*/ 32 w 492"/>
                  <a:gd name="T41" fmla="*/ 73 h 374"/>
                  <a:gd name="T42" fmla="*/ 17 w 492"/>
                  <a:gd name="T43" fmla="*/ 70 h 374"/>
                  <a:gd name="T44" fmla="*/ 17 w 492"/>
                  <a:gd name="T45" fmla="*/ 67 h 374"/>
                  <a:gd name="T46" fmla="*/ 0 w 492"/>
                  <a:gd name="T47" fmla="*/ 56 h 374"/>
                  <a:gd name="T48" fmla="*/ 17 w 492"/>
                  <a:gd name="T49" fmla="*/ 37 h 374"/>
                  <a:gd name="T50" fmla="*/ 17 w 492"/>
                  <a:gd name="T51" fmla="*/ 37 h 374"/>
                  <a:gd name="T52" fmla="*/ 17 w 492"/>
                  <a:gd name="T53" fmla="*/ 28 h 374"/>
                  <a:gd name="T54" fmla="*/ 38 w 492"/>
                  <a:gd name="T55" fmla="*/ 17 h 374"/>
                  <a:gd name="T56" fmla="*/ 57 w 492"/>
                  <a:gd name="T57" fmla="*/ 15 h 374"/>
                  <a:gd name="T58" fmla="*/ 138 w 492"/>
                  <a:gd name="T59" fmla="*/ 1 h 374"/>
                  <a:gd name="T60" fmla="*/ 144 w 492"/>
                  <a:gd name="T61" fmla="*/ 0 h 374"/>
                  <a:gd name="T62" fmla="*/ 162 w 492"/>
                  <a:gd name="T63" fmla="*/ 12 h 374"/>
                  <a:gd name="T64" fmla="*/ 329 w 492"/>
                  <a:gd name="T65" fmla="*/ 77 h 374"/>
                  <a:gd name="T66" fmla="*/ 326 w 492"/>
                  <a:gd name="T67" fmla="*/ 79 h 374"/>
                  <a:gd name="T68" fmla="*/ 317 w 492"/>
                  <a:gd name="T69" fmla="*/ 85 h 374"/>
                  <a:gd name="T70" fmla="*/ 306 w 492"/>
                  <a:gd name="T71" fmla="*/ 100 h 374"/>
                  <a:gd name="T72" fmla="*/ 295 w 492"/>
                  <a:gd name="T73" fmla="*/ 120 h 374"/>
                  <a:gd name="T74" fmla="*/ 292 w 492"/>
                  <a:gd name="T75" fmla="*/ 125 h 374"/>
                  <a:gd name="T76" fmla="*/ 289 w 492"/>
                  <a:gd name="T77" fmla="*/ 123 h 374"/>
                  <a:gd name="T78" fmla="*/ 288 w 492"/>
                  <a:gd name="T79" fmla="*/ 131 h 374"/>
                  <a:gd name="T80" fmla="*/ 293 w 492"/>
                  <a:gd name="T81" fmla="*/ 134 h 374"/>
                  <a:gd name="T82" fmla="*/ 295 w 492"/>
                  <a:gd name="T83" fmla="*/ 139 h 374"/>
                  <a:gd name="T84" fmla="*/ 288 w 492"/>
                  <a:gd name="T85" fmla="*/ 148 h 374"/>
                  <a:gd name="T86" fmla="*/ 282 w 492"/>
                  <a:gd name="T87" fmla="*/ 149 h 374"/>
                  <a:gd name="T88" fmla="*/ 269 w 492"/>
                  <a:gd name="T89" fmla="*/ 164 h 374"/>
                  <a:gd name="T90" fmla="*/ 265 w 492"/>
                  <a:gd name="T91" fmla="*/ 172 h 374"/>
                  <a:gd name="T92" fmla="*/ 259 w 492"/>
                  <a:gd name="T93" fmla="*/ 177 h 374"/>
                  <a:gd name="T94" fmla="*/ 251 w 492"/>
                  <a:gd name="T95" fmla="*/ 182 h 374"/>
                  <a:gd name="T96" fmla="*/ 233 w 492"/>
                  <a:gd name="T97" fmla="*/ 196 h 374"/>
                  <a:gd name="T98" fmla="*/ 214 w 492"/>
                  <a:gd name="T99" fmla="*/ 207 h 374"/>
                  <a:gd name="T100" fmla="*/ 203 w 492"/>
                  <a:gd name="T101" fmla="*/ 229 h 374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w 492"/>
                  <a:gd name="T154" fmla="*/ 0 h 374"/>
                  <a:gd name="T155" fmla="*/ 492 w 492"/>
                  <a:gd name="T156" fmla="*/ 374 h 374"/>
                </a:gdLst>
                <a:ahLst/>
                <a:cxnLst>
                  <a:cxn ang="T102">
                    <a:pos x="T0" y="T1"/>
                  </a:cxn>
                  <a:cxn ang="T103">
                    <a:pos x="T2" y="T3"/>
                  </a:cxn>
                  <a:cxn ang="T104">
                    <a:pos x="T4" y="T5"/>
                  </a:cxn>
                  <a:cxn ang="T105">
                    <a:pos x="T6" y="T7"/>
                  </a:cxn>
                  <a:cxn ang="T106">
                    <a:pos x="T8" y="T9"/>
                  </a:cxn>
                  <a:cxn ang="T107">
                    <a:pos x="T10" y="T11"/>
                  </a:cxn>
                  <a:cxn ang="T108">
                    <a:pos x="T12" y="T13"/>
                  </a:cxn>
                  <a:cxn ang="T109">
                    <a:pos x="T14" y="T15"/>
                  </a:cxn>
                  <a:cxn ang="T110">
                    <a:pos x="T16" y="T17"/>
                  </a:cxn>
                  <a:cxn ang="T111">
                    <a:pos x="T18" y="T19"/>
                  </a:cxn>
                  <a:cxn ang="T112">
                    <a:pos x="T20" y="T21"/>
                  </a:cxn>
                  <a:cxn ang="T113">
                    <a:pos x="T22" y="T23"/>
                  </a:cxn>
                  <a:cxn ang="T114">
                    <a:pos x="T24" y="T25"/>
                  </a:cxn>
                  <a:cxn ang="T115">
                    <a:pos x="T26" y="T27"/>
                  </a:cxn>
                  <a:cxn ang="T116">
                    <a:pos x="T28" y="T29"/>
                  </a:cxn>
                  <a:cxn ang="T117">
                    <a:pos x="T30" y="T31"/>
                  </a:cxn>
                  <a:cxn ang="T118">
                    <a:pos x="T32" y="T33"/>
                  </a:cxn>
                  <a:cxn ang="T119">
                    <a:pos x="T34" y="T35"/>
                  </a:cxn>
                  <a:cxn ang="T120">
                    <a:pos x="T36" y="T37"/>
                  </a:cxn>
                  <a:cxn ang="T121">
                    <a:pos x="T38" y="T39"/>
                  </a:cxn>
                  <a:cxn ang="T122">
                    <a:pos x="T40" y="T41"/>
                  </a:cxn>
                  <a:cxn ang="T123">
                    <a:pos x="T42" y="T43"/>
                  </a:cxn>
                  <a:cxn ang="T124">
                    <a:pos x="T44" y="T45"/>
                  </a:cxn>
                  <a:cxn ang="T125">
                    <a:pos x="T46" y="T47"/>
                  </a:cxn>
                  <a:cxn ang="T126">
                    <a:pos x="T48" y="T49"/>
                  </a:cxn>
                  <a:cxn ang="T127">
                    <a:pos x="T50" y="T51"/>
                  </a:cxn>
                  <a:cxn ang="T128">
                    <a:pos x="T52" y="T53"/>
                  </a:cxn>
                  <a:cxn ang="T129">
                    <a:pos x="T54" y="T55"/>
                  </a:cxn>
                  <a:cxn ang="T130">
                    <a:pos x="T56" y="T57"/>
                  </a:cxn>
                  <a:cxn ang="T131">
                    <a:pos x="T58" y="T59"/>
                  </a:cxn>
                  <a:cxn ang="T132">
                    <a:pos x="T60" y="T61"/>
                  </a:cxn>
                  <a:cxn ang="T133">
                    <a:pos x="T62" y="T63"/>
                  </a:cxn>
                  <a:cxn ang="T134">
                    <a:pos x="T64" y="T65"/>
                  </a:cxn>
                  <a:cxn ang="T135">
                    <a:pos x="T66" y="T67"/>
                  </a:cxn>
                  <a:cxn ang="T136">
                    <a:pos x="T68" y="T69"/>
                  </a:cxn>
                  <a:cxn ang="T137">
                    <a:pos x="T70" y="T71"/>
                  </a:cxn>
                  <a:cxn ang="T138">
                    <a:pos x="T72" y="T73"/>
                  </a:cxn>
                  <a:cxn ang="T139">
                    <a:pos x="T74" y="T75"/>
                  </a:cxn>
                  <a:cxn ang="T140">
                    <a:pos x="T76" y="T77"/>
                  </a:cxn>
                  <a:cxn ang="T141">
                    <a:pos x="T78" y="T79"/>
                  </a:cxn>
                  <a:cxn ang="T142">
                    <a:pos x="T80" y="T81"/>
                  </a:cxn>
                  <a:cxn ang="T143">
                    <a:pos x="T82" y="T83"/>
                  </a:cxn>
                  <a:cxn ang="T144">
                    <a:pos x="T84" y="T85"/>
                  </a:cxn>
                  <a:cxn ang="T145">
                    <a:pos x="T86" y="T87"/>
                  </a:cxn>
                  <a:cxn ang="T146">
                    <a:pos x="T88" y="T89"/>
                  </a:cxn>
                  <a:cxn ang="T147">
                    <a:pos x="T90" y="T91"/>
                  </a:cxn>
                  <a:cxn ang="T148">
                    <a:pos x="T92" y="T93"/>
                  </a:cxn>
                  <a:cxn ang="T149">
                    <a:pos x="T94" y="T95"/>
                  </a:cxn>
                  <a:cxn ang="T150">
                    <a:pos x="T96" y="T97"/>
                  </a:cxn>
                  <a:cxn ang="T151">
                    <a:pos x="T98" y="T99"/>
                  </a:cxn>
                  <a:cxn ang="T152">
                    <a:pos x="T100" y="T101"/>
                  </a:cxn>
                </a:cxnLst>
                <a:rect l="T153" t="T154" r="T155" b="T156"/>
                <a:pathLst>
                  <a:path w="492" h="374">
                    <a:moveTo>
                      <a:pt x="269" y="374"/>
                    </a:moveTo>
                    <a:lnTo>
                      <a:pt x="269" y="374"/>
                    </a:lnTo>
                    <a:lnTo>
                      <a:pt x="269" y="372"/>
                    </a:lnTo>
                    <a:lnTo>
                      <a:pt x="267" y="370"/>
                    </a:lnTo>
                    <a:lnTo>
                      <a:pt x="267" y="369"/>
                    </a:lnTo>
                    <a:lnTo>
                      <a:pt x="267" y="367"/>
                    </a:lnTo>
                    <a:lnTo>
                      <a:pt x="267" y="365"/>
                    </a:lnTo>
                    <a:lnTo>
                      <a:pt x="267" y="364"/>
                    </a:lnTo>
                    <a:lnTo>
                      <a:pt x="267" y="362"/>
                    </a:lnTo>
                    <a:lnTo>
                      <a:pt x="266" y="348"/>
                    </a:lnTo>
                    <a:lnTo>
                      <a:pt x="261" y="338"/>
                    </a:lnTo>
                    <a:lnTo>
                      <a:pt x="255" y="330"/>
                    </a:lnTo>
                    <a:lnTo>
                      <a:pt x="249" y="321"/>
                    </a:lnTo>
                    <a:lnTo>
                      <a:pt x="242" y="316"/>
                    </a:lnTo>
                    <a:lnTo>
                      <a:pt x="235" y="313"/>
                    </a:lnTo>
                    <a:lnTo>
                      <a:pt x="232" y="309"/>
                    </a:lnTo>
                    <a:lnTo>
                      <a:pt x="230" y="308"/>
                    </a:lnTo>
                    <a:lnTo>
                      <a:pt x="228" y="292"/>
                    </a:lnTo>
                    <a:lnTo>
                      <a:pt x="225" y="282"/>
                    </a:lnTo>
                    <a:lnTo>
                      <a:pt x="218" y="274"/>
                    </a:lnTo>
                    <a:lnTo>
                      <a:pt x="211" y="269"/>
                    </a:lnTo>
                    <a:lnTo>
                      <a:pt x="205" y="265"/>
                    </a:lnTo>
                    <a:lnTo>
                      <a:pt x="200" y="264"/>
                    </a:lnTo>
                    <a:lnTo>
                      <a:pt x="195" y="262"/>
                    </a:lnTo>
                    <a:lnTo>
                      <a:pt x="193" y="262"/>
                    </a:lnTo>
                    <a:lnTo>
                      <a:pt x="193" y="260"/>
                    </a:lnTo>
                    <a:lnTo>
                      <a:pt x="189" y="259"/>
                    </a:lnTo>
                    <a:lnTo>
                      <a:pt x="184" y="254"/>
                    </a:lnTo>
                    <a:lnTo>
                      <a:pt x="179" y="250"/>
                    </a:lnTo>
                    <a:lnTo>
                      <a:pt x="174" y="245"/>
                    </a:lnTo>
                    <a:lnTo>
                      <a:pt x="171" y="240"/>
                    </a:lnTo>
                    <a:lnTo>
                      <a:pt x="167" y="237"/>
                    </a:lnTo>
                    <a:lnTo>
                      <a:pt x="166" y="233"/>
                    </a:lnTo>
                    <a:lnTo>
                      <a:pt x="162" y="225"/>
                    </a:lnTo>
                    <a:lnTo>
                      <a:pt x="157" y="218"/>
                    </a:lnTo>
                    <a:lnTo>
                      <a:pt x="154" y="213"/>
                    </a:lnTo>
                    <a:lnTo>
                      <a:pt x="149" y="211"/>
                    </a:lnTo>
                    <a:lnTo>
                      <a:pt x="145" y="210"/>
                    </a:lnTo>
                    <a:lnTo>
                      <a:pt x="142" y="210"/>
                    </a:lnTo>
                    <a:lnTo>
                      <a:pt x="139" y="210"/>
                    </a:lnTo>
                    <a:lnTo>
                      <a:pt x="137" y="208"/>
                    </a:lnTo>
                    <a:lnTo>
                      <a:pt x="135" y="204"/>
                    </a:lnTo>
                    <a:lnTo>
                      <a:pt x="132" y="203"/>
                    </a:lnTo>
                    <a:lnTo>
                      <a:pt x="130" y="199"/>
                    </a:lnTo>
                    <a:lnTo>
                      <a:pt x="127" y="193"/>
                    </a:lnTo>
                    <a:lnTo>
                      <a:pt x="123" y="188"/>
                    </a:lnTo>
                    <a:lnTo>
                      <a:pt x="120" y="184"/>
                    </a:lnTo>
                    <a:lnTo>
                      <a:pt x="117" y="182"/>
                    </a:lnTo>
                    <a:lnTo>
                      <a:pt x="113" y="181"/>
                    </a:lnTo>
                    <a:lnTo>
                      <a:pt x="112" y="182"/>
                    </a:lnTo>
                    <a:lnTo>
                      <a:pt x="108" y="182"/>
                    </a:lnTo>
                    <a:lnTo>
                      <a:pt x="101" y="181"/>
                    </a:lnTo>
                    <a:lnTo>
                      <a:pt x="96" y="179"/>
                    </a:lnTo>
                    <a:lnTo>
                      <a:pt x="93" y="174"/>
                    </a:lnTo>
                    <a:lnTo>
                      <a:pt x="90" y="169"/>
                    </a:lnTo>
                    <a:lnTo>
                      <a:pt x="86" y="164"/>
                    </a:lnTo>
                    <a:lnTo>
                      <a:pt x="85" y="160"/>
                    </a:lnTo>
                    <a:lnTo>
                      <a:pt x="83" y="157"/>
                    </a:lnTo>
                    <a:lnTo>
                      <a:pt x="83" y="155"/>
                    </a:lnTo>
                    <a:lnTo>
                      <a:pt x="78" y="152"/>
                    </a:lnTo>
                    <a:lnTo>
                      <a:pt x="71" y="145"/>
                    </a:lnTo>
                    <a:lnTo>
                      <a:pt x="66" y="138"/>
                    </a:lnTo>
                    <a:lnTo>
                      <a:pt x="61" y="132"/>
                    </a:lnTo>
                    <a:lnTo>
                      <a:pt x="57" y="125"/>
                    </a:lnTo>
                    <a:lnTo>
                      <a:pt x="56" y="118"/>
                    </a:lnTo>
                    <a:lnTo>
                      <a:pt x="52" y="115"/>
                    </a:lnTo>
                    <a:lnTo>
                      <a:pt x="52" y="113"/>
                    </a:lnTo>
                    <a:lnTo>
                      <a:pt x="52" y="111"/>
                    </a:lnTo>
                    <a:lnTo>
                      <a:pt x="49" y="111"/>
                    </a:lnTo>
                    <a:lnTo>
                      <a:pt x="47" y="111"/>
                    </a:lnTo>
                    <a:lnTo>
                      <a:pt x="46" y="110"/>
                    </a:lnTo>
                    <a:lnTo>
                      <a:pt x="39" y="110"/>
                    </a:lnTo>
                    <a:lnTo>
                      <a:pt x="32" y="108"/>
                    </a:lnTo>
                    <a:lnTo>
                      <a:pt x="27" y="106"/>
                    </a:lnTo>
                    <a:lnTo>
                      <a:pt x="24" y="105"/>
                    </a:lnTo>
                    <a:lnTo>
                      <a:pt x="20" y="103"/>
                    </a:lnTo>
                    <a:lnTo>
                      <a:pt x="19" y="101"/>
                    </a:lnTo>
                    <a:lnTo>
                      <a:pt x="17" y="100"/>
                    </a:lnTo>
                    <a:lnTo>
                      <a:pt x="5" y="98"/>
                    </a:lnTo>
                    <a:lnTo>
                      <a:pt x="0" y="93"/>
                    </a:lnTo>
                    <a:lnTo>
                      <a:pt x="0" y="84"/>
                    </a:lnTo>
                    <a:lnTo>
                      <a:pt x="2" y="74"/>
                    </a:lnTo>
                    <a:lnTo>
                      <a:pt x="7" y="66"/>
                    </a:lnTo>
                    <a:lnTo>
                      <a:pt x="13" y="57"/>
                    </a:lnTo>
                    <a:lnTo>
                      <a:pt x="17" y="52"/>
                    </a:lnTo>
                    <a:lnTo>
                      <a:pt x="19" y="50"/>
                    </a:lnTo>
                    <a:lnTo>
                      <a:pt x="20" y="52"/>
                    </a:lnTo>
                    <a:lnTo>
                      <a:pt x="22" y="50"/>
                    </a:lnTo>
                    <a:lnTo>
                      <a:pt x="24" y="49"/>
                    </a:lnTo>
                    <a:lnTo>
                      <a:pt x="27" y="45"/>
                    </a:lnTo>
                    <a:lnTo>
                      <a:pt x="30" y="42"/>
                    </a:lnTo>
                    <a:lnTo>
                      <a:pt x="35" y="39"/>
                    </a:lnTo>
                    <a:lnTo>
                      <a:pt x="41" y="35"/>
                    </a:lnTo>
                    <a:lnTo>
                      <a:pt x="47" y="32"/>
                    </a:lnTo>
                    <a:lnTo>
                      <a:pt x="52" y="28"/>
                    </a:lnTo>
                    <a:lnTo>
                      <a:pt x="61" y="23"/>
                    </a:lnTo>
                    <a:lnTo>
                      <a:pt x="68" y="20"/>
                    </a:lnTo>
                    <a:lnTo>
                      <a:pt x="76" y="17"/>
                    </a:lnTo>
                    <a:lnTo>
                      <a:pt x="85" y="15"/>
                    </a:lnTo>
                    <a:lnTo>
                      <a:pt x="95" y="13"/>
                    </a:lnTo>
                    <a:lnTo>
                      <a:pt x="105" y="10"/>
                    </a:lnTo>
                    <a:lnTo>
                      <a:pt x="113" y="10"/>
                    </a:lnTo>
                    <a:lnTo>
                      <a:pt x="206" y="1"/>
                    </a:lnTo>
                    <a:lnTo>
                      <a:pt x="208" y="1"/>
                    </a:lnTo>
                    <a:lnTo>
                      <a:pt x="210" y="0"/>
                    </a:lnTo>
                    <a:lnTo>
                      <a:pt x="215" y="0"/>
                    </a:lnTo>
                    <a:lnTo>
                      <a:pt x="222" y="0"/>
                    </a:lnTo>
                    <a:lnTo>
                      <a:pt x="228" y="1"/>
                    </a:lnTo>
                    <a:lnTo>
                      <a:pt x="235" y="5"/>
                    </a:lnTo>
                    <a:lnTo>
                      <a:pt x="242" y="12"/>
                    </a:lnTo>
                    <a:lnTo>
                      <a:pt x="250" y="23"/>
                    </a:lnTo>
                    <a:lnTo>
                      <a:pt x="254" y="37"/>
                    </a:lnTo>
                    <a:lnTo>
                      <a:pt x="362" y="20"/>
                    </a:lnTo>
                    <a:lnTo>
                      <a:pt x="492" y="115"/>
                    </a:lnTo>
                    <a:lnTo>
                      <a:pt x="491" y="115"/>
                    </a:lnTo>
                    <a:lnTo>
                      <a:pt x="489" y="118"/>
                    </a:lnTo>
                    <a:lnTo>
                      <a:pt x="486" y="120"/>
                    </a:lnTo>
                    <a:lnTo>
                      <a:pt x="484" y="122"/>
                    </a:lnTo>
                    <a:lnTo>
                      <a:pt x="481" y="125"/>
                    </a:lnTo>
                    <a:lnTo>
                      <a:pt x="475" y="130"/>
                    </a:lnTo>
                    <a:lnTo>
                      <a:pt x="472" y="133"/>
                    </a:lnTo>
                    <a:lnTo>
                      <a:pt x="467" y="140"/>
                    </a:lnTo>
                    <a:lnTo>
                      <a:pt x="464" y="145"/>
                    </a:lnTo>
                    <a:lnTo>
                      <a:pt x="459" y="150"/>
                    </a:lnTo>
                    <a:lnTo>
                      <a:pt x="455" y="159"/>
                    </a:lnTo>
                    <a:lnTo>
                      <a:pt x="450" y="166"/>
                    </a:lnTo>
                    <a:lnTo>
                      <a:pt x="447" y="174"/>
                    </a:lnTo>
                    <a:lnTo>
                      <a:pt x="443" y="182"/>
                    </a:lnTo>
                    <a:lnTo>
                      <a:pt x="440" y="191"/>
                    </a:lnTo>
                    <a:lnTo>
                      <a:pt x="437" y="189"/>
                    </a:lnTo>
                    <a:lnTo>
                      <a:pt x="435" y="188"/>
                    </a:lnTo>
                    <a:lnTo>
                      <a:pt x="435" y="186"/>
                    </a:lnTo>
                    <a:lnTo>
                      <a:pt x="433" y="186"/>
                    </a:lnTo>
                    <a:lnTo>
                      <a:pt x="433" y="188"/>
                    </a:lnTo>
                    <a:lnTo>
                      <a:pt x="431" y="191"/>
                    </a:lnTo>
                    <a:lnTo>
                      <a:pt x="431" y="194"/>
                    </a:lnTo>
                    <a:lnTo>
                      <a:pt x="431" y="198"/>
                    </a:lnTo>
                    <a:lnTo>
                      <a:pt x="433" y="199"/>
                    </a:lnTo>
                    <a:lnTo>
                      <a:pt x="435" y="201"/>
                    </a:lnTo>
                    <a:lnTo>
                      <a:pt x="440" y="203"/>
                    </a:lnTo>
                    <a:lnTo>
                      <a:pt x="442" y="203"/>
                    </a:lnTo>
                    <a:lnTo>
                      <a:pt x="442" y="204"/>
                    </a:lnTo>
                    <a:lnTo>
                      <a:pt x="443" y="206"/>
                    </a:lnTo>
                    <a:lnTo>
                      <a:pt x="443" y="210"/>
                    </a:lnTo>
                    <a:lnTo>
                      <a:pt x="443" y="213"/>
                    </a:lnTo>
                    <a:lnTo>
                      <a:pt x="440" y="216"/>
                    </a:lnTo>
                    <a:lnTo>
                      <a:pt x="437" y="221"/>
                    </a:lnTo>
                    <a:lnTo>
                      <a:pt x="431" y="225"/>
                    </a:lnTo>
                    <a:lnTo>
                      <a:pt x="430" y="225"/>
                    </a:lnTo>
                    <a:lnTo>
                      <a:pt x="428" y="225"/>
                    </a:lnTo>
                    <a:lnTo>
                      <a:pt x="423" y="228"/>
                    </a:lnTo>
                    <a:lnTo>
                      <a:pt x="418" y="230"/>
                    </a:lnTo>
                    <a:lnTo>
                      <a:pt x="413" y="235"/>
                    </a:lnTo>
                    <a:lnTo>
                      <a:pt x="408" y="240"/>
                    </a:lnTo>
                    <a:lnTo>
                      <a:pt x="403" y="248"/>
                    </a:lnTo>
                    <a:lnTo>
                      <a:pt x="398" y="259"/>
                    </a:lnTo>
                    <a:lnTo>
                      <a:pt x="396" y="260"/>
                    </a:lnTo>
                    <a:lnTo>
                      <a:pt x="394" y="262"/>
                    </a:lnTo>
                    <a:lnTo>
                      <a:pt x="393" y="265"/>
                    </a:lnTo>
                    <a:lnTo>
                      <a:pt x="391" y="267"/>
                    </a:lnTo>
                    <a:lnTo>
                      <a:pt x="389" y="269"/>
                    </a:lnTo>
                    <a:lnTo>
                      <a:pt x="387" y="270"/>
                    </a:lnTo>
                    <a:lnTo>
                      <a:pt x="376" y="272"/>
                    </a:lnTo>
                    <a:lnTo>
                      <a:pt x="376" y="277"/>
                    </a:lnTo>
                    <a:lnTo>
                      <a:pt x="384" y="279"/>
                    </a:lnTo>
                    <a:lnTo>
                      <a:pt x="359" y="299"/>
                    </a:lnTo>
                    <a:lnTo>
                      <a:pt x="354" y="291"/>
                    </a:lnTo>
                    <a:lnTo>
                      <a:pt x="349" y="299"/>
                    </a:lnTo>
                    <a:lnTo>
                      <a:pt x="354" y="304"/>
                    </a:lnTo>
                    <a:lnTo>
                      <a:pt x="343" y="316"/>
                    </a:lnTo>
                    <a:lnTo>
                      <a:pt x="335" y="314"/>
                    </a:lnTo>
                    <a:lnTo>
                      <a:pt x="320" y="314"/>
                    </a:lnTo>
                    <a:lnTo>
                      <a:pt x="305" y="316"/>
                    </a:lnTo>
                    <a:lnTo>
                      <a:pt x="296" y="320"/>
                    </a:lnTo>
                    <a:lnTo>
                      <a:pt x="291" y="336"/>
                    </a:lnTo>
                    <a:lnTo>
                      <a:pt x="303" y="348"/>
                    </a:lnTo>
                    <a:lnTo>
                      <a:pt x="289" y="374"/>
                    </a:lnTo>
                    <a:lnTo>
                      <a:pt x="281" y="372"/>
                    </a:lnTo>
                    <a:lnTo>
                      <a:pt x="269" y="374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49" name="Freeform 136"/>
              <p:cNvSpPr>
                <a:spLocks/>
              </p:cNvSpPr>
              <p:nvPr/>
            </p:nvSpPr>
            <p:spPr bwMode="auto">
              <a:xfrm>
                <a:off x="4222" y="3072"/>
                <a:ext cx="15" cy="16"/>
              </a:xfrm>
              <a:custGeom>
                <a:avLst/>
                <a:gdLst>
                  <a:gd name="T0" fmla="*/ 1 w 15"/>
                  <a:gd name="T1" fmla="*/ 5 h 17"/>
                  <a:gd name="T2" fmla="*/ 1 w 15"/>
                  <a:gd name="T3" fmla="*/ 5 h 17"/>
                  <a:gd name="T4" fmla="*/ 5 w 15"/>
                  <a:gd name="T5" fmla="*/ 2 h 17"/>
                  <a:gd name="T6" fmla="*/ 6 w 15"/>
                  <a:gd name="T7" fmla="*/ 0 h 17"/>
                  <a:gd name="T8" fmla="*/ 10 w 15"/>
                  <a:gd name="T9" fmla="*/ 0 h 17"/>
                  <a:gd name="T10" fmla="*/ 12 w 15"/>
                  <a:gd name="T11" fmla="*/ 0 h 17"/>
                  <a:gd name="T12" fmla="*/ 12 w 15"/>
                  <a:gd name="T13" fmla="*/ 0 h 17"/>
                  <a:gd name="T14" fmla="*/ 13 w 15"/>
                  <a:gd name="T15" fmla="*/ 2 h 17"/>
                  <a:gd name="T16" fmla="*/ 13 w 15"/>
                  <a:gd name="T17" fmla="*/ 2 h 17"/>
                  <a:gd name="T18" fmla="*/ 15 w 15"/>
                  <a:gd name="T19" fmla="*/ 3 h 17"/>
                  <a:gd name="T20" fmla="*/ 15 w 15"/>
                  <a:gd name="T21" fmla="*/ 5 h 17"/>
                  <a:gd name="T22" fmla="*/ 15 w 15"/>
                  <a:gd name="T23" fmla="*/ 7 h 17"/>
                  <a:gd name="T24" fmla="*/ 13 w 15"/>
                  <a:gd name="T25" fmla="*/ 8 h 17"/>
                  <a:gd name="T26" fmla="*/ 13 w 15"/>
                  <a:gd name="T27" fmla="*/ 8 h 17"/>
                  <a:gd name="T28" fmla="*/ 12 w 15"/>
                  <a:gd name="T29" fmla="*/ 8 h 17"/>
                  <a:gd name="T30" fmla="*/ 12 w 15"/>
                  <a:gd name="T31" fmla="*/ 8 h 17"/>
                  <a:gd name="T32" fmla="*/ 10 w 15"/>
                  <a:gd name="T33" fmla="*/ 8 h 17"/>
                  <a:gd name="T34" fmla="*/ 6 w 15"/>
                  <a:gd name="T35" fmla="*/ 8 h 17"/>
                  <a:gd name="T36" fmla="*/ 3 w 15"/>
                  <a:gd name="T37" fmla="*/ 8 h 17"/>
                  <a:gd name="T38" fmla="*/ 1 w 15"/>
                  <a:gd name="T39" fmla="*/ 8 h 17"/>
                  <a:gd name="T40" fmla="*/ 1 w 15"/>
                  <a:gd name="T41" fmla="*/ 8 h 17"/>
                  <a:gd name="T42" fmla="*/ 1 w 15"/>
                  <a:gd name="T43" fmla="*/ 8 h 17"/>
                  <a:gd name="T44" fmla="*/ 0 w 15"/>
                  <a:gd name="T45" fmla="*/ 8 h 17"/>
                  <a:gd name="T46" fmla="*/ 0 w 15"/>
                  <a:gd name="T47" fmla="*/ 8 h 17"/>
                  <a:gd name="T48" fmla="*/ 0 w 15"/>
                  <a:gd name="T49" fmla="*/ 8 h 17"/>
                  <a:gd name="T50" fmla="*/ 0 w 15"/>
                  <a:gd name="T51" fmla="*/ 8 h 17"/>
                  <a:gd name="T52" fmla="*/ 0 w 15"/>
                  <a:gd name="T53" fmla="*/ 8 h 17"/>
                  <a:gd name="T54" fmla="*/ 1 w 15"/>
                  <a:gd name="T55" fmla="*/ 7 h 17"/>
                  <a:gd name="T56" fmla="*/ 1 w 15"/>
                  <a:gd name="T57" fmla="*/ 5 h 17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w 15"/>
                  <a:gd name="T88" fmla="*/ 0 h 17"/>
                  <a:gd name="T89" fmla="*/ 15 w 15"/>
                  <a:gd name="T90" fmla="*/ 17 h 17"/>
                </a:gdLst>
                <a:ahLst/>
                <a:cxnLst>
                  <a:cxn ang="T58">
                    <a:pos x="T0" y="T1"/>
                  </a:cxn>
                  <a:cxn ang="T59">
                    <a:pos x="T2" y="T3"/>
                  </a:cxn>
                  <a:cxn ang="T60">
                    <a:pos x="T4" y="T5"/>
                  </a:cxn>
                  <a:cxn ang="T61">
                    <a:pos x="T6" y="T7"/>
                  </a:cxn>
                  <a:cxn ang="T62">
                    <a:pos x="T8" y="T9"/>
                  </a:cxn>
                  <a:cxn ang="T63">
                    <a:pos x="T10" y="T11"/>
                  </a:cxn>
                  <a:cxn ang="T64">
                    <a:pos x="T12" y="T13"/>
                  </a:cxn>
                  <a:cxn ang="T65">
                    <a:pos x="T14" y="T15"/>
                  </a:cxn>
                  <a:cxn ang="T66">
                    <a:pos x="T16" y="T17"/>
                  </a:cxn>
                  <a:cxn ang="T67">
                    <a:pos x="T18" y="T19"/>
                  </a:cxn>
                  <a:cxn ang="T68">
                    <a:pos x="T20" y="T21"/>
                  </a:cxn>
                  <a:cxn ang="T69">
                    <a:pos x="T22" y="T23"/>
                  </a:cxn>
                  <a:cxn ang="T70">
                    <a:pos x="T24" y="T25"/>
                  </a:cxn>
                  <a:cxn ang="T71">
                    <a:pos x="T26" y="T27"/>
                  </a:cxn>
                  <a:cxn ang="T72">
                    <a:pos x="T28" y="T29"/>
                  </a:cxn>
                  <a:cxn ang="T73">
                    <a:pos x="T30" y="T31"/>
                  </a:cxn>
                  <a:cxn ang="T74">
                    <a:pos x="T32" y="T33"/>
                  </a:cxn>
                  <a:cxn ang="T75">
                    <a:pos x="T34" y="T35"/>
                  </a:cxn>
                  <a:cxn ang="T76">
                    <a:pos x="T36" y="T37"/>
                  </a:cxn>
                  <a:cxn ang="T77">
                    <a:pos x="T38" y="T39"/>
                  </a:cxn>
                  <a:cxn ang="T78">
                    <a:pos x="T40" y="T41"/>
                  </a:cxn>
                  <a:cxn ang="T79">
                    <a:pos x="T42" y="T43"/>
                  </a:cxn>
                  <a:cxn ang="T80">
                    <a:pos x="T44" y="T45"/>
                  </a:cxn>
                  <a:cxn ang="T81">
                    <a:pos x="T46" y="T47"/>
                  </a:cxn>
                  <a:cxn ang="T82">
                    <a:pos x="T48" y="T49"/>
                  </a:cxn>
                  <a:cxn ang="T83">
                    <a:pos x="T50" y="T51"/>
                  </a:cxn>
                  <a:cxn ang="T84">
                    <a:pos x="T52" y="T53"/>
                  </a:cxn>
                  <a:cxn ang="T85">
                    <a:pos x="T54" y="T55"/>
                  </a:cxn>
                  <a:cxn ang="T86">
                    <a:pos x="T56" y="T57"/>
                  </a:cxn>
                </a:cxnLst>
                <a:rect l="T87" t="T88" r="T89" b="T90"/>
                <a:pathLst>
                  <a:path w="15" h="17">
                    <a:moveTo>
                      <a:pt x="1" y="5"/>
                    </a:moveTo>
                    <a:lnTo>
                      <a:pt x="1" y="5"/>
                    </a:lnTo>
                    <a:lnTo>
                      <a:pt x="5" y="2"/>
                    </a:lnTo>
                    <a:lnTo>
                      <a:pt x="6" y="0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5" y="3"/>
                    </a:lnTo>
                    <a:lnTo>
                      <a:pt x="15" y="5"/>
                    </a:lnTo>
                    <a:lnTo>
                      <a:pt x="15" y="7"/>
                    </a:lnTo>
                    <a:lnTo>
                      <a:pt x="13" y="8"/>
                    </a:lnTo>
                    <a:lnTo>
                      <a:pt x="13" y="10"/>
                    </a:lnTo>
                    <a:lnTo>
                      <a:pt x="12" y="12"/>
                    </a:lnTo>
                    <a:lnTo>
                      <a:pt x="10" y="15"/>
                    </a:lnTo>
                    <a:lnTo>
                      <a:pt x="6" y="17"/>
                    </a:lnTo>
                    <a:lnTo>
                      <a:pt x="3" y="17"/>
                    </a:lnTo>
                    <a:lnTo>
                      <a:pt x="1" y="17"/>
                    </a:lnTo>
                    <a:lnTo>
                      <a:pt x="0" y="15"/>
                    </a:lnTo>
                    <a:lnTo>
                      <a:pt x="0" y="13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1" y="7"/>
                    </a:lnTo>
                    <a:lnTo>
                      <a:pt x="1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50" name="Freeform 137"/>
              <p:cNvSpPr>
                <a:spLocks/>
              </p:cNvSpPr>
              <p:nvPr/>
            </p:nvSpPr>
            <p:spPr bwMode="auto">
              <a:xfrm>
                <a:off x="4206" y="3072"/>
                <a:ext cx="11" cy="12"/>
              </a:xfrm>
              <a:custGeom>
                <a:avLst/>
                <a:gdLst>
                  <a:gd name="T0" fmla="*/ 0 w 11"/>
                  <a:gd name="T1" fmla="*/ 6 h 13"/>
                  <a:gd name="T2" fmla="*/ 0 w 11"/>
                  <a:gd name="T3" fmla="*/ 6 h 13"/>
                  <a:gd name="T4" fmla="*/ 0 w 11"/>
                  <a:gd name="T5" fmla="*/ 3 h 13"/>
                  <a:gd name="T6" fmla="*/ 2 w 11"/>
                  <a:gd name="T7" fmla="*/ 2 h 13"/>
                  <a:gd name="T8" fmla="*/ 4 w 11"/>
                  <a:gd name="T9" fmla="*/ 0 h 13"/>
                  <a:gd name="T10" fmla="*/ 6 w 11"/>
                  <a:gd name="T11" fmla="*/ 0 h 13"/>
                  <a:gd name="T12" fmla="*/ 6 w 11"/>
                  <a:gd name="T13" fmla="*/ 0 h 13"/>
                  <a:gd name="T14" fmla="*/ 7 w 11"/>
                  <a:gd name="T15" fmla="*/ 0 h 13"/>
                  <a:gd name="T16" fmla="*/ 9 w 11"/>
                  <a:gd name="T17" fmla="*/ 2 h 13"/>
                  <a:gd name="T18" fmla="*/ 11 w 11"/>
                  <a:gd name="T19" fmla="*/ 3 h 13"/>
                  <a:gd name="T20" fmla="*/ 11 w 11"/>
                  <a:gd name="T21" fmla="*/ 6 h 13"/>
                  <a:gd name="T22" fmla="*/ 11 w 11"/>
                  <a:gd name="T23" fmla="*/ 6 h 13"/>
                  <a:gd name="T24" fmla="*/ 11 w 11"/>
                  <a:gd name="T25" fmla="*/ 6 h 13"/>
                  <a:gd name="T26" fmla="*/ 9 w 11"/>
                  <a:gd name="T27" fmla="*/ 6 h 13"/>
                  <a:gd name="T28" fmla="*/ 7 w 11"/>
                  <a:gd name="T29" fmla="*/ 6 h 13"/>
                  <a:gd name="T30" fmla="*/ 6 w 11"/>
                  <a:gd name="T31" fmla="*/ 6 h 13"/>
                  <a:gd name="T32" fmla="*/ 6 w 11"/>
                  <a:gd name="T33" fmla="*/ 6 h 13"/>
                  <a:gd name="T34" fmla="*/ 4 w 11"/>
                  <a:gd name="T35" fmla="*/ 6 h 13"/>
                  <a:gd name="T36" fmla="*/ 2 w 11"/>
                  <a:gd name="T37" fmla="*/ 6 h 13"/>
                  <a:gd name="T38" fmla="*/ 0 w 11"/>
                  <a:gd name="T39" fmla="*/ 6 h 13"/>
                  <a:gd name="T40" fmla="*/ 0 w 11"/>
                  <a:gd name="T41" fmla="*/ 6 h 13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1"/>
                  <a:gd name="T64" fmla="*/ 0 h 13"/>
                  <a:gd name="T65" fmla="*/ 11 w 11"/>
                  <a:gd name="T66" fmla="*/ 13 h 13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1" h="13">
                    <a:moveTo>
                      <a:pt x="0" y="7"/>
                    </a:moveTo>
                    <a:lnTo>
                      <a:pt x="0" y="7"/>
                    </a:lnTo>
                    <a:lnTo>
                      <a:pt x="0" y="3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0"/>
                    </a:lnTo>
                    <a:lnTo>
                      <a:pt x="9" y="2"/>
                    </a:lnTo>
                    <a:lnTo>
                      <a:pt x="11" y="3"/>
                    </a:lnTo>
                    <a:lnTo>
                      <a:pt x="11" y="7"/>
                    </a:lnTo>
                    <a:lnTo>
                      <a:pt x="11" y="10"/>
                    </a:lnTo>
                    <a:lnTo>
                      <a:pt x="9" y="12"/>
                    </a:lnTo>
                    <a:lnTo>
                      <a:pt x="7" y="13"/>
                    </a:lnTo>
                    <a:lnTo>
                      <a:pt x="6" y="13"/>
                    </a:lnTo>
                    <a:lnTo>
                      <a:pt x="4" y="13"/>
                    </a:lnTo>
                    <a:lnTo>
                      <a:pt x="2" y="12"/>
                    </a:lnTo>
                    <a:lnTo>
                      <a:pt x="0" y="10"/>
                    </a:lnTo>
                    <a:lnTo>
                      <a:pt x="0" y="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51" name="Freeform 138"/>
              <p:cNvSpPr>
                <a:spLocks/>
              </p:cNvSpPr>
              <p:nvPr/>
            </p:nvSpPr>
            <p:spPr bwMode="auto">
              <a:xfrm>
                <a:off x="4212" y="3098"/>
                <a:ext cx="13" cy="16"/>
              </a:xfrm>
              <a:custGeom>
                <a:avLst/>
                <a:gdLst>
                  <a:gd name="T0" fmla="*/ 1 w 13"/>
                  <a:gd name="T1" fmla="*/ 5 h 17"/>
                  <a:gd name="T2" fmla="*/ 1 w 13"/>
                  <a:gd name="T3" fmla="*/ 5 h 17"/>
                  <a:gd name="T4" fmla="*/ 3 w 13"/>
                  <a:gd name="T5" fmla="*/ 2 h 17"/>
                  <a:gd name="T6" fmla="*/ 6 w 13"/>
                  <a:gd name="T7" fmla="*/ 0 h 17"/>
                  <a:gd name="T8" fmla="*/ 8 w 13"/>
                  <a:gd name="T9" fmla="*/ 0 h 17"/>
                  <a:gd name="T10" fmla="*/ 11 w 13"/>
                  <a:gd name="T11" fmla="*/ 0 h 17"/>
                  <a:gd name="T12" fmla="*/ 11 w 13"/>
                  <a:gd name="T13" fmla="*/ 0 h 17"/>
                  <a:gd name="T14" fmla="*/ 13 w 13"/>
                  <a:gd name="T15" fmla="*/ 0 h 17"/>
                  <a:gd name="T16" fmla="*/ 13 w 13"/>
                  <a:gd name="T17" fmla="*/ 2 h 17"/>
                  <a:gd name="T18" fmla="*/ 13 w 13"/>
                  <a:gd name="T19" fmla="*/ 3 h 17"/>
                  <a:gd name="T20" fmla="*/ 13 w 13"/>
                  <a:gd name="T21" fmla="*/ 5 h 17"/>
                  <a:gd name="T22" fmla="*/ 13 w 13"/>
                  <a:gd name="T23" fmla="*/ 5 h 17"/>
                  <a:gd name="T24" fmla="*/ 13 w 13"/>
                  <a:gd name="T25" fmla="*/ 8 h 17"/>
                  <a:gd name="T26" fmla="*/ 13 w 13"/>
                  <a:gd name="T27" fmla="*/ 8 h 17"/>
                  <a:gd name="T28" fmla="*/ 11 w 13"/>
                  <a:gd name="T29" fmla="*/ 8 h 17"/>
                  <a:gd name="T30" fmla="*/ 11 w 13"/>
                  <a:gd name="T31" fmla="*/ 8 h 17"/>
                  <a:gd name="T32" fmla="*/ 10 w 13"/>
                  <a:gd name="T33" fmla="*/ 8 h 17"/>
                  <a:gd name="T34" fmla="*/ 6 w 13"/>
                  <a:gd name="T35" fmla="*/ 8 h 17"/>
                  <a:gd name="T36" fmla="*/ 5 w 13"/>
                  <a:gd name="T37" fmla="*/ 8 h 17"/>
                  <a:gd name="T38" fmla="*/ 1 w 13"/>
                  <a:gd name="T39" fmla="*/ 8 h 17"/>
                  <a:gd name="T40" fmla="*/ 1 w 13"/>
                  <a:gd name="T41" fmla="*/ 8 h 17"/>
                  <a:gd name="T42" fmla="*/ 1 w 13"/>
                  <a:gd name="T43" fmla="*/ 8 h 17"/>
                  <a:gd name="T44" fmla="*/ 0 w 13"/>
                  <a:gd name="T45" fmla="*/ 8 h 17"/>
                  <a:gd name="T46" fmla="*/ 0 w 13"/>
                  <a:gd name="T47" fmla="*/ 8 h 17"/>
                  <a:gd name="T48" fmla="*/ 0 w 13"/>
                  <a:gd name="T49" fmla="*/ 8 h 17"/>
                  <a:gd name="T50" fmla="*/ 0 w 13"/>
                  <a:gd name="T51" fmla="*/ 8 h 17"/>
                  <a:gd name="T52" fmla="*/ 0 w 13"/>
                  <a:gd name="T53" fmla="*/ 8 h 17"/>
                  <a:gd name="T54" fmla="*/ 0 w 13"/>
                  <a:gd name="T55" fmla="*/ 7 h 17"/>
                  <a:gd name="T56" fmla="*/ 1 w 13"/>
                  <a:gd name="T57" fmla="*/ 5 h 17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w 13"/>
                  <a:gd name="T88" fmla="*/ 0 h 17"/>
                  <a:gd name="T89" fmla="*/ 13 w 13"/>
                  <a:gd name="T90" fmla="*/ 17 h 17"/>
                </a:gdLst>
                <a:ahLst/>
                <a:cxnLst>
                  <a:cxn ang="T58">
                    <a:pos x="T0" y="T1"/>
                  </a:cxn>
                  <a:cxn ang="T59">
                    <a:pos x="T2" y="T3"/>
                  </a:cxn>
                  <a:cxn ang="T60">
                    <a:pos x="T4" y="T5"/>
                  </a:cxn>
                  <a:cxn ang="T61">
                    <a:pos x="T6" y="T7"/>
                  </a:cxn>
                  <a:cxn ang="T62">
                    <a:pos x="T8" y="T9"/>
                  </a:cxn>
                  <a:cxn ang="T63">
                    <a:pos x="T10" y="T11"/>
                  </a:cxn>
                  <a:cxn ang="T64">
                    <a:pos x="T12" y="T13"/>
                  </a:cxn>
                  <a:cxn ang="T65">
                    <a:pos x="T14" y="T15"/>
                  </a:cxn>
                  <a:cxn ang="T66">
                    <a:pos x="T16" y="T17"/>
                  </a:cxn>
                  <a:cxn ang="T67">
                    <a:pos x="T18" y="T19"/>
                  </a:cxn>
                  <a:cxn ang="T68">
                    <a:pos x="T20" y="T21"/>
                  </a:cxn>
                  <a:cxn ang="T69">
                    <a:pos x="T22" y="T23"/>
                  </a:cxn>
                  <a:cxn ang="T70">
                    <a:pos x="T24" y="T25"/>
                  </a:cxn>
                  <a:cxn ang="T71">
                    <a:pos x="T26" y="T27"/>
                  </a:cxn>
                  <a:cxn ang="T72">
                    <a:pos x="T28" y="T29"/>
                  </a:cxn>
                  <a:cxn ang="T73">
                    <a:pos x="T30" y="T31"/>
                  </a:cxn>
                  <a:cxn ang="T74">
                    <a:pos x="T32" y="T33"/>
                  </a:cxn>
                  <a:cxn ang="T75">
                    <a:pos x="T34" y="T35"/>
                  </a:cxn>
                  <a:cxn ang="T76">
                    <a:pos x="T36" y="T37"/>
                  </a:cxn>
                  <a:cxn ang="T77">
                    <a:pos x="T38" y="T39"/>
                  </a:cxn>
                  <a:cxn ang="T78">
                    <a:pos x="T40" y="T41"/>
                  </a:cxn>
                  <a:cxn ang="T79">
                    <a:pos x="T42" y="T43"/>
                  </a:cxn>
                  <a:cxn ang="T80">
                    <a:pos x="T44" y="T45"/>
                  </a:cxn>
                  <a:cxn ang="T81">
                    <a:pos x="T46" y="T47"/>
                  </a:cxn>
                  <a:cxn ang="T82">
                    <a:pos x="T48" y="T49"/>
                  </a:cxn>
                  <a:cxn ang="T83">
                    <a:pos x="T50" y="T51"/>
                  </a:cxn>
                  <a:cxn ang="T84">
                    <a:pos x="T52" y="T53"/>
                  </a:cxn>
                  <a:cxn ang="T85">
                    <a:pos x="T54" y="T55"/>
                  </a:cxn>
                  <a:cxn ang="T86">
                    <a:pos x="T56" y="T57"/>
                  </a:cxn>
                </a:cxnLst>
                <a:rect l="T87" t="T88" r="T89" b="T90"/>
                <a:pathLst>
                  <a:path w="13" h="17">
                    <a:moveTo>
                      <a:pt x="1" y="5"/>
                    </a:moveTo>
                    <a:lnTo>
                      <a:pt x="1" y="5"/>
                    </a:lnTo>
                    <a:lnTo>
                      <a:pt x="3" y="2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1" y="0"/>
                    </a:lnTo>
                    <a:lnTo>
                      <a:pt x="13" y="0"/>
                    </a:lnTo>
                    <a:lnTo>
                      <a:pt x="13" y="2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3" y="8"/>
                    </a:lnTo>
                    <a:lnTo>
                      <a:pt x="11" y="10"/>
                    </a:lnTo>
                    <a:lnTo>
                      <a:pt x="10" y="14"/>
                    </a:lnTo>
                    <a:lnTo>
                      <a:pt x="6" y="15"/>
                    </a:lnTo>
                    <a:lnTo>
                      <a:pt x="5" y="17"/>
                    </a:lnTo>
                    <a:lnTo>
                      <a:pt x="1" y="17"/>
                    </a:lnTo>
                    <a:lnTo>
                      <a:pt x="1" y="15"/>
                    </a:lnTo>
                    <a:lnTo>
                      <a:pt x="0" y="14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1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593" name="Group 139"/>
            <p:cNvGrpSpPr>
              <a:grpSpLocks/>
            </p:cNvGrpSpPr>
            <p:nvPr/>
          </p:nvGrpSpPr>
          <p:grpSpPr bwMode="auto">
            <a:xfrm>
              <a:off x="1186" y="3709"/>
              <a:ext cx="274" cy="176"/>
              <a:chOff x="1338" y="3375"/>
              <a:chExt cx="282" cy="181"/>
            </a:xfrm>
          </p:grpSpPr>
          <p:sp>
            <p:nvSpPr>
              <p:cNvPr id="629" name="Freeform 140"/>
              <p:cNvSpPr>
                <a:spLocks/>
              </p:cNvSpPr>
              <p:nvPr/>
            </p:nvSpPr>
            <p:spPr bwMode="auto">
              <a:xfrm>
                <a:off x="1361" y="3375"/>
                <a:ext cx="26" cy="18"/>
              </a:xfrm>
              <a:custGeom>
                <a:avLst/>
                <a:gdLst>
                  <a:gd name="T0" fmla="*/ 0 w 26"/>
                  <a:gd name="T1" fmla="*/ 8 h 18"/>
                  <a:gd name="T2" fmla="*/ 0 w 26"/>
                  <a:gd name="T3" fmla="*/ 8 h 18"/>
                  <a:gd name="T4" fmla="*/ 2 w 26"/>
                  <a:gd name="T5" fmla="*/ 6 h 18"/>
                  <a:gd name="T6" fmla="*/ 2 w 26"/>
                  <a:gd name="T7" fmla="*/ 6 h 18"/>
                  <a:gd name="T8" fmla="*/ 5 w 26"/>
                  <a:gd name="T9" fmla="*/ 3 h 18"/>
                  <a:gd name="T10" fmla="*/ 9 w 26"/>
                  <a:gd name="T11" fmla="*/ 3 h 18"/>
                  <a:gd name="T12" fmla="*/ 12 w 26"/>
                  <a:gd name="T13" fmla="*/ 1 h 18"/>
                  <a:gd name="T14" fmla="*/ 17 w 26"/>
                  <a:gd name="T15" fmla="*/ 0 h 18"/>
                  <a:gd name="T16" fmla="*/ 22 w 26"/>
                  <a:gd name="T17" fmla="*/ 0 h 18"/>
                  <a:gd name="T18" fmla="*/ 24 w 26"/>
                  <a:gd name="T19" fmla="*/ 0 h 18"/>
                  <a:gd name="T20" fmla="*/ 24 w 26"/>
                  <a:gd name="T21" fmla="*/ 3 h 18"/>
                  <a:gd name="T22" fmla="*/ 24 w 26"/>
                  <a:gd name="T23" fmla="*/ 6 h 18"/>
                  <a:gd name="T24" fmla="*/ 26 w 26"/>
                  <a:gd name="T25" fmla="*/ 6 h 18"/>
                  <a:gd name="T26" fmla="*/ 21 w 26"/>
                  <a:gd name="T27" fmla="*/ 18 h 18"/>
                  <a:gd name="T28" fmla="*/ 4 w 26"/>
                  <a:gd name="T29" fmla="*/ 13 h 18"/>
                  <a:gd name="T30" fmla="*/ 0 w 26"/>
                  <a:gd name="T31" fmla="*/ 8 h 18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w 26"/>
                  <a:gd name="T49" fmla="*/ 0 h 18"/>
                  <a:gd name="T50" fmla="*/ 26 w 26"/>
                  <a:gd name="T51" fmla="*/ 18 h 18"/>
                </a:gdLst>
                <a:ahLst/>
                <a:cxnLst>
                  <a:cxn ang="T32">
                    <a:pos x="T0" y="T1"/>
                  </a:cxn>
                  <a:cxn ang="T33">
                    <a:pos x="T2" y="T3"/>
                  </a:cxn>
                  <a:cxn ang="T34">
                    <a:pos x="T4" y="T5"/>
                  </a:cxn>
                  <a:cxn ang="T35">
                    <a:pos x="T6" y="T7"/>
                  </a:cxn>
                  <a:cxn ang="T36">
                    <a:pos x="T8" y="T9"/>
                  </a:cxn>
                  <a:cxn ang="T37">
                    <a:pos x="T10" y="T11"/>
                  </a:cxn>
                  <a:cxn ang="T38">
                    <a:pos x="T12" y="T13"/>
                  </a:cxn>
                  <a:cxn ang="T39">
                    <a:pos x="T14" y="T15"/>
                  </a:cxn>
                  <a:cxn ang="T40">
                    <a:pos x="T16" y="T17"/>
                  </a:cxn>
                  <a:cxn ang="T41">
                    <a:pos x="T18" y="T19"/>
                  </a:cxn>
                  <a:cxn ang="T42">
                    <a:pos x="T20" y="T21"/>
                  </a:cxn>
                  <a:cxn ang="T43">
                    <a:pos x="T22" y="T23"/>
                  </a:cxn>
                  <a:cxn ang="T44">
                    <a:pos x="T24" y="T25"/>
                  </a:cxn>
                  <a:cxn ang="T45">
                    <a:pos x="T26" y="T27"/>
                  </a:cxn>
                  <a:cxn ang="T46">
                    <a:pos x="T28" y="T29"/>
                  </a:cxn>
                  <a:cxn ang="T47">
                    <a:pos x="T30" y="T31"/>
                  </a:cxn>
                </a:cxnLst>
                <a:rect l="T48" t="T49" r="T50" b="T51"/>
                <a:pathLst>
                  <a:path w="26" h="18">
                    <a:moveTo>
                      <a:pt x="0" y="8"/>
                    </a:moveTo>
                    <a:lnTo>
                      <a:pt x="0" y="8"/>
                    </a:lnTo>
                    <a:lnTo>
                      <a:pt x="2" y="6"/>
                    </a:lnTo>
                    <a:lnTo>
                      <a:pt x="5" y="3"/>
                    </a:lnTo>
                    <a:lnTo>
                      <a:pt x="9" y="3"/>
                    </a:lnTo>
                    <a:lnTo>
                      <a:pt x="12" y="1"/>
                    </a:lnTo>
                    <a:lnTo>
                      <a:pt x="17" y="0"/>
                    </a:lnTo>
                    <a:lnTo>
                      <a:pt x="22" y="0"/>
                    </a:lnTo>
                    <a:lnTo>
                      <a:pt x="24" y="0"/>
                    </a:lnTo>
                    <a:lnTo>
                      <a:pt x="24" y="3"/>
                    </a:lnTo>
                    <a:lnTo>
                      <a:pt x="24" y="6"/>
                    </a:lnTo>
                    <a:lnTo>
                      <a:pt x="26" y="6"/>
                    </a:lnTo>
                    <a:lnTo>
                      <a:pt x="21" y="18"/>
                    </a:lnTo>
                    <a:lnTo>
                      <a:pt x="4" y="13"/>
                    </a:lnTo>
                    <a:lnTo>
                      <a:pt x="0" y="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30" name="Freeform 141"/>
              <p:cNvSpPr>
                <a:spLocks/>
              </p:cNvSpPr>
              <p:nvPr/>
            </p:nvSpPr>
            <p:spPr bwMode="auto">
              <a:xfrm>
                <a:off x="1361" y="3375"/>
                <a:ext cx="26" cy="18"/>
              </a:xfrm>
              <a:custGeom>
                <a:avLst/>
                <a:gdLst>
                  <a:gd name="T0" fmla="*/ 0 w 26"/>
                  <a:gd name="T1" fmla="*/ 8 h 18"/>
                  <a:gd name="T2" fmla="*/ 0 w 26"/>
                  <a:gd name="T3" fmla="*/ 8 h 18"/>
                  <a:gd name="T4" fmla="*/ 0 w 26"/>
                  <a:gd name="T5" fmla="*/ 8 h 18"/>
                  <a:gd name="T6" fmla="*/ 2 w 26"/>
                  <a:gd name="T7" fmla="*/ 6 h 18"/>
                  <a:gd name="T8" fmla="*/ 2 w 26"/>
                  <a:gd name="T9" fmla="*/ 6 h 18"/>
                  <a:gd name="T10" fmla="*/ 5 w 26"/>
                  <a:gd name="T11" fmla="*/ 3 h 18"/>
                  <a:gd name="T12" fmla="*/ 9 w 26"/>
                  <a:gd name="T13" fmla="*/ 3 h 18"/>
                  <a:gd name="T14" fmla="*/ 12 w 26"/>
                  <a:gd name="T15" fmla="*/ 1 h 18"/>
                  <a:gd name="T16" fmla="*/ 17 w 26"/>
                  <a:gd name="T17" fmla="*/ 0 h 18"/>
                  <a:gd name="T18" fmla="*/ 22 w 26"/>
                  <a:gd name="T19" fmla="*/ 0 h 18"/>
                  <a:gd name="T20" fmla="*/ 22 w 26"/>
                  <a:gd name="T21" fmla="*/ 0 h 18"/>
                  <a:gd name="T22" fmla="*/ 24 w 26"/>
                  <a:gd name="T23" fmla="*/ 0 h 18"/>
                  <a:gd name="T24" fmla="*/ 24 w 26"/>
                  <a:gd name="T25" fmla="*/ 3 h 18"/>
                  <a:gd name="T26" fmla="*/ 24 w 26"/>
                  <a:gd name="T27" fmla="*/ 6 h 18"/>
                  <a:gd name="T28" fmla="*/ 26 w 26"/>
                  <a:gd name="T29" fmla="*/ 6 h 18"/>
                  <a:gd name="T30" fmla="*/ 21 w 26"/>
                  <a:gd name="T31" fmla="*/ 18 h 18"/>
                  <a:gd name="T32" fmla="*/ 4 w 26"/>
                  <a:gd name="T33" fmla="*/ 13 h 18"/>
                  <a:gd name="T34" fmla="*/ 0 w 26"/>
                  <a:gd name="T35" fmla="*/ 8 h 18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w 26"/>
                  <a:gd name="T55" fmla="*/ 0 h 18"/>
                  <a:gd name="T56" fmla="*/ 26 w 26"/>
                  <a:gd name="T57" fmla="*/ 18 h 18"/>
                </a:gdLst>
                <a:ahLst/>
                <a:cxnLst>
                  <a:cxn ang="T36">
                    <a:pos x="T0" y="T1"/>
                  </a:cxn>
                  <a:cxn ang="T37">
                    <a:pos x="T2" y="T3"/>
                  </a:cxn>
                  <a:cxn ang="T38">
                    <a:pos x="T4" y="T5"/>
                  </a:cxn>
                  <a:cxn ang="T39">
                    <a:pos x="T6" y="T7"/>
                  </a:cxn>
                  <a:cxn ang="T40">
                    <a:pos x="T8" y="T9"/>
                  </a:cxn>
                  <a:cxn ang="T41">
                    <a:pos x="T10" y="T11"/>
                  </a:cxn>
                  <a:cxn ang="T42">
                    <a:pos x="T12" y="T13"/>
                  </a:cxn>
                  <a:cxn ang="T43">
                    <a:pos x="T14" y="T15"/>
                  </a:cxn>
                  <a:cxn ang="T44">
                    <a:pos x="T16" y="T17"/>
                  </a:cxn>
                  <a:cxn ang="T45">
                    <a:pos x="T18" y="T19"/>
                  </a:cxn>
                  <a:cxn ang="T46">
                    <a:pos x="T20" y="T21"/>
                  </a:cxn>
                  <a:cxn ang="T47">
                    <a:pos x="T22" y="T23"/>
                  </a:cxn>
                  <a:cxn ang="T48">
                    <a:pos x="T24" y="T25"/>
                  </a:cxn>
                  <a:cxn ang="T49">
                    <a:pos x="T26" y="T27"/>
                  </a:cxn>
                  <a:cxn ang="T50">
                    <a:pos x="T28" y="T29"/>
                  </a:cxn>
                  <a:cxn ang="T51">
                    <a:pos x="T30" y="T31"/>
                  </a:cxn>
                  <a:cxn ang="T52">
                    <a:pos x="T32" y="T33"/>
                  </a:cxn>
                  <a:cxn ang="T53">
                    <a:pos x="T34" y="T35"/>
                  </a:cxn>
                </a:cxnLst>
                <a:rect l="T54" t="T55" r="T56" b="T57"/>
                <a:pathLst>
                  <a:path w="26" h="18">
                    <a:moveTo>
                      <a:pt x="0" y="8"/>
                    </a:moveTo>
                    <a:lnTo>
                      <a:pt x="0" y="8"/>
                    </a:lnTo>
                    <a:lnTo>
                      <a:pt x="2" y="6"/>
                    </a:lnTo>
                    <a:lnTo>
                      <a:pt x="5" y="3"/>
                    </a:lnTo>
                    <a:lnTo>
                      <a:pt x="9" y="3"/>
                    </a:lnTo>
                    <a:lnTo>
                      <a:pt x="12" y="1"/>
                    </a:lnTo>
                    <a:lnTo>
                      <a:pt x="17" y="0"/>
                    </a:lnTo>
                    <a:lnTo>
                      <a:pt x="22" y="0"/>
                    </a:lnTo>
                    <a:lnTo>
                      <a:pt x="24" y="0"/>
                    </a:lnTo>
                    <a:lnTo>
                      <a:pt x="24" y="3"/>
                    </a:lnTo>
                    <a:lnTo>
                      <a:pt x="24" y="6"/>
                    </a:lnTo>
                    <a:lnTo>
                      <a:pt x="26" y="6"/>
                    </a:lnTo>
                    <a:lnTo>
                      <a:pt x="21" y="18"/>
                    </a:lnTo>
                    <a:lnTo>
                      <a:pt x="4" y="13"/>
                    </a:lnTo>
                    <a:lnTo>
                      <a:pt x="0" y="8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31" name="Freeform 142"/>
              <p:cNvSpPr>
                <a:spLocks/>
              </p:cNvSpPr>
              <p:nvPr/>
            </p:nvSpPr>
            <p:spPr bwMode="auto">
              <a:xfrm>
                <a:off x="1441" y="3403"/>
                <a:ext cx="30" cy="24"/>
              </a:xfrm>
              <a:custGeom>
                <a:avLst/>
                <a:gdLst>
                  <a:gd name="T0" fmla="*/ 0 w 30"/>
                  <a:gd name="T1" fmla="*/ 5 h 24"/>
                  <a:gd name="T2" fmla="*/ 8 w 30"/>
                  <a:gd name="T3" fmla="*/ 5 h 24"/>
                  <a:gd name="T4" fmla="*/ 8 w 30"/>
                  <a:gd name="T5" fmla="*/ 5 h 24"/>
                  <a:gd name="T6" fmla="*/ 8 w 30"/>
                  <a:gd name="T7" fmla="*/ 4 h 24"/>
                  <a:gd name="T8" fmla="*/ 8 w 30"/>
                  <a:gd name="T9" fmla="*/ 2 h 24"/>
                  <a:gd name="T10" fmla="*/ 10 w 30"/>
                  <a:gd name="T11" fmla="*/ 0 h 24"/>
                  <a:gd name="T12" fmla="*/ 10 w 30"/>
                  <a:gd name="T13" fmla="*/ 0 h 24"/>
                  <a:gd name="T14" fmla="*/ 12 w 30"/>
                  <a:gd name="T15" fmla="*/ 0 h 24"/>
                  <a:gd name="T16" fmla="*/ 13 w 30"/>
                  <a:gd name="T17" fmla="*/ 2 h 24"/>
                  <a:gd name="T18" fmla="*/ 17 w 30"/>
                  <a:gd name="T19" fmla="*/ 5 h 24"/>
                  <a:gd name="T20" fmla="*/ 17 w 30"/>
                  <a:gd name="T21" fmla="*/ 7 h 24"/>
                  <a:gd name="T22" fmla="*/ 18 w 30"/>
                  <a:gd name="T23" fmla="*/ 9 h 24"/>
                  <a:gd name="T24" fmla="*/ 22 w 30"/>
                  <a:gd name="T25" fmla="*/ 12 h 24"/>
                  <a:gd name="T26" fmla="*/ 27 w 30"/>
                  <a:gd name="T27" fmla="*/ 16 h 24"/>
                  <a:gd name="T28" fmla="*/ 27 w 30"/>
                  <a:gd name="T29" fmla="*/ 17 h 24"/>
                  <a:gd name="T30" fmla="*/ 29 w 30"/>
                  <a:gd name="T31" fmla="*/ 19 h 24"/>
                  <a:gd name="T32" fmla="*/ 30 w 30"/>
                  <a:gd name="T33" fmla="*/ 21 h 24"/>
                  <a:gd name="T34" fmla="*/ 30 w 30"/>
                  <a:gd name="T35" fmla="*/ 22 h 24"/>
                  <a:gd name="T36" fmla="*/ 30 w 30"/>
                  <a:gd name="T37" fmla="*/ 24 h 24"/>
                  <a:gd name="T38" fmla="*/ 27 w 30"/>
                  <a:gd name="T39" fmla="*/ 24 h 24"/>
                  <a:gd name="T40" fmla="*/ 22 w 30"/>
                  <a:gd name="T41" fmla="*/ 24 h 24"/>
                  <a:gd name="T42" fmla="*/ 15 w 30"/>
                  <a:gd name="T43" fmla="*/ 21 h 24"/>
                  <a:gd name="T44" fmla="*/ 13 w 30"/>
                  <a:gd name="T45" fmla="*/ 21 h 24"/>
                  <a:gd name="T46" fmla="*/ 10 w 30"/>
                  <a:gd name="T47" fmla="*/ 21 h 24"/>
                  <a:gd name="T48" fmla="*/ 8 w 30"/>
                  <a:gd name="T49" fmla="*/ 22 h 24"/>
                  <a:gd name="T50" fmla="*/ 8 w 30"/>
                  <a:gd name="T51" fmla="*/ 22 h 24"/>
                  <a:gd name="T52" fmla="*/ 1 w 30"/>
                  <a:gd name="T53" fmla="*/ 14 h 24"/>
                  <a:gd name="T54" fmla="*/ 0 w 30"/>
                  <a:gd name="T55" fmla="*/ 5 h 24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w 30"/>
                  <a:gd name="T85" fmla="*/ 0 h 24"/>
                  <a:gd name="T86" fmla="*/ 30 w 30"/>
                  <a:gd name="T87" fmla="*/ 24 h 24"/>
                </a:gdLst>
                <a:ahLst/>
                <a:cxnLst>
                  <a:cxn ang="T56">
                    <a:pos x="T0" y="T1"/>
                  </a:cxn>
                  <a:cxn ang="T57">
                    <a:pos x="T2" y="T3"/>
                  </a:cxn>
                  <a:cxn ang="T58">
                    <a:pos x="T4" y="T5"/>
                  </a:cxn>
                  <a:cxn ang="T59">
                    <a:pos x="T6" y="T7"/>
                  </a:cxn>
                  <a:cxn ang="T60">
                    <a:pos x="T8" y="T9"/>
                  </a:cxn>
                  <a:cxn ang="T61">
                    <a:pos x="T10" y="T11"/>
                  </a:cxn>
                  <a:cxn ang="T62">
                    <a:pos x="T12" y="T13"/>
                  </a:cxn>
                  <a:cxn ang="T63">
                    <a:pos x="T14" y="T15"/>
                  </a:cxn>
                  <a:cxn ang="T64">
                    <a:pos x="T16" y="T17"/>
                  </a:cxn>
                  <a:cxn ang="T65">
                    <a:pos x="T18" y="T19"/>
                  </a:cxn>
                  <a:cxn ang="T66">
                    <a:pos x="T20" y="T21"/>
                  </a:cxn>
                  <a:cxn ang="T67">
                    <a:pos x="T22" y="T23"/>
                  </a:cxn>
                  <a:cxn ang="T68">
                    <a:pos x="T24" y="T25"/>
                  </a:cxn>
                  <a:cxn ang="T69">
                    <a:pos x="T26" y="T27"/>
                  </a:cxn>
                  <a:cxn ang="T70">
                    <a:pos x="T28" y="T29"/>
                  </a:cxn>
                  <a:cxn ang="T71">
                    <a:pos x="T30" y="T31"/>
                  </a:cxn>
                  <a:cxn ang="T72">
                    <a:pos x="T32" y="T33"/>
                  </a:cxn>
                  <a:cxn ang="T73">
                    <a:pos x="T34" y="T35"/>
                  </a:cxn>
                  <a:cxn ang="T74">
                    <a:pos x="T36" y="T37"/>
                  </a:cxn>
                  <a:cxn ang="T75">
                    <a:pos x="T38" y="T39"/>
                  </a:cxn>
                  <a:cxn ang="T76">
                    <a:pos x="T40" y="T41"/>
                  </a:cxn>
                  <a:cxn ang="T77">
                    <a:pos x="T42" y="T43"/>
                  </a:cxn>
                  <a:cxn ang="T78">
                    <a:pos x="T44" y="T45"/>
                  </a:cxn>
                  <a:cxn ang="T79">
                    <a:pos x="T46" y="T47"/>
                  </a:cxn>
                  <a:cxn ang="T80">
                    <a:pos x="T48" y="T49"/>
                  </a:cxn>
                  <a:cxn ang="T81">
                    <a:pos x="T50" y="T51"/>
                  </a:cxn>
                  <a:cxn ang="T82">
                    <a:pos x="T52" y="T53"/>
                  </a:cxn>
                  <a:cxn ang="T83">
                    <a:pos x="T54" y="T55"/>
                  </a:cxn>
                </a:cxnLst>
                <a:rect l="T84" t="T85" r="T86" b="T87"/>
                <a:pathLst>
                  <a:path w="30" h="24">
                    <a:moveTo>
                      <a:pt x="0" y="5"/>
                    </a:moveTo>
                    <a:lnTo>
                      <a:pt x="8" y="5"/>
                    </a:lnTo>
                    <a:lnTo>
                      <a:pt x="8" y="4"/>
                    </a:lnTo>
                    <a:lnTo>
                      <a:pt x="8" y="2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7" y="5"/>
                    </a:lnTo>
                    <a:lnTo>
                      <a:pt x="17" y="7"/>
                    </a:lnTo>
                    <a:lnTo>
                      <a:pt x="18" y="9"/>
                    </a:lnTo>
                    <a:lnTo>
                      <a:pt x="22" y="12"/>
                    </a:lnTo>
                    <a:lnTo>
                      <a:pt x="27" y="16"/>
                    </a:lnTo>
                    <a:lnTo>
                      <a:pt x="27" y="17"/>
                    </a:lnTo>
                    <a:lnTo>
                      <a:pt x="29" y="19"/>
                    </a:lnTo>
                    <a:lnTo>
                      <a:pt x="30" y="21"/>
                    </a:lnTo>
                    <a:lnTo>
                      <a:pt x="30" y="22"/>
                    </a:lnTo>
                    <a:lnTo>
                      <a:pt x="30" y="24"/>
                    </a:lnTo>
                    <a:lnTo>
                      <a:pt x="27" y="24"/>
                    </a:lnTo>
                    <a:lnTo>
                      <a:pt x="22" y="24"/>
                    </a:lnTo>
                    <a:lnTo>
                      <a:pt x="15" y="21"/>
                    </a:lnTo>
                    <a:lnTo>
                      <a:pt x="13" y="21"/>
                    </a:lnTo>
                    <a:lnTo>
                      <a:pt x="10" y="21"/>
                    </a:lnTo>
                    <a:lnTo>
                      <a:pt x="8" y="22"/>
                    </a:lnTo>
                    <a:lnTo>
                      <a:pt x="1" y="14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32" name="Freeform 143"/>
              <p:cNvSpPr>
                <a:spLocks/>
              </p:cNvSpPr>
              <p:nvPr/>
            </p:nvSpPr>
            <p:spPr bwMode="auto">
              <a:xfrm>
                <a:off x="1441" y="3403"/>
                <a:ext cx="30" cy="24"/>
              </a:xfrm>
              <a:custGeom>
                <a:avLst/>
                <a:gdLst>
                  <a:gd name="T0" fmla="*/ 0 w 30"/>
                  <a:gd name="T1" fmla="*/ 5 h 24"/>
                  <a:gd name="T2" fmla="*/ 8 w 30"/>
                  <a:gd name="T3" fmla="*/ 5 h 24"/>
                  <a:gd name="T4" fmla="*/ 8 w 30"/>
                  <a:gd name="T5" fmla="*/ 5 h 24"/>
                  <a:gd name="T6" fmla="*/ 8 w 30"/>
                  <a:gd name="T7" fmla="*/ 5 h 24"/>
                  <a:gd name="T8" fmla="*/ 8 w 30"/>
                  <a:gd name="T9" fmla="*/ 4 h 24"/>
                  <a:gd name="T10" fmla="*/ 8 w 30"/>
                  <a:gd name="T11" fmla="*/ 2 h 24"/>
                  <a:gd name="T12" fmla="*/ 10 w 30"/>
                  <a:gd name="T13" fmla="*/ 0 h 24"/>
                  <a:gd name="T14" fmla="*/ 10 w 30"/>
                  <a:gd name="T15" fmla="*/ 0 h 24"/>
                  <a:gd name="T16" fmla="*/ 12 w 30"/>
                  <a:gd name="T17" fmla="*/ 0 h 24"/>
                  <a:gd name="T18" fmla="*/ 13 w 30"/>
                  <a:gd name="T19" fmla="*/ 2 h 24"/>
                  <a:gd name="T20" fmla="*/ 17 w 30"/>
                  <a:gd name="T21" fmla="*/ 5 h 24"/>
                  <a:gd name="T22" fmla="*/ 17 w 30"/>
                  <a:gd name="T23" fmla="*/ 5 h 24"/>
                  <a:gd name="T24" fmla="*/ 17 w 30"/>
                  <a:gd name="T25" fmla="*/ 7 h 24"/>
                  <a:gd name="T26" fmla="*/ 18 w 30"/>
                  <a:gd name="T27" fmla="*/ 9 h 24"/>
                  <a:gd name="T28" fmla="*/ 22 w 30"/>
                  <a:gd name="T29" fmla="*/ 12 h 24"/>
                  <a:gd name="T30" fmla="*/ 27 w 30"/>
                  <a:gd name="T31" fmla="*/ 16 h 24"/>
                  <a:gd name="T32" fmla="*/ 27 w 30"/>
                  <a:gd name="T33" fmla="*/ 16 h 24"/>
                  <a:gd name="T34" fmla="*/ 27 w 30"/>
                  <a:gd name="T35" fmla="*/ 17 h 24"/>
                  <a:gd name="T36" fmla="*/ 29 w 30"/>
                  <a:gd name="T37" fmla="*/ 19 h 24"/>
                  <a:gd name="T38" fmla="*/ 30 w 30"/>
                  <a:gd name="T39" fmla="*/ 21 h 24"/>
                  <a:gd name="T40" fmla="*/ 30 w 30"/>
                  <a:gd name="T41" fmla="*/ 22 h 24"/>
                  <a:gd name="T42" fmla="*/ 30 w 30"/>
                  <a:gd name="T43" fmla="*/ 24 h 24"/>
                  <a:gd name="T44" fmla="*/ 27 w 30"/>
                  <a:gd name="T45" fmla="*/ 24 h 24"/>
                  <a:gd name="T46" fmla="*/ 22 w 30"/>
                  <a:gd name="T47" fmla="*/ 24 h 24"/>
                  <a:gd name="T48" fmla="*/ 15 w 30"/>
                  <a:gd name="T49" fmla="*/ 21 h 24"/>
                  <a:gd name="T50" fmla="*/ 15 w 30"/>
                  <a:gd name="T51" fmla="*/ 21 h 24"/>
                  <a:gd name="T52" fmla="*/ 13 w 30"/>
                  <a:gd name="T53" fmla="*/ 21 h 24"/>
                  <a:gd name="T54" fmla="*/ 10 w 30"/>
                  <a:gd name="T55" fmla="*/ 21 h 24"/>
                  <a:gd name="T56" fmla="*/ 8 w 30"/>
                  <a:gd name="T57" fmla="*/ 22 h 24"/>
                  <a:gd name="T58" fmla="*/ 8 w 30"/>
                  <a:gd name="T59" fmla="*/ 22 h 24"/>
                  <a:gd name="T60" fmla="*/ 1 w 30"/>
                  <a:gd name="T61" fmla="*/ 14 h 24"/>
                  <a:gd name="T62" fmla="*/ 0 w 30"/>
                  <a:gd name="T63" fmla="*/ 5 h 24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w 30"/>
                  <a:gd name="T97" fmla="*/ 0 h 24"/>
                  <a:gd name="T98" fmla="*/ 30 w 30"/>
                  <a:gd name="T99" fmla="*/ 24 h 24"/>
                </a:gdLst>
                <a:ahLst/>
                <a:cxnLst>
                  <a:cxn ang="T64">
                    <a:pos x="T0" y="T1"/>
                  </a:cxn>
                  <a:cxn ang="T65">
                    <a:pos x="T2" y="T3"/>
                  </a:cxn>
                  <a:cxn ang="T66">
                    <a:pos x="T4" y="T5"/>
                  </a:cxn>
                  <a:cxn ang="T67">
                    <a:pos x="T6" y="T7"/>
                  </a:cxn>
                  <a:cxn ang="T68">
                    <a:pos x="T8" y="T9"/>
                  </a:cxn>
                  <a:cxn ang="T69">
                    <a:pos x="T10" y="T11"/>
                  </a:cxn>
                  <a:cxn ang="T70">
                    <a:pos x="T12" y="T13"/>
                  </a:cxn>
                  <a:cxn ang="T71">
                    <a:pos x="T14" y="T15"/>
                  </a:cxn>
                  <a:cxn ang="T72">
                    <a:pos x="T16" y="T17"/>
                  </a:cxn>
                  <a:cxn ang="T73">
                    <a:pos x="T18" y="T19"/>
                  </a:cxn>
                  <a:cxn ang="T74">
                    <a:pos x="T20" y="T21"/>
                  </a:cxn>
                  <a:cxn ang="T75">
                    <a:pos x="T22" y="T23"/>
                  </a:cxn>
                  <a:cxn ang="T76">
                    <a:pos x="T24" y="T25"/>
                  </a:cxn>
                  <a:cxn ang="T77">
                    <a:pos x="T26" y="T27"/>
                  </a:cxn>
                  <a:cxn ang="T78">
                    <a:pos x="T28" y="T29"/>
                  </a:cxn>
                  <a:cxn ang="T79">
                    <a:pos x="T30" y="T31"/>
                  </a:cxn>
                  <a:cxn ang="T80">
                    <a:pos x="T32" y="T33"/>
                  </a:cxn>
                  <a:cxn ang="T81">
                    <a:pos x="T34" y="T35"/>
                  </a:cxn>
                  <a:cxn ang="T82">
                    <a:pos x="T36" y="T37"/>
                  </a:cxn>
                  <a:cxn ang="T83">
                    <a:pos x="T38" y="T39"/>
                  </a:cxn>
                  <a:cxn ang="T84">
                    <a:pos x="T40" y="T41"/>
                  </a:cxn>
                  <a:cxn ang="T85">
                    <a:pos x="T42" y="T43"/>
                  </a:cxn>
                  <a:cxn ang="T86">
                    <a:pos x="T44" y="T45"/>
                  </a:cxn>
                  <a:cxn ang="T87">
                    <a:pos x="T46" y="T47"/>
                  </a:cxn>
                  <a:cxn ang="T88">
                    <a:pos x="T48" y="T49"/>
                  </a:cxn>
                  <a:cxn ang="T89">
                    <a:pos x="T50" y="T51"/>
                  </a:cxn>
                  <a:cxn ang="T90">
                    <a:pos x="T52" y="T53"/>
                  </a:cxn>
                  <a:cxn ang="T91">
                    <a:pos x="T54" y="T55"/>
                  </a:cxn>
                  <a:cxn ang="T92">
                    <a:pos x="T56" y="T57"/>
                  </a:cxn>
                  <a:cxn ang="T93">
                    <a:pos x="T58" y="T59"/>
                  </a:cxn>
                  <a:cxn ang="T94">
                    <a:pos x="T60" y="T61"/>
                  </a:cxn>
                  <a:cxn ang="T95">
                    <a:pos x="T62" y="T63"/>
                  </a:cxn>
                </a:cxnLst>
                <a:rect l="T96" t="T97" r="T98" b="T99"/>
                <a:pathLst>
                  <a:path w="30" h="24">
                    <a:moveTo>
                      <a:pt x="0" y="5"/>
                    </a:moveTo>
                    <a:lnTo>
                      <a:pt x="8" y="5"/>
                    </a:lnTo>
                    <a:lnTo>
                      <a:pt x="8" y="4"/>
                    </a:lnTo>
                    <a:lnTo>
                      <a:pt x="8" y="2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7" y="5"/>
                    </a:lnTo>
                    <a:lnTo>
                      <a:pt x="17" y="7"/>
                    </a:lnTo>
                    <a:lnTo>
                      <a:pt x="18" y="9"/>
                    </a:lnTo>
                    <a:lnTo>
                      <a:pt x="22" y="12"/>
                    </a:lnTo>
                    <a:lnTo>
                      <a:pt x="27" y="16"/>
                    </a:lnTo>
                    <a:lnTo>
                      <a:pt x="27" y="17"/>
                    </a:lnTo>
                    <a:lnTo>
                      <a:pt x="29" y="19"/>
                    </a:lnTo>
                    <a:lnTo>
                      <a:pt x="30" y="21"/>
                    </a:lnTo>
                    <a:lnTo>
                      <a:pt x="30" y="22"/>
                    </a:lnTo>
                    <a:lnTo>
                      <a:pt x="30" y="24"/>
                    </a:lnTo>
                    <a:lnTo>
                      <a:pt x="27" y="24"/>
                    </a:lnTo>
                    <a:lnTo>
                      <a:pt x="22" y="24"/>
                    </a:lnTo>
                    <a:lnTo>
                      <a:pt x="15" y="21"/>
                    </a:lnTo>
                    <a:lnTo>
                      <a:pt x="13" y="21"/>
                    </a:lnTo>
                    <a:lnTo>
                      <a:pt x="10" y="21"/>
                    </a:lnTo>
                    <a:lnTo>
                      <a:pt x="8" y="22"/>
                    </a:lnTo>
                    <a:lnTo>
                      <a:pt x="1" y="14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33" name="Freeform 144"/>
              <p:cNvSpPr>
                <a:spLocks/>
              </p:cNvSpPr>
              <p:nvPr/>
            </p:nvSpPr>
            <p:spPr bwMode="auto">
              <a:xfrm>
                <a:off x="1492" y="3427"/>
                <a:ext cx="27" cy="12"/>
              </a:xfrm>
              <a:custGeom>
                <a:avLst/>
                <a:gdLst>
                  <a:gd name="T0" fmla="*/ 1 w 27"/>
                  <a:gd name="T1" fmla="*/ 0 h 12"/>
                  <a:gd name="T2" fmla="*/ 0 w 27"/>
                  <a:gd name="T3" fmla="*/ 9 h 12"/>
                  <a:gd name="T4" fmla="*/ 18 w 27"/>
                  <a:gd name="T5" fmla="*/ 12 h 12"/>
                  <a:gd name="T6" fmla="*/ 18 w 27"/>
                  <a:gd name="T7" fmla="*/ 12 h 12"/>
                  <a:gd name="T8" fmla="*/ 20 w 27"/>
                  <a:gd name="T9" fmla="*/ 10 h 12"/>
                  <a:gd name="T10" fmla="*/ 23 w 27"/>
                  <a:gd name="T11" fmla="*/ 9 h 12"/>
                  <a:gd name="T12" fmla="*/ 27 w 27"/>
                  <a:gd name="T13" fmla="*/ 7 h 12"/>
                  <a:gd name="T14" fmla="*/ 27 w 27"/>
                  <a:gd name="T15" fmla="*/ 5 h 12"/>
                  <a:gd name="T16" fmla="*/ 27 w 27"/>
                  <a:gd name="T17" fmla="*/ 3 h 12"/>
                  <a:gd name="T18" fmla="*/ 23 w 27"/>
                  <a:gd name="T19" fmla="*/ 3 h 12"/>
                  <a:gd name="T20" fmla="*/ 18 w 27"/>
                  <a:gd name="T21" fmla="*/ 3 h 12"/>
                  <a:gd name="T22" fmla="*/ 16 w 27"/>
                  <a:gd name="T23" fmla="*/ 3 h 12"/>
                  <a:gd name="T24" fmla="*/ 13 w 27"/>
                  <a:gd name="T25" fmla="*/ 2 h 12"/>
                  <a:gd name="T26" fmla="*/ 11 w 27"/>
                  <a:gd name="T27" fmla="*/ 2 h 12"/>
                  <a:gd name="T28" fmla="*/ 8 w 27"/>
                  <a:gd name="T29" fmla="*/ 2 h 12"/>
                  <a:gd name="T30" fmla="*/ 6 w 27"/>
                  <a:gd name="T31" fmla="*/ 2 h 12"/>
                  <a:gd name="T32" fmla="*/ 3 w 27"/>
                  <a:gd name="T33" fmla="*/ 0 h 12"/>
                  <a:gd name="T34" fmla="*/ 3 w 27"/>
                  <a:gd name="T35" fmla="*/ 0 h 12"/>
                  <a:gd name="T36" fmla="*/ 1 w 27"/>
                  <a:gd name="T37" fmla="*/ 0 h 12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w 27"/>
                  <a:gd name="T58" fmla="*/ 0 h 12"/>
                  <a:gd name="T59" fmla="*/ 27 w 27"/>
                  <a:gd name="T60" fmla="*/ 12 h 12"/>
                </a:gdLst>
                <a:ahLst/>
                <a:cxnLst>
                  <a:cxn ang="T38">
                    <a:pos x="T0" y="T1"/>
                  </a:cxn>
                  <a:cxn ang="T39">
                    <a:pos x="T2" y="T3"/>
                  </a:cxn>
                  <a:cxn ang="T40">
                    <a:pos x="T4" y="T5"/>
                  </a:cxn>
                  <a:cxn ang="T41">
                    <a:pos x="T6" y="T7"/>
                  </a:cxn>
                  <a:cxn ang="T42">
                    <a:pos x="T8" y="T9"/>
                  </a:cxn>
                  <a:cxn ang="T43">
                    <a:pos x="T10" y="T11"/>
                  </a:cxn>
                  <a:cxn ang="T44">
                    <a:pos x="T12" y="T13"/>
                  </a:cxn>
                  <a:cxn ang="T45">
                    <a:pos x="T14" y="T15"/>
                  </a:cxn>
                  <a:cxn ang="T46">
                    <a:pos x="T16" y="T17"/>
                  </a:cxn>
                  <a:cxn ang="T47">
                    <a:pos x="T18" y="T19"/>
                  </a:cxn>
                  <a:cxn ang="T48">
                    <a:pos x="T20" y="T21"/>
                  </a:cxn>
                  <a:cxn ang="T49">
                    <a:pos x="T22" y="T23"/>
                  </a:cxn>
                  <a:cxn ang="T50">
                    <a:pos x="T24" y="T25"/>
                  </a:cxn>
                  <a:cxn ang="T51">
                    <a:pos x="T26" y="T27"/>
                  </a:cxn>
                  <a:cxn ang="T52">
                    <a:pos x="T28" y="T29"/>
                  </a:cxn>
                  <a:cxn ang="T53">
                    <a:pos x="T30" y="T31"/>
                  </a:cxn>
                  <a:cxn ang="T54">
                    <a:pos x="T32" y="T33"/>
                  </a:cxn>
                  <a:cxn ang="T55">
                    <a:pos x="T34" y="T35"/>
                  </a:cxn>
                  <a:cxn ang="T56">
                    <a:pos x="T36" y="T37"/>
                  </a:cxn>
                </a:cxnLst>
                <a:rect l="T57" t="T58" r="T59" b="T60"/>
                <a:pathLst>
                  <a:path w="27" h="12">
                    <a:moveTo>
                      <a:pt x="1" y="0"/>
                    </a:moveTo>
                    <a:lnTo>
                      <a:pt x="0" y="9"/>
                    </a:lnTo>
                    <a:lnTo>
                      <a:pt x="18" y="12"/>
                    </a:lnTo>
                    <a:lnTo>
                      <a:pt x="20" y="10"/>
                    </a:lnTo>
                    <a:lnTo>
                      <a:pt x="23" y="9"/>
                    </a:lnTo>
                    <a:lnTo>
                      <a:pt x="27" y="7"/>
                    </a:lnTo>
                    <a:lnTo>
                      <a:pt x="27" y="5"/>
                    </a:lnTo>
                    <a:lnTo>
                      <a:pt x="27" y="3"/>
                    </a:lnTo>
                    <a:lnTo>
                      <a:pt x="23" y="3"/>
                    </a:lnTo>
                    <a:lnTo>
                      <a:pt x="18" y="3"/>
                    </a:lnTo>
                    <a:lnTo>
                      <a:pt x="16" y="3"/>
                    </a:lnTo>
                    <a:lnTo>
                      <a:pt x="13" y="2"/>
                    </a:lnTo>
                    <a:lnTo>
                      <a:pt x="11" y="2"/>
                    </a:lnTo>
                    <a:lnTo>
                      <a:pt x="8" y="2"/>
                    </a:lnTo>
                    <a:lnTo>
                      <a:pt x="6" y="2"/>
                    </a:lnTo>
                    <a:lnTo>
                      <a:pt x="3" y="0"/>
                    </a:lnTo>
                    <a:lnTo>
                      <a:pt x="1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34" name="Freeform 145"/>
              <p:cNvSpPr>
                <a:spLocks/>
              </p:cNvSpPr>
              <p:nvPr/>
            </p:nvSpPr>
            <p:spPr bwMode="auto">
              <a:xfrm>
                <a:off x="1492" y="3427"/>
                <a:ext cx="27" cy="12"/>
              </a:xfrm>
              <a:custGeom>
                <a:avLst/>
                <a:gdLst>
                  <a:gd name="T0" fmla="*/ 1 w 27"/>
                  <a:gd name="T1" fmla="*/ 0 h 12"/>
                  <a:gd name="T2" fmla="*/ 0 w 27"/>
                  <a:gd name="T3" fmla="*/ 9 h 12"/>
                  <a:gd name="T4" fmla="*/ 18 w 27"/>
                  <a:gd name="T5" fmla="*/ 12 h 12"/>
                  <a:gd name="T6" fmla="*/ 18 w 27"/>
                  <a:gd name="T7" fmla="*/ 12 h 12"/>
                  <a:gd name="T8" fmla="*/ 18 w 27"/>
                  <a:gd name="T9" fmla="*/ 12 h 12"/>
                  <a:gd name="T10" fmla="*/ 20 w 27"/>
                  <a:gd name="T11" fmla="*/ 10 h 12"/>
                  <a:gd name="T12" fmla="*/ 23 w 27"/>
                  <a:gd name="T13" fmla="*/ 9 h 12"/>
                  <a:gd name="T14" fmla="*/ 27 w 27"/>
                  <a:gd name="T15" fmla="*/ 7 h 12"/>
                  <a:gd name="T16" fmla="*/ 27 w 27"/>
                  <a:gd name="T17" fmla="*/ 5 h 12"/>
                  <a:gd name="T18" fmla="*/ 27 w 27"/>
                  <a:gd name="T19" fmla="*/ 3 h 12"/>
                  <a:gd name="T20" fmla="*/ 23 w 27"/>
                  <a:gd name="T21" fmla="*/ 3 h 12"/>
                  <a:gd name="T22" fmla="*/ 18 w 27"/>
                  <a:gd name="T23" fmla="*/ 3 h 12"/>
                  <a:gd name="T24" fmla="*/ 18 w 27"/>
                  <a:gd name="T25" fmla="*/ 3 h 12"/>
                  <a:gd name="T26" fmla="*/ 16 w 27"/>
                  <a:gd name="T27" fmla="*/ 3 h 12"/>
                  <a:gd name="T28" fmla="*/ 13 w 27"/>
                  <a:gd name="T29" fmla="*/ 2 h 12"/>
                  <a:gd name="T30" fmla="*/ 11 w 27"/>
                  <a:gd name="T31" fmla="*/ 2 h 12"/>
                  <a:gd name="T32" fmla="*/ 8 w 27"/>
                  <a:gd name="T33" fmla="*/ 2 h 12"/>
                  <a:gd name="T34" fmla="*/ 6 w 27"/>
                  <a:gd name="T35" fmla="*/ 2 h 12"/>
                  <a:gd name="T36" fmla="*/ 3 w 27"/>
                  <a:gd name="T37" fmla="*/ 0 h 12"/>
                  <a:gd name="T38" fmla="*/ 3 w 27"/>
                  <a:gd name="T39" fmla="*/ 0 h 12"/>
                  <a:gd name="T40" fmla="*/ 1 w 27"/>
                  <a:gd name="T41" fmla="*/ 0 h 12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27"/>
                  <a:gd name="T64" fmla="*/ 0 h 12"/>
                  <a:gd name="T65" fmla="*/ 27 w 27"/>
                  <a:gd name="T66" fmla="*/ 12 h 12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27" h="12">
                    <a:moveTo>
                      <a:pt x="1" y="0"/>
                    </a:moveTo>
                    <a:lnTo>
                      <a:pt x="0" y="9"/>
                    </a:lnTo>
                    <a:lnTo>
                      <a:pt x="18" y="12"/>
                    </a:lnTo>
                    <a:lnTo>
                      <a:pt x="20" y="10"/>
                    </a:lnTo>
                    <a:lnTo>
                      <a:pt x="23" y="9"/>
                    </a:lnTo>
                    <a:lnTo>
                      <a:pt x="27" y="7"/>
                    </a:lnTo>
                    <a:lnTo>
                      <a:pt x="27" y="5"/>
                    </a:lnTo>
                    <a:lnTo>
                      <a:pt x="27" y="3"/>
                    </a:lnTo>
                    <a:lnTo>
                      <a:pt x="23" y="3"/>
                    </a:lnTo>
                    <a:lnTo>
                      <a:pt x="18" y="3"/>
                    </a:lnTo>
                    <a:lnTo>
                      <a:pt x="16" y="3"/>
                    </a:lnTo>
                    <a:lnTo>
                      <a:pt x="13" y="2"/>
                    </a:lnTo>
                    <a:lnTo>
                      <a:pt x="11" y="2"/>
                    </a:lnTo>
                    <a:lnTo>
                      <a:pt x="8" y="2"/>
                    </a:lnTo>
                    <a:lnTo>
                      <a:pt x="6" y="2"/>
                    </a:lnTo>
                    <a:lnTo>
                      <a:pt x="3" y="0"/>
                    </a:lnTo>
                    <a:lnTo>
                      <a:pt x="1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35" name="Freeform 146"/>
              <p:cNvSpPr>
                <a:spLocks/>
              </p:cNvSpPr>
              <p:nvPr/>
            </p:nvSpPr>
            <p:spPr bwMode="auto">
              <a:xfrm>
                <a:off x="1524" y="3441"/>
                <a:ext cx="35" cy="25"/>
              </a:xfrm>
              <a:custGeom>
                <a:avLst/>
                <a:gdLst>
                  <a:gd name="T0" fmla="*/ 1 w 35"/>
                  <a:gd name="T1" fmla="*/ 8 h 25"/>
                  <a:gd name="T2" fmla="*/ 1 w 35"/>
                  <a:gd name="T3" fmla="*/ 8 h 25"/>
                  <a:gd name="T4" fmla="*/ 0 w 35"/>
                  <a:gd name="T5" fmla="*/ 6 h 25"/>
                  <a:gd name="T6" fmla="*/ 0 w 35"/>
                  <a:gd name="T7" fmla="*/ 5 h 25"/>
                  <a:gd name="T8" fmla="*/ 0 w 35"/>
                  <a:gd name="T9" fmla="*/ 3 h 25"/>
                  <a:gd name="T10" fmla="*/ 0 w 35"/>
                  <a:gd name="T11" fmla="*/ 1 h 25"/>
                  <a:gd name="T12" fmla="*/ 1 w 35"/>
                  <a:gd name="T13" fmla="*/ 0 h 25"/>
                  <a:gd name="T14" fmla="*/ 5 w 35"/>
                  <a:gd name="T15" fmla="*/ 1 h 25"/>
                  <a:gd name="T16" fmla="*/ 8 w 35"/>
                  <a:gd name="T17" fmla="*/ 3 h 25"/>
                  <a:gd name="T18" fmla="*/ 10 w 35"/>
                  <a:gd name="T19" fmla="*/ 3 h 25"/>
                  <a:gd name="T20" fmla="*/ 13 w 35"/>
                  <a:gd name="T21" fmla="*/ 3 h 25"/>
                  <a:gd name="T22" fmla="*/ 13 w 35"/>
                  <a:gd name="T23" fmla="*/ 5 h 25"/>
                  <a:gd name="T24" fmla="*/ 15 w 35"/>
                  <a:gd name="T25" fmla="*/ 5 h 25"/>
                  <a:gd name="T26" fmla="*/ 22 w 35"/>
                  <a:gd name="T27" fmla="*/ 5 h 25"/>
                  <a:gd name="T28" fmla="*/ 30 w 35"/>
                  <a:gd name="T29" fmla="*/ 10 h 25"/>
                  <a:gd name="T30" fmla="*/ 30 w 35"/>
                  <a:gd name="T31" fmla="*/ 10 h 25"/>
                  <a:gd name="T32" fmla="*/ 32 w 35"/>
                  <a:gd name="T33" fmla="*/ 11 h 25"/>
                  <a:gd name="T34" fmla="*/ 34 w 35"/>
                  <a:gd name="T35" fmla="*/ 13 h 25"/>
                  <a:gd name="T36" fmla="*/ 35 w 35"/>
                  <a:gd name="T37" fmla="*/ 15 h 25"/>
                  <a:gd name="T38" fmla="*/ 35 w 35"/>
                  <a:gd name="T39" fmla="*/ 17 h 25"/>
                  <a:gd name="T40" fmla="*/ 34 w 35"/>
                  <a:gd name="T41" fmla="*/ 20 h 25"/>
                  <a:gd name="T42" fmla="*/ 30 w 35"/>
                  <a:gd name="T43" fmla="*/ 20 h 25"/>
                  <a:gd name="T44" fmla="*/ 25 w 35"/>
                  <a:gd name="T45" fmla="*/ 22 h 25"/>
                  <a:gd name="T46" fmla="*/ 23 w 35"/>
                  <a:gd name="T47" fmla="*/ 22 h 25"/>
                  <a:gd name="T48" fmla="*/ 23 w 35"/>
                  <a:gd name="T49" fmla="*/ 23 h 25"/>
                  <a:gd name="T50" fmla="*/ 22 w 35"/>
                  <a:gd name="T51" fmla="*/ 23 h 25"/>
                  <a:gd name="T52" fmla="*/ 20 w 35"/>
                  <a:gd name="T53" fmla="*/ 25 h 25"/>
                  <a:gd name="T54" fmla="*/ 18 w 35"/>
                  <a:gd name="T55" fmla="*/ 25 h 25"/>
                  <a:gd name="T56" fmla="*/ 15 w 35"/>
                  <a:gd name="T57" fmla="*/ 23 h 25"/>
                  <a:gd name="T58" fmla="*/ 13 w 35"/>
                  <a:gd name="T59" fmla="*/ 20 h 25"/>
                  <a:gd name="T60" fmla="*/ 12 w 35"/>
                  <a:gd name="T61" fmla="*/ 17 h 25"/>
                  <a:gd name="T62" fmla="*/ 10 w 35"/>
                  <a:gd name="T63" fmla="*/ 15 h 25"/>
                  <a:gd name="T64" fmla="*/ 6 w 35"/>
                  <a:gd name="T65" fmla="*/ 11 h 25"/>
                  <a:gd name="T66" fmla="*/ 3 w 35"/>
                  <a:gd name="T67" fmla="*/ 10 h 25"/>
                  <a:gd name="T68" fmla="*/ 1 w 35"/>
                  <a:gd name="T69" fmla="*/ 8 h 25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w 35"/>
                  <a:gd name="T106" fmla="*/ 0 h 25"/>
                  <a:gd name="T107" fmla="*/ 35 w 35"/>
                  <a:gd name="T108" fmla="*/ 25 h 25"/>
                </a:gdLst>
                <a:ahLst/>
                <a:cxnLst>
                  <a:cxn ang="T70">
                    <a:pos x="T0" y="T1"/>
                  </a:cxn>
                  <a:cxn ang="T71">
                    <a:pos x="T2" y="T3"/>
                  </a:cxn>
                  <a:cxn ang="T72">
                    <a:pos x="T4" y="T5"/>
                  </a:cxn>
                  <a:cxn ang="T73">
                    <a:pos x="T6" y="T7"/>
                  </a:cxn>
                  <a:cxn ang="T74">
                    <a:pos x="T8" y="T9"/>
                  </a:cxn>
                  <a:cxn ang="T75">
                    <a:pos x="T10" y="T11"/>
                  </a:cxn>
                  <a:cxn ang="T76">
                    <a:pos x="T12" y="T13"/>
                  </a:cxn>
                  <a:cxn ang="T77">
                    <a:pos x="T14" y="T15"/>
                  </a:cxn>
                  <a:cxn ang="T78">
                    <a:pos x="T16" y="T17"/>
                  </a:cxn>
                  <a:cxn ang="T79">
                    <a:pos x="T18" y="T19"/>
                  </a:cxn>
                  <a:cxn ang="T80">
                    <a:pos x="T20" y="T21"/>
                  </a:cxn>
                  <a:cxn ang="T81">
                    <a:pos x="T22" y="T23"/>
                  </a:cxn>
                  <a:cxn ang="T82">
                    <a:pos x="T24" y="T25"/>
                  </a:cxn>
                  <a:cxn ang="T83">
                    <a:pos x="T26" y="T27"/>
                  </a:cxn>
                  <a:cxn ang="T84">
                    <a:pos x="T28" y="T29"/>
                  </a:cxn>
                  <a:cxn ang="T85">
                    <a:pos x="T30" y="T31"/>
                  </a:cxn>
                  <a:cxn ang="T86">
                    <a:pos x="T32" y="T33"/>
                  </a:cxn>
                  <a:cxn ang="T87">
                    <a:pos x="T34" y="T35"/>
                  </a:cxn>
                  <a:cxn ang="T88">
                    <a:pos x="T36" y="T37"/>
                  </a:cxn>
                  <a:cxn ang="T89">
                    <a:pos x="T38" y="T39"/>
                  </a:cxn>
                  <a:cxn ang="T90">
                    <a:pos x="T40" y="T41"/>
                  </a:cxn>
                  <a:cxn ang="T91">
                    <a:pos x="T42" y="T43"/>
                  </a:cxn>
                  <a:cxn ang="T92">
                    <a:pos x="T44" y="T45"/>
                  </a:cxn>
                  <a:cxn ang="T93">
                    <a:pos x="T46" y="T47"/>
                  </a:cxn>
                  <a:cxn ang="T94">
                    <a:pos x="T48" y="T49"/>
                  </a:cxn>
                  <a:cxn ang="T95">
                    <a:pos x="T50" y="T51"/>
                  </a:cxn>
                  <a:cxn ang="T96">
                    <a:pos x="T52" y="T53"/>
                  </a:cxn>
                  <a:cxn ang="T97">
                    <a:pos x="T54" y="T55"/>
                  </a:cxn>
                  <a:cxn ang="T98">
                    <a:pos x="T56" y="T57"/>
                  </a:cxn>
                  <a:cxn ang="T99">
                    <a:pos x="T58" y="T59"/>
                  </a:cxn>
                  <a:cxn ang="T100">
                    <a:pos x="T60" y="T61"/>
                  </a:cxn>
                  <a:cxn ang="T101">
                    <a:pos x="T62" y="T63"/>
                  </a:cxn>
                  <a:cxn ang="T102">
                    <a:pos x="T64" y="T65"/>
                  </a:cxn>
                  <a:cxn ang="T103">
                    <a:pos x="T66" y="T67"/>
                  </a:cxn>
                  <a:cxn ang="T104">
                    <a:pos x="T68" y="T69"/>
                  </a:cxn>
                </a:cxnLst>
                <a:rect l="T105" t="T106" r="T107" b="T108"/>
                <a:pathLst>
                  <a:path w="35" h="25">
                    <a:moveTo>
                      <a:pt x="1" y="8"/>
                    </a:moveTo>
                    <a:lnTo>
                      <a:pt x="1" y="8"/>
                    </a:lnTo>
                    <a:lnTo>
                      <a:pt x="0" y="6"/>
                    </a:lnTo>
                    <a:lnTo>
                      <a:pt x="0" y="5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5" y="1"/>
                    </a:lnTo>
                    <a:lnTo>
                      <a:pt x="8" y="3"/>
                    </a:lnTo>
                    <a:lnTo>
                      <a:pt x="10" y="3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5" y="5"/>
                    </a:lnTo>
                    <a:lnTo>
                      <a:pt x="22" y="5"/>
                    </a:lnTo>
                    <a:lnTo>
                      <a:pt x="30" y="10"/>
                    </a:lnTo>
                    <a:lnTo>
                      <a:pt x="32" y="11"/>
                    </a:lnTo>
                    <a:lnTo>
                      <a:pt x="34" y="13"/>
                    </a:lnTo>
                    <a:lnTo>
                      <a:pt x="35" y="15"/>
                    </a:lnTo>
                    <a:lnTo>
                      <a:pt x="35" y="17"/>
                    </a:lnTo>
                    <a:lnTo>
                      <a:pt x="34" y="20"/>
                    </a:lnTo>
                    <a:lnTo>
                      <a:pt x="30" y="20"/>
                    </a:lnTo>
                    <a:lnTo>
                      <a:pt x="25" y="22"/>
                    </a:lnTo>
                    <a:lnTo>
                      <a:pt x="23" y="22"/>
                    </a:lnTo>
                    <a:lnTo>
                      <a:pt x="23" y="23"/>
                    </a:lnTo>
                    <a:lnTo>
                      <a:pt x="22" y="23"/>
                    </a:lnTo>
                    <a:lnTo>
                      <a:pt x="20" y="25"/>
                    </a:lnTo>
                    <a:lnTo>
                      <a:pt x="18" y="25"/>
                    </a:lnTo>
                    <a:lnTo>
                      <a:pt x="15" y="23"/>
                    </a:lnTo>
                    <a:lnTo>
                      <a:pt x="13" y="20"/>
                    </a:lnTo>
                    <a:lnTo>
                      <a:pt x="12" y="17"/>
                    </a:lnTo>
                    <a:lnTo>
                      <a:pt x="10" y="15"/>
                    </a:lnTo>
                    <a:lnTo>
                      <a:pt x="6" y="11"/>
                    </a:lnTo>
                    <a:lnTo>
                      <a:pt x="3" y="10"/>
                    </a:lnTo>
                    <a:lnTo>
                      <a:pt x="1" y="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36" name="Freeform 147"/>
              <p:cNvSpPr>
                <a:spLocks/>
              </p:cNvSpPr>
              <p:nvPr/>
            </p:nvSpPr>
            <p:spPr bwMode="auto">
              <a:xfrm>
                <a:off x="1524" y="3441"/>
                <a:ext cx="35" cy="25"/>
              </a:xfrm>
              <a:custGeom>
                <a:avLst/>
                <a:gdLst>
                  <a:gd name="T0" fmla="*/ 1 w 35"/>
                  <a:gd name="T1" fmla="*/ 8 h 25"/>
                  <a:gd name="T2" fmla="*/ 1 w 35"/>
                  <a:gd name="T3" fmla="*/ 8 h 25"/>
                  <a:gd name="T4" fmla="*/ 1 w 35"/>
                  <a:gd name="T5" fmla="*/ 8 h 25"/>
                  <a:gd name="T6" fmla="*/ 0 w 35"/>
                  <a:gd name="T7" fmla="*/ 6 h 25"/>
                  <a:gd name="T8" fmla="*/ 0 w 35"/>
                  <a:gd name="T9" fmla="*/ 5 h 25"/>
                  <a:gd name="T10" fmla="*/ 0 w 35"/>
                  <a:gd name="T11" fmla="*/ 3 h 25"/>
                  <a:gd name="T12" fmla="*/ 0 w 35"/>
                  <a:gd name="T13" fmla="*/ 1 h 25"/>
                  <a:gd name="T14" fmla="*/ 1 w 35"/>
                  <a:gd name="T15" fmla="*/ 0 h 25"/>
                  <a:gd name="T16" fmla="*/ 5 w 35"/>
                  <a:gd name="T17" fmla="*/ 1 h 25"/>
                  <a:gd name="T18" fmla="*/ 8 w 35"/>
                  <a:gd name="T19" fmla="*/ 3 h 25"/>
                  <a:gd name="T20" fmla="*/ 8 w 35"/>
                  <a:gd name="T21" fmla="*/ 3 h 25"/>
                  <a:gd name="T22" fmla="*/ 10 w 35"/>
                  <a:gd name="T23" fmla="*/ 3 h 25"/>
                  <a:gd name="T24" fmla="*/ 13 w 35"/>
                  <a:gd name="T25" fmla="*/ 3 h 25"/>
                  <a:gd name="T26" fmla="*/ 13 w 35"/>
                  <a:gd name="T27" fmla="*/ 5 h 25"/>
                  <a:gd name="T28" fmla="*/ 15 w 35"/>
                  <a:gd name="T29" fmla="*/ 5 h 25"/>
                  <a:gd name="T30" fmla="*/ 22 w 35"/>
                  <a:gd name="T31" fmla="*/ 5 h 25"/>
                  <a:gd name="T32" fmla="*/ 30 w 35"/>
                  <a:gd name="T33" fmla="*/ 10 h 25"/>
                  <a:gd name="T34" fmla="*/ 30 w 35"/>
                  <a:gd name="T35" fmla="*/ 10 h 25"/>
                  <a:gd name="T36" fmla="*/ 30 w 35"/>
                  <a:gd name="T37" fmla="*/ 10 h 25"/>
                  <a:gd name="T38" fmla="*/ 32 w 35"/>
                  <a:gd name="T39" fmla="*/ 11 h 25"/>
                  <a:gd name="T40" fmla="*/ 34 w 35"/>
                  <a:gd name="T41" fmla="*/ 13 h 25"/>
                  <a:gd name="T42" fmla="*/ 35 w 35"/>
                  <a:gd name="T43" fmla="*/ 15 h 25"/>
                  <a:gd name="T44" fmla="*/ 35 w 35"/>
                  <a:gd name="T45" fmla="*/ 17 h 25"/>
                  <a:gd name="T46" fmla="*/ 34 w 35"/>
                  <a:gd name="T47" fmla="*/ 20 h 25"/>
                  <a:gd name="T48" fmla="*/ 30 w 35"/>
                  <a:gd name="T49" fmla="*/ 20 h 25"/>
                  <a:gd name="T50" fmla="*/ 25 w 35"/>
                  <a:gd name="T51" fmla="*/ 22 h 25"/>
                  <a:gd name="T52" fmla="*/ 25 w 35"/>
                  <a:gd name="T53" fmla="*/ 22 h 25"/>
                  <a:gd name="T54" fmla="*/ 23 w 35"/>
                  <a:gd name="T55" fmla="*/ 22 h 25"/>
                  <a:gd name="T56" fmla="*/ 23 w 35"/>
                  <a:gd name="T57" fmla="*/ 23 h 25"/>
                  <a:gd name="T58" fmla="*/ 22 w 35"/>
                  <a:gd name="T59" fmla="*/ 23 h 25"/>
                  <a:gd name="T60" fmla="*/ 20 w 35"/>
                  <a:gd name="T61" fmla="*/ 25 h 25"/>
                  <a:gd name="T62" fmla="*/ 18 w 35"/>
                  <a:gd name="T63" fmla="*/ 25 h 25"/>
                  <a:gd name="T64" fmla="*/ 15 w 35"/>
                  <a:gd name="T65" fmla="*/ 23 h 25"/>
                  <a:gd name="T66" fmla="*/ 13 w 35"/>
                  <a:gd name="T67" fmla="*/ 20 h 25"/>
                  <a:gd name="T68" fmla="*/ 12 w 35"/>
                  <a:gd name="T69" fmla="*/ 17 h 25"/>
                  <a:gd name="T70" fmla="*/ 12 w 35"/>
                  <a:gd name="T71" fmla="*/ 17 h 25"/>
                  <a:gd name="T72" fmla="*/ 10 w 35"/>
                  <a:gd name="T73" fmla="*/ 15 h 25"/>
                  <a:gd name="T74" fmla="*/ 6 w 35"/>
                  <a:gd name="T75" fmla="*/ 11 h 25"/>
                  <a:gd name="T76" fmla="*/ 3 w 35"/>
                  <a:gd name="T77" fmla="*/ 10 h 25"/>
                  <a:gd name="T78" fmla="*/ 1 w 35"/>
                  <a:gd name="T79" fmla="*/ 8 h 25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w 35"/>
                  <a:gd name="T121" fmla="*/ 0 h 25"/>
                  <a:gd name="T122" fmla="*/ 35 w 35"/>
                  <a:gd name="T123" fmla="*/ 25 h 25"/>
                </a:gdLst>
                <a:ahLst/>
                <a:cxnLst>
                  <a:cxn ang="T80">
                    <a:pos x="T0" y="T1"/>
                  </a:cxn>
                  <a:cxn ang="T81">
                    <a:pos x="T2" y="T3"/>
                  </a:cxn>
                  <a:cxn ang="T82">
                    <a:pos x="T4" y="T5"/>
                  </a:cxn>
                  <a:cxn ang="T83">
                    <a:pos x="T6" y="T7"/>
                  </a:cxn>
                  <a:cxn ang="T84">
                    <a:pos x="T8" y="T9"/>
                  </a:cxn>
                  <a:cxn ang="T85">
                    <a:pos x="T10" y="T11"/>
                  </a:cxn>
                  <a:cxn ang="T86">
                    <a:pos x="T12" y="T13"/>
                  </a:cxn>
                  <a:cxn ang="T87">
                    <a:pos x="T14" y="T15"/>
                  </a:cxn>
                  <a:cxn ang="T88">
                    <a:pos x="T16" y="T17"/>
                  </a:cxn>
                  <a:cxn ang="T89">
                    <a:pos x="T18" y="T19"/>
                  </a:cxn>
                  <a:cxn ang="T90">
                    <a:pos x="T20" y="T21"/>
                  </a:cxn>
                  <a:cxn ang="T91">
                    <a:pos x="T22" y="T23"/>
                  </a:cxn>
                  <a:cxn ang="T92">
                    <a:pos x="T24" y="T25"/>
                  </a:cxn>
                  <a:cxn ang="T93">
                    <a:pos x="T26" y="T27"/>
                  </a:cxn>
                  <a:cxn ang="T94">
                    <a:pos x="T28" y="T29"/>
                  </a:cxn>
                  <a:cxn ang="T95">
                    <a:pos x="T30" y="T31"/>
                  </a:cxn>
                  <a:cxn ang="T96">
                    <a:pos x="T32" y="T33"/>
                  </a:cxn>
                  <a:cxn ang="T97">
                    <a:pos x="T34" y="T35"/>
                  </a:cxn>
                  <a:cxn ang="T98">
                    <a:pos x="T36" y="T37"/>
                  </a:cxn>
                  <a:cxn ang="T99">
                    <a:pos x="T38" y="T39"/>
                  </a:cxn>
                  <a:cxn ang="T100">
                    <a:pos x="T40" y="T41"/>
                  </a:cxn>
                  <a:cxn ang="T101">
                    <a:pos x="T42" y="T43"/>
                  </a:cxn>
                  <a:cxn ang="T102">
                    <a:pos x="T44" y="T45"/>
                  </a:cxn>
                  <a:cxn ang="T103">
                    <a:pos x="T46" y="T47"/>
                  </a:cxn>
                  <a:cxn ang="T104">
                    <a:pos x="T48" y="T49"/>
                  </a:cxn>
                  <a:cxn ang="T105">
                    <a:pos x="T50" y="T51"/>
                  </a:cxn>
                  <a:cxn ang="T106">
                    <a:pos x="T52" y="T53"/>
                  </a:cxn>
                  <a:cxn ang="T107">
                    <a:pos x="T54" y="T55"/>
                  </a:cxn>
                  <a:cxn ang="T108">
                    <a:pos x="T56" y="T57"/>
                  </a:cxn>
                  <a:cxn ang="T109">
                    <a:pos x="T58" y="T59"/>
                  </a:cxn>
                  <a:cxn ang="T110">
                    <a:pos x="T60" y="T61"/>
                  </a:cxn>
                  <a:cxn ang="T111">
                    <a:pos x="T62" y="T63"/>
                  </a:cxn>
                  <a:cxn ang="T112">
                    <a:pos x="T64" y="T65"/>
                  </a:cxn>
                  <a:cxn ang="T113">
                    <a:pos x="T66" y="T67"/>
                  </a:cxn>
                  <a:cxn ang="T114">
                    <a:pos x="T68" y="T69"/>
                  </a:cxn>
                  <a:cxn ang="T115">
                    <a:pos x="T70" y="T71"/>
                  </a:cxn>
                  <a:cxn ang="T116">
                    <a:pos x="T72" y="T73"/>
                  </a:cxn>
                  <a:cxn ang="T117">
                    <a:pos x="T74" y="T75"/>
                  </a:cxn>
                  <a:cxn ang="T118">
                    <a:pos x="T76" y="T77"/>
                  </a:cxn>
                  <a:cxn ang="T119">
                    <a:pos x="T78" y="T79"/>
                  </a:cxn>
                </a:cxnLst>
                <a:rect l="T120" t="T121" r="T122" b="T123"/>
                <a:pathLst>
                  <a:path w="35" h="25">
                    <a:moveTo>
                      <a:pt x="1" y="8"/>
                    </a:moveTo>
                    <a:lnTo>
                      <a:pt x="1" y="8"/>
                    </a:lnTo>
                    <a:lnTo>
                      <a:pt x="0" y="6"/>
                    </a:lnTo>
                    <a:lnTo>
                      <a:pt x="0" y="5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5" y="1"/>
                    </a:lnTo>
                    <a:lnTo>
                      <a:pt x="8" y="3"/>
                    </a:lnTo>
                    <a:lnTo>
                      <a:pt x="10" y="3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5" y="5"/>
                    </a:lnTo>
                    <a:lnTo>
                      <a:pt x="22" y="5"/>
                    </a:lnTo>
                    <a:lnTo>
                      <a:pt x="30" y="10"/>
                    </a:lnTo>
                    <a:lnTo>
                      <a:pt x="32" y="11"/>
                    </a:lnTo>
                    <a:lnTo>
                      <a:pt x="34" y="13"/>
                    </a:lnTo>
                    <a:lnTo>
                      <a:pt x="35" y="15"/>
                    </a:lnTo>
                    <a:lnTo>
                      <a:pt x="35" y="17"/>
                    </a:lnTo>
                    <a:lnTo>
                      <a:pt x="34" y="20"/>
                    </a:lnTo>
                    <a:lnTo>
                      <a:pt x="30" y="20"/>
                    </a:lnTo>
                    <a:lnTo>
                      <a:pt x="25" y="22"/>
                    </a:lnTo>
                    <a:lnTo>
                      <a:pt x="23" y="22"/>
                    </a:lnTo>
                    <a:lnTo>
                      <a:pt x="23" y="23"/>
                    </a:lnTo>
                    <a:lnTo>
                      <a:pt x="22" y="23"/>
                    </a:lnTo>
                    <a:lnTo>
                      <a:pt x="20" y="25"/>
                    </a:lnTo>
                    <a:lnTo>
                      <a:pt x="18" y="25"/>
                    </a:lnTo>
                    <a:lnTo>
                      <a:pt x="15" y="23"/>
                    </a:lnTo>
                    <a:lnTo>
                      <a:pt x="13" y="20"/>
                    </a:lnTo>
                    <a:lnTo>
                      <a:pt x="12" y="17"/>
                    </a:lnTo>
                    <a:lnTo>
                      <a:pt x="10" y="15"/>
                    </a:lnTo>
                    <a:lnTo>
                      <a:pt x="6" y="11"/>
                    </a:lnTo>
                    <a:lnTo>
                      <a:pt x="3" y="10"/>
                    </a:lnTo>
                    <a:lnTo>
                      <a:pt x="1" y="8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37" name="Freeform 148"/>
              <p:cNvSpPr>
                <a:spLocks/>
              </p:cNvSpPr>
              <p:nvPr/>
            </p:nvSpPr>
            <p:spPr bwMode="auto">
              <a:xfrm>
                <a:off x="1554" y="3480"/>
                <a:ext cx="66" cy="76"/>
              </a:xfrm>
              <a:custGeom>
                <a:avLst/>
                <a:gdLst>
                  <a:gd name="T0" fmla="*/ 10 w 66"/>
                  <a:gd name="T1" fmla="*/ 5 h 76"/>
                  <a:gd name="T2" fmla="*/ 14 w 66"/>
                  <a:gd name="T3" fmla="*/ 0 h 76"/>
                  <a:gd name="T4" fmla="*/ 22 w 66"/>
                  <a:gd name="T5" fmla="*/ 6 h 76"/>
                  <a:gd name="T6" fmla="*/ 46 w 66"/>
                  <a:gd name="T7" fmla="*/ 18 h 76"/>
                  <a:gd name="T8" fmla="*/ 54 w 66"/>
                  <a:gd name="T9" fmla="*/ 22 h 76"/>
                  <a:gd name="T10" fmla="*/ 54 w 66"/>
                  <a:gd name="T11" fmla="*/ 28 h 76"/>
                  <a:gd name="T12" fmla="*/ 61 w 66"/>
                  <a:gd name="T13" fmla="*/ 38 h 76"/>
                  <a:gd name="T14" fmla="*/ 61 w 66"/>
                  <a:gd name="T15" fmla="*/ 38 h 76"/>
                  <a:gd name="T16" fmla="*/ 63 w 66"/>
                  <a:gd name="T17" fmla="*/ 38 h 76"/>
                  <a:gd name="T18" fmla="*/ 64 w 66"/>
                  <a:gd name="T19" fmla="*/ 40 h 76"/>
                  <a:gd name="T20" fmla="*/ 66 w 66"/>
                  <a:gd name="T21" fmla="*/ 42 h 76"/>
                  <a:gd name="T22" fmla="*/ 66 w 66"/>
                  <a:gd name="T23" fmla="*/ 44 h 76"/>
                  <a:gd name="T24" fmla="*/ 66 w 66"/>
                  <a:gd name="T25" fmla="*/ 45 h 76"/>
                  <a:gd name="T26" fmla="*/ 63 w 66"/>
                  <a:gd name="T27" fmla="*/ 49 h 76"/>
                  <a:gd name="T28" fmla="*/ 58 w 66"/>
                  <a:gd name="T29" fmla="*/ 52 h 76"/>
                  <a:gd name="T30" fmla="*/ 56 w 66"/>
                  <a:gd name="T31" fmla="*/ 52 h 76"/>
                  <a:gd name="T32" fmla="*/ 54 w 66"/>
                  <a:gd name="T33" fmla="*/ 52 h 76"/>
                  <a:gd name="T34" fmla="*/ 49 w 66"/>
                  <a:gd name="T35" fmla="*/ 54 h 76"/>
                  <a:gd name="T36" fmla="*/ 44 w 66"/>
                  <a:gd name="T37" fmla="*/ 55 h 76"/>
                  <a:gd name="T38" fmla="*/ 37 w 66"/>
                  <a:gd name="T39" fmla="*/ 59 h 76"/>
                  <a:gd name="T40" fmla="*/ 32 w 66"/>
                  <a:gd name="T41" fmla="*/ 62 h 76"/>
                  <a:gd name="T42" fmla="*/ 27 w 66"/>
                  <a:gd name="T43" fmla="*/ 67 h 76"/>
                  <a:gd name="T44" fmla="*/ 24 w 66"/>
                  <a:gd name="T45" fmla="*/ 76 h 76"/>
                  <a:gd name="T46" fmla="*/ 22 w 66"/>
                  <a:gd name="T47" fmla="*/ 76 h 76"/>
                  <a:gd name="T48" fmla="*/ 22 w 66"/>
                  <a:gd name="T49" fmla="*/ 74 h 76"/>
                  <a:gd name="T50" fmla="*/ 19 w 66"/>
                  <a:gd name="T51" fmla="*/ 74 h 76"/>
                  <a:gd name="T52" fmla="*/ 15 w 66"/>
                  <a:gd name="T53" fmla="*/ 71 h 76"/>
                  <a:gd name="T54" fmla="*/ 14 w 66"/>
                  <a:gd name="T55" fmla="*/ 69 h 76"/>
                  <a:gd name="T56" fmla="*/ 10 w 66"/>
                  <a:gd name="T57" fmla="*/ 66 h 76"/>
                  <a:gd name="T58" fmla="*/ 10 w 66"/>
                  <a:gd name="T59" fmla="*/ 60 h 76"/>
                  <a:gd name="T60" fmla="*/ 9 w 66"/>
                  <a:gd name="T61" fmla="*/ 54 h 76"/>
                  <a:gd name="T62" fmla="*/ 9 w 66"/>
                  <a:gd name="T63" fmla="*/ 54 h 76"/>
                  <a:gd name="T64" fmla="*/ 9 w 66"/>
                  <a:gd name="T65" fmla="*/ 52 h 76"/>
                  <a:gd name="T66" fmla="*/ 10 w 66"/>
                  <a:gd name="T67" fmla="*/ 50 h 76"/>
                  <a:gd name="T68" fmla="*/ 10 w 66"/>
                  <a:gd name="T69" fmla="*/ 49 h 76"/>
                  <a:gd name="T70" fmla="*/ 9 w 66"/>
                  <a:gd name="T71" fmla="*/ 47 h 76"/>
                  <a:gd name="T72" fmla="*/ 9 w 66"/>
                  <a:gd name="T73" fmla="*/ 44 h 76"/>
                  <a:gd name="T74" fmla="*/ 7 w 66"/>
                  <a:gd name="T75" fmla="*/ 40 h 76"/>
                  <a:gd name="T76" fmla="*/ 4 w 66"/>
                  <a:gd name="T77" fmla="*/ 37 h 76"/>
                  <a:gd name="T78" fmla="*/ 4 w 66"/>
                  <a:gd name="T79" fmla="*/ 35 h 76"/>
                  <a:gd name="T80" fmla="*/ 2 w 66"/>
                  <a:gd name="T81" fmla="*/ 33 h 76"/>
                  <a:gd name="T82" fmla="*/ 2 w 66"/>
                  <a:gd name="T83" fmla="*/ 32 h 76"/>
                  <a:gd name="T84" fmla="*/ 0 w 66"/>
                  <a:gd name="T85" fmla="*/ 30 h 76"/>
                  <a:gd name="T86" fmla="*/ 0 w 66"/>
                  <a:gd name="T87" fmla="*/ 28 h 76"/>
                  <a:gd name="T88" fmla="*/ 2 w 66"/>
                  <a:gd name="T89" fmla="*/ 25 h 76"/>
                  <a:gd name="T90" fmla="*/ 4 w 66"/>
                  <a:gd name="T91" fmla="*/ 25 h 76"/>
                  <a:gd name="T92" fmla="*/ 7 w 66"/>
                  <a:gd name="T93" fmla="*/ 23 h 76"/>
                  <a:gd name="T94" fmla="*/ 9 w 66"/>
                  <a:gd name="T95" fmla="*/ 25 h 76"/>
                  <a:gd name="T96" fmla="*/ 9 w 66"/>
                  <a:gd name="T97" fmla="*/ 25 h 76"/>
                  <a:gd name="T98" fmla="*/ 10 w 66"/>
                  <a:gd name="T99" fmla="*/ 25 h 76"/>
                  <a:gd name="T100" fmla="*/ 10 w 66"/>
                  <a:gd name="T101" fmla="*/ 25 h 76"/>
                  <a:gd name="T102" fmla="*/ 10 w 66"/>
                  <a:gd name="T103" fmla="*/ 23 h 76"/>
                  <a:gd name="T104" fmla="*/ 12 w 66"/>
                  <a:gd name="T105" fmla="*/ 22 h 76"/>
                  <a:gd name="T106" fmla="*/ 12 w 66"/>
                  <a:gd name="T107" fmla="*/ 16 h 76"/>
                  <a:gd name="T108" fmla="*/ 12 w 66"/>
                  <a:gd name="T109" fmla="*/ 10 h 76"/>
                  <a:gd name="T110" fmla="*/ 12 w 66"/>
                  <a:gd name="T111" fmla="*/ 8 h 76"/>
                  <a:gd name="T112" fmla="*/ 10 w 66"/>
                  <a:gd name="T113" fmla="*/ 6 h 76"/>
                  <a:gd name="T114" fmla="*/ 10 w 66"/>
                  <a:gd name="T115" fmla="*/ 6 h 76"/>
                  <a:gd name="T116" fmla="*/ 10 w 66"/>
                  <a:gd name="T117" fmla="*/ 5 h 7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66"/>
                  <a:gd name="T178" fmla="*/ 0 h 76"/>
                  <a:gd name="T179" fmla="*/ 66 w 66"/>
                  <a:gd name="T180" fmla="*/ 76 h 76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66" h="76">
                    <a:moveTo>
                      <a:pt x="10" y="5"/>
                    </a:moveTo>
                    <a:lnTo>
                      <a:pt x="14" y="0"/>
                    </a:lnTo>
                    <a:lnTo>
                      <a:pt x="22" y="6"/>
                    </a:lnTo>
                    <a:lnTo>
                      <a:pt x="46" y="18"/>
                    </a:lnTo>
                    <a:lnTo>
                      <a:pt x="54" y="22"/>
                    </a:lnTo>
                    <a:lnTo>
                      <a:pt x="54" y="28"/>
                    </a:lnTo>
                    <a:lnTo>
                      <a:pt x="61" y="38"/>
                    </a:lnTo>
                    <a:lnTo>
                      <a:pt x="63" y="38"/>
                    </a:lnTo>
                    <a:lnTo>
                      <a:pt x="64" y="40"/>
                    </a:lnTo>
                    <a:lnTo>
                      <a:pt x="66" y="42"/>
                    </a:lnTo>
                    <a:lnTo>
                      <a:pt x="66" y="44"/>
                    </a:lnTo>
                    <a:lnTo>
                      <a:pt x="66" y="45"/>
                    </a:lnTo>
                    <a:lnTo>
                      <a:pt x="63" y="49"/>
                    </a:lnTo>
                    <a:lnTo>
                      <a:pt x="58" y="52"/>
                    </a:lnTo>
                    <a:lnTo>
                      <a:pt x="56" y="52"/>
                    </a:lnTo>
                    <a:lnTo>
                      <a:pt x="54" y="52"/>
                    </a:lnTo>
                    <a:lnTo>
                      <a:pt x="49" y="54"/>
                    </a:lnTo>
                    <a:lnTo>
                      <a:pt x="44" y="55"/>
                    </a:lnTo>
                    <a:lnTo>
                      <a:pt x="37" y="59"/>
                    </a:lnTo>
                    <a:lnTo>
                      <a:pt x="32" y="62"/>
                    </a:lnTo>
                    <a:lnTo>
                      <a:pt x="27" y="67"/>
                    </a:lnTo>
                    <a:lnTo>
                      <a:pt x="24" y="76"/>
                    </a:lnTo>
                    <a:lnTo>
                      <a:pt x="22" y="76"/>
                    </a:lnTo>
                    <a:lnTo>
                      <a:pt x="22" y="74"/>
                    </a:lnTo>
                    <a:lnTo>
                      <a:pt x="19" y="74"/>
                    </a:lnTo>
                    <a:lnTo>
                      <a:pt x="15" y="71"/>
                    </a:lnTo>
                    <a:lnTo>
                      <a:pt x="14" y="69"/>
                    </a:lnTo>
                    <a:lnTo>
                      <a:pt x="10" y="66"/>
                    </a:lnTo>
                    <a:lnTo>
                      <a:pt x="10" y="60"/>
                    </a:lnTo>
                    <a:lnTo>
                      <a:pt x="9" y="54"/>
                    </a:lnTo>
                    <a:lnTo>
                      <a:pt x="9" y="52"/>
                    </a:lnTo>
                    <a:lnTo>
                      <a:pt x="10" y="50"/>
                    </a:lnTo>
                    <a:lnTo>
                      <a:pt x="10" y="49"/>
                    </a:lnTo>
                    <a:lnTo>
                      <a:pt x="9" y="47"/>
                    </a:lnTo>
                    <a:lnTo>
                      <a:pt x="9" y="44"/>
                    </a:lnTo>
                    <a:lnTo>
                      <a:pt x="7" y="40"/>
                    </a:lnTo>
                    <a:lnTo>
                      <a:pt x="4" y="37"/>
                    </a:lnTo>
                    <a:lnTo>
                      <a:pt x="4" y="35"/>
                    </a:lnTo>
                    <a:lnTo>
                      <a:pt x="2" y="33"/>
                    </a:lnTo>
                    <a:lnTo>
                      <a:pt x="2" y="32"/>
                    </a:lnTo>
                    <a:lnTo>
                      <a:pt x="0" y="30"/>
                    </a:lnTo>
                    <a:lnTo>
                      <a:pt x="0" y="28"/>
                    </a:lnTo>
                    <a:lnTo>
                      <a:pt x="2" y="25"/>
                    </a:lnTo>
                    <a:lnTo>
                      <a:pt x="4" y="25"/>
                    </a:lnTo>
                    <a:lnTo>
                      <a:pt x="7" y="23"/>
                    </a:lnTo>
                    <a:lnTo>
                      <a:pt x="9" y="25"/>
                    </a:lnTo>
                    <a:lnTo>
                      <a:pt x="10" y="25"/>
                    </a:lnTo>
                    <a:lnTo>
                      <a:pt x="10" y="23"/>
                    </a:lnTo>
                    <a:lnTo>
                      <a:pt x="12" y="22"/>
                    </a:lnTo>
                    <a:lnTo>
                      <a:pt x="12" y="16"/>
                    </a:lnTo>
                    <a:lnTo>
                      <a:pt x="12" y="10"/>
                    </a:lnTo>
                    <a:lnTo>
                      <a:pt x="12" y="8"/>
                    </a:lnTo>
                    <a:lnTo>
                      <a:pt x="10" y="6"/>
                    </a:lnTo>
                    <a:lnTo>
                      <a:pt x="10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38" name="Freeform 149"/>
              <p:cNvSpPr>
                <a:spLocks/>
              </p:cNvSpPr>
              <p:nvPr/>
            </p:nvSpPr>
            <p:spPr bwMode="auto">
              <a:xfrm>
                <a:off x="1554" y="3480"/>
                <a:ext cx="66" cy="76"/>
              </a:xfrm>
              <a:custGeom>
                <a:avLst/>
                <a:gdLst>
                  <a:gd name="T0" fmla="*/ 14 w 66"/>
                  <a:gd name="T1" fmla="*/ 0 h 76"/>
                  <a:gd name="T2" fmla="*/ 46 w 66"/>
                  <a:gd name="T3" fmla="*/ 18 h 76"/>
                  <a:gd name="T4" fmla="*/ 54 w 66"/>
                  <a:gd name="T5" fmla="*/ 28 h 76"/>
                  <a:gd name="T6" fmla="*/ 61 w 66"/>
                  <a:gd name="T7" fmla="*/ 38 h 76"/>
                  <a:gd name="T8" fmla="*/ 63 w 66"/>
                  <a:gd name="T9" fmla="*/ 38 h 76"/>
                  <a:gd name="T10" fmla="*/ 66 w 66"/>
                  <a:gd name="T11" fmla="*/ 42 h 76"/>
                  <a:gd name="T12" fmla="*/ 66 w 66"/>
                  <a:gd name="T13" fmla="*/ 45 h 76"/>
                  <a:gd name="T14" fmla="*/ 58 w 66"/>
                  <a:gd name="T15" fmla="*/ 52 h 76"/>
                  <a:gd name="T16" fmla="*/ 56 w 66"/>
                  <a:gd name="T17" fmla="*/ 52 h 76"/>
                  <a:gd name="T18" fmla="*/ 49 w 66"/>
                  <a:gd name="T19" fmla="*/ 54 h 76"/>
                  <a:gd name="T20" fmla="*/ 37 w 66"/>
                  <a:gd name="T21" fmla="*/ 59 h 76"/>
                  <a:gd name="T22" fmla="*/ 27 w 66"/>
                  <a:gd name="T23" fmla="*/ 67 h 76"/>
                  <a:gd name="T24" fmla="*/ 24 w 66"/>
                  <a:gd name="T25" fmla="*/ 76 h 76"/>
                  <a:gd name="T26" fmla="*/ 22 w 66"/>
                  <a:gd name="T27" fmla="*/ 74 h 76"/>
                  <a:gd name="T28" fmla="*/ 15 w 66"/>
                  <a:gd name="T29" fmla="*/ 71 h 76"/>
                  <a:gd name="T30" fmla="*/ 10 w 66"/>
                  <a:gd name="T31" fmla="*/ 66 h 76"/>
                  <a:gd name="T32" fmla="*/ 9 w 66"/>
                  <a:gd name="T33" fmla="*/ 54 h 76"/>
                  <a:gd name="T34" fmla="*/ 9 w 66"/>
                  <a:gd name="T35" fmla="*/ 54 h 76"/>
                  <a:gd name="T36" fmla="*/ 10 w 66"/>
                  <a:gd name="T37" fmla="*/ 50 h 76"/>
                  <a:gd name="T38" fmla="*/ 9 w 66"/>
                  <a:gd name="T39" fmla="*/ 47 h 76"/>
                  <a:gd name="T40" fmla="*/ 7 w 66"/>
                  <a:gd name="T41" fmla="*/ 40 h 76"/>
                  <a:gd name="T42" fmla="*/ 4 w 66"/>
                  <a:gd name="T43" fmla="*/ 37 h 76"/>
                  <a:gd name="T44" fmla="*/ 2 w 66"/>
                  <a:gd name="T45" fmla="*/ 33 h 76"/>
                  <a:gd name="T46" fmla="*/ 0 w 66"/>
                  <a:gd name="T47" fmla="*/ 30 h 76"/>
                  <a:gd name="T48" fmla="*/ 2 w 66"/>
                  <a:gd name="T49" fmla="*/ 25 h 76"/>
                  <a:gd name="T50" fmla="*/ 7 w 66"/>
                  <a:gd name="T51" fmla="*/ 23 h 76"/>
                  <a:gd name="T52" fmla="*/ 9 w 66"/>
                  <a:gd name="T53" fmla="*/ 25 h 76"/>
                  <a:gd name="T54" fmla="*/ 10 w 66"/>
                  <a:gd name="T55" fmla="*/ 25 h 76"/>
                  <a:gd name="T56" fmla="*/ 10 w 66"/>
                  <a:gd name="T57" fmla="*/ 23 h 76"/>
                  <a:gd name="T58" fmla="*/ 12 w 66"/>
                  <a:gd name="T59" fmla="*/ 16 h 76"/>
                  <a:gd name="T60" fmla="*/ 12 w 66"/>
                  <a:gd name="T61" fmla="*/ 10 h 76"/>
                  <a:gd name="T62" fmla="*/ 10 w 66"/>
                  <a:gd name="T63" fmla="*/ 6 h 76"/>
                  <a:gd name="T64" fmla="*/ 10 w 66"/>
                  <a:gd name="T65" fmla="*/ 5 h 7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w 66"/>
                  <a:gd name="T100" fmla="*/ 0 h 76"/>
                  <a:gd name="T101" fmla="*/ 66 w 66"/>
                  <a:gd name="T102" fmla="*/ 76 h 76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T99" t="T100" r="T101" b="T102"/>
                <a:pathLst>
                  <a:path w="66" h="76">
                    <a:moveTo>
                      <a:pt x="10" y="5"/>
                    </a:moveTo>
                    <a:lnTo>
                      <a:pt x="14" y="0"/>
                    </a:lnTo>
                    <a:lnTo>
                      <a:pt x="22" y="6"/>
                    </a:lnTo>
                    <a:lnTo>
                      <a:pt x="46" y="18"/>
                    </a:lnTo>
                    <a:lnTo>
                      <a:pt x="54" y="22"/>
                    </a:lnTo>
                    <a:lnTo>
                      <a:pt x="54" y="28"/>
                    </a:lnTo>
                    <a:lnTo>
                      <a:pt x="61" y="38"/>
                    </a:lnTo>
                    <a:lnTo>
                      <a:pt x="63" y="38"/>
                    </a:lnTo>
                    <a:lnTo>
                      <a:pt x="64" y="40"/>
                    </a:lnTo>
                    <a:lnTo>
                      <a:pt x="66" y="42"/>
                    </a:lnTo>
                    <a:lnTo>
                      <a:pt x="66" y="44"/>
                    </a:lnTo>
                    <a:lnTo>
                      <a:pt x="66" y="45"/>
                    </a:lnTo>
                    <a:lnTo>
                      <a:pt x="63" y="49"/>
                    </a:lnTo>
                    <a:lnTo>
                      <a:pt x="58" y="52"/>
                    </a:lnTo>
                    <a:lnTo>
                      <a:pt x="56" y="52"/>
                    </a:lnTo>
                    <a:lnTo>
                      <a:pt x="54" y="52"/>
                    </a:lnTo>
                    <a:lnTo>
                      <a:pt x="49" y="54"/>
                    </a:lnTo>
                    <a:lnTo>
                      <a:pt x="44" y="55"/>
                    </a:lnTo>
                    <a:lnTo>
                      <a:pt x="37" y="59"/>
                    </a:lnTo>
                    <a:lnTo>
                      <a:pt x="32" y="62"/>
                    </a:lnTo>
                    <a:lnTo>
                      <a:pt x="27" y="67"/>
                    </a:lnTo>
                    <a:lnTo>
                      <a:pt x="24" y="76"/>
                    </a:lnTo>
                    <a:lnTo>
                      <a:pt x="22" y="76"/>
                    </a:lnTo>
                    <a:lnTo>
                      <a:pt x="22" y="74"/>
                    </a:lnTo>
                    <a:lnTo>
                      <a:pt x="19" y="74"/>
                    </a:lnTo>
                    <a:lnTo>
                      <a:pt x="15" y="71"/>
                    </a:lnTo>
                    <a:lnTo>
                      <a:pt x="14" y="69"/>
                    </a:lnTo>
                    <a:lnTo>
                      <a:pt x="10" y="66"/>
                    </a:lnTo>
                    <a:lnTo>
                      <a:pt x="10" y="60"/>
                    </a:lnTo>
                    <a:lnTo>
                      <a:pt x="9" y="54"/>
                    </a:lnTo>
                    <a:lnTo>
                      <a:pt x="9" y="52"/>
                    </a:lnTo>
                    <a:lnTo>
                      <a:pt x="10" y="50"/>
                    </a:lnTo>
                    <a:lnTo>
                      <a:pt x="10" y="49"/>
                    </a:lnTo>
                    <a:lnTo>
                      <a:pt x="9" y="47"/>
                    </a:lnTo>
                    <a:lnTo>
                      <a:pt x="9" y="44"/>
                    </a:lnTo>
                    <a:lnTo>
                      <a:pt x="7" y="40"/>
                    </a:lnTo>
                    <a:lnTo>
                      <a:pt x="4" y="37"/>
                    </a:lnTo>
                    <a:lnTo>
                      <a:pt x="4" y="35"/>
                    </a:lnTo>
                    <a:lnTo>
                      <a:pt x="2" y="33"/>
                    </a:lnTo>
                    <a:lnTo>
                      <a:pt x="2" y="32"/>
                    </a:lnTo>
                    <a:lnTo>
                      <a:pt x="0" y="30"/>
                    </a:lnTo>
                    <a:lnTo>
                      <a:pt x="0" y="28"/>
                    </a:lnTo>
                    <a:lnTo>
                      <a:pt x="2" y="25"/>
                    </a:lnTo>
                    <a:lnTo>
                      <a:pt x="4" y="25"/>
                    </a:lnTo>
                    <a:lnTo>
                      <a:pt x="7" y="23"/>
                    </a:lnTo>
                    <a:lnTo>
                      <a:pt x="9" y="25"/>
                    </a:lnTo>
                    <a:lnTo>
                      <a:pt x="10" y="25"/>
                    </a:lnTo>
                    <a:lnTo>
                      <a:pt x="10" y="23"/>
                    </a:lnTo>
                    <a:lnTo>
                      <a:pt x="12" y="22"/>
                    </a:lnTo>
                    <a:lnTo>
                      <a:pt x="12" y="16"/>
                    </a:lnTo>
                    <a:lnTo>
                      <a:pt x="12" y="10"/>
                    </a:lnTo>
                    <a:lnTo>
                      <a:pt x="12" y="8"/>
                    </a:lnTo>
                    <a:lnTo>
                      <a:pt x="10" y="6"/>
                    </a:lnTo>
                    <a:lnTo>
                      <a:pt x="10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39" name="Freeform 150"/>
              <p:cNvSpPr>
                <a:spLocks/>
              </p:cNvSpPr>
              <p:nvPr/>
            </p:nvSpPr>
            <p:spPr bwMode="auto">
              <a:xfrm>
                <a:off x="1505" y="3446"/>
                <a:ext cx="10" cy="10"/>
              </a:xfrm>
              <a:custGeom>
                <a:avLst/>
                <a:gdLst>
                  <a:gd name="T0" fmla="*/ 0 w 10"/>
                  <a:gd name="T1" fmla="*/ 0 h 10"/>
                  <a:gd name="T2" fmla="*/ 7 w 10"/>
                  <a:gd name="T3" fmla="*/ 0 h 10"/>
                  <a:gd name="T4" fmla="*/ 10 w 10"/>
                  <a:gd name="T5" fmla="*/ 6 h 10"/>
                  <a:gd name="T6" fmla="*/ 5 w 10"/>
                  <a:gd name="T7" fmla="*/ 10 h 10"/>
                  <a:gd name="T8" fmla="*/ 2 w 10"/>
                  <a:gd name="T9" fmla="*/ 8 h 10"/>
                  <a:gd name="T10" fmla="*/ 0 w 10"/>
                  <a:gd name="T11" fmla="*/ 0 h 10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10"/>
                  <a:gd name="T19" fmla="*/ 0 h 10"/>
                  <a:gd name="T20" fmla="*/ 10 w 10"/>
                  <a:gd name="T21" fmla="*/ 10 h 10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10" h="10">
                    <a:moveTo>
                      <a:pt x="0" y="0"/>
                    </a:moveTo>
                    <a:lnTo>
                      <a:pt x="7" y="0"/>
                    </a:lnTo>
                    <a:lnTo>
                      <a:pt x="10" y="6"/>
                    </a:lnTo>
                    <a:lnTo>
                      <a:pt x="5" y="10"/>
                    </a:lnTo>
                    <a:lnTo>
                      <a:pt x="2" y="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40" name="Freeform 151"/>
              <p:cNvSpPr>
                <a:spLocks/>
              </p:cNvSpPr>
              <p:nvPr/>
            </p:nvSpPr>
            <p:spPr bwMode="auto">
              <a:xfrm>
                <a:off x="1505" y="3446"/>
                <a:ext cx="10" cy="10"/>
              </a:xfrm>
              <a:custGeom>
                <a:avLst/>
                <a:gdLst>
                  <a:gd name="T0" fmla="*/ 0 w 10"/>
                  <a:gd name="T1" fmla="*/ 0 h 10"/>
                  <a:gd name="T2" fmla="*/ 7 w 10"/>
                  <a:gd name="T3" fmla="*/ 0 h 10"/>
                  <a:gd name="T4" fmla="*/ 10 w 10"/>
                  <a:gd name="T5" fmla="*/ 6 h 10"/>
                  <a:gd name="T6" fmla="*/ 5 w 10"/>
                  <a:gd name="T7" fmla="*/ 10 h 10"/>
                  <a:gd name="T8" fmla="*/ 2 w 10"/>
                  <a:gd name="T9" fmla="*/ 8 h 10"/>
                  <a:gd name="T10" fmla="*/ 0 w 10"/>
                  <a:gd name="T11" fmla="*/ 0 h 10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10"/>
                  <a:gd name="T19" fmla="*/ 0 h 10"/>
                  <a:gd name="T20" fmla="*/ 10 w 10"/>
                  <a:gd name="T21" fmla="*/ 10 h 10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10" h="10">
                    <a:moveTo>
                      <a:pt x="0" y="0"/>
                    </a:moveTo>
                    <a:lnTo>
                      <a:pt x="7" y="0"/>
                    </a:lnTo>
                    <a:lnTo>
                      <a:pt x="10" y="6"/>
                    </a:lnTo>
                    <a:lnTo>
                      <a:pt x="5" y="10"/>
                    </a:lnTo>
                    <a:lnTo>
                      <a:pt x="2" y="8"/>
                    </a:lnTo>
                    <a:lnTo>
                      <a:pt x="0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41" name="Freeform 152"/>
              <p:cNvSpPr>
                <a:spLocks/>
              </p:cNvSpPr>
              <p:nvPr/>
            </p:nvSpPr>
            <p:spPr bwMode="auto">
              <a:xfrm>
                <a:off x="1524" y="3463"/>
                <a:ext cx="6" cy="8"/>
              </a:xfrm>
              <a:custGeom>
                <a:avLst/>
                <a:gdLst>
                  <a:gd name="T0" fmla="*/ 0 w 6"/>
                  <a:gd name="T1" fmla="*/ 5 h 8"/>
                  <a:gd name="T2" fmla="*/ 0 w 6"/>
                  <a:gd name="T3" fmla="*/ 3 h 8"/>
                  <a:gd name="T4" fmla="*/ 0 w 6"/>
                  <a:gd name="T5" fmla="*/ 1 h 8"/>
                  <a:gd name="T6" fmla="*/ 1 w 6"/>
                  <a:gd name="T7" fmla="*/ 1 h 8"/>
                  <a:gd name="T8" fmla="*/ 3 w 6"/>
                  <a:gd name="T9" fmla="*/ 0 h 8"/>
                  <a:gd name="T10" fmla="*/ 5 w 6"/>
                  <a:gd name="T11" fmla="*/ 1 h 8"/>
                  <a:gd name="T12" fmla="*/ 6 w 6"/>
                  <a:gd name="T13" fmla="*/ 1 h 8"/>
                  <a:gd name="T14" fmla="*/ 6 w 6"/>
                  <a:gd name="T15" fmla="*/ 3 h 8"/>
                  <a:gd name="T16" fmla="*/ 6 w 6"/>
                  <a:gd name="T17" fmla="*/ 5 h 8"/>
                  <a:gd name="T18" fmla="*/ 6 w 6"/>
                  <a:gd name="T19" fmla="*/ 6 h 8"/>
                  <a:gd name="T20" fmla="*/ 6 w 6"/>
                  <a:gd name="T21" fmla="*/ 8 h 8"/>
                  <a:gd name="T22" fmla="*/ 5 w 6"/>
                  <a:gd name="T23" fmla="*/ 8 h 8"/>
                  <a:gd name="T24" fmla="*/ 3 w 6"/>
                  <a:gd name="T25" fmla="*/ 8 h 8"/>
                  <a:gd name="T26" fmla="*/ 1 w 6"/>
                  <a:gd name="T27" fmla="*/ 8 h 8"/>
                  <a:gd name="T28" fmla="*/ 0 w 6"/>
                  <a:gd name="T29" fmla="*/ 8 h 8"/>
                  <a:gd name="T30" fmla="*/ 0 w 6"/>
                  <a:gd name="T31" fmla="*/ 6 h 8"/>
                  <a:gd name="T32" fmla="*/ 0 w 6"/>
                  <a:gd name="T33" fmla="*/ 5 h 8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6"/>
                  <a:gd name="T52" fmla="*/ 0 h 8"/>
                  <a:gd name="T53" fmla="*/ 6 w 6"/>
                  <a:gd name="T54" fmla="*/ 8 h 8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6" h="8">
                    <a:moveTo>
                      <a:pt x="0" y="5"/>
                    </a:moveTo>
                    <a:lnTo>
                      <a:pt x="0" y="3"/>
                    </a:lnTo>
                    <a:lnTo>
                      <a:pt x="0" y="1"/>
                    </a:lnTo>
                    <a:lnTo>
                      <a:pt x="1" y="1"/>
                    </a:lnTo>
                    <a:lnTo>
                      <a:pt x="3" y="0"/>
                    </a:lnTo>
                    <a:lnTo>
                      <a:pt x="5" y="1"/>
                    </a:lnTo>
                    <a:lnTo>
                      <a:pt x="6" y="1"/>
                    </a:lnTo>
                    <a:lnTo>
                      <a:pt x="6" y="3"/>
                    </a:lnTo>
                    <a:lnTo>
                      <a:pt x="6" y="5"/>
                    </a:lnTo>
                    <a:lnTo>
                      <a:pt x="6" y="6"/>
                    </a:lnTo>
                    <a:lnTo>
                      <a:pt x="6" y="8"/>
                    </a:lnTo>
                    <a:lnTo>
                      <a:pt x="5" y="8"/>
                    </a:lnTo>
                    <a:lnTo>
                      <a:pt x="3" y="8"/>
                    </a:lnTo>
                    <a:lnTo>
                      <a:pt x="1" y="8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42" name="Freeform 153"/>
              <p:cNvSpPr>
                <a:spLocks/>
              </p:cNvSpPr>
              <p:nvPr/>
            </p:nvSpPr>
            <p:spPr bwMode="auto">
              <a:xfrm>
                <a:off x="1524" y="3463"/>
                <a:ext cx="6" cy="8"/>
              </a:xfrm>
              <a:custGeom>
                <a:avLst/>
                <a:gdLst>
                  <a:gd name="T0" fmla="*/ 0 w 6"/>
                  <a:gd name="T1" fmla="*/ 5 h 8"/>
                  <a:gd name="T2" fmla="*/ 0 w 6"/>
                  <a:gd name="T3" fmla="*/ 5 h 8"/>
                  <a:gd name="T4" fmla="*/ 0 w 6"/>
                  <a:gd name="T5" fmla="*/ 3 h 8"/>
                  <a:gd name="T6" fmla="*/ 0 w 6"/>
                  <a:gd name="T7" fmla="*/ 1 h 8"/>
                  <a:gd name="T8" fmla="*/ 1 w 6"/>
                  <a:gd name="T9" fmla="*/ 1 h 8"/>
                  <a:gd name="T10" fmla="*/ 3 w 6"/>
                  <a:gd name="T11" fmla="*/ 0 h 8"/>
                  <a:gd name="T12" fmla="*/ 3 w 6"/>
                  <a:gd name="T13" fmla="*/ 0 h 8"/>
                  <a:gd name="T14" fmla="*/ 5 w 6"/>
                  <a:gd name="T15" fmla="*/ 1 h 8"/>
                  <a:gd name="T16" fmla="*/ 6 w 6"/>
                  <a:gd name="T17" fmla="*/ 1 h 8"/>
                  <a:gd name="T18" fmla="*/ 6 w 6"/>
                  <a:gd name="T19" fmla="*/ 3 h 8"/>
                  <a:gd name="T20" fmla="*/ 6 w 6"/>
                  <a:gd name="T21" fmla="*/ 5 h 8"/>
                  <a:gd name="T22" fmla="*/ 6 w 6"/>
                  <a:gd name="T23" fmla="*/ 5 h 8"/>
                  <a:gd name="T24" fmla="*/ 6 w 6"/>
                  <a:gd name="T25" fmla="*/ 6 h 8"/>
                  <a:gd name="T26" fmla="*/ 6 w 6"/>
                  <a:gd name="T27" fmla="*/ 8 h 8"/>
                  <a:gd name="T28" fmla="*/ 5 w 6"/>
                  <a:gd name="T29" fmla="*/ 8 h 8"/>
                  <a:gd name="T30" fmla="*/ 3 w 6"/>
                  <a:gd name="T31" fmla="*/ 8 h 8"/>
                  <a:gd name="T32" fmla="*/ 3 w 6"/>
                  <a:gd name="T33" fmla="*/ 8 h 8"/>
                  <a:gd name="T34" fmla="*/ 1 w 6"/>
                  <a:gd name="T35" fmla="*/ 8 h 8"/>
                  <a:gd name="T36" fmla="*/ 0 w 6"/>
                  <a:gd name="T37" fmla="*/ 8 h 8"/>
                  <a:gd name="T38" fmla="*/ 0 w 6"/>
                  <a:gd name="T39" fmla="*/ 6 h 8"/>
                  <a:gd name="T40" fmla="*/ 0 w 6"/>
                  <a:gd name="T41" fmla="*/ 5 h 8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6"/>
                  <a:gd name="T64" fmla="*/ 0 h 8"/>
                  <a:gd name="T65" fmla="*/ 6 w 6"/>
                  <a:gd name="T66" fmla="*/ 8 h 8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6" h="8">
                    <a:moveTo>
                      <a:pt x="0" y="5"/>
                    </a:moveTo>
                    <a:lnTo>
                      <a:pt x="0" y="5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1" y="1"/>
                    </a:lnTo>
                    <a:lnTo>
                      <a:pt x="3" y="0"/>
                    </a:lnTo>
                    <a:lnTo>
                      <a:pt x="5" y="1"/>
                    </a:lnTo>
                    <a:lnTo>
                      <a:pt x="6" y="1"/>
                    </a:lnTo>
                    <a:lnTo>
                      <a:pt x="6" y="3"/>
                    </a:lnTo>
                    <a:lnTo>
                      <a:pt x="6" y="5"/>
                    </a:lnTo>
                    <a:lnTo>
                      <a:pt x="6" y="6"/>
                    </a:lnTo>
                    <a:lnTo>
                      <a:pt x="6" y="8"/>
                    </a:lnTo>
                    <a:lnTo>
                      <a:pt x="5" y="8"/>
                    </a:lnTo>
                    <a:lnTo>
                      <a:pt x="3" y="8"/>
                    </a:lnTo>
                    <a:lnTo>
                      <a:pt x="1" y="8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43" name="Freeform 154"/>
              <p:cNvSpPr>
                <a:spLocks/>
              </p:cNvSpPr>
              <p:nvPr/>
            </p:nvSpPr>
            <p:spPr bwMode="auto">
              <a:xfrm>
                <a:off x="1338" y="3388"/>
                <a:ext cx="11" cy="9"/>
              </a:xfrm>
              <a:custGeom>
                <a:avLst/>
                <a:gdLst>
                  <a:gd name="T0" fmla="*/ 0 w 11"/>
                  <a:gd name="T1" fmla="*/ 4 h 9"/>
                  <a:gd name="T2" fmla="*/ 0 w 11"/>
                  <a:gd name="T3" fmla="*/ 2 h 9"/>
                  <a:gd name="T4" fmla="*/ 1 w 11"/>
                  <a:gd name="T5" fmla="*/ 2 h 9"/>
                  <a:gd name="T6" fmla="*/ 3 w 11"/>
                  <a:gd name="T7" fmla="*/ 0 h 9"/>
                  <a:gd name="T8" fmla="*/ 6 w 11"/>
                  <a:gd name="T9" fmla="*/ 0 h 9"/>
                  <a:gd name="T10" fmla="*/ 8 w 11"/>
                  <a:gd name="T11" fmla="*/ 0 h 9"/>
                  <a:gd name="T12" fmla="*/ 10 w 11"/>
                  <a:gd name="T13" fmla="*/ 2 h 9"/>
                  <a:gd name="T14" fmla="*/ 11 w 11"/>
                  <a:gd name="T15" fmla="*/ 2 h 9"/>
                  <a:gd name="T16" fmla="*/ 11 w 11"/>
                  <a:gd name="T17" fmla="*/ 4 h 9"/>
                  <a:gd name="T18" fmla="*/ 11 w 11"/>
                  <a:gd name="T19" fmla="*/ 5 h 9"/>
                  <a:gd name="T20" fmla="*/ 10 w 11"/>
                  <a:gd name="T21" fmla="*/ 7 h 9"/>
                  <a:gd name="T22" fmla="*/ 8 w 11"/>
                  <a:gd name="T23" fmla="*/ 9 h 9"/>
                  <a:gd name="T24" fmla="*/ 6 w 11"/>
                  <a:gd name="T25" fmla="*/ 9 h 9"/>
                  <a:gd name="T26" fmla="*/ 3 w 11"/>
                  <a:gd name="T27" fmla="*/ 9 h 9"/>
                  <a:gd name="T28" fmla="*/ 1 w 11"/>
                  <a:gd name="T29" fmla="*/ 7 h 9"/>
                  <a:gd name="T30" fmla="*/ 0 w 11"/>
                  <a:gd name="T31" fmla="*/ 5 h 9"/>
                  <a:gd name="T32" fmla="*/ 0 w 11"/>
                  <a:gd name="T33" fmla="*/ 4 h 9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1"/>
                  <a:gd name="T52" fmla="*/ 0 h 9"/>
                  <a:gd name="T53" fmla="*/ 11 w 11"/>
                  <a:gd name="T54" fmla="*/ 9 h 9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1" h="9">
                    <a:moveTo>
                      <a:pt x="0" y="4"/>
                    </a:moveTo>
                    <a:lnTo>
                      <a:pt x="0" y="2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0" y="2"/>
                    </a:lnTo>
                    <a:lnTo>
                      <a:pt x="11" y="2"/>
                    </a:lnTo>
                    <a:lnTo>
                      <a:pt x="11" y="4"/>
                    </a:lnTo>
                    <a:lnTo>
                      <a:pt x="11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3" y="9"/>
                    </a:lnTo>
                    <a:lnTo>
                      <a:pt x="1" y="7"/>
                    </a:lnTo>
                    <a:lnTo>
                      <a:pt x="0" y="5"/>
                    </a:lnTo>
                    <a:lnTo>
                      <a:pt x="0" y="4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44" name="Freeform 155"/>
              <p:cNvSpPr>
                <a:spLocks/>
              </p:cNvSpPr>
              <p:nvPr/>
            </p:nvSpPr>
            <p:spPr bwMode="auto">
              <a:xfrm>
                <a:off x="1338" y="3388"/>
                <a:ext cx="11" cy="9"/>
              </a:xfrm>
              <a:custGeom>
                <a:avLst/>
                <a:gdLst>
                  <a:gd name="T0" fmla="*/ 0 w 11"/>
                  <a:gd name="T1" fmla="*/ 4 h 9"/>
                  <a:gd name="T2" fmla="*/ 0 w 11"/>
                  <a:gd name="T3" fmla="*/ 4 h 9"/>
                  <a:gd name="T4" fmla="*/ 0 w 11"/>
                  <a:gd name="T5" fmla="*/ 2 h 9"/>
                  <a:gd name="T6" fmla="*/ 1 w 11"/>
                  <a:gd name="T7" fmla="*/ 2 h 9"/>
                  <a:gd name="T8" fmla="*/ 3 w 11"/>
                  <a:gd name="T9" fmla="*/ 0 h 9"/>
                  <a:gd name="T10" fmla="*/ 6 w 11"/>
                  <a:gd name="T11" fmla="*/ 0 h 9"/>
                  <a:gd name="T12" fmla="*/ 6 w 11"/>
                  <a:gd name="T13" fmla="*/ 0 h 9"/>
                  <a:gd name="T14" fmla="*/ 8 w 11"/>
                  <a:gd name="T15" fmla="*/ 0 h 9"/>
                  <a:gd name="T16" fmla="*/ 10 w 11"/>
                  <a:gd name="T17" fmla="*/ 2 h 9"/>
                  <a:gd name="T18" fmla="*/ 11 w 11"/>
                  <a:gd name="T19" fmla="*/ 2 h 9"/>
                  <a:gd name="T20" fmla="*/ 11 w 11"/>
                  <a:gd name="T21" fmla="*/ 4 h 9"/>
                  <a:gd name="T22" fmla="*/ 11 w 11"/>
                  <a:gd name="T23" fmla="*/ 4 h 9"/>
                  <a:gd name="T24" fmla="*/ 11 w 11"/>
                  <a:gd name="T25" fmla="*/ 5 h 9"/>
                  <a:gd name="T26" fmla="*/ 10 w 11"/>
                  <a:gd name="T27" fmla="*/ 7 h 9"/>
                  <a:gd name="T28" fmla="*/ 8 w 11"/>
                  <a:gd name="T29" fmla="*/ 9 h 9"/>
                  <a:gd name="T30" fmla="*/ 6 w 11"/>
                  <a:gd name="T31" fmla="*/ 9 h 9"/>
                  <a:gd name="T32" fmla="*/ 6 w 11"/>
                  <a:gd name="T33" fmla="*/ 9 h 9"/>
                  <a:gd name="T34" fmla="*/ 3 w 11"/>
                  <a:gd name="T35" fmla="*/ 9 h 9"/>
                  <a:gd name="T36" fmla="*/ 1 w 11"/>
                  <a:gd name="T37" fmla="*/ 7 h 9"/>
                  <a:gd name="T38" fmla="*/ 0 w 11"/>
                  <a:gd name="T39" fmla="*/ 5 h 9"/>
                  <a:gd name="T40" fmla="*/ 0 w 11"/>
                  <a:gd name="T41" fmla="*/ 4 h 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1"/>
                  <a:gd name="T64" fmla="*/ 0 h 9"/>
                  <a:gd name="T65" fmla="*/ 11 w 11"/>
                  <a:gd name="T66" fmla="*/ 9 h 9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1" h="9">
                    <a:moveTo>
                      <a:pt x="0" y="4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0" y="2"/>
                    </a:lnTo>
                    <a:lnTo>
                      <a:pt x="11" y="2"/>
                    </a:lnTo>
                    <a:lnTo>
                      <a:pt x="11" y="4"/>
                    </a:lnTo>
                    <a:lnTo>
                      <a:pt x="11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3" y="9"/>
                    </a:lnTo>
                    <a:lnTo>
                      <a:pt x="1" y="7"/>
                    </a:lnTo>
                    <a:lnTo>
                      <a:pt x="0" y="5"/>
                    </a:lnTo>
                    <a:lnTo>
                      <a:pt x="0" y="4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594" name="Freeform 156"/>
            <p:cNvSpPr>
              <a:spLocks/>
            </p:cNvSpPr>
            <p:nvPr/>
          </p:nvSpPr>
          <p:spPr bwMode="auto">
            <a:xfrm>
              <a:off x="1022" y="1847"/>
              <a:ext cx="537" cy="677"/>
            </a:xfrm>
            <a:custGeom>
              <a:avLst/>
              <a:gdLst>
                <a:gd name="T0" fmla="*/ 331 w 552"/>
                <a:gd name="T1" fmla="*/ 464 h 697"/>
                <a:gd name="T2" fmla="*/ 376 w 552"/>
                <a:gd name="T3" fmla="*/ 130 h 697"/>
                <a:gd name="T4" fmla="*/ 253 w 552"/>
                <a:gd name="T5" fmla="*/ 111 h 697"/>
                <a:gd name="T6" fmla="*/ 265 w 552"/>
                <a:gd name="T7" fmla="*/ 35 h 697"/>
                <a:gd name="T8" fmla="*/ 81 w 552"/>
                <a:gd name="T9" fmla="*/ 0 h 697"/>
                <a:gd name="T10" fmla="*/ 81 w 552"/>
                <a:gd name="T11" fmla="*/ 0 h 697"/>
                <a:gd name="T12" fmla="*/ 0 w 552"/>
                <a:gd name="T13" fmla="*/ 410 h 697"/>
                <a:gd name="T14" fmla="*/ 331 w 552"/>
                <a:gd name="T15" fmla="*/ 464 h 697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w 552"/>
                <a:gd name="T25" fmla="*/ 0 h 697"/>
                <a:gd name="T26" fmla="*/ 552 w 552"/>
                <a:gd name="T27" fmla="*/ 697 h 697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T24" t="T25" r="T26" b="T27"/>
              <a:pathLst>
                <a:path w="552" h="697">
                  <a:moveTo>
                    <a:pt x="486" y="697"/>
                  </a:moveTo>
                  <a:lnTo>
                    <a:pt x="552" y="195"/>
                  </a:lnTo>
                  <a:lnTo>
                    <a:pt x="372" y="166"/>
                  </a:lnTo>
                  <a:lnTo>
                    <a:pt x="389" y="49"/>
                  </a:lnTo>
                  <a:lnTo>
                    <a:pt x="118" y="0"/>
                  </a:lnTo>
                  <a:lnTo>
                    <a:pt x="0" y="616"/>
                  </a:lnTo>
                  <a:lnTo>
                    <a:pt x="486" y="697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95" name="Freeform 157"/>
            <p:cNvSpPr>
              <a:spLocks/>
            </p:cNvSpPr>
            <p:nvPr/>
          </p:nvSpPr>
          <p:spPr bwMode="auto">
            <a:xfrm>
              <a:off x="2159" y="2220"/>
              <a:ext cx="708" cy="381"/>
            </a:xfrm>
            <a:custGeom>
              <a:avLst/>
              <a:gdLst>
                <a:gd name="T0" fmla="*/ 18 w 728"/>
                <a:gd name="T1" fmla="*/ 0 h 393"/>
                <a:gd name="T2" fmla="*/ 35 w 728"/>
                <a:gd name="T3" fmla="*/ 4 h 393"/>
                <a:gd name="T4" fmla="*/ 53 w 728"/>
                <a:gd name="T5" fmla="*/ 5 h 393"/>
                <a:gd name="T6" fmla="*/ 81 w 728"/>
                <a:gd name="T7" fmla="*/ 9 h 393"/>
                <a:gd name="T8" fmla="*/ 112 w 728"/>
                <a:gd name="T9" fmla="*/ 11 h 393"/>
                <a:gd name="T10" fmla="*/ 144 w 728"/>
                <a:gd name="T11" fmla="*/ 12 h 393"/>
                <a:gd name="T12" fmla="*/ 180 w 728"/>
                <a:gd name="T13" fmla="*/ 12 h 393"/>
                <a:gd name="T14" fmla="*/ 216 w 728"/>
                <a:gd name="T15" fmla="*/ 14 h 393"/>
                <a:gd name="T16" fmla="*/ 253 w 728"/>
                <a:gd name="T17" fmla="*/ 14 h 393"/>
                <a:gd name="T18" fmla="*/ 290 w 728"/>
                <a:gd name="T19" fmla="*/ 16 h 393"/>
                <a:gd name="T20" fmla="*/ 324 w 728"/>
                <a:gd name="T21" fmla="*/ 16 h 393"/>
                <a:gd name="T22" fmla="*/ 355 w 728"/>
                <a:gd name="T23" fmla="*/ 16 h 393"/>
                <a:gd name="T24" fmla="*/ 383 w 728"/>
                <a:gd name="T25" fmla="*/ 16 h 393"/>
                <a:gd name="T26" fmla="*/ 407 w 728"/>
                <a:gd name="T27" fmla="*/ 16 h 393"/>
                <a:gd name="T28" fmla="*/ 426 w 728"/>
                <a:gd name="T29" fmla="*/ 16 h 393"/>
                <a:gd name="T30" fmla="*/ 437 w 728"/>
                <a:gd name="T31" fmla="*/ 16 h 393"/>
                <a:gd name="T32" fmla="*/ 442 w 728"/>
                <a:gd name="T33" fmla="*/ 16 h 393"/>
                <a:gd name="T34" fmla="*/ 448 w 728"/>
                <a:gd name="T35" fmla="*/ 16 h 393"/>
                <a:gd name="T36" fmla="*/ 464 w 728"/>
                <a:gd name="T37" fmla="*/ 17 h 393"/>
                <a:gd name="T38" fmla="*/ 465 w 728"/>
                <a:gd name="T39" fmla="*/ 19 h 393"/>
                <a:gd name="T40" fmla="*/ 469 w 728"/>
                <a:gd name="T41" fmla="*/ 22 h 393"/>
                <a:gd name="T42" fmla="*/ 472 w 728"/>
                <a:gd name="T43" fmla="*/ 27 h 393"/>
                <a:gd name="T44" fmla="*/ 469 w 728"/>
                <a:gd name="T45" fmla="*/ 36 h 393"/>
                <a:gd name="T46" fmla="*/ 459 w 728"/>
                <a:gd name="T47" fmla="*/ 50 h 393"/>
                <a:gd name="T48" fmla="*/ 471 w 728"/>
                <a:gd name="T49" fmla="*/ 62 h 393"/>
                <a:gd name="T50" fmla="*/ 480 w 728"/>
                <a:gd name="T51" fmla="*/ 78 h 393"/>
                <a:gd name="T52" fmla="*/ 494 w 728"/>
                <a:gd name="T53" fmla="*/ 254 h 393"/>
                <a:gd name="T54" fmla="*/ 488 w 728"/>
                <a:gd name="T55" fmla="*/ 254 h 393"/>
                <a:gd name="T56" fmla="*/ 477 w 728"/>
                <a:gd name="T57" fmla="*/ 254 h 393"/>
                <a:gd name="T58" fmla="*/ 455 w 728"/>
                <a:gd name="T59" fmla="*/ 254 h 393"/>
                <a:gd name="T60" fmla="*/ 430 w 728"/>
                <a:gd name="T61" fmla="*/ 254 h 393"/>
                <a:gd name="T62" fmla="*/ 398 w 728"/>
                <a:gd name="T63" fmla="*/ 254 h 393"/>
                <a:gd name="T64" fmla="*/ 362 w 728"/>
                <a:gd name="T65" fmla="*/ 254 h 393"/>
                <a:gd name="T66" fmla="*/ 324 w 728"/>
                <a:gd name="T67" fmla="*/ 253 h 393"/>
                <a:gd name="T68" fmla="*/ 284 w 728"/>
                <a:gd name="T69" fmla="*/ 253 h 393"/>
                <a:gd name="T70" fmla="*/ 241 w 728"/>
                <a:gd name="T71" fmla="*/ 252 h 393"/>
                <a:gd name="T72" fmla="*/ 200 w 728"/>
                <a:gd name="T73" fmla="*/ 252 h 393"/>
                <a:gd name="T74" fmla="*/ 159 w 728"/>
                <a:gd name="T75" fmla="*/ 252 h 393"/>
                <a:gd name="T76" fmla="*/ 118 w 728"/>
                <a:gd name="T77" fmla="*/ 251 h 393"/>
                <a:gd name="T78" fmla="*/ 82 w 728"/>
                <a:gd name="T79" fmla="*/ 250 h 393"/>
                <a:gd name="T80" fmla="*/ 49 w 728"/>
                <a:gd name="T81" fmla="*/ 248 h 393"/>
                <a:gd name="T82" fmla="*/ 18 w 728"/>
                <a:gd name="T83" fmla="*/ 246 h 393"/>
                <a:gd name="T84" fmla="*/ 0 w 728"/>
                <a:gd name="T85" fmla="*/ 245 h 393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728"/>
                <a:gd name="T130" fmla="*/ 0 h 393"/>
                <a:gd name="T131" fmla="*/ 728 w 728"/>
                <a:gd name="T132" fmla="*/ 393 h 393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728" h="393">
                  <a:moveTo>
                    <a:pt x="0" y="379"/>
                  </a:moveTo>
                  <a:lnTo>
                    <a:pt x="27" y="0"/>
                  </a:lnTo>
                  <a:lnTo>
                    <a:pt x="38" y="2"/>
                  </a:lnTo>
                  <a:lnTo>
                    <a:pt x="49" y="4"/>
                  </a:lnTo>
                  <a:lnTo>
                    <a:pt x="65" y="5"/>
                  </a:lnTo>
                  <a:lnTo>
                    <a:pt x="80" y="5"/>
                  </a:lnTo>
                  <a:lnTo>
                    <a:pt x="98" y="7"/>
                  </a:lnTo>
                  <a:lnTo>
                    <a:pt x="119" y="9"/>
                  </a:lnTo>
                  <a:lnTo>
                    <a:pt x="139" y="9"/>
                  </a:lnTo>
                  <a:lnTo>
                    <a:pt x="163" y="11"/>
                  </a:lnTo>
                  <a:lnTo>
                    <a:pt x="186" y="11"/>
                  </a:lnTo>
                  <a:lnTo>
                    <a:pt x="212" y="12"/>
                  </a:lnTo>
                  <a:lnTo>
                    <a:pt x="237" y="12"/>
                  </a:lnTo>
                  <a:lnTo>
                    <a:pt x="264" y="12"/>
                  </a:lnTo>
                  <a:lnTo>
                    <a:pt x="291" y="14"/>
                  </a:lnTo>
                  <a:lnTo>
                    <a:pt x="318" y="14"/>
                  </a:lnTo>
                  <a:lnTo>
                    <a:pt x="346" y="14"/>
                  </a:lnTo>
                  <a:lnTo>
                    <a:pt x="373" y="14"/>
                  </a:lnTo>
                  <a:lnTo>
                    <a:pt x="400" y="16"/>
                  </a:lnTo>
                  <a:lnTo>
                    <a:pt x="427" y="16"/>
                  </a:lnTo>
                  <a:lnTo>
                    <a:pt x="452" y="16"/>
                  </a:lnTo>
                  <a:lnTo>
                    <a:pt x="478" y="16"/>
                  </a:lnTo>
                  <a:lnTo>
                    <a:pt x="501" y="16"/>
                  </a:lnTo>
                  <a:lnTo>
                    <a:pt x="525" y="16"/>
                  </a:lnTo>
                  <a:lnTo>
                    <a:pt x="545" y="17"/>
                  </a:lnTo>
                  <a:lnTo>
                    <a:pt x="566" y="17"/>
                  </a:lnTo>
                  <a:lnTo>
                    <a:pt x="584" y="17"/>
                  </a:lnTo>
                  <a:lnTo>
                    <a:pt x="601" y="17"/>
                  </a:lnTo>
                  <a:lnTo>
                    <a:pt x="616" y="17"/>
                  </a:lnTo>
                  <a:lnTo>
                    <a:pt x="628" y="17"/>
                  </a:lnTo>
                  <a:lnTo>
                    <a:pt x="638" y="17"/>
                  </a:lnTo>
                  <a:lnTo>
                    <a:pt x="645" y="17"/>
                  </a:lnTo>
                  <a:lnTo>
                    <a:pt x="650" y="17"/>
                  </a:lnTo>
                  <a:lnTo>
                    <a:pt x="652" y="17"/>
                  </a:lnTo>
                  <a:lnTo>
                    <a:pt x="650" y="16"/>
                  </a:lnTo>
                  <a:lnTo>
                    <a:pt x="662" y="22"/>
                  </a:lnTo>
                  <a:lnTo>
                    <a:pt x="674" y="33"/>
                  </a:lnTo>
                  <a:lnTo>
                    <a:pt x="684" y="31"/>
                  </a:lnTo>
                  <a:lnTo>
                    <a:pt x="686" y="33"/>
                  </a:lnTo>
                  <a:lnTo>
                    <a:pt x="687" y="33"/>
                  </a:lnTo>
                  <a:lnTo>
                    <a:pt x="691" y="34"/>
                  </a:lnTo>
                  <a:lnTo>
                    <a:pt x="694" y="36"/>
                  </a:lnTo>
                  <a:lnTo>
                    <a:pt x="696" y="38"/>
                  </a:lnTo>
                  <a:lnTo>
                    <a:pt x="698" y="41"/>
                  </a:lnTo>
                  <a:lnTo>
                    <a:pt x="696" y="46"/>
                  </a:lnTo>
                  <a:lnTo>
                    <a:pt x="692" y="51"/>
                  </a:lnTo>
                  <a:lnTo>
                    <a:pt x="679" y="70"/>
                  </a:lnTo>
                  <a:lnTo>
                    <a:pt x="679" y="78"/>
                  </a:lnTo>
                  <a:lnTo>
                    <a:pt x="692" y="88"/>
                  </a:lnTo>
                  <a:lnTo>
                    <a:pt x="696" y="95"/>
                  </a:lnTo>
                  <a:lnTo>
                    <a:pt x="698" y="107"/>
                  </a:lnTo>
                  <a:lnTo>
                    <a:pt x="709" y="121"/>
                  </a:lnTo>
                  <a:lnTo>
                    <a:pt x="726" y="121"/>
                  </a:lnTo>
                  <a:lnTo>
                    <a:pt x="728" y="393"/>
                  </a:lnTo>
                  <a:lnTo>
                    <a:pt x="726" y="393"/>
                  </a:lnTo>
                  <a:lnTo>
                    <a:pt x="721" y="393"/>
                  </a:lnTo>
                  <a:lnTo>
                    <a:pt x="713" y="393"/>
                  </a:lnTo>
                  <a:lnTo>
                    <a:pt x="703" y="393"/>
                  </a:lnTo>
                  <a:lnTo>
                    <a:pt x="689" y="393"/>
                  </a:lnTo>
                  <a:lnTo>
                    <a:pt x="672" y="393"/>
                  </a:lnTo>
                  <a:lnTo>
                    <a:pt x="654" y="393"/>
                  </a:lnTo>
                  <a:lnTo>
                    <a:pt x="635" y="393"/>
                  </a:lnTo>
                  <a:lnTo>
                    <a:pt x="611" y="393"/>
                  </a:lnTo>
                  <a:lnTo>
                    <a:pt x="588" y="393"/>
                  </a:lnTo>
                  <a:lnTo>
                    <a:pt x="562" y="393"/>
                  </a:lnTo>
                  <a:lnTo>
                    <a:pt x="535" y="393"/>
                  </a:lnTo>
                  <a:lnTo>
                    <a:pt x="508" y="393"/>
                  </a:lnTo>
                  <a:lnTo>
                    <a:pt x="478" y="391"/>
                  </a:lnTo>
                  <a:lnTo>
                    <a:pt x="449" y="391"/>
                  </a:lnTo>
                  <a:lnTo>
                    <a:pt x="418" y="391"/>
                  </a:lnTo>
                  <a:lnTo>
                    <a:pt x="388" y="391"/>
                  </a:lnTo>
                  <a:lnTo>
                    <a:pt x="356" y="390"/>
                  </a:lnTo>
                  <a:lnTo>
                    <a:pt x="325" y="390"/>
                  </a:lnTo>
                  <a:lnTo>
                    <a:pt x="295" y="390"/>
                  </a:lnTo>
                  <a:lnTo>
                    <a:pt x="263" y="388"/>
                  </a:lnTo>
                  <a:lnTo>
                    <a:pt x="234" y="388"/>
                  </a:lnTo>
                  <a:lnTo>
                    <a:pt x="203" y="388"/>
                  </a:lnTo>
                  <a:lnTo>
                    <a:pt x="175" y="386"/>
                  </a:lnTo>
                  <a:lnTo>
                    <a:pt x="148" y="386"/>
                  </a:lnTo>
                  <a:lnTo>
                    <a:pt x="120" y="385"/>
                  </a:lnTo>
                  <a:lnTo>
                    <a:pt x="97" y="385"/>
                  </a:lnTo>
                  <a:lnTo>
                    <a:pt x="73" y="383"/>
                  </a:lnTo>
                  <a:lnTo>
                    <a:pt x="51" y="383"/>
                  </a:lnTo>
                  <a:lnTo>
                    <a:pt x="32" y="381"/>
                  </a:lnTo>
                  <a:lnTo>
                    <a:pt x="16" y="379"/>
                  </a:lnTo>
                  <a:lnTo>
                    <a:pt x="0" y="37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596" name="Freeform 158"/>
            <p:cNvSpPr>
              <a:spLocks/>
            </p:cNvSpPr>
            <p:nvPr/>
          </p:nvSpPr>
          <p:spPr bwMode="auto">
            <a:xfrm>
              <a:off x="2637" y="1100"/>
              <a:ext cx="623" cy="709"/>
            </a:xfrm>
            <a:custGeom>
              <a:avLst/>
              <a:gdLst>
                <a:gd name="T0" fmla="*/ 349 w 641"/>
                <a:gd name="T1" fmla="*/ 443 h 731"/>
                <a:gd name="T2" fmla="*/ 322 w 641"/>
                <a:gd name="T3" fmla="*/ 421 h 731"/>
                <a:gd name="T4" fmla="*/ 286 w 641"/>
                <a:gd name="T5" fmla="*/ 391 h 731"/>
                <a:gd name="T6" fmla="*/ 283 w 641"/>
                <a:gd name="T7" fmla="*/ 385 h 731"/>
                <a:gd name="T8" fmla="*/ 267 w 641"/>
                <a:gd name="T9" fmla="*/ 382 h 731"/>
                <a:gd name="T10" fmla="*/ 259 w 641"/>
                <a:gd name="T11" fmla="*/ 362 h 731"/>
                <a:gd name="T12" fmla="*/ 257 w 641"/>
                <a:gd name="T13" fmla="*/ 346 h 731"/>
                <a:gd name="T14" fmla="*/ 258 w 641"/>
                <a:gd name="T15" fmla="*/ 321 h 731"/>
                <a:gd name="T16" fmla="*/ 247 w 641"/>
                <a:gd name="T17" fmla="*/ 291 h 731"/>
                <a:gd name="T18" fmla="*/ 251 w 641"/>
                <a:gd name="T19" fmla="*/ 288 h 731"/>
                <a:gd name="T20" fmla="*/ 267 w 641"/>
                <a:gd name="T21" fmla="*/ 271 h 731"/>
                <a:gd name="T22" fmla="*/ 279 w 641"/>
                <a:gd name="T23" fmla="*/ 216 h 731"/>
                <a:gd name="T24" fmla="*/ 284 w 641"/>
                <a:gd name="T25" fmla="*/ 209 h 731"/>
                <a:gd name="T26" fmla="*/ 307 w 641"/>
                <a:gd name="T27" fmla="*/ 191 h 731"/>
                <a:gd name="T28" fmla="*/ 333 w 641"/>
                <a:gd name="T29" fmla="*/ 167 h 731"/>
                <a:gd name="T30" fmla="*/ 347 w 641"/>
                <a:gd name="T31" fmla="*/ 149 h 731"/>
                <a:gd name="T32" fmla="*/ 361 w 641"/>
                <a:gd name="T33" fmla="*/ 135 h 731"/>
                <a:gd name="T34" fmla="*/ 379 w 641"/>
                <a:gd name="T35" fmla="*/ 124 h 731"/>
                <a:gd name="T36" fmla="*/ 398 w 641"/>
                <a:gd name="T37" fmla="*/ 118 h 731"/>
                <a:gd name="T38" fmla="*/ 418 w 641"/>
                <a:gd name="T39" fmla="*/ 107 h 731"/>
                <a:gd name="T40" fmla="*/ 430 w 641"/>
                <a:gd name="T41" fmla="*/ 99 h 731"/>
                <a:gd name="T42" fmla="*/ 429 w 641"/>
                <a:gd name="T43" fmla="*/ 98 h 731"/>
                <a:gd name="T44" fmla="*/ 406 w 641"/>
                <a:gd name="T45" fmla="*/ 101 h 731"/>
                <a:gd name="T46" fmla="*/ 355 w 641"/>
                <a:gd name="T47" fmla="*/ 95 h 731"/>
                <a:gd name="T48" fmla="*/ 352 w 641"/>
                <a:gd name="T49" fmla="*/ 85 h 731"/>
                <a:gd name="T50" fmla="*/ 332 w 641"/>
                <a:gd name="T51" fmla="*/ 98 h 731"/>
                <a:gd name="T52" fmla="*/ 310 w 641"/>
                <a:gd name="T53" fmla="*/ 98 h 731"/>
                <a:gd name="T54" fmla="*/ 302 w 641"/>
                <a:gd name="T55" fmla="*/ 89 h 731"/>
                <a:gd name="T56" fmla="*/ 294 w 641"/>
                <a:gd name="T57" fmla="*/ 87 h 731"/>
                <a:gd name="T58" fmla="*/ 287 w 641"/>
                <a:gd name="T59" fmla="*/ 79 h 731"/>
                <a:gd name="T60" fmla="*/ 272 w 641"/>
                <a:gd name="T61" fmla="*/ 86 h 731"/>
                <a:gd name="T62" fmla="*/ 263 w 641"/>
                <a:gd name="T63" fmla="*/ 76 h 731"/>
                <a:gd name="T64" fmla="*/ 253 w 641"/>
                <a:gd name="T65" fmla="*/ 66 h 731"/>
                <a:gd name="T66" fmla="*/ 255 w 641"/>
                <a:gd name="T67" fmla="*/ 65 h 731"/>
                <a:gd name="T68" fmla="*/ 233 w 641"/>
                <a:gd name="T69" fmla="*/ 61 h 731"/>
                <a:gd name="T70" fmla="*/ 212 w 641"/>
                <a:gd name="T71" fmla="*/ 59 h 731"/>
                <a:gd name="T72" fmla="*/ 191 w 641"/>
                <a:gd name="T73" fmla="*/ 69 h 731"/>
                <a:gd name="T74" fmla="*/ 160 w 641"/>
                <a:gd name="T75" fmla="*/ 55 h 731"/>
                <a:gd name="T76" fmla="*/ 140 w 641"/>
                <a:gd name="T77" fmla="*/ 47 h 731"/>
                <a:gd name="T78" fmla="*/ 114 w 641"/>
                <a:gd name="T79" fmla="*/ 23 h 731"/>
                <a:gd name="T80" fmla="*/ 7 w 641"/>
                <a:gd name="T81" fmla="*/ 58 h 731"/>
                <a:gd name="T82" fmla="*/ 5 w 641"/>
                <a:gd name="T83" fmla="*/ 86 h 731"/>
                <a:gd name="T84" fmla="*/ 14 w 641"/>
                <a:gd name="T85" fmla="*/ 121 h 731"/>
                <a:gd name="T86" fmla="*/ 17 w 641"/>
                <a:gd name="T87" fmla="*/ 141 h 731"/>
                <a:gd name="T88" fmla="*/ 17 w 641"/>
                <a:gd name="T89" fmla="*/ 172 h 731"/>
                <a:gd name="T90" fmla="*/ 17 w 641"/>
                <a:gd name="T91" fmla="*/ 193 h 731"/>
                <a:gd name="T92" fmla="*/ 39 w 641"/>
                <a:gd name="T93" fmla="*/ 279 h 731"/>
                <a:gd name="T94" fmla="*/ 17 w 641"/>
                <a:gd name="T95" fmla="*/ 304 h 731"/>
                <a:gd name="T96" fmla="*/ 25 w 641"/>
                <a:gd name="T97" fmla="*/ 316 h 731"/>
                <a:gd name="T98" fmla="*/ 44 w 641"/>
                <a:gd name="T99" fmla="*/ 328 h 731"/>
                <a:gd name="T100" fmla="*/ 44 w 641"/>
                <a:gd name="T101" fmla="*/ 376 h 731"/>
                <a:gd name="T102" fmla="*/ 43 w 641"/>
                <a:gd name="T103" fmla="*/ 454 h 731"/>
                <a:gd name="T104" fmla="*/ 45 w 641"/>
                <a:gd name="T105" fmla="*/ 476 h 731"/>
                <a:gd name="T106" fmla="*/ 85 w 641"/>
                <a:gd name="T107" fmla="*/ 476 h 731"/>
                <a:gd name="T108" fmla="*/ 157 w 641"/>
                <a:gd name="T109" fmla="*/ 474 h 731"/>
                <a:gd name="T110" fmla="*/ 240 w 641"/>
                <a:gd name="T111" fmla="*/ 472 h 731"/>
                <a:gd name="T112" fmla="*/ 312 w 641"/>
                <a:gd name="T113" fmla="*/ 471 h 731"/>
                <a:gd name="T114" fmla="*/ 353 w 641"/>
                <a:gd name="T115" fmla="*/ 468 h 731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641"/>
                <a:gd name="T175" fmla="*/ 0 h 731"/>
                <a:gd name="T176" fmla="*/ 641 w 641"/>
                <a:gd name="T177" fmla="*/ 731 h 731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641" h="731">
                  <a:moveTo>
                    <a:pt x="526" y="718"/>
                  </a:moveTo>
                  <a:lnTo>
                    <a:pt x="528" y="716"/>
                  </a:lnTo>
                  <a:lnTo>
                    <a:pt x="528" y="709"/>
                  </a:lnTo>
                  <a:lnTo>
                    <a:pt x="525" y="701"/>
                  </a:lnTo>
                  <a:lnTo>
                    <a:pt x="523" y="691"/>
                  </a:lnTo>
                  <a:lnTo>
                    <a:pt x="520" y="682"/>
                  </a:lnTo>
                  <a:lnTo>
                    <a:pt x="518" y="674"/>
                  </a:lnTo>
                  <a:lnTo>
                    <a:pt x="515" y="667"/>
                  </a:lnTo>
                  <a:lnTo>
                    <a:pt x="513" y="665"/>
                  </a:lnTo>
                  <a:lnTo>
                    <a:pt x="499" y="660"/>
                  </a:lnTo>
                  <a:lnTo>
                    <a:pt x="487" y="653"/>
                  </a:lnTo>
                  <a:lnTo>
                    <a:pt x="479" y="645"/>
                  </a:lnTo>
                  <a:lnTo>
                    <a:pt x="471" y="637"/>
                  </a:lnTo>
                  <a:lnTo>
                    <a:pt x="465" y="628"/>
                  </a:lnTo>
                  <a:lnTo>
                    <a:pt x="460" y="620"/>
                  </a:lnTo>
                  <a:lnTo>
                    <a:pt x="457" y="616"/>
                  </a:lnTo>
                  <a:lnTo>
                    <a:pt x="457" y="613"/>
                  </a:lnTo>
                  <a:lnTo>
                    <a:pt x="427" y="601"/>
                  </a:lnTo>
                  <a:lnTo>
                    <a:pt x="425" y="593"/>
                  </a:lnTo>
                  <a:lnTo>
                    <a:pt x="423" y="593"/>
                  </a:lnTo>
                  <a:lnTo>
                    <a:pt x="423" y="591"/>
                  </a:lnTo>
                  <a:lnTo>
                    <a:pt x="421" y="591"/>
                  </a:lnTo>
                  <a:lnTo>
                    <a:pt x="418" y="591"/>
                  </a:lnTo>
                  <a:lnTo>
                    <a:pt x="416" y="591"/>
                  </a:lnTo>
                  <a:lnTo>
                    <a:pt x="413" y="593"/>
                  </a:lnTo>
                  <a:lnTo>
                    <a:pt x="410" y="591"/>
                  </a:lnTo>
                  <a:lnTo>
                    <a:pt x="405" y="589"/>
                  </a:lnTo>
                  <a:lnTo>
                    <a:pt x="398" y="587"/>
                  </a:lnTo>
                  <a:lnTo>
                    <a:pt x="393" y="582"/>
                  </a:lnTo>
                  <a:lnTo>
                    <a:pt x="388" y="577"/>
                  </a:lnTo>
                  <a:lnTo>
                    <a:pt x="384" y="574"/>
                  </a:lnTo>
                  <a:lnTo>
                    <a:pt x="383" y="569"/>
                  </a:lnTo>
                  <a:lnTo>
                    <a:pt x="383" y="564"/>
                  </a:lnTo>
                  <a:lnTo>
                    <a:pt x="386" y="555"/>
                  </a:lnTo>
                  <a:lnTo>
                    <a:pt x="388" y="550"/>
                  </a:lnTo>
                  <a:lnTo>
                    <a:pt x="388" y="545"/>
                  </a:lnTo>
                  <a:lnTo>
                    <a:pt x="388" y="542"/>
                  </a:lnTo>
                  <a:lnTo>
                    <a:pt x="386" y="538"/>
                  </a:lnTo>
                  <a:lnTo>
                    <a:pt x="384" y="535"/>
                  </a:lnTo>
                  <a:lnTo>
                    <a:pt x="383" y="532"/>
                  </a:lnTo>
                  <a:lnTo>
                    <a:pt x="379" y="528"/>
                  </a:lnTo>
                  <a:lnTo>
                    <a:pt x="379" y="523"/>
                  </a:lnTo>
                  <a:lnTo>
                    <a:pt x="379" y="515"/>
                  </a:lnTo>
                  <a:lnTo>
                    <a:pt x="379" y="508"/>
                  </a:lnTo>
                  <a:lnTo>
                    <a:pt x="383" y="499"/>
                  </a:lnTo>
                  <a:lnTo>
                    <a:pt x="384" y="493"/>
                  </a:lnTo>
                  <a:lnTo>
                    <a:pt x="388" y="486"/>
                  </a:lnTo>
                  <a:lnTo>
                    <a:pt x="388" y="481"/>
                  </a:lnTo>
                  <a:lnTo>
                    <a:pt x="389" y="481"/>
                  </a:lnTo>
                  <a:lnTo>
                    <a:pt x="381" y="467"/>
                  </a:lnTo>
                  <a:lnTo>
                    <a:pt x="367" y="467"/>
                  </a:lnTo>
                  <a:lnTo>
                    <a:pt x="367" y="447"/>
                  </a:lnTo>
                  <a:lnTo>
                    <a:pt x="369" y="447"/>
                  </a:lnTo>
                  <a:lnTo>
                    <a:pt x="371" y="445"/>
                  </a:lnTo>
                  <a:lnTo>
                    <a:pt x="372" y="445"/>
                  </a:lnTo>
                  <a:lnTo>
                    <a:pt x="374" y="442"/>
                  </a:lnTo>
                  <a:lnTo>
                    <a:pt x="374" y="440"/>
                  </a:lnTo>
                  <a:lnTo>
                    <a:pt x="376" y="437"/>
                  </a:lnTo>
                  <a:lnTo>
                    <a:pt x="377" y="432"/>
                  </a:lnTo>
                  <a:lnTo>
                    <a:pt x="384" y="427"/>
                  </a:lnTo>
                  <a:lnTo>
                    <a:pt x="389" y="422"/>
                  </a:lnTo>
                  <a:lnTo>
                    <a:pt x="398" y="415"/>
                  </a:lnTo>
                  <a:lnTo>
                    <a:pt x="405" y="410"/>
                  </a:lnTo>
                  <a:lnTo>
                    <a:pt x="411" y="406"/>
                  </a:lnTo>
                  <a:lnTo>
                    <a:pt x="415" y="403"/>
                  </a:lnTo>
                  <a:lnTo>
                    <a:pt x="418" y="403"/>
                  </a:lnTo>
                  <a:lnTo>
                    <a:pt x="416" y="332"/>
                  </a:lnTo>
                  <a:lnTo>
                    <a:pt x="415" y="332"/>
                  </a:lnTo>
                  <a:lnTo>
                    <a:pt x="415" y="330"/>
                  </a:lnTo>
                  <a:lnTo>
                    <a:pt x="416" y="329"/>
                  </a:lnTo>
                  <a:lnTo>
                    <a:pt x="418" y="325"/>
                  </a:lnTo>
                  <a:lnTo>
                    <a:pt x="423" y="322"/>
                  </a:lnTo>
                  <a:lnTo>
                    <a:pt x="430" y="317"/>
                  </a:lnTo>
                  <a:lnTo>
                    <a:pt x="435" y="313"/>
                  </a:lnTo>
                  <a:lnTo>
                    <a:pt x="440" y="308"/>
                  </a:lnTo>
                  <a:lnTo>
                    <a:pt x="445" y="303"/>
                  </a:lnTo>
                  <a:lnTo>
                    <a:pt x="450" y="298"/>
                  </a:lnTo>
                  <a:lnTo>
                    <a:pt x="457" y="293"/>
                  </a:lnTo>
                  <a:lnTo>
                    <a:pt x="464" y="286"/>
                  </a:lnTo>
                  <a:lnTo>
                    <a:pt x="471" y="279"/>
                  </a:lnTo>
                  <a:lnTo>
                    <a:pt x="477" y="274"/>
                  </a:lnTo>
                  <a:lnTo>
                    <a:pt x="484" y="268"/>
                  </a:lnTo>
                  <a:lnTo>
                    <a:pt x="491" y="261"/>
                  </a:lnTo>
                  <a:lnTo>
                    <a:pt x="496" y="256"/>
                  </a:lnTo>
                  <a:lnTo>
                    <a:pt x="503" y="249"/>
                  </a:lnTo>
                  <a:lnTo>
                    <a:pt x="506" y="244"/>
                  </a:lnTo>
                  <a:lnTo>
                    <a:pt x="511" y="239"/>
                  </a:lnTo>
                  <a:lnTo>
                    <a:pt x="515" y="235"/>
                  </a:lnTo>
                  <a:lnTo>
                    <a:pt x="516" y="232"/>
                  </a:lnTo>
                  <a:lnTo>
                    <a:pt x="518" y="229"/>
                  </a:lnTo>
                  <a:lnTo>
                    <a:pt x="520" y="224"/>
                  </a:lnTo>
                  <a:lnTo>
                    <a:pt x="523" y="220"/>
                  </a:lnTo>
                  <a:lnTo>
                    <a:pt x="525" y="217"/>
                  </a:lnTo>
                  <a:lnTo>
                    <a:pt x="528" y="213"/>
                  </a:lnTo>
                  <a:lnTo>
                    <a:pt x="533" y="210"/>
                  </a:lnTo>
                  <a:lnTo>
                    <a:pt x="537" y="207"/>
                  </a:lnTo>
                  <a:lnTo>
                    <a:pt x="542" y="203"/>
                  </a:lnTo>
                  <a:lnTo>
                    <a:pt x="547" y="200"/>
                  </a:lnTo>
                  <a:lnTo>
                    <a:pt x="550" y="198"/>
                  </a:lnTo>
                  <a:lnTo>
                    <a:pt x="555" y="195"/>
                  </a:lnTo>
                  <a:lnTo>
                    <a:pt x="560" y="193"/>
                  </a:lnTo>
                  <a:lnTo>
                    <a:pt x="565" y="190"/>
                  </a:lnTo>
                  <a:lnTo>
                    <a:pt x="570" y="188"/>
                  </a:lnTo>
                  <a:lnTo>
                    <a:pt x="574" y="188"/>
                  </a:lnTo>
                  <a:lnTo>
                    <a:pt x="579" y="186"/>
                  </a:lnTo>
                  <a:lnTo>
                    <a:pt x="582" y="185"/>
                  </a:lnTo>
                  <a:lnTo>
                    <a:pt x="587" y="183"/>
                  </a:lnTo>
                  <a:lnTo>
                    <a:pt x="592" y="181"/>
                  </a:lnTo>
                  <a:lnTo>
                    <a:pt x="597" y="180"/>
                  </a:lnTo>
                  <a:lnTo>
                    <a:pt x="603" y="176"/>
                  </a:lnTo>
                  <a:lnTo>
                    <a:pt x="608" y="173"/>
                  </a:lnTo>
                  <a:lnTo>
                    <a:pt x="613" y="169"/>
                  </a:lnTo>
                  <a:lnTo>
                    <a:pt x="618" y="166"/>
                  </a:lnTo>
                  <a:lnTo>
                    <a:pt x="623" y="164"/>
                  </a:lnTo>
                  <a:lnTo>
                    <a:pt x="628" y="161"/>
                  </a:lnTo>
                  <a:lnTo>
                    <a:pt x="631" y="158"/>
                  </a:lnTo>
                  <a:lnTo>
                    <a:pt x="635" y="156"/>
                  </a:lnTo>
                  <a:lnTo>
                    <a:pt x="638" y="154"/>
                  </a:lnTo>
                  <a:lnTo>
                    <a:pt x="640" y="153"/>
                  </a:lnTo>
                  <a:lnTo>
                    <a:pt x="641" y="151"/>
                  </a:lnTo>
                  <a:lnTo>
                    <a:pt x="641" y="149"/>
                  </a:lnTo>
                  <a:lnTo>
                    <a:pt x="640" y="149"/>
                  </a:lnTo>
                  <a:lnTo>
                    <a:pt x="638" y="149"/>
                  </a:lnTo>
                  <a:lnTo>
                    <a:pt x="633" y="149"/>
                  </a:lnTo>
                  <a:lnTo>
                    <a:pt x="625" y="153"/>
                  </a:lnTo>
                  <a:lnTo>
                    <a:pt x="618" y="153"/>
                  </a:lnTo>
                  <a:lnTo>
                    <a:pt x="611" y="153"/>
                  </a:lnTo>
                  <a:lnTo>
                    <a:pt x="606" y="153"/>
                  </a:lnTo>
                  <a:lnTo>
                    <a:pt x="603" y="149"/>
                  </a:lnTo>
                  <a:lnTo>
                    <a:pt x="599" y="147"/>
                  </a:lnTo>
                  <a:lnTo>
                    <a:pt x="597" y="146"/>
                  </a:lnTo>
                  <a:lnTo>
                    <a:pt x="596" y="144"/>
                  </a:lnTo>
                  <a:lnTo>
                    <a:pt x="530" y="144"/>
                  </a:lnTo>
                  <a:lnTo>
                    <a:pt x="530" y="131"/>
                  </a:lnTo>
                  <a:lnTo>
                    <a:pt x="528" y="131"/>
                  </a:lnTo>
                  <a:lnTo>
                    <a:pt x="526" y="131"/>
                  </a:lnTo>
                  <a:lnTo>
                    <a:pt x="525" y="131"/>
                  </a:lnTo>
                  <a:lnTo>
                    <a:pt x="523" y="131"/>
                  </a:lnTo>
                  <a:lnTo>
                    <a:pt x="521" y="131"/>
                  </a:lnTo>
                  <a:lnTo>
                    <a:pt x="520" y="131"/>
                  </a:lnTo>
                  <a:lnTo>
                    <a:pt x="518" y="131"/>
                  </a:lnTo>
                  <a:lnTo>
                    <a:pt x="509" y="139"/>
                  </a:lnTo>
                  <a:lnTo>
                    <a:pt x="501" y="146"/>
                  </a:lnTo>
                  <a:lnTo>
                    <a:pt x="494" y="149"/>
                  </a:lnTo>
                  <a:lnTo>
                    <a:pt x="487" y="153"/>
                  </a:lnTo>
                  <a:lnTo>
                    <a:pt x="481" y="154"/>
                  </a:lnTo>
                  <a:lnTo>
                    <a:pt x="476" y="154"/>
                  </a:lnTo>
                  <a:lnTo>
                    <a:pt x="471" y="153"/>
                  </a:lnTo>
                  <a:lnTo>
                    <a:pt x="465" y="153"/>
                  </a:lnTo>
                  <a:lnTo>
                    <a:pt x="462" y="149"/>
                  </a:lnTo>
                  <a:lnTo>
                    <a:pt x="459" y="147"/>
                  </a:lnTo>
                  <a:lnTo>
                    <a:pt x="455" y="144"/>
                  </a:lnTo>
                  <a:lnTo>
                    <a:pt x="454" y="142"/>
                  </a:lnTo>
                  <a:lnTo>
                    <a:pt x="452" y="141"/>
                  </a:lnTo>
                  <a:lnTo>
                    <a:pt x="450" y="139"/>
                  </a:lnTo>
                  <a:lnTo>
                    <a:pt x="450" y="137"/>
                  </a:lnTo>
                  <a:lnTo>
                    <a:pt x="450" y="136"/>
                  </a:lnTo>
                  <a:lnTo>
                    <a:pt x="449" y="136"/>
                  </a:lnTo>
                  <a:lnTo>
                    <a:pt x="447" y="136"/>
                  </a:lnTo>
                  <a:lnTo>
                    <a:pt x="443" y="136"/>
                  </a:lnTo>
                  <a:lnTo>
                    <a:pt x="440" y="136"/>
                  </a:lnTo>
                  <a:lnTo>
                    <a:pt x="437" y="134"/>
                  </a:lnTo>
                  <a:lnTo>
                    <a:pt x="435" y="132"/>
                  </a:lnTo>
                  <a:lnTo>
                    <a:pt x="433" y="131"/>
                  </a:lnTo>
                  <a:lnTo>
                    <a:pt x="432" y="127"/>
                  </a:lnTo>
                  <a:lnTo>
                    <a:pt x="432" y="125"/>
                  </a:lnTo>
                  <a:lnTo>
                    <a:pt x="430" y="124"/>
                  </a:lnTo>
                  <a:lnTo>
                    <a:pt x="428" y="120"/>
                  </a:lnTo>
                  <a:lnTo>
                    <a:pt x="427" y="117"/>
                  </a:lnTo>
                  <a:lnTo>
                    <a:pt x="423" y="117"/>
                  </a:lnTo>
                  <a:lnTo>
                    <a:pt x="420" y="117"/>
                  </a:lnTo>
                  <a:lnTo>
                    <a:pt x="415" y="119"/>
                  </a:lnTo>
                  <a:lnTo>
                    <a:pt x="411" y="122"/>
                  </a:lnTo>
                  <a:lnTo>
                    <a:pt x="405" y="132"/>
                  </a:lnTo>
                  <a:lnTo>
                    <a:pt x="399" y="136"/>
                  </a:lnTo>
                  <a:lnTo>
                    <a:pt x="396" y="134"/>
                  </a:lnTo>
                  <a:lnTo>
                    <a:pt x="396" y="131"/>
                  </a:lnTo>
                  <a:lnTo>
                    <a:pt x="394" y="125"/>
                  </a:lnTo>
                  <a:lnTo>
                    <a:pt x="393" y="120"/>
                  </a:lnTo>
                  <a:lnTo>
                    <a:pt x="393" y="115"/>
                  </a:lnTo>
                  <a:lnTo>
                    <a:pt x="389" y="112"/>
                  </a:lnTo>
                  <a:lnTo>
                    <a:pt x="381" y="109"/>
                  </a:lnTo>
                  <a:lnTo>
                    <a:pt x="377" y="105"/>
                  </a:lnTo>
                  <a:lnTo>
                    <a:pt x="376" y="103"/>
                  </a:lnTo>
                  <a:lnTo>
                    <a:pt x="376" y="102"/>
                  </a:lnTo>
                  <a:lnTo>
                    <a:pt x="376" y="100"/>
                  </a:lnTo>
                  <a:lnTo>
                    <a:pt x="377" y="100"/>
                  </a:lnTo>
                  <a:lnTo>
                    <a:pt x="379" y="98"/>
                  </a:lnTo>
                  <a:lnTo>
                    <a:pt x="377" y="98"/>
                  </a:lnTo>
                  <a:lnTo>
                    <a:pt x="374" y="97"/>
                  </a:lnTo>
                  <a:lnTo>
                    <a:pt x="371" y="97"/>
                  </a:lnTo>
                  <a:lnTo>
                    <a:pt x="364" y="97"/>
                  </a:lnTo>
                  <a:lnTo>
                    <a:pt x="355" y="95"/>
                  </a:lnTo>
                  <a:lnTo>
                    <a:pt x="347" y="93"/>
                  </a:lnTo>
                  <a:lnTo>
                    <a:pt x="339" y="92"/>
                  </a:lnTo>
                  <a:lnTo>
                    <a:pt x="332" y="90"/>
                  </a:lnTo>
                  <a:lnTo>
                    <a:pt x="327" y="88"/>
                  </a:lnTo>
                  <a:lnTo>
                    <a:pt x="322" y="88"/>
                  </a:lnTo>
                  <a:lnTo>
                    <a:pt x="318" y="88"/>
                  </a:lnTo>
                  <a:lnTo>
                    <a:pt x="315" y="90"/>
                  </a:lnTo>
                  <a:lnTo>
                    <a:pt x="311" y="92"/>
                  </a:lnTo>
                  <a:lnTo>
                    <a:pt x="306" y="98"/>
                  </a:lnTo>
                  <a:lnTo>
                    <a:pt x="301" y="102"/>
                  </a:lnTo>
                  <a:lnTo>
                    <a:pt x="296" y="105"/>
                  </a:lnTo>
                  <a:lnTo>
                    <a:pt x="289" y="105"/>
                  </a:lnTo>
                  <a:lnTo>
                    <a:pt x="286" y="105"/>
                  </a:lnTo>
                  <a:lnTo>
                    <a:pt x="283" y="105"/>
                  </a:lnTo>
                  <a:lnTo>
                    <a:pt x="279" y="105"/>
                  </a:lnTo>
                  <a:lnTo>
                    <a:pt x="278" y="105"/>
                  </a:lnTo>
                  <a:lnTo>
                    <a:pt x="276" y="92"/>
                  </a:lnTo>
                  <a:lnTo>
                    <a:pt x="242" y="92"/>
                  </a:lnTo>
                  <a:lnTo>
                    <a:pt x="240" y="83"/>
                  </a:lnTo>
                  <a:lnTo>
                    <a:pt x="229" y="85"/>
                  </a:lnTo>
                  <a:lnTo>
                    <a:pt x="222" y="85"/>
                  </a:lnTo>
                  <a:lnTo>
                    <a:pt x="215" y="83"/>
                  </a:lnTo>
                  <a:lnTo>
                    <a:pt x="212" y="80"/>
                  </a:lnTo>
                  <a:lnTo>
                    <a:pt x="208" y="76"/>
                  </a:lnTo>
                  <a:lnTo>
                    <a:pt x="207" y="73"/>
                  </a:lnTo>
                  <a:lnTo>
                    <a:pt x="205" y="71"/>
                  </a:lnTo>
                  <a:lnTo>
                    <a:pt x="205" y="70"/>
                  </a:lnTo>
                  <a:lnTo>
                    <a:pt x="205" y="26"/>
                  </a:lnTo>
                  <a:lnTo>
                    <a:pt x="181" y="2"/>
                  </a:lnTo>
                  <a:lnTo>
                    <a:pt x="168" y="0"/>
                  </a:lnTo>
                  <a:lnTo>
                    <a:pt x="169" y="37"/>
                  </a:lnTo>
                  <a:lnTo>
                    <a:pt x="159" y="46"/>
                  </a:lnTo>
                  <a:lnTo>
                    <a:pt x="0" y="48"/>
                  </a:lnTo>
                  <a:lnTo>
                    <a:pt x="7" y="85"/>
                  </a:lnTo>
                  <a:lnTo>
                    <a:pt x="7" y="87"/>
                  </a:lnTo>
                  <a:lnTo>
                    <a:pt x="7" y="88"/>
                  </a:lnTo>
                  <a:lnTo>
                    <a:pt x="7" y="93"/>
                  </a:lnTo>
                  <a:lnTo>
                    <a:pt x="5" y="100"/>
                  </a:lnTo>
                  <a:lnTo>
                    <a:pt x="5" y="107"/>
                  </a:lnTo>
                  <a:lnTo>
                    <a:pt x="5" y="114"/>
                  </a:lnTo>
                  <a:lnTo>
                    <a:pt x="5" y="124"/>
                  </a:lnTo>
                  <a:lnTo>
                    <a:pt x="5" y="132"/>
                  </a:lnTo>
                  <a:lnTo>
                    <a:pt x="5" y="142"/>
                  </a:lnTo>
                  <a:lnTo>
                    <a:pt x="7" y="153"/>
                  </a:lnTo>
                  <a:lnTo>
                    <a:pt x="7" y="161"/>
                  </a:lnTo>
                  <a:lnTo>
                    <a:pt x="9" y="169"/>
                  </a:lnTo>
                  <a:lnTo>
                    <a:pt x="10" y="178"/>
                  </a:lnTo>
                  <a:lnTo>
                    <a:pt x="14" y="186"/>
                  </a:lnTo>
                  <a:lnTo>
                    <a:pt x="17" y="193"/>
                  </a:lnTo>
                  <a:lnTo>
                    <a:pt x="22" y="198"/>
                  </a:lnTo>
                  <a:lnTo>
                    <a:pt x="22" y="200"/>
                  </a:lnTo>
                  <a:lnTo>
                    <a:pt x="22" y="203"/>
                  </a:lnTo>
                  <a:lnTo>
                    <a:pt x="24" y="208"/>
                  </a:lnTo>
                  <a:lnTo>
                    <a:pt x="25" y="217"/>
                  </a:lnTo>
                  <a:lnTo>
                    <a:pt x="27" y="225"/>
                  </a:lnTo>
                  <a:lnTo>
                    <a:pt x="29" y="235"/>
                  </a:lnTo>
                  <a:lnTo>
                    <a:pt x="29" y="246"/>
                  </a:lnTo>
                  <a:lnTo>
                    <a:pt x="31" y="256"/>
                  </a:lnTo>
                  <a:lnTo>
                    <a:pt x="31" y="259"/>
                  </a:lnTo>
                  <a:lnTo>
                    <a:pt x="31" y="264"/>
                  </a:lnTo>
                  <a:lnTo>
                    <a:pt x="31" y="271"/>
                  </a:lnTo>
                  <a:lnTo>
                    <a:pt x="31" y="278"/>
                  </a:lnTo>
                  <a:lnTo>
                    <a:pt x="31" y="285"/>
                  </a:lnTo>
                  <a:lnTo>
                    <a:pt x="31" y="290"/>
                  </a:lnTo>
                  <a:lnTo>
                    <a:pt x="31" y="295"/>
                  </a:lnTo>
                  <a:lnTo>
                    <a:pt x="31" y="296"/>
                  </a:lnTo>
                  <a:lnTo>
                    <a:pt x="39" y="310"/>
                  </a:lnTo>
                  <a:lnTo>
                    <a:pt x="36" y="332"/>
                  </a:lnTo>
                  <a:lnTo>
                    <a:pt x="39" y="362"/>
                  </a:lnTo>
                  <a:lnTo>
                    <a:pt x="49" y="376"/>
                  </a:lnTo>
                  <a:lnTo>
                    <a:pt x="54" y="389"/>
                  </a:lnTo>
                  <a:lnTo>
                    <a:pt x="53" y="427"/>
                  </a:lnTo>
                  <a:lnTo>
                    <a:pt x="53" y="437"/>
                  </a:lnTo>
                  <a:lnTo>
                    <a:pt x="37" y="455"/>
                  </a:lnTo>
                  <a:lnTo>
                    <a:pt x="36" y="457"/>
                  </a:lnTo>
                  <a:lnTo>
                    <a:pt x="34" y="459"/>
                  </a:lnTo>
                  <a:lnTo>
                    <a:pt x="32" y="462"/>
                  </a:lnTo>
                  <a:lnTo>
                    <a:pt x="31" y="466"/>
                  </a:lnTo>
                  <a:lnTo>
                    <a:pt x="29" y="469"/>
                  </a:lnTo>
                  <a:lnTo>
                    <a:pt x="29" y="474"/>
                  </a:lnTo>
                  <a:lnTo>
                    <a:pt x="31" y="477"/>
                  </a:lnTo>
                  <a:lnTo>
                    <a:pt x="34" y="481"/>
                  </a:lnTo>
                  <a:lnTo>
                    <a:pt x="36" y="481"/>
                  </a:lnTo>
                  <a:lnTo>
                    <a:pt x="39" y="484"/>
                  </a:lnTo>
                  <a:lnTo>
                    <a:pt x="44" y="488"/>
                  </a:lnTo>
                  <a:lnTo>
                    <a:pt x="49" y="491"/>
                  </a:lnTo>
                  <a:lnTo>
                    <a:pt x="54" y="496"/>
                  </a:lnTo>
                  <a:lnTo>
                    <a:pt x="59" y="499"/>
                  </a:lnTo>
                  <a:lnTo>
                    <a:pt x="61" y="501"/>
                  </a:lnTo>
                  <a:lnTo>
                    <a:pt x="63" y="503"/>
                  </a:lnTo>
                  <a:lnTo>
                    <a:pt x="63" y="505"/>
                  </a:lnTo>
                  <a:lnTo>
                    <a:pt x="63" y="511"/>
                  </a:lnTo>
                  <a:lnTo>
                    <a:pt x="63" y="523"/>
                  </a:lnTo>
                  <a:lnTo>
                    <a:pt x="63" y="538"/>
                  </a:lnTo>
                  <a:lnTo>
                    <a:pt x="63" y="555"/>
                  </a:lnTo>
                  <a:lnTo>
                    <a:pt x="63" y="576"/>
                  </a:lnTo>
                  <a:lnTo>
                    <a:pt x="63" y="596"/>
                  </a:lnTo>
                  <a:lnTo>
                    <a:pt x="63" y="618"/>
                  </a:lnTo>
                  <a:lnTo>
                    <a:pt x="63" y="638"/>
                  </a:lnTo>
                  <a:lnTo>
                    <a:pt x="61" y="660"/>
                  </a:lnTo>
                  <a:lnTo>
                    <a:pt x="61" y="679"/>
                  </a:lnTo>
                  <a:lnTo>
                    <a:pt x="61" y="696"/>
                  </a:lnTo>
                  <a:lnTo>
                    <a:pt x="61" y="711"/>
                  </a:lnTo>
                  <a:lnTo>
                    <a:pt x="61" y="721"/>
                  </a:lnTo>
                  <a:lnTo>
                    <a:pt x="63" y="728"/>
                  </a:lnTo>
                  <a:lnTo>
                    <a:pt x="63" y="731"/>
                  </a:lnTo>
                  <a:lnTo>
                    <a:pt x="63" y="730"/>
                  </a:lnTo>
                  <a:lnTo>
                    <a:pt x="66" y="730"/>
                  </a:lnTo>
                  <a:lnTo>
                    <a:pt x="73" y="730"/>
                  </a:lnTo>
                  <a:lnTo>
                    <a:pt x="80" y="730"/>
                  </a:lnTo>
                  <a:lnTo>
                    <a:pt x="90" y="730"/>
                  </a:lnTo>
                  <a:lnTo>
                    <a:pt x="100" y="730"/>
                  </a:lnTo>
                  <a:lnTo>
                    <a:pt x="113" y="730"/>
                  </a:lnTo>
                  <a:lnTo>
                    <a:pt x="127" y="730"/>
                  </a:lnTo>
                  <a:lnTo>
                    <a:pt x="144" y="730"/>
                  </a:lnTo>
                  <a:lnTo>
                    <a:pt x="159" y="730"/>
                  </a:lnTo>
                  <a:lnTo>
                    <a:pt x="178" y="730"/>
                  </a:lnTo>
                  <a:lnTo>
                    <a:pt x="196" y="730"/>
                  </a:lnTo>
                  <a:lnTo>
                    <a:pt x="215" y="730"/>
                  </a:lnTo>
                  <a:lnTo>
                    <a:pt x="235" y="728"/>
                  </a:lnTo>
                  <a:lnTo>
                    <a:pt x="254" y="728"/>
                  </a:lnTo>
                  <a:lnTo>
                    <a:pt x="274" y="728"/>
                  </a:lnTo>
                  <a:lnTo>
                    <a:pt x="296" y="728"/>
                  </a:lnTo>
                  <a:lnTo>
                    <a:pt x="317" y="728"/>
                  </a:lnTo>
                  <a:lnTo>
                    <a:pt x="337" y="728"/>
                  </a:lnTo>
                  <a:lnTo>
                    <a:pt x="357" y="726"/>
                  </a:lnTo>
                  <a:lnTo>
                    <a:pt x="376" y="726"/>
                  </a:lnTo>
                  <a:lnTo>
                    <a:pt x="396" y="726"/>
                  </a:lnTo>
                  <a:lnTo>
                    <a:pt x="415" y="726"/>
                  </a:lnTo>
                  <a:lnTo>
                    <a:pt x="432" y="725"/>
                  </a:lnTo>
                  <a:lnTo>
                    <a:pt x="449" y="725"/>
                  </a:lnTo>
                  <a:lnTo>
                    <a:pt x="465" y="725"/>
                  </a:lnTo>
                  <a:lnTo>
                    <a:pt x="479" y="723"/>
                  </a:lnTo>
                  <a:lnTo>
                    <a:pt x="493" y="723"/>
                  </a:lnTo>
                  <a:lnTo>
                    <a:pt x="503" y="721"/>
                  </a:lnTo>
                  <a:lnTo>
                    <a:pt x="513" y="721"/>
                  </a:lnTo>
                  <a:lnTo>
                    <a:pt x="521" y="719"/>
                  </a:lnTo>
                  <a:lnTo>
                    <a:pt x="526" y="718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597" name="Group 159"/>
            <p:cNvGrpSpPr>
              <a:grpSpLocks/>
            </p:cNvGrpSpPr>
            <p:nvPr/>
          </p:nvGrpSpPr>
          <p:grpSpPr bwMode="auto">
            <a:xfrm>
              <a:off x="3736" y="1882"/>
              <a:ext cx="401" cy="455"/>
              <a:chOff x="3961" y="1493"/>
              <a:chExt cx="412" cy="469"/>
            </a:xfrm>
          </p:grpSpPr>
          <p:sp>
            <p:nvSpPr>
              <p:cNvPr id="627" name="Freeform 160"/>
              <p:cNvSpPr>
                <a:spLocks/>
              </p:cNvSpPr>
              <p:nvPr/>
            </p:nvSpPr>
            <p:spPr bwMode="auto">
              <a:xfrm>
                <a:off x="3961" y="1493"/>
                <a:ext cx="412" cy="469"/>
              </a:xfrm>
              <a:custGeom>
                <a:avLst/>
                <a:gdLst>
                  <a:gd name="T0" fmla="*/ 121 w 412"/>
                  <a:gd name="T1" fmla="*/ 76 h 469"/>
                  <a:gd name="T2" fmla="*/ 130 w 412"/>
                  <a:gd name="T3" fmla="*/ 73 h 469"/>
                  <a:gd name="T4" fmla="*/ 152 w 412"/>
                  <a:gd name="T5" fmla="*/ 78 h 469"/>
                  <a:gd name="T6" fmla="*/ 181 w 412"/>
                  <a:gd name="T7" fmla="*/ 79 h 469"/>
                  <a:gd name="T8" fmla="*/ 169 w 412"/>
                  <a:gd name="T9" fmla="*/ 100 h 469"/>
                  <a:gd name="T10" fmla="*/ 182 w 412"/>
                  <a:gd name="T11" fmla="*/ 100 h 469"/>
                  <a:gd name="T12" fmla="*/ 196 w 412"/>
                  <a:gd name="T13" fmla="*/ 93 h 469"/>
                  <a:gd name="T14" fmla="*/ 209 w 412"/>
                  <a:gd name="T15" fmla="*/ 98 h 469"/>
                  <a:gd name="T16" fmla="*/ 226 w 412"/>
                  <a:gd name="T17" fmla="*/ 91 h 469"/>
                  <a:gd name="T18" fmla="*/ 240 w 412"/>
                  <a:gd name="T19" fmla="*/ 86 h 469"/>
                  <a:gd name="T20" fmla="*/ 255 w 412"/>
                  <a:gd name="T21" fmla="*/ 78 h 469"/>
                  <a:gd name="T22" fmla="*/ 270 w 412"/>
                  <a:gd name="T23" fmla="*/ 76 h 469"/>
                  <a:gd name="T24" fmla="*/ 277 w 412"/>
                  <a:gd name="T25" fmla="*/ 76 h 469"/>
                  <a:gd name="T26" fmla="*/ 291 w 412"/>
                  <a:gd name="T27" fmla="*/ 62 h 469"/>
                  <a:gd name="T28" fmla="*/ 318 w 412"/>
                  <a:gd name="T29" fmla="*/ 37 h 469"/>
                  <a:gd name="T30" fmla="*/ 353 w 412"/>
                  <a:gd name="T31" fmla="*/ 12 h 469"/>
                  <a:gd name="T32" fmla="*/ 380 w 412"/>
                  <a:gd name="T33" fmla="*/ 0 h 469"/>
                  <a:gd name="T34" fmla="*/ 404 w 412"/>
                  <a:gd name="T35" fmla="*/ 176 h 469"/>
                  <a:gd name="T36" fmla="*/ 409 w 412"/>
                  <a:gd name="T37" fmla="*/ 206 h 469"/>
                  <a:gd name="T38" fmla="*/ 404 w 412"/>
                  <a:gd name="T39" fmla="*/ 227 h 469"/>
                  <a:gd name="T40" fmla="*/ 399 w 412"/>
                  <a:gd name="T41" fmla="*/ 262 h 469"/>
                  <a:gd name="T42" fmla="*/ 399 w 412"/>
                  <a:gd name="T43" fmla="*/ 274 h 469"/>
                  <a:gd name="T44" fmla="*/ 399 w 412"/>
                  <a:gd name="T45" fmla="*/ 291 h 469"/>
                  <a:gd name="T46" fmla="*/ 387 w 412"/>
                  <a:gd name="T47" fmla="*/ 308 h 469"/>
                  <a:gd name="T48" fmla="*/ 370 w 412"/>
                  <a:gd name="T49" fmla="*/ 326 h 469"/>
                  <a:gd name="T50" fmla="*/ 365 w 412"/>
                  <a:gd name="T51" fmla="*/ 333 h 469"/>
                  <a:gd name="T52" fmla="*/ 351 w 412"/>
                  <a:gd name="T53" fmla="*/ 337 h 469"/>
                  <a:gd name="T54" fmla="*/ 326 w 412"/>
                  <a:gd name="T55" fmla="*/ 382 h 469"/>
                  <a:gd name="T56" fmla="*/ 323 w 412"/>
                  <a:gd name="T57" fmla="*/ 396 h 469"/>
                  <a:gd name="T58" fmla="*/ 311 w 412"/>
                  <a:gd name="T59" fmla="*/ 391 h 469"/>
                  <a:gd name="T60" fmla="*/ 302 w 412"/>
                  <a:gd name="T61" fmla="*/ 387 h 469"/>
                  <a:gd name="T62" fmla="*/ 296 w 412"/>
                  <a:gd name="T63" fmla="*/ 404 h 469"/>
                  <a:gd name="T64" fmla="*/ 292 w 412"/>
                  <a:gd name="T65" fmla="*/ 413 h 469"/>
                  <a:gd name="T66" fmla="*/ 289 w 412"/>
                  <a:gd name="T67" fmla="*/ 419 h 469"/>
                  <a:gd name="T68" fmla="*/ 285 w 412"/>
                  <a:gd name="T69" fmla="*/ 453 h 469"/>
                  <a:gd name="T70" fmla="*/ 263 w 412"/>
                  <a:gd name="T71" fmla="*/ 469 h 469"/>
                  <a:gd name="T72" fmla="*/ 253 w 412"/>
                  <a:gd name="T73" fmla="*/ 458 h 469"/>
                  <a:gd name="T74" fmla="*/ 236 w 412"/>
                  <a:gd name="T75" fmla="*/ 450 h 469"/>
                  <a:gd name="T76" fmla="*/ 231 w 412"/>
                  <a:gd name="T77" fmla="*/ 443 h 469"/>
                  <a:gd name="T78" fmla="*/ 214 w 412"/>
                  <a:gd name="T79" fmla="*/ 436 h 469"/>
                  <a:gd name="T80" fmla="*/ 198 w 412"/>
                  <a:gd name="T81" fmla="*/ 452 h 469"/>
                  <a:gd name="T82" fmla="*/ 177 w 412"/>
                  <a:gd name="T83" fmla="*/ 453 h 469"/>
                  <a:gd name="T84" fmla="*/ 169 w 412"/>
                  <a:gd name="T85" fmla="*/ 448 h 469"/>
                  <a:gd name="T86" fmla="*/ 157 w 412"/>
                  <a:gd name="T87" fmla="*/ 452 h 469"/>
                  <a:gd name="T88" fmla="*/ 143 w 412"/>
                  <a:gd name="T89" fmla="*/ 455 h 469"/>
                  <a:gd name="T90" fmla="*/ 98 w 412"/>
                  <a:gd name="T91" fmla="*/ 440 h 469"/>
                  <a:gd name="T92" fmla="*/ 89 w 412"/>
                  <a:gd name="T93" fmla="*/ 423 h 469"/>
                  <a:gd name="T94" fmla="*/ 59 w 412"/>
                  <a:gd name="T95" fmla="*/ 414 h 469"/>
                  <a:gd name="T96" fmla="*/ 42 w 412"/>
                  <a:gd name="T97" fmla="*/ 414 h 469"/>
                  <a:gd name="T98" fmla="*/ 0 w 412"/>
                  <a:gd name="T99" fmla="*/ 96 h 469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w 412"/>
                  <a:gd name="T151" fmla="*/ 0 h 469"/>
                  <a:gd name="T152" fmla="*/ 412 w 412"/>
                  <a:gd name="T153" fmla="*/ 469 h 469"/>
                </a:gdLst>
                <a:ahLst/>
                <a:cxnLst>
                  <a:cxn ang="T100">
                    <a:pos x="T0" y="T1"/>
                  </a:cxn>
                  <a:cxn ang="T101">
                    <a:pos x="T2" y="T3"/>
                  </a:cxn>
                  <a:cxn ang="T102">
                    <a:pos x="T4" y="T5"/>
                  </a:cxn>
                  <a:cxn ang="T103">
                    <a:pos x="T6" y="T7"/>
                  </a:cxn>
                  <a:cxn ang="T104">
                    <a:pos x="T8" y="T9"/>
                  </a:cxn>
                  <a:cxn ang="T105">
                    <a:pos x="T10" y="T11"/>
                  </a:cxn>
                  <a:cxn ang="T106">
                    <a:pos x="T12" y="T13"/>
                  </a:cxn>
                  <a:cxn ang="T107">
                    <a:pos x="T14" y="T15"/>
                  </a:cxn>
                  <a:cxn ang="T108">
                    <a:pos x="T16" y="T17"/>
                  </a:cxn>
                  <a:cxn ang="T109">
                    <a:pos x="T18" y="T19"/>
                  </a:cxn>
                  <a:cxn ang="T110">
                    <a:pos x="T20" y="T21"/>
                  </a:cxn>
                  <a:cxn ang="T111">
                    <a:pos x="T22" y="T23"/>
                  </a:cxn>
                  <a:cxn ang="T112">
                    <a:pos x="T24" y="T25"/>
                  </a:cxn>
                  <a:cxn ang="T113">
                    <a:pos x="T26" y="T27"/>
                  </a:cxn>
                  <a:cxn ang="T114">
                    <a:pos x="T28" y="T29"/>
                  </a:cxn>
                  <a:cxn ang="T115">
                    <a:pos x="T30" y="T31"/>
                  </a:cxn>
                  <a:cxn ang="T116">
                    <a:pos x="T32" y="T33"/>
                  </a:cxn>
                  <a:cxn ang="T117">
                    <a:pos x="T34" y="T35"/>
                  </a:cxn>
                  <a:cxn ang="T118">
                    <a:pos x="T36" y="T37"/>
                  </a:cxn>
                  <a:cxn ang="T119">
                    <a:pos x="T38" y="T39"/>
                  </a:cxn>
                  <a:cxn ang="T120">
                    <a:pos x="T40" y="T41"/>
                  </a:cxn>
                  <a:cxn ang="T121">
                    <a:pos x="T42" y="T43"/>
                  </a:cxn>
                  <a:cxn ang="T122">
                    <a:pos x="T44" y="T45"/>
                  </a:cxn>
                  <a:cxn ang="T123">
                    <a:pos x="T46" y="T47"/>
                  </a:cxn>
                  <a:cxn ang="T124">
                    <a:pos x="T48" y="T49"/>
                  </a:cxn>
                  <a:cxn ang="T125">
                    <a:pos x="T50" y="T51"/>
                  </a:cxn>
                  <a:cxn ang="T126">
                    <a:pos x="T52" y="T53"/>
                  </a:cxn>
                  <a:cxn ang="T127">
                    <a:pos x="T54" y="T55"/>
                  </a:cxn>
                  <a:cxn ang="T128">
                    <a:pos x="T56" y="T57"/>
                  </a:cxn>
                  <a:cxn ang="T129">
                    <a:pos x="T58" y="T59"/>
                  </a:cxn>
                  <a:cxn ang="T130">
                    <a:pos x="T60" y="T61"/>
                  </a:cxn>
                  <a:cxn ang="T131">
                    <a:pos x="T62" y="T63"/>
                  </a:cxn>
                  <a:cxn ang="T132">
                    <a:pos x="T64" y="T65"/>
                  </a:cxn>
                  <a:cxn ang="T133">
                    <a:pos x="T66" y="T67"/>
                  </a:cxn>
                  <a:cxn ang="T134">
                    <a:pos x="T68" y="T69"/>
                  </a:cxn>
                  <a:cxn ang="T135">
                    <a:pos x="T70" y="T71"/>
                  </a:cxn>
                  <a:cxn ang="T136">
                    <a:pos x="T72" y="T73"/>
                  </a:cxn>
                  <a:cxn ang="T137">
                    <a:pos x="T74" y="T75"/>
                  </a:cxn>
                  <a:cxn ang="T138">
                    <a:pos x="T76" y="T77"/>
                  </a:cxn>
                  <a:cxn ang="T139">
                    <a:pos x="T78" y="T79"/>
                  </a:cxn>
                  <a:cxn ang="T140">
                    <a:pos x="T80" y="T81"/>
                  </a:cxn>
                  <a:cxn ang="T141">
                    <a:pos x="T82" y="T83"/>
                  </a:cxn>
                  <a:cxn ang="T142">
                    <a:pos x="T84" y="T85"/>
                  </a:cxn>
                  <a:cxn ang="T143">
                    <a:pos x="T86" y="T87"/>
                  </a:cxn>
                  <a:cxn ang="T144">
                    <a:pos x="T88" y="T89"/>
                  </a:cxn>
                  <a:cxn ang="T145">
                    <a:pos x="T90" y="T91"/>
                  </a:cxn>
                  <a:cxn ang="T146">
                    <a:pos x="T92" y="T93"/>
                  </a:cxn>
                  <a:cxn ang="T147">
                    <a:pos x="T94" y="T95"/>
                  </a:cxn>
                  <a:cxn ang="T148">
                    <a:pos x="T96" y="T97"/>
                  </a:cxn>
                  <a:cxn ang="T149">
                    <a:pos x="T98" y="T99"/>
                  </a:cxn>
                </a:cxnLst>
                <a:rect l="T150" t="T151" r="T152" b="T153"/>
                <a:pathLst>
                  <a:path w="412" h="469">
                    <a:moveTo>
                      <a:pt x="0" y="96"/>
                    </a:moveTo>
                    <a:lnTo>
                      <a:pt x="116" y="78"/>
                    </a:lnTo>
                    <a:lnTo>
                      <a:pt x="118" y="78"/>
                    </a:lnTo>
                    <a:lnTo>
                      <a:pt x="121" y="76"/>
                    </a:lnTo>
                    <a:lnTo>
                      <a:pt x="125" y="74"/>
                    </a:lnTo>
                    <a:lnTo>
                      <a:pt x="126" y="73"/>
                    </a:lnTo>
                    <a:lnTo>
                      <a:pt x="128" y="73"/>
                    </a:lnTo>
                    <a:lnTo>
                      <a:pt x="130" y="73"/>
                    </a:lnTo>
                    <a:lnTo>
                      <a:pt x="135" y="73"/>
                    </a:lnTo>
                    <a:lnTo>
                      <a:pt x="140" y="73"/>
                    </a:lnTo>
                    <a:lnTo>
                      <a:pt x="145" y="74"/>
                    </a:lnTo>
                    <a:lnTo>
                      <a:pt x="152" y="78"/>
                    </a:lnTo>
                    <a:lnTo>
                      <a:pt x="159" y="81"/>
                    </a:lnTo>
                    <a:lnTo>
                      <a:pt x="164" y="86"/>
                    </a:lnTo>
                    <a:lnTo>
                      <a:pt x="174" y="86"/>
                    </a:lnTo>
                    <a:lnTo>
                      <a:pt x="181" y="79"/>
                    </a:lnTo>
                    <a:lnTo>
                      <a:pt x="191" y="84"/>
                    </a:lnTo>
                    <a:lnTo>
                      <a:pt x="177" y="91"/>
                    </a:lnTo>
                    <a:lnTo>
                      <a:pt x="169" y="100"/>
                    </a:lnTo>
                    <a:lnTo>
                      <a:pt x="170" y="100"/>
                    </a:lnTo>
                    <a:lnTo>
                      <a:pt x="174" y="100"/>
                    </a:lnTo>
                    <a:lnTo>
                      <a:pt x="177" y="100"/>
                    </a:lnTo>
                    <a:lnTo>
                      <a:pt x="182" y="100"/>
                    </a:lnTo>
                    <a:lnTo>
                      <a:pt x="186" y="98"/>
                    </a:lnTo>
                    <a:lnTo>
                      <a:pt x="191" y="95"/>
                    </a:lnTo>
                    <a:lnTo>
                      <a:pt x="196" y="91"/>
                    </a:lnTo>
                    <a:lnTo>
                      <a:pt x="196" y="93"/>
                    </a:lnTo>
                    <a:lnTo>
                      <a:pt x="198" y="93"/>
                    </a:lnTo>
                    <a:lnTo>
                      <a:pt x="201" y="95"/>
                    </a:lnTo>
                    <a:lnTo>
                      <a:pt x="206" y="96"/>
                    </a:lnTo>
                    <a:lnTo>
                      <a:pt x="209" y="98"/>
                    </a:lnTo>
                    <a:lnTo>
                      <a:pt x="214" y="98"/>
                    </a:lnTo>
                    <a:lnTo>
                      <a:pt x="219" y="96"/>
                    </a:lnTo>
                    <a:lnTo>
                      <a:pt x="226" y="91"/>
                    </a:lnTo>
                    <a:lnTo>
                      <a:pt x="230" y="91"/>
                    </a:lnTo>
                    <a:lnTo>
                      <a:pt x="231" y="89"/>
                    </a:lnTo>
                    <a:lnTo>
                      <a:pt x="236" y="88"/>
                    </a:lnTo>
                    <a:lnTo>
                      <a:pt x="240" y="86"/>
                    </a:lnTo>
                    <a:lnTo>
                      <a:pt x="245" y="84"/>
                    </a:lnTo>
                    <a:lnTo>
                      <a:pt x="250" y="81"/>
                    </a:lnTo>
                    <a:lnTo>
                      <a:pt x="253" y="78"/>
                    </a:lnTo>
                    <a:lnTo>
                      <a:pt x="255" y="78"/>
                    </a:lnTo>
                    <a:lnTo>
                      <a:pt x="258" y="78"/>
                    </a:lnTo>
                    <a:lnTo>
                      <a:pt x="262" y="78"/>
                    </a:lnTo>
                    <a:lnTo>
                      <a:pt x="265" y="76"/>
                    </a:lnTo>
                    <a:lnTo>
                      <a:pt x="270" y="76"/>
                    </a:lnTo>
                    <a:lnTo>
                      <a:pt x="274" y="76"/>
                    </a:lnTo>
                    <a:lnTo>
                      <a:pt x="275" y="76"/>
                    </a:lnTo>
                    <a:lnTo>
                      <a:pt x="277" y="76"/>
                    </a:lnTo>
                    <a:lnTo>
                      <a:pt x="279" y="74"/>
                    </a:lnTo>
                    <a:lnTo>
                      <a:pt x="282" y="71"/>
                    </a:lnTo>
                    <a:lnTo>
                      <a:pt x="285" y="67"/>
                    </a:lnTo>
                    <a:lnTo>
                      <a:pt x="291" y="62"/>
                    </a:lnTo>
                    <a:lnTo>
                      <a:pt x="297" y="56"/>
                    </a:lnTo>
                    <a:lnTo>
                      <a:pt x="302" y="51"/>
                    </a:lnTo>
                    <a:lnTo>
                      <a:pt x="311" y="44"/>
                    </a:lnTo>
                    <a:lnTo>
                      <a:pt x="318" y="37"/>
                    </a:lnTo>
                    <a:lnTo>
                      <a:pt x="326" y="32"/>
                    </a:lnTo>
                    <a:lnTo>
                      <a:pt x="335" y="25"/>
                    </a:lnTo>
                    <a:lnTo>
                      <a:pt x="345" y="18"/>
                    </a:lnTo>
                    <a:lnTo>
                      <a:pt x="353" y="12"/>
                    </a:lnTo>
                    <a:lnTo>
                      <a:pt x="363" y="7"/>
                    </a:lnTo>
                    <a:lnTo>
                      <a:pt x="372" y="3"/>
                    </a:lnTo>
                    <a:lnTo>
                      <a:pt x="382" y="0"/>
                    </a:lnTo>
                    <a:lnTo>
                      <a:pt x="380" y="0"/>
                    </a:lnTo>
                    <a:lnTo>
                      <a:pt x="412" y="166"/>
                    </a:lnTo>
                    <a:lnTo>
                      <a:pt x="401" y="169"/>
                    </a:lnTo>
                    <a:lnTo>
                      <a:pt x="402" y="171"/>
                    </a:lnTo>
                    <a:lnTo>
                      <a:pt x="404" y="176"/>
                    </a:lnTo>
                    <a:lnTo>
                      <a:pt x="406" y="181"/>
                    </a:lnTo>
                    <a:lnTo>
                      <a:pt x="407" y="189"/>
                    </a:lnTo>
                    <a:lnTo>
                      <a:pt x="409" y="198"/>
                    </a:lnTo>
                    <a:lnTo>
                      <a:pt x="409" y="206"/>
                    </a:lnTo>
                    <a:lnTo>
                      <a:pt x="409" y="213"/>
                    </a:lnTo>
                    <a:lnTo>
                      <a:pt x="406" y="218"/>
                    </a:lnTo>
                    <a:lnTo>
                      <a:pt x="404" y="221"/>
                    </a:lnTo>
                    <a:lnTo>
                      <a:pt x="404" y="227"/>
                    </a:lnTo>
                    <a:lnTo>
                      <a:pt x="402" y="235"/>
                    </a:lnTo>
                    <a:lnTo>
                      <a:pt x="401" y="245"/>
                    </a:lnTo>
                    <a:lnTo>
                      <a:pt x="401" y="255"/>
                    </a:lnTo>
                    <a:lnTo>
                      <a:pt x="399" y="262"/>
                    </a:lnTo>
                    <a:lnTo>
                      <a:pt x="399" y="269"/>
                    </a:lnTo>
                    <a:lnTo>
                      <a:pt x="399" y="271"/>
                    </a:lnTo>
                    <a:lnTo>
                      <a:pt x="399" y="272"/>
                    </a:lnTo>
                    <a:lnTo>
                      <a:pt x="399" y="274"/>
                    </a:lnTo>
                    <a:lnTo>
                      <a:pt x="401" y="277"/>
                    </a:lnTo>
                    <a:lnTo>
                      <a:pt x="401" y="281"/>
                    </a:lnTo>
                    <a:lnTo>
                      <a:pt x="401" y="286"/>
                    </a:lnTo>
                    <a:lnTo>
                      <a:pt x="399" y="291"/>
                    </a:lnTo>
                    <a:lnTo>
                      <a:pt x="395" y="296"/>
                    </a:lnTo>
                    <a:lnTo>
                      <a:pt x="390" y="303"/>
                    </a:lnTo>
                    <a:lnTo>
                      <a:pt x="389" y="304"/>
                    </a:lnTo>
                    <a:lnTo>
                      <a:pt x="387" y="308"/>
                    </a:lnTo>
                    <a:lnTo>
                      <a:pt x="382" y="313"/>
                    </a:lnTo>
                    <a:lnTo>
                      <a:pt x="379" y="316"/>
                    </a:lnTo>
                    <a:lnTo>
                      <a:pt x="375" y="321"/>
                    </a:lnTo>
                    <a:lnTo>
                      <a:pt x="370" y="326"/>
                    </a:lnTo>
                    <a:lnTo>
                      <a:pt x="368" y="330"/>
                    </a:lnTo>
                    <a:lnTo>
                      <a:pt x="367" y="330"/>
                    </a:lnTo>
                    <a:lnTo>
                      <a:pt x="367" y="331"/>
                    </a:lnTo>
                    <a:lnTo>
                      <a:pt x="365" y="333"/>
                    </a:lnTo>
                    <a:lnTo>
                      <a:pt x="362" y="335"/>
                    </a:lnTo>
                    <a:lnTo>
                      <a:pt x="358" y="335"/>
                    </a:lnTo>
                    <a:lnTo>
                      <a:pt x="355" y="337"/>
                    </a:lnTo>
                    <a:lnTo>
                      <a:pt x="351" y="337"/>
                    </a:lnTo>
                    <a:lnTo>
                      <a:pt x="350" y="335"/>
                    </a:lnTo>
                    <a:lnTo>
                      <a:pt x="350" y="333"/>
                    </a:lnTo>
                    <a:lnTo>
                      <a:pt x="328" y="355"/>
                    </a:lnTo>
                    <a:lnTo>
                      <a:pt x="326" y="382"/>
                    </a:lnTo>
                    <a:lnTo>
                      <a:pt x="324" y="382"/>
                    </a:lnTo>
                    <a:lnTo>
                      <a:pt x="324" y="387"/>
                    </a:lnTo>
                    <a:lnTo>
                      <a:pt x="324" y="391"/>
                    </a:lnTo>
                    <a:lnTo>
                      <a:pt x="323" y="396"/>
                    </a:lnTo>
                    <a:lnTo>
                      <a:pt x="319" y="399"/>
                    </a:lnTo>
                    <a:lnTo>
                      <a:pt x="318" y="401"/>
                    </a:lnTo>
                    <a:lnTo>
                      <a:pt x="314" y="399"/>
                    </a:lnTo>
                    <a:lnTo>
                      <a:pt x="311" y="391"/>
                    </a:lnTo>
                    <a:lnTo>
                      <a:pt x="309" y="389"/>
                    </a:lnTo>
                    <a:lnTo>
                      <a:pt x="307" y="387"/>
                    </a:lnTo>
                    <a:lnTo>
                      <a:pt x="306" y="387"/>
                    </a:lnTo>
                    <a:lnTo>
                      <a:pt x="302" y="387"/>
                    </a:lnTo>
                    <a:lnTo>
                      <a:pt x="301" y="387"/>
                    </a:lnTo>
                    <a:lnTo>
                      <a:pt x="297" y="391"/>
                    </a:lnTo>
                    <a:lnTo>
                      <a:pt x="297" y="396"/>
                    </a:lnTo>
                    <a:lnTo>
                      <a:pt x="296" y="404"/>
                    </a:lnTo>
                    <a:lnTo>
                      <a:pt x="296" y="408"/>
                    </a:lnTo>
                    <a:lnTo>
                      <a:pt x="294" y="409"/>
                    </a:lnTo>
                    <a:lnTo>
                      <a:pt x="292" y="413"/>
                    </a:lnTo>
                    <a:lnTo>
                      <a:pt x="291" y="416"/>
                    </a:lnTo>
                    <a:lnTo>
                      <a:pt x="291" y="418"/>
                    </a:lnTo>
                    <a:lnTo>
                      <a:pt x="289" y="419"/>
                    </a:lnTo>
                    <a:lnTo>
                      <a:pt x="292" y="441"/>
                    </a:lnTo>
                    <a:lnTo>
                      <a:pt x="291" y="443"/>
                    </a:lnTo>
                    <a:lnTo>
                      <a:pt x="289" y="447"/>
                    </a:lnTo>
                    <a:lnTo>
                      <a:pt x="285" y="453"/>
                    </a:lnTo>
                    <a:lnTo>
                      <a:pt x="280" y="458"/>
                    </a:lnTo>
                    <a:lnTo>
                      <a:pt x="275" y="463"/>
                    </a:lnTo>
                    <a:lnTo>
                      <a:pt x="270" y="467"/>
                    </a:lnTo>
                    <a:lnTo>
                      <a:pt x="263" y="469"/>
                    </a:lnTo>
                    <a:lnTo>
                      <a:pt x="260" y="465"/>
                    </a:lnTo>
                    <a:lnTo>
                      <a:pt x="258" y="463"/>
                    </a:lnTo>
                    <a:lnTo>
                      <a:pt x="257" y="462"/>
                    </a:lnTo>
                    <a:lnTo>
                      <a:pt x="253" y="458"/>
                    </a:lnTo>
                    <a:lnTo>
                      <a:pt x="250" y="455"/>
                    </a:lnTo>
                    <a:lnTo>
                      <a:pt x="245" y="452"/>
                    </a:lnTo>
                    <a:lnTo>
                      <a:pt x="241" y="450"/>
                    </a:lnTo>
                    <a:lnTo>
                      <a:pt x="236" y="450"/>
                    </a:lnTo>
                    <a:lnTo>
                      <a:pt x="233" y="453"/>
                    </a:lnTo>
                    <a:lnTo>
                      <a:pt x="231" y="452"/>
                    </a:lnTo>
                    <a:lnTo>
                      <a:pt x="231" y="448"/>
                    </a:lnTo>
                    <a:lnTo>
                      <a:pt x="231" y="443"/>
                    </a:lnTo>
                    <a:lnTo>
                      <a:pt x="230" y="438"/>
                    </a:lnTo>
                    <a:lnTo>
                      <a:pt x="226" y="435"/>
                    </a:lnTo>
                    <a:lnTo>
                      <a:pt x="221" y="433"/>
                    </a:lnTo>
                    <a:lnTo>
                      <a:pt x="214" y="436"/>
                    </a:lnTo>
                    <a:lnTo>
                      <a:pt x="204" y="445"/>
                    </a:lnTo>
                    <a:lnTo>
                      <a:pt x="203" y="447"/>
                    </a:lnTo>
                    <a:lnTo>
                      <a:pt x="201" y="448"/>
                    </a:lnTo>
                    <a:lnTo>
                      <a:pt x="198" y="452"/>
                    </a:lnTo>
                    <a:lnTo>
                      <a:pt x="194" y="453"/>
                    </a:lnTo>
                    <a:lnTo>
                      <a:pt x="189" y="455"/>
                    </a:lnTo>
                    <a:lnTo>
                      <a:pt x="184" y="457"/>
                    </a:lnTo>
                    <a:lnTo>
                      <a:pt x="177" y="453"/>
                    </a:lnTo>
                    <a:lnTo>
                      <a:pt x="172" y="450"/>
                    </a:lnTo>
                    <a:lnTo>
                      <a:pt x="170" y="448"/>
                    </a:lnTo>
                    <a:lnTo>
                      <a:pt x="169" y="448"/>
                    </a:lnTo>
                    <a:lnTo>
                      <a:pt x="167" y="447"/>
                    </a:lnTo>
                    <a:lnTo>
                      <a:pt x="164" y="448"/>
                    </a:lnTo>
                    <a:lnTo>
                      <a:pt x="160" y="448"/>
                    </a:lnTo>
                    <a:lnTo>
                      <a:pt x="157" y="452"/>
                    </a:lnTo>
                    <a:lnTo>
                      <a:pt x="152" y="457"/>
                    </a:lnTo>
                    <a:lnTo>
                      <a:pt x="150" y="457"/>
                    </a:lnTo>
                    <a:lnTo>
                      <a:pt x="147" y="455"/>
                    </a:lnTo>
                    <a:lnTo>
                      <a:pt x="143" y="455"/>
                    </a:lnTo>
                    <a:lnTo>
                      <a:pt x="142" y="455"/>
                    </a:lnTo>
                    <a:lnTo>
                      <a:pt x="128" y="443"/>
                    </a:lnTo>
                    <a:lnTo>
                      <a:pt x="98" y="441"/>
                    </a:lnTo>
                    <a:lnTo>
                      <a:pt x="98" y="440"/>
                    </a:lnTo>
                    <a:lnTo>
                      <a:pt x="98" y="436"/>
                    </a:lnTo>
                    <a:lnTo>
                      <a:pt x="96" y="433"/>
                    </a:lnTo>
                    <a:lnTo>
                      <a:pt x="94" y="428"/>
                    </a:lnTo>
                    <a:lnTo>
                      <a:pt x="89" y="423"/>
                    </a:lnTo>
                    <a:lnTo>
                      <a:pt x="82" y="418"/>
                    </a:lnTo>
                    <a:lnTo>
                      <a:pt x="72" y="416"/>
                    </a:lnTo>
                    <a:lnTo>
                      <a:pt x="60" y="414"/>
                    </a:lnTo>
                    <a:lnTo>
                      <a:pt x="59" y="414"/>
                    </a:lnTo>
                    <a:lnTo>
                      <a:pt x="55" y="414"/>
                    </a:lnTo>
                    <a:lnTo>
                      <a:pt x="52" y="414"/>
                    </a:lnTo>
                    <a:lnTo>
                      <a:pt x="47" y="414"/>
                    </a:lnTo>
                    <a:lnTo>
                      <a:pt x="42" y="414"/>
                    </a:lnTo>
                    <a:lnTo>
                      <a:pt x="38" y="414"/>
                    </a:lnTo>
                    <a:lnTo>
                      <a:pt x="37" y="414"/>
                    </a:lnTo>
                    <a:lnTo>
                      <a:pt x="35" y="414"/>
                    </a:lnTo>
                    <a:lnTo>
                      <a:pt x="0" y="96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28" name="Freeform 161"/>
              <p:cNvSpPr>
                <a:spLocks/>
              </p:cNvSpPr>
              <p:nvPr/>
            </p:nvSpPr>
            <p:spPr bwMode="auto">
              <a:xfrm>
                <a:off x="3961" y="1493"/>
                <a:ext cx="412" cy="469"/>
              </a:xfrm>
              <a:custGeom>
                <a:avLst/>
                <a:gdLst>
                  <a:gd name="T0" fmla="*/ 118 w 412"/>
                  <a:gd name="T1" fmla="*/ 78 h 469"/>
                  <a:gd name="T2" fmla="*/ 126 w 412"/>
                  <a:gd name="T3" fmla="*/ 73 h 469"/>
                  <a:gd name="T4" fmla="*/ 140 w 412"/>
                  <a:gd name="T5" fmla="*/ 73 h 469"/>
                  <a:gd name="T6" fmla="*/ 164 w 412"/>
                  <a:gd name="T7" fmla="*/ 86 h 469"/>
                  <a:gd name="T8" fmla="*/ 177 w 412"/>
                  <a:gd name="T9" fmla="*/ 91 h 469"/>
                  <a:gd name="T10" fmla="*/ 170 w 412"/>
                  <a:gd name="T11" fmla="*/ 100 h 469"/>
                  <a:gd name="T12" fmla="*/ 186 w 412"/>
                  <a:gd name="T13" fmla="*/ 98 h 469"/>
                  <a:gd name="T14" fmla="*/ 196 w 412"/>
                  <a:gd name="T15" fmla="*/ 93 h 469"/>
                  <a:gd name="T16" fmla="*/ 209 w 412"/>
                  <a:gd name="T17" fmla="*/ 98 h 469"/>
                  <a:gd name="T18" fmla="*/ 226 w 412"/>
                  <a:gd name="T19" fmla="*/ 91 h 469"/>
                  <a:gd name="T20" fmla="*/ 236 w 412"/>
                  <a:gd name="T21" fmla="*/ 88 h 469"/>
                  <a:gd name="T22" fmla="*/ 253 w 412"/>
                  <a:gd name="T23" fmla="*/ 78 h 469"/>
                  <a:gd name="T24" fmla="*/ 262 w 412"/>
                  <a:gd name="T25" fmla="*/ 78 h 469"/>
                  <a:gd name="T26" fmla="*/ 275 w 412"/>
                  <a:gd name="T27" fmla="*/ 76 h 469"/>
                  <a:gd name="T28" fmla="*/ 279 w 412"/>
                  <a:gd name="T29" fmla="*/ 74 h 469"/>
                  <a:gd name="T30" fmla="*/ 297 w 412"/>
                  <a:gd name="T31" fmla="*/ 56 h 469"/>
                  <a:gd name="T32" fmla="*/ 326 w 412"/>
                  <a:gd name="T33" fmla="*/ 32 h 469"/>
                  <a:gd name="T34" fmla="*/ 363 w 412"/>
                  <a:gd name="T35" fmla="*/ 7 h 469"/>
                  <a:gd name="T36" fmla="*/ 412 w 412"/>
                  <a:gd name="T37" fmla="*/ 166 h 469"/>
                  <a:gd name="T38" fmla="*/ 404 w 412"/>
                  <a:gd name="T39" fmla="*/ 176 h 469"/>
                  <a:gd name="T40" fmla="*/ 409 w 412"/>
                  <a:gd name="T41" fmla="*/ 206 h 469"/>
                  <a:gd name="T42" fmla="*/ 404 w 412"/>
                  <a:gd name="T43" fmla="*/ 221 h 469"/>
                  <a:gd name="T44" fmla="*/ 401 w 412"/>
                  <a:gd name="T45" fmla="*/ 255 h 469"/>
                  <a:gd name="T46" fmla="*/ 399 w 412"/>
                  <a:gd name="T47" fmla="*/ 271 h 469"/>
                  <a:gd name="T48" fmla="*/ 401 w 412"/>
                  <a:gd name="T49" fmla="*/ 281 h 469"/>
                  <a:gd name="T50" fmla="*/ 390 w 412"/>
                  <a:gd name="T51" fmla="*/ 303 h 469"/>
                  <a:gd name="T52" fmla="*/ 382 w 412"/>
                  <a:gd name="T53" fmla="*/ 313 h 469"/>
                  <a:gd name="T54" fmla="*/ 368 w 412"/>
                  <a:gd name="T55" fmla="*/ 330 h 469"/>
                  <a:gd name="T56" fmla="*/ 365 w 412"/>
                  <a:gd name="T57" fmla="*/ 333 h 469"/>
                  <a:gd name="T58" fmla="*/ 351 w 412"/>
                  <a:gd name="T59" fmla="*/ 337 h 469"/>
                  <a:gd name="T60" fmla="*/ 326 w 412"/>
                  <a:gd name="T61" fmla="*/ 382 h 469"/>
                  <a:gd name="T62" fmla="*/ 324 w 412"/>
                  <a:gd name="T63" fmla="*/ 391 h 469"/>
                  <a:gd name="T64" fmla="*/ 314 w 412"/>
                  <a:gd name="T65" fmla="*/ 399 h 469"/>
                  <a:gd name="T66" fmla="*/ 307 w 412"/>
                  <a:gd name="T67" fmla="*/ 387 h 469"/>
                  <a:gd name="T68" fmla="*/ 297 w 412"/>
                  <a:gd name="T69" fmla="*/ 391 h 469"/>
                  <a:gd name="T70" fmla="*/ 296 w 412"/>
                  <a:gd name="T71" fmla="*/ 404 h 469"/>
                  <a:gd name="T72" fmla="*/ 291 w 412"/>
                  <a:gd name="T73" fmla="*/ 416 h 469"/>
                  <a:gd name="T74" fmla="*/ 292 w 412"/>
                  <a:gd name="T75" fmla="*/ 441 h 469"/>
                  <a:gd name="T76" fmla="*/ 285 w 412"/>
                  <a:gd name="T77" fmla="*/ 453 h 469"/>
                  <a:gd name="T78" fmla="*/ 263 w 412"/>
                  <a:gd name="T79" fmla="*/ 469 h 469"/>
                  <a:gd name="T80" fmla="*/ 257 w 412"/>
                  <a:gd name="T81" fmla="*/ 462 h 469"/>
                  <a:gd name="T82" fmla="*/ 241 w 412"/>
                  <a:gd name="T83" fmla="*/ 450 h 469"/>
                  <a:gd name="T84" fmla="*/ 231 w 412"/>
                  <a:gd name="T85" fmla="*/ 452 h 469"/>
                  <a:gd name="T86" fmla="*/ 226 w 412"/>
                  <a:gd name="T87" fmla="*/ 435 h 469"/>
                  <a:gd name="T88" fmla="*/ 204 w 412"/>
                  <a:gd name="T89" fmla="*/ 445 h 469"/>
                  <a:gd name="T90" fmla="*/ 194 w 412"/>
                  <a:gd name="T91" fmla="*/ 453 h 469"/>
                  <a:gd name="T92" fmla="*/ 172 w 412"/>
                  <a:gd name="T93" fmla="*/ 450 h 469"/>
                  <a:gd name="T94" fmla="*/ 169 w 412"/>
                  <a:gd name="T95" fmla="*/ 448 h 469"/>
                  <a:gd name="T96" fmla="*/ 157 w 412"/>
                  <a:gd name="T97" fmla="*/ 452 h 469"/>
                  <a:gd name="T98" fmla="*/ 147 w 412"/>
                  <a:gd name="T99" fmla="*/ 455 h 469"/>
                  <a:gd name="T100" fmla="*/ 98 w 412"/>
                  <a:gd name="T101" fmla="*/ 441 h 469"/>
                  <a:gd name="T102" fmla="*/ 96 w 412"/>
                  <a:gd name="T103" fmla="*/ 433 h 469"/>
                  <a:gd name="T104" fmla="*/ 72 w 412"/>
                  <a:gd name="T105" fmla="*/ 416 h 469"/>
                  <a:gd name="T106" fmla="*/ 55 w 412"/>
                  <a:gd name="T107" fmla="*/ 414 h 469"/>
                  <a:gd name="T108" fmla="*/ 38 w 412"/>
                  <a:gd name="T109" fmla="*/ 414 h 469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w 412"/>
                  <a:gd name="T166" fmla="*/ 0 h 469"/>
                  <a:gd name="T167" fmla="*/ 412 w 412"/>
                  <a:gd name="T168" fmla="*/ 469 h 469"/>
                </a:gdLst>
                <a:ahLst/>
                <a:cxnLst>
                  <a:cxn ang="T110">
                    <a:pos x="T0" y="T1"/>
                  </a:cxn>
                  <a:cxn ang="T111">
                    <a:pos x="T2" y="T3"/>
                  </a:cxn>
                  <a:cxn ang="T112">
                    <a:pos x="T4" y="T5"/>
                  </a:cxn>
                  <a:cxn ang="T113">
                    <a:pos x="T6" y="T7"/>
                  </a:cxn>
                  <a:cxn ang="T114">
                    <a:pos x="T8" y="T9"/>
                  </a:cxn>
                  <a:cxn ang="T115">
                    <a:pos x="T10" y="T11"/>
                  </a:cxn>
                  <a:cxn ang="T116">
                    <a:pos x="T12" y="T13"/>
                  </a:cxn>
                  <a:cxn ang="T117">
                    <a:pos x="T14" y="T15"/>
                  </a:cxn>
                  <a:cxn ang="T118">
                    <a:pos x="T16" y="T17"/>
                  </a:cxn>
                  <a:cxn ang="T119">
                    <a:pos x="T18" y="T19"/>
                  </a:cxn>
                  <a:cxn ang="T120">
                    <a:pos x="T20" y="T21"/>
                  </a:cxn>
                  <a:cxn ang="T121">
                    <a:pos x="T22" y="T23"/>
                  </a:cxn>
                  <a:cxn ang="T122">
                    <a:pos x="T24" y="T25"/>
                  </a:cxn>
                  <a:cxn ang="T123">
                    <a:pos x="T26" y="T27"/>
                  </a:cxn>
                  <a:cxn ang="T124">
                    <a:pos x="T28" y="T29"/>
                  </a:cxn>
                  <a:cxn ang="T125">
                    <a:pos x="T30" y="T31"/>
                  </a:cxn>
                  <a:cxn ang="T126">
                    <a:pos x="T32" y="T33"/>
                  </a:cxn>
                  <a:cxn ang="T127">
                    <a:pos x="T34" y="T35"/>
                  </a:cxn>
                  <a:cxn ang="T128">
                    <a:pos x="T36" y="T37"/>
                  </a:cxn>
                  <a:cxn ang="T129">
                    <a:pos x="T38" y="T39"/>
                  </a:cxn>
                  <a:cxn ang="T130">
                    <a:pos x="T40" y="T41"/>
                  </a:cxn>
                  <a:cxn ang="T131">
                    <a:pos x="T42" y="T43"/>
                  </a:cxn>
                  <a:cxn ang="T132">
                    <a:pos x="T44" y="T45"/>
                  </a:cxn>
                  <a:cxn ang="T133">
                    <a:pos x="T46" y="T47"/>
                  </a:cxn>
                  <a:cxn ang="T134">
                    <a:pos x="T48" y="T49"/>
                  </a:cxn>
                  <a:cxn ang="T135">
                    <a:pos x="T50" y="T51"/>
                  </a:cxn>
                  <a:cxn ang="T136">
                    <a:pos x="T52" y="T53"/>
                  </a:cxn>
                  <a:cxn ang="T137">
                    <a:pos x="T54" y="T55"/>
                  </a:cxn>
                  <a:cxn ang="T138">
                    <a:pos x="T56" y="T57"/>
                  </a:cxn>
                  <a:cxn ang="T139">
                    <a:pos x="T58" y="T59"/>
                  </a:cxn>
                  <a:cxn ang="T140">
                    <a:pos x="T60" y="T61"/>
                  </a:cxn>
                  <a:cxn ang="T141">
                    <a:pos x="T62" y="T63"/>
                  </a:cxn>
                  <a:cxn ang="T142">
                    <a:pos x="T64" y="T65"/>
                  </a:cxn>
                  <a:cxn ang="T143">
                    <a:pos x="T66" y="T67"/>
                  </a:cxn>
                  <a:cxn ang="T144">
                    <a:pos x="T68" y="T69"/>
                  </a:cxn>
                  <a:cxn ang="T145">
                    <a:pos x="T70" y="T71"/>
                  </a:cxn>
                  <a:cxn ang="T146">
                    <a:pos x="T72" y="T73"/>
                  </a:cxn>
                  <a:cxn ang="T147">
                    <a:pos x="T74" y="T75"/>
                  </a:cxn>
                  <a:cxn ang="T148">
                    <a:pos x="T76" y="T77"/>
                  </a:cxn>
                  <a:cxn ang="T149">
                    <a:pos x="T78" y="T79"/>
                  </a:cxn>
                  <a:cxn ang="T150">
                    <a:pos x="T80" y="T81"/>
                  </a:cxn>
                  <a:cxn ang="T151">
                    <a:pos x="T82" y="T83"/>
                  </a:cxn>
                  <a:cxn ang="T152">
                    <a:pos x="T84" y="T85"/>
                  </a:cxn>
                  <a:cxn ang="T153">
                    <a:pos x="T86" y="T87"/>
                  </a:cxn>
                  <a:cxn ang="T154">
                    <a:pos x="T88" y="T89"/>
                  </a:cxn>
                  <a:cxn ang="T155">
                    <a:pos x="T90" y="T91"/>
                  </a:cxn>
                  <a:cxn ang="T156">
                    <a:pos x="T92" y="T93"/>
                  </a:cxn>
                  <a:cxn ang="T157">
                    <a:pos x="T94" y="T95"/>
                  </a:cxn>
                  <a:cxn ang="T158">
                    <a:pos x="T96" y="T97"/>
                  </a:cxn>
                  <a:cxn ang="T159">
                    <a:pos x="T98" y="T99"/>
                  </a:cxn>
                  <a:cxn ang="T160">
                    <a:pos x="T100" y="T101"/>
                  </a:cxn>
                  <a:cxn ang="T161">
                    <a:pos x="T102" y="T103"/>
                  </a:cxn>
                  <a:cxn ang="T162">
                    <a:pos x="T104" y="T105"/>
                  </a:cxn>
                  <a:cxn ang="T163">
                    <a:pos x="T106" y="T107"/>
                  </a:cxn>
                  <a:cxn ang="T164">
                    <a:pos x="T108" y="T109"/>
                  </a:cxn>
                </a:cxnLst>
                <a:rect l="T165" t="T166" r="T167" b="T168"/>
                <a:pathLst>
                  <a:path w="412" h="469">
                    <a:moveTo>
                      <a:pt x="0" y="96"/>
                    </a:moveTo>
                    <a:lnTo>
                      <a:pt x="116" y="78"/>
                    </a:lnTo>
                    <a:lnTo>
                      <a:pt x="118" y="78"/>
                    </a:lnTo>
                    <a:lnTo>
                      <a:pt x="121" y="76"/>
                    </a:lnTo>
                    <a:lnTo>
                      <a:pt x="125" y="74"/>
                    </a:lnTo>
                    <a:lnTo>
                      <a:pt x="126" y="73"/>
                    </a:lnTo>
                    <a:lnTo>
                      <a:pt x="128" y="73"/>
                    </a:lnTo>
                    <a:lnTo>
                      <a:pt x="130" y="73"/>
                    </a:lnTo>
                    <a:lnTo>
                      <a:pt x="135" y="73"/>
                    </a:lnTo>
                    <a:lnTo>
                      <a:pt x="140" y="73"/>
                    </a:lnTo>
                    <a:lnTo>
                      <a:pt x="145" y="74"/>
                    </a:lnTo>
                    <a:lnTo>
                      <a:pt x="152" y="78"/>
                    </a:lnTo>
                    <a:lnTo>
                      <a:pt x="159" y="81"/>
                    </a:lnTo>
                    <a:lnTo>
                      <a:pt x="164" y="86"/>
                    </a:lnTo>
                    <a:lnTo>
                      <a:pt x="174" y="86"/>
                    </a:lnTo>
                    <a:lnTo>
                      <a:pt x="181" y="79"/>
                    </a:lnTo>
                    <a:lnTo>
                      <a:pt x="191" y="84"/>
                    </a:lnTo>
                    <a:lnTo>
                      <a:pt x="177" y="91"/>
                    </a:lnTo>
                    <a:lnTo>
                      <a:pt x="169" y="100"/>
                    </a:lnTo>
                    <a:lnTo>
                      <a:pt x="170" y="100"/>
                    </a:lnTo>
                    <a:lnTo>
                      <a:pt x="174" y="100"/>
                    </a:lnTo>
                    <a:lnTo>
                      <a:pt x="177" y="100"/>
                    </a:lnTo>
                    <a:lnTo>
                      <a:pt x="182" y="100"/>
                    </a:lnTo>
                    <a:lnTo>
                      <a:pt x="186" y="98"/>
                    </a:lnTo>
                    <a:lnTo>
                      <a:pt x="191" y="95"/>
                    </a:lnTo>
                    <a:lnTo>
                      <a:pt x="196" y="91"/>
                    </a:lnTo>
                    <a:lnTo>
                      <a:pt x="196" y="93"/>
                    </a:lnTo>
                    <a:lnTo>
                      <a:pt x="198" y="93"/>
                    </a:lnTo>
                    <a:lnTo>
                      <a:pt x="201" y="95"/>
                    </a:lnTo>
                    <a:lnTo>
                      <a:pt x="206" y="96"/>
                    </a:lnTo>
                    <a:lnTo>
                      <a:pt x="209" y="98"/>
                    </a:lnTo>
                    <a:lnTo>
                      <a:pt x="214" y="98"/>
                    </a:lnTo>
                    <a:lnTo>
                      <a:pt x="219" y="96"/>
                    </a:lnTo>
                    <a:lnTo>
                      <a:pt x="226" y="91"/>
                    </a:lnTo>
                    <a:lnTo>
                      <a:pt x="230" y="91"/>
                    </a:lnTo>
                    <a:lnTo>
                      <a:pt x="231" y="89"/>
                    </a:lnTo>
                    <a:lnTo>
                      <a:pt x="236" y="88"/>
                    </a:lnTo>
                    <a:lnTo>
                      <a:pt x="240" y="86"/>
                    </a:lnTo>
                    <a:lnTo>
                      <a:pt x="245" y="84"/>
                    </a:lnTo>
                    <a:lnTo>
                      <a:pt x="250" y="81"/>
                    </a:lnTo>
                    <a:lnTo>
                      <a:pt x="253" y="78"/>
                    </a:lnTo>
                    <a:lnTo>
                      <a:pt x="255" y="78"/>
                    </a:lnTo>
                    <a:lnTo>
                      <a:pt x="258" y="78"/>
                    </a:lnTo>
                    <a:lnTo>
                      <a:pt x="262" y="78"/>
                    </a:lnTo>
                    <a:lnTo>
                      <a:pt x="265" y="76"/>
                    </a:lnTo>
                    <a:lnTo>
                      <a:pt x="270" y="76"/>
                    </a:lnTo>
                    <a:lnTo>
                      <a:pt x="274" y="76"/>
                    </a:lnTo>
                    <a:lnTo>
                      <a:pt x="275" y="76"/>
                    </a:lnTo>
                    <a:lnTo>
                      <a:pt x="277" y="76"/>
                    </a:lnTo>
                    <a:lnTo>
                      <a:pt x="279" y="74"/>
                    </a:lnTo>
                    <a:lnTo>
                      <a:pt x="282" y="71"/>
                    </a:lnTo>
                    <a:lnTo>
                      <a:pt x="285" y="67"/>
                    </a:lnTo>
                    <a:lnTo>
                      <a:pt x="291" y="62"/>
                    </a:lnTo>
                    <a:lnTo>
                      <a:pt x="297" y="56"/>
                    </a:lnTo>
                    <a:lnTo>
                      <a:pt x="302" y="51"/>
                    </a:lnTo>
                    <a:lnTo>
                      <a:pt x="311" y="44"/>
                    </a:lnTo>
                    <a:lnTo>
                      <a:pt x="318" y="37"/>
                    </a:lnTo>
                    <a:lnTo>
                      <a:pt x="326" y="32"/>
                    </a:lnTo>
                    <a:lnTo>
                      <a:pt x="335" y="25"/>
                    </a:lnTo>
                    <a:lnTo>
                      <a:pt x="345" y="18"/>
                    </a:lnTo>
                    <a:lnTo>
                      <a:pt x="353" y="12"/>
                    </a:lnTo>
                    <a:lnTo>
                      <a:pt x="363" y="7"/>
                    </a:lnTo>
                    <a:lnTo>
                      <a:pt x="372" y="3"/>
                    </a:lnTo>
                    <a:lnTo>
                      <a:pt x="382" y="0"/>
                    </a:lnTo>
                    <a:lnTo>
                      <a:pt x="380" y="0"/>
                    </a:lnTo>
                    <a:lnTo>
                      <a:pt x="412" y="166"/>
                    </a:lnTo>
                    <a:lnTo>
                      <a:pt x="401" y="169"/>
                    </a:lnTo>
                    <a:lnTo>
                      <a:pt x="402" y="171"/>
                    </a:lnTo>
                    <a:lnTo>
                      <a:pt x="404" y="176"/>
                    </a:lnTo>
                    <a:lnTo>
                      <a:pt x="406" y="181"/>
                    </a:lnTo>
                    <a:lnTo>
                      <a:pt x="407" y="189"/>
                    </a:lnTo>
                    <a:lnTo>
                      <a:pt x="409" y="198"/>
                    </a:lnTo>
                    <a:lnTo>
                      <a:pt x="409" y="206"/>
                    </a:lnTo>
                    <a:lnTo>
                      <a:pt x="409" y="213"/>
                    </a:lnTo>
                    <a:lnTo>
                      <a:pt x="406" y="218"/>
                    </a:lnTo>
                    <a:lnTo>
                      <a:pt x="404" y="221"/>
                    </a:lnTo>
                    <a:lnTo>
                      <a:pt x="404" y="227"/>
                    </a:lnTo>
                    <a:lnTo>
                      <a:pt x="402" y="235"/>
                    </a:lnTo>
                    <a:lnTo>
                      <a:pt x="401" y="245"/>
                    </a:lnTo>
                    <a:lnTo>
                      <a:pt x="401" y="255"/>
                    </a:lnTo>
                    <a:lnTo>
                      <a:pt x="399" y="262"/>
                    </a:lnTo>
                    <a:lnTo>
                      <a:pt x="399" y="269"/>
                    </a:lnTo>
                    <a:lnTo>
                      <a:pt x="399" y="271"/>
                    </a:lnTo>
                    <a:lnTo>
                      <a:pt x="399" y="272"/>
                    </a:lnTo>
                    <a:lnTo>
                      <a:pt x="399" y="274"/>
                    </a:lnTo>
                    <a:lnTo>
                      <a:pt x="401" y="277"/>
                    </a:lnTo>
                    <a:lnTo>
                      <a:pt x="401" y="281"/>
                    </a:lnTo>
                    <a:lnTo>
                      <a:pt x="401" y="286"/>
                    </a:lnTo>
                    <a:lnTo>
                      <a:pt x="399" y="291"/>
                    </a:lnTo>
                    <a:lnTo>
                      <a:pt x="395" y="296"/>
                    </a:lnTo>
                    <a:lnTo>
                      <a:pt x="390" y="303"/>
                    </a:lnTo>
                    <a:lnTo>
                      <a:pt x="389" y="304"/>
                    </a:lnTo>
                    <a:lnTo>
                      <a:pt x="387" y="308"/>
                    </a:lnTo>
                    <a:lnTo>
                      <a:pt x="382" y="313"/>
                    </a:lnTo>
                    <a:lnTo>
                      <a:pt x="379" y="316"/>
                    </a:lnTo>
                    <a:lnTo>
                      <a:pt x="375" y="321"/>
                    </a:lnTo>
                    <a:lnTo>
                      <a:pt x="370" y="326"/>
                    </a:lnTo>
                    <a:lnTo>
                      <a:pt x="368" y="330"/>
                    </a:lnTo>
                    <a:lnTo>
                      <a:pt x="367" y="330"/>
                    </a:lnTo>
                    <a:lnTo>
                      <a:pt x="367" y="331"/>
                    </a:lnTo>
                    <a:lnTo>
                      <a:pt x="365" y="333"/>
                    </a:lnTo>
                    <a:lnTo>
                      <a:pt x="362" y="335"/>
                    </a:lnTo>
                    <a:lnTo>
                      <a:pt x="358" y="335"/>
                    </a:lnTo>
                    <a:lnTo>
                      <a:pt x="355" y="337"/>
                    </a:lnTo>
                    <a:lnTo>
                      <a:pt x="351" y="337"/>
                    </a:lnTo>
                    <a:lnTo>
                      <a:pt x="350" y="335"/>
                    </a:lnTo>
                    <a:lnTo>
                      <a:pt x="350" y="333"/>
                    </a:lnTo>
                    <a:lnTo>
                      <a:pt x="328" y="355"/>
                    </a:lnTo>
                    <a:lnTo>
                      <a:pt x="326" y="382"/>
                    </a:lnTo>
                    <a:lnTo>
                      <a:pt x="324" y="382"/>
                    </a:lnTo>
                    <a:lnTo>
                      <a:pt x="324" y="387"/>
                    </a:lnTo>
                    <a:lnTo>
                      <a:pt x="324" y="391"/>
                    </a:lnTo>
                    <a:lnTo>
                      <a:pt x="323" y="396"/>
                    </a:lnTo>
                    <a:lnTo>
                      <a:pt x="319" y="399"/>
                    </a:lnTo>
                    <a:lnTo>
                      <a:pt x="318" y="401"/>
                    </a:lnTo>
                    <a:lnTo>
                      <a:pt x="314" y="399"/>
                    </a:lnTo>
                    <a:lnTo>
                      <a:pt x="311" y="391"/>
                    </a:lnTo>
                    <a:lnTo>
                      <a:pt x="309" y="389"/>
                    </a:lnTo>
                    <a:lnTo>
                      <a:pt x="307" y="387"/>
                    </a:lnTo>
                    <a:lnTo>
                      <a:pt x="306" y="387"/>
                    </a:lnTo>
                    <a:lnTo>
                      <a:pt x="302" y="387"/>
                    </a:lnTo>
                    <a:lnTo>
                      <a:pt x="301" y="387"/>
                    </a:lnTo>
                    <a:lnTo>
                      <a:pt x="297" y="391"/>
                    </a:lnTo>
                    <a:lnTo>
                      <a:pt x="297" y="396"/>
                    </a:lnTo>
                    <a:lnTo>
                      <a:pt x="296" y="404"/>
                    </a:lnTo>
                    <a:lnTo>
                      <a:pt x="296" y="408"/>
                    </a:lnTo>
                    <a:lnTo>
                      <a:pt x="294" y="409"/>
                    </a:lnTo>
                    <a:lnTo>
                      <a:pt x="292" y="413"/>
                    </a:lnTo>
                    <a:lnTo>
                      <a:pt x="291" y="416"/>
                    </a:lnTo>
                    <a:lnTo>
                      <a:pt x="291" y="418"/>
                    </a:lnTo>
                    <a:lnTo>
                      <a:pt x="289" y="419"/>
                    </a:lnTo>
                    <a:lnTo>
                      <a:pt x="292" y="441"/>
                    </a:lnTo>
                    <a:lnTo>
                      <a:pt x="291" y="443"/>
                    </a:lnTo>
                    <a:lnTo>
                      <a:pt x="289" y="447"/>
                    </a:lnTo>
                    <a:lnTo>
                      <a:pt x="285" y="453"/>
                    </a:lnTo>
                    <a:lnTo>
                      <a:pt x="280" y="458"/>
                    </a:lnTo>
                    <a:lnTo>
                      <a:pt x="275" y="463"/>
                    </a:lnTo>
                    <a:lnTo>
                      <a:pt x="270" y="467"/>
                    </a:lnTo>
                    <a:lnTo>
                      <a:pt x="263" y="469"/>
                    </a:lnTo>
                    <a:lnTo>
                      <a:pt x="260" y="465"/>
                    </a:lnTo>
                    <a:lnTo>
                      <a:pt x="258" y="463"/>
                    </a:lnTo>
                    <a:lnTo>
                      <a:pt x="257" y="462"/>
                    </a:lnTo>
                    <a:lnTo>
                      <a:pt x="253" y="458"/>
                    </a:lnTo>
                    <a:lnTo>
                      <a:pt x="250" y="455"/>
                    </a:lnTo>
                    <a:lnTo>
                      <a:pt x="245" y="452"/>
                    </a:lnTo>
                    <a:lnTo>
                      <a:pt x="241" y="450"/>
                    </a:lnTo>
                    <a:lnTo>
                      <a:pt x="236" y="450"/>
                    </a:lnTo>
                    <a:lnTo>
                      <a:pt x="233" y="453"/>
                    </a:lnTo>
                    <a:lnTo>
                      <a:pt x="231" y="452"/>
                    </a:lnTo>
                    <a:lnTo>
                      <a:pt x="231" y="448"/>
                    </a:lnTo>
                    <a:lnTo>
                      <a:pt x="231" y="443"/>
                    </a:lnTo>
                    <a:lnTo>
                      <a:pt x="230" y="438"/>
                    </a:lnTo>
                    <a:lnTo>
                      <a:pt x="226" y="435"/>
                    </a:lnTo>
                    <a:lnTo>
                      <a:pt x="221" y="433"/>
                    </a:lnTo>
                    <a:lnTo>
                      <a:pt x="214" y="436"/>
                    </a:lnTo>
                    <a:lnTo>
                      <a:pt x="204" y="445"/>
                    </a:lnTo>
                    <a:lnTo>
                      <a:pt x="203" y="447"/>
                    </a:lnTo>
                    <a:lnTo>
                      <a:pt x="201" y="448"/>
                    </a:lnTo>
                    <a:lnTo>
                      <a:pt x="198" y="452"/>
                    </a:lnTo>
                    <a:lnTo>
                      <a:pt x="194" y="453"/>
                    </a:lnTo>
                    <a:lnTo>
                      <a:pt x="189" y="455"/>
                    </a:lnTo>
                    <a:lnTo>
                      <a:pt x="184" y="457"/>
                    </a:lnTo>
                    <a:lnTo>
                      <a:pt x="177" y="453"/>
                    </a:lnTo>
                    <a:lnTo>
                      <a:pt x="172" y="450"/>
                    </a:lnTo>
                    <a:lnTo>
                      <a:pt x="170" y="448"/>
                    </a:lnTo>
                    <a:lnTo>
                      <a:pt x="169" y="448"/>
                    </a:lnTo>
                    <a:lnTo>
                      <a:pt x="167" y="447"/>
                    </a:lnTo>
                    <a:lnTo>
                      <a:pt x="164" y="448"/>
                    </a:lnTo>
                    <a:lnTo>
                      <a:pt x="160" y="448"/>
                    </a:lnTo>
                    <a:lnTo>
                      <a:pt x="157" y="452"/>
                    </a:lnTo>
                    <a:lnTo>
                      <a:pt x="152" y="457"/>
                    </a:lnTo>
                    <a:lnTo>
                      <a:pt x="150" y="457"/>
                    </a:lnTo>
                    <a:lnTo>
                      <a:pt x="147" y="455"/>
                    </a:lnTo>
                    <a:lnTo>
                      <a:pt x="143" y="455"/>
                    </a:lnTo>
                    <a:lnTo>
                      <a:pt x="142" y="455"/>
                    </a:lnTo>
                    <a:lnTo>
                      <a:pt x="128" y="443"/>
                    </a:lnTo>
                    <a:lnTo>
                      <a:pt x="98" y="441"/>
                    </a:lnTo>
                    <a:lnTo>
                      <a:pt x="98" y="440"/>
                    </a:lnTo>
                    <a:lnTo>
                      <a:pt x="98" y="436"/>
                    </a:lnTo>
                    <a:lnTo>
                      <a:pt x="96" y="433"/>
                    </a:lnTo>
                    <a:lnTo>
                      <a:pt x="94" y="428"/>
                    </a:lnTo>
                    <a:lnTo>
                      <a:pt x="89" y="423"/>
                    </a:lnTo>
                    <a:lnTo>
                      <a:pt x="82" y="418"/>
                    </a:lnTo>
                    <a:lnTo>
                      <a:pt x="72" y="416"/>
                    </a:lnTo>
                    <a:lnTo>
                      <a:pt x="60" y="414"/>
                    </a:lnTo>
                    <a:lnTo>
                      <a:pt x="59" y="414"/>
                    </a:lnTo>
                    <a:lnTo>
                      <a:pt x="55" y="414"/>
                    </a:lnTo>
                    <a:lnTo>
                      <a:pt x="52" y="414"/>
                    </a:lnTo>
                    <a:lnTo>
                      <a:pt x="47" y="414"/>
                    </a:lnTo>
                    <a:lnTo>
                      <a:pt x="42" y="414"/>
                    </a:lnTo>
                    <a:lnTo>
                      <a:pt x="38" y="414"/>
                    </a:lnTo>
                    <a:lnTo>
                      <a:pt x="37" y="414"/>
                    </a:lnTo>
                    <a:lnTo>
                      <a:pt x="35" y="414"/>
                    </a:lnTo>
                    <a:lnTo>
                      <a:pt x="0" y="96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598" name="Group 162"/>
            <p:cNvGrpSpPr>
              <a:grpSpLocks/>
            </p:cNvGrpSpPr>
            <p:nvPr/>
          </p:nvGrpSpPr>
          <p:grpSpPr bwMode="auto">
            <a:xfrm>
              <a:off x="3877" y="2450"/>
              <a:ext cx="847" cy="372"/>
              <a:chOff x="4106" y="2078"/>
              <a:chExt cx="870" cy="383"/>
            </a:xfrm>
          </p:grpSpPr>
          <p:sp>
            <p:nvSpPr>
              <p:cNvPr id="619" name="Freeform 163"/>
              <p:cNvSpPr>
                <a:spLocks/>
              </p:cNvSpPr>
              <p:nvPr/>
            </p:nvSpPr>
            <p:spPr bwMode="auto">
              <a:xfrm>
                <a:off x="4106" y="2082"/>
                <a:ext cx="834" cy="379"/>
              </a:xfrm>
              <a:custGeom>
                <a:avLst/>
                <a:gdLst>
                  <a:gd name="T0" fmla="*/ 650 w 834"/>
                  <a:gd name="T1" fmla="*/ 362 h 379"/>
                  <a:gd name="T2" fmla="*/ 658 w 834"/>
                  <a:gd name="T3" fmla="*/ 340 h 379"/>
                  <a:gd name="T4" fmla="*/ 663 w 834"/>
                  <a:gd name="T5" fmla="*/ 338 h 379"/>
                  <a:gd name="T6" fmla="*/ 685 w 834"/>
                  <a:gd name="T7" fmla="*/ 292 h 379"/>
                  <a:gd name="T8" fmla="*/ 701 w 834"/>
                  <a:gd name="T9" fmla="*/ 276 h 379"/>
                  <a:gd name="T10" fmla="*/ 714 w 834"/>
                  <a:gd name="T11" fmla="*/ 262 h 379"/>
                  <a:gd name="T12" fmla="*/ 758 w 834"/>
                  <a:gd name="T13" fmla="*/ 238 h 379"/>
                  <a:gd name="T14" fmla="*/ 768 w 834"/>
                  <a:gd name="T15" fmla="*/ 232 h 379"/>
                  <a:gd name="T16" fmla="*/ 780 w 834"/>
                  <a:gd name="T17" fmla="*/ 230 h 379"/>
                  <a:gd name="T18" fmla="*/ 792 w 834"/>
                  <a:gd name="T19" fmla="*/ 215 h 379"/>
                  <a:gd name="T20" fmla="*/ 794 w 834"/>
                  <a:gd name="T21" fmla="*/ 193 h 379"/>
                  <a:gd name="T22" fmla="*/ 785 w 834"/>
                  <a:gd name="T23" fmla="*/ 199 h 379"/>
                  <a:gd name="T24" fmla="*/ 780 w 834"/>
                  <a:gd name="T25" fmla="*/ 193 h 379"/>
                  <a:gd name="T26" fmla="*/ 726 w 834"/>
                  <a:gd name="T27" fmla="*/ 198 h 379"/>
                  <a:gd name="T28" fmla="*/ 758 w 834"/>
                  <a:gd name="T29" fmla="*/ 199 h 379"/>
                  <a:gd name="T30" fmla="*/ 768 w 834"/>
                  <a:gd name="T31" fmla="*/ 176 h 379"/>
                  <a:gd name="T32" fmla="*/ 740 w 834"/>
                  <a:gd name="T33" fmla="*/ 155 h 379"/>
                  <a:gd name="T34" fmla="*/ 728 w 834"/>
                  <a:gd name="T35" fmla="*/ 149 h 379"/>
                  <a:gd name="T36" fmla="*/ 748 w 834"/>
                  <a:gd name="T37" fmla="*/ 149 h 379"/>
                  <a:gd name="T38" fmla="*/ 768 w 834"/>
                  <a:gd name="T39" fmla="*/ 144 h 379"/>
                  <a:gd name="T40" fmla="*/ 784 w 834"/>
                  <a:gd name="T41" fmla="*/ 147 h 379"/>
                  <a:gd name="T42" fmla="*/ 804 w 834"/>
                  <a:gd name="T43" fmla="*/ 147 h 379"/>
                  <a:gd name="T44" fmla="*/ 828 w 834"/>
                  <a:gd name="T45" fmla="*/ 110 h 379"/>
                  <a:gd name="T46" fmla="*/ 834 w 834"/>
                  <a:gd name="T47" fmla="*/ 105 h 379"/>
                  <a:gd name="T48" fmla="*/ 824 w 834"/>
                  <a:gd name="T49" fmla="*/ 67 h 379"/>
                  <a:gd name="T50" fmla="*/ 809 w 834"/>
                  <a:gd name="T51" fmla="*/ 89 h 379"/>
                  <a:gd name="T52" fmla="*/ 806 w 834"/>
                  <a:gd name="T53" fmla="*/ 101 h 379"/>
                  <a:gd name="T54" fmla="*/ 800 w 834"/>
                  <a:gd name="T55" fmla="*/ 79 h 379"/>
                  <a:gd name="T56" fmla="*/ 778 w 834"/>
                  <a:gd name="T57" fmla="*/ 76 h 379"/>
                  <a:gd name="T58" fmla="*/ 753 w 834"/>
                  <a:gd name="T59" fmla="*/ 83 h 379"/>
                  <a:gd name="T60" fmla="*/ 724 w 834"/>
                  <a:gd name="T61" fmla="*/ 96 h 379"/>
                  <a:gd name="T62" fmla="*/ 731 w 834"/>
                  <a:gd name="T63" fmla="*/ 61 h 379"/>
                  <a:gd name="T64" fmla="*/ 762 w 834"/>
                  <a:gd name="T65" fmla="*/ 67 h 379"/>
                  <a:gd name="T66" fmla="*/ 758 w 834"/>
                  <a:gd name="T67" fmla="*/ 52 h 379"/>
                  <a:gd name="T68" fmla="*/ 789 w 834"/>
                  <a:gd name="T69" fmla="*/ 49 h 379"/>
                  <a:gd name="T70" fmla="*/ 784 w 834"/>
                  <a:gd name="T71" fmla="*/ 35 h 379"/>
                  <a:gd name="T72" fmla="*/ 802 w 834"/>
                  <a:gd name="T73" fmla="*/ 39 h 379"/>
                  <a:gd name="T74" fmla="*/ 809 w 834"/>
                  <a:gd name="T75" fmla="*/ 35 h 379"/>
                  <a:gd name="T76" fmla="*/ 692 w 834"/>
                  <a:gd name="T77" fmla="*/ 20 h 379"/>
                  <a:gd name="T78" fmla="*/ 509 w 834"/>
                  <a:gd name="T79" fmla="*/ 56 h 379"/>
                  <a:gd name="T80" fmla="*/ 366 w 834"/>
                  <a:gd name="T81" fmla="*/ 79 h 379"/>
                  <a:gd name="T82" fmla="*/ 271 w 834"/>
                  <a:gd name="T83" fmla="*/ 91 h 379"/>
                  <a:gd name="T84" fmla="*/ 230 w 834"/>
                  <a:gd name="T85" fmla="*/ 94 h 379"/>
                  <a:gd name="T86" fmla="*/ 234 w 834"/>
                  <a:gd name="T87" fmla="*/ 118 h 379"/>
                  <a:gd name="T88" fmla="*/ 212 w 834"/>
                  <a:gd name="T89" fmla="*/ 145 h 379"/>
                  <a:gd name="T90" fmla="*/ 183 w 834"/>
                  <a:gd name="T91" fmla="*/ 162 h 379"/>
                  <a:gd name="T92" fmla="*/ 149 w 834"/>
                  <a:gd name="T93" fmla="*/ 181 h 379"/>
                  <a:gd name="T94" fmla="*/ 129 w 834"/>
                  <a:gd name="T95" fmla="*/ 194 h 379"/>
                  <a:gd name="T96" fmla="*/ 117 w 834"/>
                  <a:gd name="T97" fmla="*/ 218 h 379"/>
                  <a:gd name="T98" fmla="*/ 68 w 834"/>
                  <a:gd name="T99" fmla="*/ 250 h 379"/>
                  <a:gd name="T100" fmla="*/ 27 w 834"/>
                  <a:gd name="T101" fmla="*/ 274 h 379"/>
                  <a:gd name="T102" fmla="*/ 9 w 834"/>
                  <a:gd name="T103" fmla="*/ 299 h 379"/>
                  <a:gd name="T104" fmla="*/ 125 w 834"/>
                  <a:gd name="T105" fmla="*/ 316 h 379"/>
                  <a:gd name="T106" fmla="*/ 152 w 834"/>
                  <a:gd name="T107" fmla="*/ 296 h 379"/>
                  <a:gd name="T108" fmla="*/ 210 w 834"/>
                  <a:gd name="T109" fmla="*/ 274 h 379"/>
                  <a:gd name="T110" fmla="*/ 333 w 834"/>
                  <a:gd name="T111" fmla="*/ 265 h 379"/>
                  <a:gd name="T112" fmla="*/ 597 w 834"/>
                  <a:gd name="T113" fmla="*/ 379 h 379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834"/>
                  <a:gd name="T172" fmla="*/ 0 h 379"/>
                  <a:gd name="T173" fmla="*/ 834 w 834"/>
                  <a:gd name="T174" fmla="*/ 379 h 379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834" h="379">
                    <a:moveTo>
                      <a:pt x="604" y="377"/>
                    </a:moveTo>
                    <a:lnTo>
                      <a:pt x="618" y="369"/>
                    </a:lnTo>
                    <a:lnTo>
                      <a:pt x="628" y="362"/>
                    </a:lnTo>
                    <a:lnTo>
                      <a:pt x="636" y="360"/>
                    </a:lnTo>
                    <a:lnTo>
                      <a:pt x="643" y="360"/>
                    </a:lnTo>
                    <a:lnTo>
                      <a:pt x="648" y="360"/>
                    </a:lnTo>
                    <a:lnTo>
                      <a:pt x="650" y="362"/>
                    </a:lnTo>
                    <a:lnTo>
                      <a:pt x="653" y="364"/>
                    </a:lnTo>
                    <a:lnTo>
                      <a:pt x="653" y="365"/>
                    </a:lnTo>
                    <a:lnTo>
                      <a:pt x="653" y="333"/>
                    </a:lnTo>
                    <a:lnTo>
                      <a:pt x="657" y="333"/>
                    </a:lnTo>
                    <a:lnTo>
                      <a:pt x="658" y="335"/>
                    </a:lnTo>
                    <a:lnTo>
                      <a:pt x="658" y="338"/>
                    </a:lnTo>
                    <a:lnTo>
                      <a:pt x="658" y="340"/>
                    </a:lnTo>
                    <a:lnTo>
                      <a:pt x="660" y="345"/>
                    </a:lnTo>
                    <a:lnTo>
                      <a:pt x="662" y="348"/>
                    </a:lnTo>
                    <a:lnTo>
                      <a:pt x="662" y="352"/>
                    </a:lnTo>
                    <a:lnTo>
                      <a:pt x="662" y="353"/>
                    </a:lnTo>
                    <a:lnTo>
                      <a:pt x="663" y="345"/>
                    </a:lnTo>
                    <a:lnTo>
                      <a:pt x="663" y="338"/>
                    </a:lnTo>
                    <a:lnTo>
                      <a:pt x="667" y="330"/>
                    </a:lnTo>
                    <a:lnTo>
                      <a:pt x="668" y="323"/>
                    </a:lnTo>
                    <a:lnTo>
                      <a:pt x="672" y="316"/>
                    </a:lnTo>
                    <a:lnTo>
                      <a:pt x="675" y="309"/>
                    </a:lnTo>
                    <a:lnTo>
                      <a:pt x="679" y="303"/>
                    </a:lnTo>
                    <a:lnTo>
                      <a:pt x="682" y="298"/>
                    </a:lnTo>
                    <a:lnTo>
                      <a:pt x="685" y="292"/>
                    </a:lnTo>
                    <a:lnTo>
                      <a:pt x="689" y="289"/>
                    </a:lnTo>
                    <a:lnTo>
                      <a:pt x="692" y="286"/>
                    </a:lnTo>
                    <a:lnTo>
                      <a:pt x="696" y="282"/>
                    </a:lnTo>
                    <a:lnTo>
                      <a:pt x="697" y="279"/>
                    </a:lnTo>
                    <a:lnTo>
                      <a:pt x="699" y="277"/>
                    </a:lnTo>
                    <a:lnTo>
                      <a:pt x="701" y="277"/>
                    </a:lnTo>
                    <a:lnTo>
                      <a:pt x="701" y="276"/>
                    </a:lnTo>
                    <a:lnTo>
                      <a:pt x="696" y="267"/>
                    </a:lnTo>
                    <a:lnTo>
                      <a:pt x="702" y="262"/>
                    </a:lnTo>
                    <a:lnTo>
                      <a:pt x="702" y="264"/>
                    </a:lnTo>
                    <a:lnTo>
                      <a:pt x="704" y="267"/>
                    </a:lnTo>
                    <a:lnTo>
                      <a:pt x="706" y="270"/>
                    </a:lnTo>
                    <a:lnTo>
                      <a:pt x="707" y="270"/>
                    </a:lnTo>
                    <a:lnTo>
                      <a:pt x="714" y="262"/>
                    </a:lnTo>
                    <a:lnTo>
                      <a:pt x="721" y="254"/>
                    </a:lnTo>
                    <a:lnTo>
                      <a:pt x="729" y="248"/>
                    </a:lnTo>
                    <a:lnTo>
                      <a:pt x="738" y="243"/>
                    </a:lnTo>
                    <a:lnTo>
                      <a:pt x="745" y="242"/>
                    </a:lnTo>
                    <a:lnTo>
                      <a:pt x="751" y="240"/>
                    </a:lnTo>
                    <a:lnTo>
                      <a:pt x="756" y="238"/>
                    </a:lnTo>
                    <a:lnTo>
                      <a:pt x="758" y="238"/>
                    </a:lnTo>
                    <a:lnTo>
                      <a:pt x="758" y="232"/>
                    </a:lnTo>
                    <a:lnTo>
                      <a:pt x="760" y="230"/>
                    </a:lnTo>
                    <a:lnTo>
                      <a:pt x="762" y="228"/>
                    </a:lnTo>
                    <a:lnTo>
                      <a:pt x="763" y="228"/>
                    </a:lnTo>
                    <a:lnTo>
                      <a:pt x="765" y="230"/>
                    </a:lnTo>
                    <a:lnTo>
                      <a:pt x="767" y="230"/>
                    </a:lnTo>
                    <a:lnTo>
                      <a:pt x="768" y="232"/>
                    </a:lnTo>
                    <a:lnTo>
                      <a:pt x="768" y="233"/>
                    </a:lnTo>
                    <a:lnTo>
                      <a:pt x="770" y="230"/>
                    </a:lnTo>
                    <a:lnTo>
                      <a:pt x="772" y="228"/>
                    </a:lnTo>
                    <a:lnTo>
                      <a:pt x="773" y="226"/>
                    </a:lnTo>
                    <a:lnTo>
                      <a:pt x="775" y="228"/>
                    </a:lnTo>
                    <a:lnTo>
                      <a:pt x="778" y="228"/>
                    </a:lnTo>
                    <a:lnTo>
                      <a:pt x="780" y="230"/>
                    </a:lnTo>
                    <a:lnTo>
                      <a:pt x="782" y="230"/>
                    </a:lnTo>
                    <a:lnTo>
                      <a:pt x="784" y="230"/>
                    </a:lnTo>
                    <a:lnTo>
                      <a:pt x="785" y="226"/>
                    </a:lnTo>
                    <a:lnTo>
                      <a:pt x="787" y="223"/>
                    </a:lnTo>
                    <a:lnTo>
                      <a:pt x="790" y="218"/>
                    </a:lnTo>
                    <a:lnTo>
                      <a:pt x="792" y="215"/>
                    </a:lnTo>
                    <a:lnTo>
                      <a:pt x="795" y="210"/>
                    </a:lnTo>
                    <a:lnTo>
                      <a:pt x="797" y="208"/>
                    </a:lnTo>
                    <a:lnTo>
                      <a:pt x="797" y="204"/>
                    </a:lnTo>
                    <a:lnTo>
                      <a:pt x="797" y="196"/>
                    </a:lnTo>
                    <a:lnTo>
                      <a:pt x="795" y="193"/>
                    </a:lnTo>
                    <a:lnTo>
                      <a:pt x="795" y="191"/>
                    </a:lnTo>
                    <a:lnTo>
                      <a:pt x="794" y="193"/>
                    </a:lnTo>
                    <a:lnTo>
                      <a:pt x="792" y="194"/>
                    </a:lnTo>
                    <a:lnTo>
                      <a:pt x="790" y="198"/>
                    </a:lnTo>
                    <a:lnTo>
                      <a:pt x="790" y="199"/>
                    </a:lnTo>
                    <a:lnTo>
                      <a:pt x="790" y="201"/>
                    </a:lnTo>
                    <a:lnTo>
                      <a:pt x="789" y="201"/>
                    </a:lnTo>
                    <a:lnTo>
                      <a:pt x="787" y="199"/>
                    </a:lnTo>
                    <a:lnTo>
                      <a:pt x="785" y="199"/>
                    </a:lnTo>
                    <a:lnTo>
                      <a:pt x="785" y="198"/>
                    </a:lnTo>
                    <a:lnTo>
                      <a:pt x="784" y="191"/>
                    </a:lnTo>
                    <a:lnTo>
                      <a:pt x="784" y="188"/>
                    </a:lnTo>
                    <a:lnTo>
                      <a:pt x="784" y="186"/>
                    </a:lnTo>
                    <a:lnTo>
                      <a:pt x="782" y="188"/>
                    </a:lnTo>
                    <a:lnTo>
                      <a:pt x="780" y="189"/>
                    </a:lnTo>
                    <a:lnTo>
                      <a:pt x="780" y="193"/>
                    </a:lnTo>
                    <a:lnTo>
                      <a:pt x="780" y="194"/>
                    </a:lnTo>
                    <a:lnTo>
                      <a:pt x="780" y="196"/>
                    </a:lnTo>
                    <a:lnTo>
                      <a:pt x="772" y="198"/>
                    </a:lnTo>
                    <a:lnTo>
                      <a:pt x="753" y="215"/>
                    </a:lnTo>
                    <a:lnTo>
                      <a:pt x="741" y="213"/>
                    </a:lnTo>
                    <a:lnTo>
                      <a:pt x="724" y="198"/>
                    </a:lnTo>
                    <a:lnTo>
                      <a:pt x="726" y="198"/>
                    </a:lnTo>
                    <a:lnTo>
                      <a:pt x="729" y="199"/>
                    </a:lnTo>
                    <a:lnTo>
                      <a:pt x="733" y="199"/>
                    </a:lnTo>
                    <a:lnTo>
                      <a:pt x="736" y="201"/>
                    </a:lnTo>
                    <a:lnTo>
                      <a:pt x="741" y="204"/>
                    </a:lnTo>
                    <a:lnTo>
                      <a:pt x="748" y="204"/>
                    </a:lnTo>
                    <a:lnTo>
                      <a:pt x="753" y="203"/>
                    </a:lnTo>
                    <a:lnTo>
                      <a:pt x="758" y="199"/>
                    </a:lnTo>
                    <a:lnTo>
                      <a:pt x="763" y="194"/>
                    </a:lnTo>
                    <a:lnTo>
                      <a:pt x="767" y="191"/>
                    </a:lnTo>
                    <a:lnTo>
                      <a:pt x="770" y="188"/>
                    </a:lnTo>
                    <a:lnTo>
                      <a:pt x="770" y="186"/>
                    </a:lnTo>
                    <a:lnTo>
                      <a:pt x="760" y="182"/>
                    </a:lnTo>
                    <a:lnTo>
                      <a:pt x="758" y="177"/>
                    </a:lnTo>
                    <a:lnTo>
                      <a:pt x="768" y="176"/>
                    </a:lnTo>
                    <a:lnTo>
                      <a:pt x="772" y="164"/>
                    </a:lnTo>
                    <a:lnTo>
                      <a:pt x="770" y="164"/>
                    </a:lnTo>
                    <a:lnTo>
                      <a:pt x="768" y="164"/>
                    </a:lnTo>
                    <a:lnTo>
                      <a:pt x="767" y="164"/>
                    </a:lnTo>
                    <a:lnTo>
                      <a:pt x="763" y="162"/>
                    </a:lnTo>
                    <a:lnTo>
                      <a:pt x="750" y="159"/>
                    </a:lnTo>
                    <a:lnTo>
                      <a:pt x="740" y="155"/>
                    </a:lnTo>
                    <a:lnTo>
                      <a:pt x="731" y="154"/>
                    </a:lnTo>
                    <a:lnTo>
                      <a:pt x="728" y="152"/>
                    </a:lnTo>
                    <a:lnTo>
                      <a:pt x="724" y="150"/>
                    </a:lnTo>
                    <a:lnTo>
                      <a:pt x="723" y="150"/>
                    </a:lnTo>
                    <a:lnTo>
                      <a:pt x="724" y="149"/>
                    </a:lnTo>
                    <a:lnTo>
                      <a:pt x="726" y="149"/>
                    </a:lnTo>
                    <a:lnTo>
                      <a:pt x="728" y="149"/>
                    </a:lnTo>
                    <a:lnTo>
                      <a:pt x="731" y="147"/>
                    </a:lnTo>
                    <a:lnTo>
                      <a:pt x="736" y="149"/>
                    </a:lnTo>
                    <a:lnTo>
                      <a:pt x="740" y="149"/>
                    </a:lnTo>
                    <a:lnTo>
                      <a:pt x="743" y="149"/>
                    </a:lnTo>
                    <a:lnTo>
                      <a:pt x="745" y="149"/>
                    </a:lnTo>
                    <a:lnTo>
                      <a:pt x="746" y="149"/>
                    </a:lnTo>
                    <a:lnTo>
                      <a:pt x="748" y="149"/>
                    </a:lnTo>
                    <a:lnTo>
                      <a:pt x="746" y="138"/>
                    </a:lnTo>
                    <a:lnTo>
                      <a:pt x="755" y="135"/>
                    </a:lnTo>
                    <a:lnTo>
                      <a:pt x="760" y="144"/>
                    </a:lnTo>
                    <a:lnTo>
                      <a:pt x="762" y="144"/>
                    </a:lnTo>
                    <a:lnTo>
                      <a:pt x="765" y="144"/>
                    </a:lnTo>
                    <a:lnTo>
                      <a:pt x="767" y="145"/>
                    </a:lnTo>
                    <a:lnTo>
                      <a:pt x="768" y="144"/>
                    </a:lnTo>
                    <a:lnTo>
                      <a:pt x="770" y="138"/>
                    </a:lnTo>
                    <a:lnTo>
                      <a:pt x="772" y="135"/>
                    </a:lnTo>
                    <a:lnTo>
                      <a:pt x="773" y="137"/>
                    </a:lnTo>
                    <a:lnTo>
                      <a:pt x="777" y="138"/>
                    </a:lnTo>
                    <a:lnTo>
                      <a:pt x="778" y="142"/>
                    </a:lnTo>
                    <a:lnTo>
                      <a:pt x="782" y="145"/>
                    </a:lnTo>
                    <a:lnTo>
                      <a:pt x="784" y="147"/>
                    </a:lnTo>
                    <a:lnTo>
                      <a:pt x="784" y="149"/>
                    </a:lnTo>
                    <a:lnTo>
                      <a:pt x="785" y="149"/>
                    </a:lnTo>
                    <a:lnTo>
                      <a:pt x="787" y="149"/>
                    </a:lnTo>
                    <a:lnTo>
                      <a:pt x="792" y="149"/>
                    </a:lnTo>
                    <a:lnTo>
                      <a:pt x="795" y="149"/>
                    </a:lnTo>
                    <a:lnTo>
                      <a:pt x="800" y="149"/>
                    </a:lnTo>
                    <a:lnTo>
                      <a:pt x="804" y="147"/>
                    </a:lnTo>
                    <a:lnTo>
                      <a:pt x="807" y="147"/>
                    </a:lnTo>
                    <a:lnTo>
                      <a:pt x="809" y="147"/>
                    </a:lnTo>
                    <a:lnTo>
                      <a:pt x="814" y="130"/>
                    </a:lnTo>
                    <a:lnTo>
                      <a:pt x="819" y="120"/>
                    </a:lnTo>
                    <a:lnTo>
                      <a:pt x="824" y="113"/>
                    </a:lnTo>
                    <a:lnTo>
                      <a:pt x="826" y="110"/>
                    </a:lnTo>
                    <a:lnTo>
                      <a:pt x="828" y="110"/>
                    </a:lnTo>
                    <a:lnTo>
                      <a:pt x="829" y="111"/>
                    </a:lnTo>
                    <a:lnTo>
                      <a:pt x="831" y="113"/>
                    </a:lnTo>
                    <a:lnTo>
                      <a:pt x="831" y="111"/>
                    </a:lnTo>
                    <a:lnTo>
                      <a:pt x="833" y="110"/>
                    </a:lnTo>
                    <a:lnTo>
                      <a:pt x="834" y="106"/>
                    </a:lnTo>
                    <a:lnTo>
                      <a:pt x="834" y="105"/>
                    </a:lnTo>
                    <a:lnTo>
                      <a:pt x="834" y="96"/>
                    </a:lnTo>
                    <a:lnTo>
                      <a:pt x="833" y="88"/>
                    </a:lnTo>
                    <a:lnTo>
                      <a:pt x="831" y="81"/>
                    </a:lnTo>
                    <a:lnTo>
                      <a:pt x="829" y="76"/>
                    </a:lnTo>
                    <a:lnTo>
                      <a:pt x="828" y="72"/>
                    </a:lnTo>
                    <a:lnTo>
                      <a:pt x="826" y="69"/>
                    </a:lnTo>
                    <a:lnTo>
                      <a:pt x="824" y="67"/>
                    </a:lnTo>
                    <a:lnTo>
                      <a:pt x="817" y="72"/>
                    </a:lnTo>
                    <a:lnTo>
                      <a:pt x="816" y="72"/>
                    </a:lnTo>
                    <a:lnTo>
                      <a:pt x="814" y="74"/>
                    </a:lnTo>
                    <a:lnTo>
                      <a:pt x="811" y="76"/>
                    </a:lnTo>
                    <a:lnTo>
                      <a:pt x="809" y="79"/>
                    </a:lnTo>
                    <a:lnTo>
                      <a:pt x="809" y="89"/>
                    </a:lnTo>
                    <a:lnTo>
                      <a:pt x="809" y="96"/>
                    </a:lnTo>
                    <a:lnTo>
                      <a:pt x="807" y="101"/>
                    </a:lnTo>
                    <a:lnTo>
                      <a:pt x="807" y="105"/>
                    </a:lnTo>
                    <a:lnTo>
                      <a:pt x="807" y="106"/>
                    </a:lnTo>
                    <a:lnTo>
                      <a:pt x="806" y="105"/>
                    </a:lnTo>
                    <a:lnTo>
                      <a:pt x="806" y="101"/>
                    </a:lnTo>
                    <a:lnTo>
                      <a:pt x="804" y="98"/>
                    </a:lnTo>
                    <a:lnTo>
                      <a:pt x="802" y="94"/>
                    </a:lnTo>
                    <a:lnTo>
                      <a:pt x="802" y="91"/>
                    </a:lnTo>
                    <a:lnTo>
                      <a:pt x="802" y="88"/>
                    </a:lnTo>
                    <a:lnTo>
                      <a:pt x="800" y="84"/>
                    </a:lnTo>
                    <a:lnTo>
                      <a:pt x="800" y="81"/>
                    </a:lnTo>
                    <a:lnTo>
                      <a:pt x="800" y="79"/>
                    </a:lnTo>
                    <a:lnTo>
                      <a:pt x="800" y="78"/>
                    </a:lnTo>
                    <a:lnTo>
                      <a:pt x="799" y="71"/>
                    </a:lnTo>
                    <a:lnTo>
                      <a:pt x="797" y="67"/>
                    </a:lnTo>
                    <a:lnTo>
                      <a:pt x="792" y="67"/>
                    </a:lnTo>
                    <a:lnTo>
                      <a:pt x="789" y="69"/>
                    </a:lnTo>
                    <a:lnTo>
                      <a:pt x="784" y="72"/>
                    </a:lnTo>
                    <a:lnTo>
                      <a:pt x="778" y="76"/>
                    </a:lnTo>
                    <a:lnTo>
                      <a:pt x="777" y="78"/>
                    </a:lnTo>
                    <a:lnTo>
                      <a:pt x="775" y="79"/>
                    </a:lnTo>
                    <a:lnTo>
                      <a:pt x="763" y="79"/>
                    </a:lnTo>
                    <a:lnTo>
                      <a:pt x="762" y="81"/>
                    </a:lnTo>
                    <a:lnTo>
                      <a:pt x="760" y="81"/>
                    </a:lnTo>
                    <a:lnTo>
                      <a:pt x="756" y="83"/>
                    </a:lnTo>
                    <a:lnTo>
                      <a:pt x="753" y="83"/>
                    </a:lnTo>
                    <a:lnTo>
                      <a:pt x="750" y="84"/>
                    </a:lnTo>
                    <a:lnTo>
                      <a:pt x="745" y="86"/>
                    </a:lnTo>
                    <a:lnTo>
                      <a:pt x="743" y="88"/>
                    </a:lnTo>
                    <a:lnTo>
                      <a:pt x="741" y="88"/>
                    </a:lnTo>
                    <a:lnTo>
                      <a:pt x="731" y="94"/>
                    </a:lnTo>
                    <a:lnTo>
                      <a:pt x="726" y="96"/>
                    </a:lnTo>
                    <a:lnTo>
                      <a:pt x="724" y="96"/>
                    </a:lnTo>
                    <a:lnTo>
                      <a:pt x="724" y="94"/>
                    </a:lnTo>
                    <a:lnTo>
                      <a:pt x="726" y="91"/>
                    </a:lnTo>
                    <a:lnTo>
                      <a:pt x="729" y="88"/>
                    </a:lnTo>
                    <a:lnTo>
                      <a:pt x="731" y="84"/>
                    </a:lnTo>
                    <a:lnTo>
                      <a:pt x="733" y="84"/>
                    </a:lnTo>
                    <a:lnTo>
                      <a:pt x="724" y="66"/>
                    </a:lnTo>
                    <a:lnTo>
                      <a:pt x="731" y="61"/>
                    </a:lnTo>
                    <a:lnTo>
                      <a:pt x="736" y="71"/>
                    </a:lnTo>
                    <a:lnTo>
                      <a:pt x="748" y="78"/>
                    </a:lnTo>
                    <a:lnTo>
                      <a:pt x="751" y="76"/>
                    </a:lnTo>
                    <a:lnTo>
                      <a:pt x="755" y="72"/>
                    </a:lnTo>
                    <a:lnTo>
                      <a:pt x="758" y="71"/>
                    </a:lnTo>
                    <a:lnTo>
                      <a:pt x="762" y="67"/>
                    </a:lnTo>
                    <a:lnTo>
                      <a:pt x="763" y="66"/>
                    </a:lnTo>
                    <a:lnTo>
                      <a:pt x="765" y="64"/>
                    </a:lnTo>
                    <a:lnTo>
                      <a:pt x="765" y="62"/>
                    </a:lnTo>
                    <a:lnTo>
                      <a:pt x="756" y="56"/>
                    </a:lnTo>
                    <a:lnTo>
                      <a:pt x="753" y="52"/>
                    </a:lnTo>
                    <a:lnTo>
                      <a:pt x="755" y="52"/>
                    </a:lnTo>
                    <a:lnTo>
                      <a:pt x="758" y="52"/>
                    </a:lnTo>
                    <a:lnTo>
                      <a:pt x="763" y="54"/>
                    </a:lnTo>
                    <a:lnTo>
                      <a:pt x="768" y="56"/>
                    </a:lnTo>
                    <a:lnTo>
                      <a:pt x="772" y="57"/>
                    </a:lnTo>
                    <a:lnTo>
                      <a:pt x="775" y="59"/>
                    </a:lnTo>
                    <a:lnTo>
                      <a:pt x="789" y="52"/>
                    </a:lnTo>
                    <a:lnTo>
                      <a:pt x="789" y="50"/>
                    </a:lnTo>
                    <a:lnTo>
                      <a:pt x="789" y="49"/>
                    </a:lnTo>
                    <a:lnTo>
                      <a:pt x="787" y="47"/>
                    </a:lnTo>
                    <a:lnTo>
                      <a:pt x="787" y="45"/>
                    </a:lnTo>
                    <a:lnTo>
                      <a:pt x="780" y="39"/>
                    </a:lnTo>
                    <a:lnTo>
                      <a:pt x="777" y="34"/>
                    </a:lnTo>
                    <a:lnTo>
                      <a:pt x="780" y="34"/>
                    </a:lnTo>
                    <a:lnTo>
                      <a:pt x="784" y="35"/>
                    </a:lnTo>
                    <a:lnTo>
                      <a:pt x="787" y="37"/>
                    </a:lnTo>
                    <a:lnTo>
                      <a:pt x="790" y="39"/>
                    </a:lnTo>
                    <a:lnTo>
                      <a:pt x="790" y="40"/>
                    </a:lnTo>
                    <a:lnTo>
                      <a:pt x="792" y="40"/>
                    </a:lnTo>
                    <a:lnTo>
                      <a:pt x="795" y="39"/>
                    </a:lnTo>
                    <a:lnTo>
                      <a:pt x="800" y="39"/>
                    </a:lnTo>
                    <a:lnTo>
                      <a:pt x="802" y="39"/>
                    </a:lnTo>
                    <a:lnTo>
                      <a:pt x="811" y="47"/>
                    </a:lnTo>
                    <a:lnTo>
                      <a:pt x="816" y="50"/>
                    </a:lnTo>
                    <a:lnTo>
                      <a:pt x="817" y="50"/>
                    </a:lnTo>
                    <a:lnTo>
                      <a:pt x="817" y="47"/>
                    </a:lnTo>
                    <a:lnTo>
                      <a:pt x="814" y="44"/>
                    </a:lnTo>
                    <a:lnTo>
                      <a:pt x="811" y="39"/>
                    </a:lnTo>
                    <a:lnTo>
                      <a:pt x="809" y="35"/>
                    </a:lnTo>
                    <a:lnTo>
                      <a:pt x="807" y="34"/>
                    </a:lnTo>
                    <a:lnTo>
                      <a:pt x="800" y="17"/>
                    </a:lnTo>
                    <a:lnTo>
                      <a:pt x="790" y="15"/>
                    </a:lnTo>
                    <a:lnTo>
                      <a:pt x="780" y="0"/>
                    </a:lnTo>
                    <a:lnTo>
                      <a:pt x="750" y="8"/>
                    </a:lnTo>
                    <a:lnTo>
                      <a:pt x="721" y="15"/>
                    </a:lnTo>
                    <a:lnTo>
                      <a:pt x="692" y="20"/>
                    </a:lnTo>
                    <a:lnTo>
                      <a:pt x="663" y="27"/>
                    </a:lnTo>
                    <a:lnTo>
                      <a:pt x="636" y="32"/>
                    </a:lnTo>
                    <a:lnTo>
                      <a:pt x="609" y="39"/>
                    </a:lnTo>
                    <a:lnTo>
                      <a:pt x="584" y="44"/>
                    </a:lnTo>
                    <a:lnTo>
                      <a:pt x="558" y="47"/>
                    </a:lnTo>
                    <a:lnTo>
                      <a:pt x="533" y="52"/>
                    </a:lnTo>
                    <a:lnTo>
                      <a:pt x="509" y="56"/>
                    </a:lnTo>
                    <a:lnTo>
                      <a:pt x="486" y="61"/>
                    </a:lnTo>
                    <a:lnTo>
                      <a:pt x="464" y="64"/>
                    </a:lnTo>
                    <a:lnTo>
                      <a:pt x="443" y="67"/>
                    </a:lnTo>
                    <a:lnTo>
                      <a:pt x="423" y="71"/>
                    </a:lnTo>
                    <a:lnTo>
                      <a:pt x="403" y="74"/>
                    </a:lnTo>
                    <a:lnTo>
                      <a:pt x="384" y="76"/>
                    </a:lnTo>
                    <a:lnTo>
                      <a:pt x="366" y="79"/>
                    </a:lnTo>
                    <a:lnTo>
                      <a:pt x="349" y="81"/>
                    </a:lnTo>
                    <a:lnTo>
                      <a:pt x="333" y="83"/>
                    </a:lnTo>
                    <a:lnTo>
                      <a:pt x="318" y="84"/>
                    </a:lnTo>
                    <a:lnTo>
                      <a:pt x="305" y="86"/>
                    </a:lnTo>
                    <a:lnTo>
                      <a:pt x="293" y="88"/>
                    </a:lnTo>
                    <a:lnTo>
                      <a:pt x="281" y="89"/>
                    </a:lnTo>
                    <a:lnTo>
                      <a:pt x="271" y="91"/>
                    </a:lnTo>
                    <a:lnTo>
                      <a:pt x="261" y="91"/>
                    </a:lnTo>
                    <a:lnTo>
                      <a:pt x="252" y="93"/>
                    </a:lnTo>
                    <a:lnTo>
                      <a:pt x="245" y="93"/>
                    </a:lnTo>
                    <a:lnTo>
                      <a:pt x="240" y="94"/>
                    </a:lnTo>
                    <a:lnTo>
                      <a:pt x="235" y="94"/>
                    </a:lnTo>
                    <a:lnTo>
                      <a:pt x="232" y="94"/>
                    </a:lnTo>
                    <a:lnTo>
                      <a:pt x="230" y="94"/>
                    </a:lnTo>
                    <a:lnTo>
                      <a:pt x="232" y="94"/>
                    </a:lnTo>
                    <a:lnTo>
                      <a:pt x="232" y="96"/>
                    </a:lnTo>
                    <a:lnTo>
                      <a:pt x="232" y="100"/>
                    </a:lnTo>
                    <a:lnTo>
                      <a:pt x="232" y="106"/>
                    </a:lnTo>
                    <a:lnTo>
                      <a:pt x="232" y="111"/>
                    </a:lnTo>
                    <a:lnTo>
                      <a:pt x="234" y="118"/>
                    </a:lnTo>
                    <a:lnTo>
                      <a:pt x="232" y="125"/>
                    </a:lnTo>
                    <a:lnTo>
                      <a:pt x="232" y="128"/>
                    </a:lnTo>
                    <a:lnTo>
                      <a:pt x="232" y="130"/>
                    </a:lnTo>
                    <a:lnTo>
                      <a:pt x="225" y="130"/>
                    </a:lnTo>
                    <a:lnTo>
                      <a:pt x="220" y="133"/>
                    </a:lnTo>
                    <a:lnTo>
                      <a:pt x="215" y="138"/>
                    </a:lnTo>
                    <a:lnTo>
                      <a:pt x="212" y="145"/>
                    </a:lnTo>
                    <a:lnTo>
                      <a:pt x="208" y="152"/>
                    </a:lnTo>
                    <a:lnTo>
                      <a:pt x="206" y="157"/>
                    </a:lnTo>
                    <a:lnTo>
                      <a:pt x="205" y="160"/>
                    </a:lnTo>
                    <a:lnTo>
                      <a:pt x="198" y="157"/>
                    </a:lnTo>
                    <a:lnTo>
                      <a:pt x="191" y="157"/>
                    </a:lnTo>
                    <a:lnTo>
                      <a:pt x="183" y="162"/>
                    </a:lnTo>
                    <a:lnTo>
                      <a:pt x="174" y="169"/>
                    </a:lnTo>
                    <a:lnTo>
                      <a:pt x="168" y="177"/>
                    </a:lnTo>
                    <a:lnTo>
                      <a:pt x="161" y="184"/>
                    </a:lnTo>
                    <a:lnTo>
                      <a:pt x="156" y="188"/>
                    </a:lnTo>
                    <a:lnTo>
                      <a:pt x="154" y="188"/>
                    </a:lnTo>
                    <a:lnTo>
                      <a:pt x="152" y="182"/>
                    </a:lnTo>
                    <a:lnTo>
                      <a:pt x="149" y="181"/>
                    </a:lnTo>
                    <a:lnTo>
                      <a:pt x="147" y="179"/>
                    </a:lnTo>
                    <a:lnTo>
                      <a:pt x="144" y="179"/>
                    </a:lnTo>
                    <a:lnTo>
                      <a:pt x="140" y="181"/>
                    </a:lnTo>
                    <a:lnTo>
                      <a:pt x="137" y="182"/>
                    </a:lnTo>
                    <a:lnTo>
                      <a:pt x="134" y="186"/>
                    </a:lnTo>
                    <a:lnTo>
                      <a:pt x="132" y="191"/>
                    </a:lnTo>
                    <a:lnTo>
                      <a:pt x="129" y="194"/>
                    </a:lnTo>
                    <a:lnTo>
                      <a:pt x="125" y="199"/>
                    </a:lnTo>
                    <a:lnTo>
                      <a:pt x="124" y="204"/>
                    </a:lnTo>
                    <a:lnTo>
                      <a:pt x="122" y="208"/>
                    </a:lnTo>
                    <a:lnTo>
                      <a:pt x="118" y="213"/>
                    </a:lnTo>
                    <a:lnTo>
                      <a:pt x="118" y="215"/>
                    </a:lnTo>
                    <a:lnTo>
                      <a:pt x="117" y="216"/>
                    </a:lnTo>
                    <a:lnTo>
                      <a:pt x="117" y="218"/>
                    </a:lnTo>
                    <a:lnTo>
                      <a:pt x="108" y="220"/>
                    </a:lnTo>
                    <a:lnTo>
                      <a:pt x="100" y="223"/>
                    </a:lnTo>
                    <a:lnTo>
                      <a:pt x="91" y="228"/>
                    </a:lnTo>
                    <a:lnTo>
                      <a:pt x="83" y="235"/>
                    </a:lnTo>
                    <a:lnTo>
                      <a:pt x="78" y="240"/>
                    </a:lnTo>
                    <a:lnTo>
                      <a:pt x="71" y="247"/>
                    </a:lnTo>
                    <a:lnTo>
                      <a:pt x="68" y="250"/>
                    </a:lnTo>
                    <a:lnTo>
                      <a:pt x="66" y="252"/>
                    </a:lnTo>
                    <a:lnTo>
                      <a:pt x="56" y="252"/>
                    </a:lnTo>
                    <a:lnTo>
                      <a:pt x="47" y="255"/>
                    </a:lnTo>
                    <a:lnTo>
                      <a:pt x="41" y="259"/>
                    </a:lnTo>
                    <a:lnTo>
                      <a:pt x="34" y="264"/>
                    </a:lnTo>
                    <a:lnTo>
                      <a:pt x="31" y="269"/>
                    </a:lnTo>
                    <a:lnTo>
                      <a:pt x="27" y="274"/>
                    </a:lnTo>
                    <a:lnTo>
                      <a:pt x="25" y="277"/>
                    </a:lnTo>
                    <a:lnTo>
                      <a:pt x="25" y="279"/>
                    </a:lnTo>
                    <a:lnTo>
                      <a:pt x="24" y="286"/>
                    </a:lnTo>
                    <a:lnTo>
                      <a:pt x="20" y="291"/>
                    </a:lnTo>
                    <a:lnTo>
                      <a:pt x="17" y="296"/>
                    </a:lnTo>
                    <a:lnTo>
                      <a:pt x="12" y="298"/>
                    </a:lnTo>
                    <a:lnTo>
                      <a:pt x="9" y="299"/>
                    </a:lnTo>
                    <a:lnTo>
                      <a:pt x="3" y="299"/>
                    </a:lnTo>
                    <a:lnTo>
                      <a:pt x="0" y="299"/>
                    </a:lnTo>
                    <a:lnTo>
                      <a:pt x="0" y="333"/>
                    </a:lnTo>
                    <a:lnTo>
                      <a:pt x="124" y="314"/>
                    </a:lnTo>
                    <a:lnTo>
                      <a:pt x="125" y="316"/>
                    </a:lnTo>
                    <a:lnTo>
                      <a:pt x="127" y="314"/>
                    </a:lnTo>
                    <a:lnTo>
                      <a:pt x="129" y="313"/>
                    </a:lnTo>
                    <a:lnTo>
                      <a:pt x="132" y="309"/>
                    </a:lnTo>
                    <a:lnTo>
                      <a:pt x="135" y="306"/>
                    </a:lnTo>
                    <a:lnTo>
                      <a:pt x="140" y="303"/>
                    </a:lnTo>
                    <a:lnTo>
                      <a:pt x="146" y="299"/>
                    </a:lnTo>
                    <a:lnTo>
                      <a:pt x="152" y="296"/>
                    </a:lnTo>
                    <a:lnTo>
                      <a:pt x="157" y="292"/>
                    </a:lnTo>
                    <a:lnTo>
                      <a:pt x="166" y="287"/>
                    </a:lnTo>
                    <a:lnTo>
                      <a:pt x="173" y="284"/>
                    </a:lnTo>
                    <a:lnTo>
                      <a:pt x="181" y="281"/>
                    </a:lnTo>
                    <a:lnTo>
                      <a:pt x="190" y="279"/>
                    </a:lnTo>
                    <a:lnTo>
                      <a:pt x="200" y="277"/>
                    </a:lnTo>
                    <a:lnTo>
                      <a:pt x="210" y="274"/>
                    </a:lnTo>
                    <a:lnTo>
                      <a:pt x="218" y="274"/>
                    </a:lnTo>
                    <a:lnTo>
                      <a:pt x="311" y="265"/>
                    </a:lnTo>
                    <a:lnTo>
                      <a:pt x="313" y="265"/>
                    </a:lnTo>
                    <a:lnTo>
                      <a:pt x="315" y="264"/>
                    </a:lnTo>
                    <a:lnTo>
                      <a:pt x="320" y="264"/>
                    </a:lnTo>
                    <a:lnTo>
                      <a:pt x="327" y="264"/>
                    </a:lnTo>
                    <a:lnTo>
                      <a:pt x="333" y="265"/>
                    </a:lnTo>
                    <a:lnTo>
                      <a:pt x="340" y="269"/>
                    </a:lnTo>
                    <a:lnTo>
                      <a:pt x="347" y="276"/>
                    </a:lnTo>
                    <a:lnTo>
                      <a:pt x="355" y="287"/>
                    </a:lnTo>
                    <a:lnTo>
                      <a:pt x="359" y="301"/>
                    </a:lnTo>
                    <a:lnTo>
                      <a:pt x="467" y="284"/>
                    </a:lnTo>
                    <a:lnTo>
                      <a:pt x="597" y="379"/>
                    </a:lnTo>
                    <a:lnTo>
                      <a:pt x="601" y="379"/>
                    </a:lnTo>
                    <a:lnTo>
                      <a:pt x="602" y="379"/>
                    </a:lnTo>
                    <a:lnTo>
                      <a:pt x="604" y="37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20" name="Freeform 164"/>
              <p:cNvSpPr>
                <a:spLocks/>
              </p:cNvSpPr>
              <p:nvPr/>
            </p:nvSpPr>
            <p:spPr bwMode="auto">
              <a:xfrm>
                <a:off x="4106" y="2082"/>
                <a:ext cx="834" cy="379"/>
              </a:xfrm>
              <a:custGeom>
                <a:avLst/>
                <a:gdLst>
                  <a:gd name="T0" fmla="*/ 648 w 834"/>
                  <a:gd name="T1" fmla="*/ 360 h 379"/>
                  <a:gd name="T2" fmla="*/ 658 w 834"/>
                  <a:gd name="T3" fmla="*/ 335 h 379"/>
                  <a:gd name="T4" fmla="*/ 662 w 834"/>
                  <a:gd name="T5" fmla="*/ 353 h 379"/>
                  <a:gd name="T6" fmla="*/ 675 w 834"/>
                  <a:gd name="T7" fmla="*/ 309 h 379"/>
                  <a:gd name="T8" fmla="*/ 697 w 834"/>
                  <a:gd name="T9" fmla="*/ 279 h 379"/>
                  <a:gd name="T10" fmla="*/ 702 w 834"/>
                  <a:gd name="T11" fmla="*/ 264 h 379"/>
                  <a:gd name="T12" fmla="*/ 729 w 834"/>
                  <a:gd name="T13" fmla="*/ 248 h 379"/>
                  <a:gd name="T14" fmla="*/ 758 w 834"/>
                  <a:gd name="T15" fmla="*/ 232 h 379"/>
                  <a:gd name="T16" fmla="*/ 768 w 834"/>
                  <a:gd name="T17" fmla="*/ 233 h 379"/>
                  <a:gd name="T18" fmla="*/ 780 w 834"/>
                  <a:gd name="T19" fmla="*/ 230 h 379"/>
                  <a:gd name="T20" fmla="*/ 790 w 834"/>
                  <a:gd name="T21" fmla="*/ 218 h 379"/>
                  <a:gd name="T22" fmla="*/ 795 w 834"/>
                  <a:gd name="T23" fmla="*/ 193 h 379"/>
                  <a:gd name="T24" fmla="*/ 790 w 834"/>
                  <a:gd name="T25" fmla="*/ 201 h 379"/>
                  <a:gd name="T26" fmla="*/ 784 w 834"/>
                  <a:gd name="T27" fmla="*/ 188 h 379"/>
                  <a:gd name="T28" fmla="*/ 772 w 834"/>
                  <a:gd name="T29" fmla="*/ 198 h 379"/>
                  <a:gd name="T30" fmla="*/ 733 w 834"/>
                  <a:gd name="T31" fmla="*/ 199 h 379"/>
                  <a:gd name="T32" fmla="*/ 763 w 834"/>
                  <a:gd name="T33" fmla="*/ 194 h 379"/>
                  <a:gd name="T34" fmla="*/ 772 w 834"/>
                  <a:gd name="T35" fmla="*/ 164 h 379"/>
                  <a:gd name="T36" fmla="*/ 750 w 834"/>
                  <a:gd name="T37" fmla="*/ 159 h 379"/>
                  <a:gd name="T38" fmla="*/ 726 w 834"/>
                  <a:gd name="T39" fmla="*/ 149 h 379"/>
                  <a:gd name="T40" fmla="*/ 746 w 834"/>
                  <a:gd name="T41" fmla="*/ 149 h 379"/>
                  <a:gd name="T42" fmla="*/ 765 w 834"/>
                  <a:gd name="T43" fmla="*/ 144 h 379"/>
                  <a:gd name="T44" fmla="*/ 777 w 834"/>
                  <a:gd name="T45" fmla="*/ 138 h 379"/>
                  <a:gd name="T46" fmla="*/ 787 w 834"/>
                  <a:gd name="T47" fmla="*/ 149 h 379"/>
                  <a:gd name="T48" fmla="*/ 809 w 834"/>
                  <a:gd name="T49" fmla="*/ 147 h 379"/>
                  <a:gd name="T50" fmla="*/ 831 w 834"/>
                  <a:gd name="T51" fmla="*/ 113 h 379"/>
                  <a:gd name="T52" fmla="*/ 834 w 834"/>
                  <a:gd name="T53" fmla="*/ 105 h 379"/>
                  <a:gd name="T54" fmla="*/ 824 w 834"/>
                  <a:gd name="T55" fmla="*/ 67 h 379"/>
                  <a:gd name="T56" fmla="*/ 809 w 834"/>
                  <a:gd name="T57" fmla="*/ 79 h 379"/>
                  <a:gd name="T58" fmla="*/ 806 w 834"/>
                  <a:gd name="T59" fmla="*/ 105 h 379"/>
                  <a:gd name="T60" fmla="*/ 800 w 834"/>
                  <a:gd name="T61" fmla="*/ 84 h 379"/>
                  <a:gd name="T62" fmla="*/ 792 w 834"/>
                  <a:gd name="T63" fmla="*/ 67 h 379"/>
                  <a:gd name="T64" fmla="*/ 763 w 834"/>
                  <a:gd name="T65" fmla="*/ 79 h 379"/>
                  <a:gd name="T66" fmla="*/ 743 w 834"/>
                  <a:gd name="T67" fmla="*/ 88 h 379"/>
                  <a:gd name="T68" fmla="*/ 726 w 834"/>
                  <a:gd name="T69" fmla="*/ 91 h 379"/>
                  <a:gd name="T70" fmla="*/ 748 w 834"/>
                  <a:gd name="T71" fmla="*/ 78 h 379"/>
                  <a:gd name="T72" fmla="*/ 763 w 834"/>
                  <a:gd name="T73" fmla="*/ 66 h 379"/>
                  <a:gd name="T74" fmla="*/ 758 w 834"/>
                  <a:gd name="T75" fmla="*/ 52 h 379"/>
                  <a:gd name="T76" fmla="*/ 789 w 834"/>
                  <a:gd name="T77" fmla="*/ 50 h 379"/>
                  <a:gd name="T78" fmla="*/ 777 w 834"/>
                  <a:gd name="T79" fmla="*/ 34 h 379"/>
                  <a:gd name="T80" fmla="*/ 792 w 834"/>
                  <a:gd name="T81" fmla="*/ 40 h 379"/>
                  <a:gd name="T82" fmla="*/ 817 w 834"/>
                  <a:gd name="T83" fmla="*/ 50 h 379"/>
                  <a:gd name="T84" fmla="*/ 790 w 834"/>
                  <a:gd name="T85" fmla="*/ 15 h 379"/>
                  <a:gd name="T86" fmla="*/ 636 w 834"/>
                  <a:gd name="T87" fmla="*/ 32 h 379"/>
                  <a:gd name="T88" fmla="*/ 464 w 834"/>
                  <a:gd name="T89" fmla="*/ 64 h 379"/>
                  <a:gd name="T90" fmla="*/ 333 w 834"/>
                  <a:gd name="T91" fmla="*/ 83 h 379"/>
                  <a:gd name="T92" fmla="*/ 252 w 834"/>
                  <a:gd name="T93" fmla="*/ 93 h 379"/>
                  <a:gd name="T94" fmla="*/ 232 w 834"/>
                  <a:gd name="T95" fmla="*/ 94 h 379"/>
                  <a:gd name="T96" fmla="*/ 232 w 834"/>
                  <a:gd name="T97" fmla="*/ 125 h 379"/>
                  <a:gd name="T98" fmla="*/ 212 w 834"/>
                  <a:gd name="T99" fmla="*/ 145 h 379"/>
                  <a:gd name="T100" fmla="*/ 191 w 834"/>
                  <a:gd name="T101" fmla="*/ 157 h 379"/>
                  <a:gd name="T102" fmla="*/ 154 w 834"/>
                  <a:gd name="T103" fmla="*/ 188 h 379"/>
                  <a:gd name="T104" fmla="*/ 134 w 834"/>
                  <a:gd name="T105" fmla="*/ 186 h 379"/>
                  <a:gd name="T106" fmla="*/ 118 w 834"/>
                  <a:gd name="T107" fmla="*/ 215 h 379"/>
                  <a:gd name="T108" fmla="*/ 83 w 834"/>
                  <a:gd name="T109" fmla="*/ 235 h 379"/>
                  <a:gd name="T110" fmla="*/ 47 w 834"/>
                  <a:gd name="T111" fmla="*/ 255 h 379"/>
                  <a:gd name="T112" fmla="*/ 25 w 834"/>
                  <a:gd name="T113" fmla="*/ 279 h 379"/>
                  <a:gd name="T114" fmla="*/ 0 w 834"/>
                  <a:gd name="T115" fmla="*/ 299 h 379"/>
                  <a:gd name="T116" fmla="*/ 127 w 834"/>
                  <a:gd name="T117" fmla="*/ 314 h 379"/>
                  <a:gd name="T118" fmla="*/ 157 w 834"/>
                  <a:gd name="T119" fmla="*/ 292 h 379"/>
                  <a:gd name="T120" fmla="*/ 218 w 834"/>
                  <a:gd name="T121" fmla="*/ 274 h 379"/>
                  <a:gd name="T122" fmla="*/ 333 w 834"/>
                  <a:gd name="T123" fmla="*/ 265 h 379"/>
                  <a:gd name="T124" fmla="*/ 597 w 834"/>
                  <a:gd name="T125" fmla="*/ 379 h 379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  <a:gd name="T189" fmla="*/ 0 w 834"/>
                  <a:gd name="T190" fmla="*/ 0 h 379"/>
                  <a:gd name="T191" fmla="*/ 834 w 834"/>
                  <a:gd name="T192" fmla="*/ 379 h 379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T189" t="T190" r="T191" b="T192"/>
                <a:pathLst>
                  <a:path w="834" h="379">
                    <a:moveTo>
                      <a:pt x="604" y="377"/>
                    </a:moveTo>
                    <a:lnTo>
                      <a:pt x="604" y="377"/>
                    </a:lnTo>
                    <a:lnTo>
                      <a:pt x="618" y="369"/>
                    </a:lnTo>
                    <a:lnTo>
                      <a:pt x="628" y="362"/>
                    </a:lnTo>
                    <a:lnTo>
                      <a:pt x="636" y="360"/>
                    </a:lnTo>
                    <a:lnTo>
                      <a:pt x="643" y="360"/>
                    </a:lnTo>
                    <a:lnTo>
                      <a:pt x="648" y="360"/>
                    </a:lnTo>
                    <a:lnTo>
                      <a:pt x="650" y="362"/>
                    </a:lnTo>
                    <a:lnTo>
                      <a:pt x="653" y="364"/>
                    </a:lnTo>
                    <a:lnTo>
                      <a:pt x="653" y="365"/>
                    </a:lnTo>
                    <a:lnTo>
                      <a:pt x="653" y="333"/>
                    </a:lnTo>
                    <a:lnTo>
                      <a:pt x="657" y="333"/>
                    </a:lnTo>
                    <a:lnTo>
                      <a:pt x="658" y="335"/>
                    </a:lnTo>
                    <a:lnTo>
                      <a:pt x="658" y="338"/>
                    </a:lnTo>
                    <a:lnTo>
                      <a:pt x="658" y="340"/>
                    </a:lnTo>
                    <a:lnTo>
                      <a:pt x="660" y="345"/>
                    </a:lnTo>
                    <a:lnTo>
                      <a:pt x="662" y="348"/>
                    </a:lnTo>
                    <a:lnTo>
                      <a:pt x="662" y="352"/>
                    </a:lnTo>
                    <a:lnTo>
                      <a:pt x="662" y="353"/>
                    </a:lnTo>
                    <a:lnTo>
                      <a:pt x="663" y="345"/>
                    </a:lnTo>
                    <a:lnTo>
                      <a:pt x="663" y="338"/>
                    </a:lnTo>
                    <a:lnTo>
                      <a:pt x="667" y="330"/>
                    </a:lnTo>
                    <a:lnTo>
                      <a:pt x="668" y="323"/>
                    </a:lnTo>
                    <a:lnTo>
                      <a:pt x="672" y="316"/>
                    </a:lnTo>
                    <a:lnTo>
                      <a:pt x="675" y="309"/>
                    </a:lnTo>
                    <a:lnTo>
                      <a:pt x="679" y="303"/>
                    </a:lnTo>
                    <a:lnTo>
                      <a:pt x="682" y="298"/>
                    </a:lnTo>
                    <a:lnTo>
                      <a:pt x="685" y="292"/>
                    </a:lnTo>
                    <a:lnTo>
                      <a:pt x="689" y="289"/>
                    </a:lnTo>
                    <a:lnTo>
                      <a:pt x="692" y="286"/>
                    </a:lnTo>
                    <a:lnTo>
                      <a:pt x="696" y="282"/>
                    </a:lnTo>
                    <a:lnTo>
                      <a:pt x="697" y="279"/>
                    </a:lnTo>
                    <a:lnTo>
                      <a:pt x="699" y="277"/>
                    </a:lnTo>
                    <a:lnTo>
                      <a:pt x="701" y="277"/>
                    </a:lnTo>
                    <a:lnTo>
                      <a:pt x="701" y="276"/>
                    </a:lnTo>
                    <a:lnTo>
                      <a:pt x="696" y="267"/>
                    </a:lnTo>
                    <a:lnTo>
                      <a:pt x="702" y="262"/>
                    </a:lnTo>
                    <a:lnTo>
                      <a:pt x="702" y="264"/>
                    </a:lnTo>
                    <a:lnTo>
                      <a:pt x="704" y="267"/>
                    </a:lnTo>
                    <a:lnTo>
                      <a:pt x="706" y="270"/>
                    </a:lnTo>
                    <a:lnTo>
                      <a:pt x="707" y="270"/>
                    </a:lnTo>
                    <a:lnTo>
                      <a:pt x="714" y="262"/>
                    </a:lnTo>
                    <a:lnTo>
                      <a:pt x="721" y="254"/>
                    </a:lnTo>
                    <a:lnTo>
                      <a:pt x="729" y="248"/>
                    </a:lnTo>
                    <a:lnTo>
                      <a:pt x="738" y="243"/>
                    </a:lnTo>
                    <a:lnTo>
                      <a:pt x="745" y="242"/>
                    </a:lnTo>
                    <a:lnTo>
                      <a:pt x="751" y="240"/>
                    </a:lnTo>
                    <a:lnTo>
                      <a:pt x="756" y="238"/>
                    </a:lnTo>
                    <a:lnTo>
                      <a:pt x="758" y="238"/>
                    </a:lnTo>
                    <a:lnTo>
                      <a:pt x="758" y="232"/>
                    </a:lnTo>
                    <a:lnTo>
                      <a:pt x="760" y="230"/>
                    </a:lnTo>
                    <a:lnTo>
                      <a:pt x="762" y="228"/>
                    </a:lnTo>
                    <a:lnTo>
                      <a:pt x="763" y="228"/>
                    </a:lnTo>
                    <a:lnTo>
                      <a:pt x="765" y="230"/>
                    </a:lnTo>
                    <a:lnTo>
                      <a:pt x="767" y="230"/>
                    </a:lnTo>
                    <a:lnTo>
                      <a:pt x="768" y="232"/>
                    </a:lnTo>
                    <a:lnTo>
                      <a:pt x="768" y="233"/>
                    </a:lnTo>
                    <a:lnTo>
                      <a:pt x="770" y="230"/>
                    </a:lnTo>
                    <a:lnTo>
                      <a:pt x="772" y="228"/>
                    </a:lnTo>
                    <a:lnTo>
                      <a:pt x="773" y="226"/>
                    </a:lnTo>
                    <a:lnTo>
                      <a:pt x="775" y="228"/>
                    </a:lnTo>
                    <a:lnTo>
                      <a:pt x="778" y="228"/>
                    </a:lnTo>
                    <a:lnTo>
                      <a:pt x="780" y="230"/>
                    </a:lnTo>
                    <a:lnTo>
                      <a:pt x="782" y="230"/>
                    </a:lnTo>
                    <a:lnTo>
                      <a:pt x="784" y="230"/>
                    </a:lnTo>
                    <a:lnTo>
                      <a:pt x="785" y="226"/>
                    </a:lnTo>
                    <a:lnTo>
                      <a:pt x="787" y="223"/>
                    </a:lnTo>
                    <a:lnTo>
                      <a:pt x="790" y="218"/>
                    </a:lnTo>
                    <a:lnTo>
                      <a:pt x="792" y="215"/>
                    </a:lnTo>
                    <a:lnTo>
                      <a:pt x="795" y="210"/>
                    </a:lnTo>
                    <a:lnTo>
                      <a:pt x="797" y="208"/>
                    </a:lnTo>
                    <a:lnTo>
                      <a:pt x="797" y="204"/>
                    </a:lnTo>
                    <a:lnTo>
                      <a:pt x="797" y="196"/>
                    </a:lnTo>
                    <a:lnTo>
                      <a:pt x="795" y="193"/>
                    </a:lnTo>
                    <a:lnTo>
                      <a:pt x="795" y="191"/>
                    </a:lnTo>
                    <a:lnTo>
                      <a:pt x="794" y="193"/>
                    </a:lnTo>
                    <a:lnTo>
                      <a:pt x="792" y="194"/>
                    </a:lnTo>
                    <a:lnTo>
                      <a:pt x="790" y="198"/>
                    </a:lnTo>
                    <a:lnTo>
                      <a:pt x="790" y="199"/>
                    </a:lnTo>
                    <a:lnTo>
                      <a:pt x="790" y="201"/>
                    </a:lnTo>
                    <a:lnTo>
                      <a:pt x="789" y="201"/>
                    </a:lnTo>
                    <a:lnTo>
                      <a:pt x="787" y="199"/>
                    </a:lnTo>
                    <a:lnTo>
                      <a:pt x="785" y="199"/>
                    </a:lnTo>
                    <a:lnTo>
                      <a:pt x="785" y="198"/>
                    </a:lnTo>
                    <a:lnTo>
                      <a:pt x="784" y="191"/>
                    </a:lnTo>
                    <a:lnTo>
                      <a:pt x="784" y="188"/>
                    </a:lnTo>
                    <a:lnTo>
                      <a:pt x="784" y="186"/>
                    </a:lnTo>
                    <a:lnTo>
                      <a:pt x="782" y="188"/>
                    </a:lnTo>
                    <a:lnTo>
                      <a:pt x="780" y="189"/>
                    </a:lnTo>
                    <a:lnTo>
                      <a:pt x="780" y="193"/>
                    </a:lnTo>
                    <a:lnTo>
                      <a:pt x="780" y="194"/>
                    </a:lnTo>
                    <a:lnTo>
                      <a:pt x="780" y="196"/>
                    </a:lnTo>
                    <a:lnTo>
                      <a:pt x="772" y="198"/>
                    </a:lnTo>
                    <a:lnTo>
                      <a:pt x="753" y="215"/>
                    </a:lnTo>
                    <a:lnTo>
                      <a:pt x="741" y="213"/>
                    </a:lnTo>
                    <a:lnTo>
                      <a:pt x="724" y="198"/>
                    </a:lnTo>
                    <a:lnTo>
                      <a:pt x="726" y="198"/>
                    </a:lnTo>
                    <a:lnTo>
                      <a:pt x="729" y="199"/>
                    </a:lnTo>
                    <a:lnTo>
                      <a:pt x="733" y="199"/>
                    </a:lnTo>
                    <a:lnTo>
                      <a:pt x="736" y="201"/>
                    </a:lnTo>
                    <a:lnTo>
                      <a:pt x="741" y="204"/>
                    </a:lnTo>
                    <a:lnTo>
                      <a:pt x="748" y="204"/>
                    </a:lnTo>
                    <a:lnTo>
                      <a:pt x="753" y="203"/>
                    </a:lnTo>
                    <a:lnTo>
                      <a:pt x="758" y="199"/>
                    </a:lnTo>
                    <a:lnTo>
                      <a:pt x="763" y="194"/>
                    </a:lnTo>
                    <a:lnTo>
                      <a:pt x="767" y="191"/>
                    </a:lnTo>
                    <a:lnTo>
                      <a:pt x="770" y="188"/>
                    </a:lnTo>
                    <a:lnTo>
                      <a:pt x="770" y="186"/>
                    </a:lnTo>
                    <a:lnTo>
                      <a:pt x="760" y="182"/>
                    </a:lnTo>
                    <a:lnTo>
                      <a:pt x="758" y="177"/>
                    </a:lnTo>
                    <a:lnTo>
                      <a:pt x="768" y="176"/>
                    </a:lnTo>
                    <a:lnTo>
                      <a:pt x="772" y="164"/>
                    </a:lnTo>
                    <a:lnTo>
                      <a:pt x="770" y="164"/>
                    </a:lnTo>
                    <a:lnTo>
                      <a:pt x="768" y="164"/>
                    </a:lnTo>
                    <a:lnTo>
                      <a:pt x="767" y="164"/>
                    </a:lnTo>
                    <a:lnTo>
                      <a:pt x="763" y="162"/>
                    </a:lnTo>
                    <a:lnTo>
                      <a:pt x="750" y="159"/>
                    </a:lnTo>
                    <a:lnTo>
                      <a:pt x="740" y="155"/>
                    </a:lnTo>
                    <a:lnTo>
                      <a:pt x="731" y="154"/>
                    </a:lnTo>
                    <a:lnTo>
                      <a:pt x="728" y="152"/>
                    </a:lnTo>
                    <a:lnTo>
                      <a:pt x="724" y="150"/>
                    </a:lnTo>
                    <a:lnTo>
                      <a:pt x="723" y="150"/>
                    </a:lnTo>
                    <a:lnTo>
                      <a:pt x="724" y="149"/>
                    </a:lnTo>
                    <a:lnTo>
                      <a:pt x="726" y="149"/>
                    </a:lnTo>
                    <a:lnTo>
                      <a:pt x="728" y="149"/>
                    </a:lnTo>
                    <a:lnTo>
                      <a:pt x="731" y="147"/>
                    </a:lnTo>
                    <a:lnTo>
                      <a:pt x="736" y="149"/>
                    </a:lnTo>
                    <a:lnTo>
                      <a:pt x="740" y="149"/>
                    </a:lnTo>
                    <a:lnTo>
                      <a:pt x="743" y="149"/>
                    </a:lnTo>
                    <a:lnTo>
                      <a:pt x="745" y="149"/>
                    </a:lnTo>
                    <a:lnTo>
                      <a:pt x="746" y="149"/>
                    </a:lnTo>
                    <a:lnTo>
                      <a:pt x="748" y="149"/>
                    </a:lnTo>
                    <a:lnTo>
                      <a:pt x="746" y="138"/>
                    </a:lnTo>
                    <a:lnTo>
                      <a:pt x="755" y="135"/>
                    </a:lnTo>
                    <a:lnTo>
                      <a:pt x="760" y="144"/>
                    </a:lnTo>
                    <a:lnTo>
                      <a:pt x="762" y="144"/>
                    </a:lnTo>
                    <a:lnTo>
                      <a:pt x="765" y="144"/>
                    </a:lnTo>
                    <a:lnTo>
                      <a:pt x="767" y="145"/>
                    </a:lnTo>
                    <a:lnTo>
                      <a:pt x="768" y="144"/>
                    </a:lnTo>
                    <a:lnTo>
                      <a:pt x="770" y="138"/>
                    </a:lnTo>
                    <a:lnTo>
                      <a:pt x="772" y="135"/>
                    </a:lnTo>
                    <a:lnTo>
                      <a:pt x="773" y="137"/>
                    </a:lnTo>
                    <a:lnTo>
                      <a:pt x="777" y="138"/>
                    </a:lnTo>
                    <a:lnTo>
                      <a:pt x="778" y="142"/>
                    </a:lnTo>
                    <a:lnTo>
                      <a:pt x="782" y="145"/>
                    </a:lnTo>
                    <a:lnTo>
                      <a:pt x="784" y="147"/>
                    </a:lnTo>
                    <a:lnTo>
                      <a:pt x="784" y="149"/>
                    </a:lnTo>
                    <a:lnTo>
                      <a:pt x="785" y="149"/>
                    </a:lnTo>
                    <a:lnTo>
                      <a:pt x="787" y="149"/>
                    </a:lnTo>
                    <a:lnTo>
                      <a:pt x="792" y="149"/>
                    </a:lnTo>
                    <a:lnTo>
                      <a:pt x="795" y="149"/>
                    </a:lnTo>
                    <a:lnTo>
                      <a:pt x="800" y="149"/>
                    </a:lnTo>
                    <a:lnTo>
                      <a:pt x="804" y="147"/>
                    </a:lnTo>
                    <a:lnTo>
                      <a:pt x="807" y="147"/>
                    </a:lnTo>
                    <a:lnTo>
                      <a:pt x="809" y="147"/>
                    </a:lnTo>
                    <a:lnTo>
                      <a:pt x="814" y="130"/>
                    </a:lnTo>
                    <a:lnTo>
                      <a:pt x="819" y="120"/>
                    </a:lnTo>
                    <a:lnTo>
                      <a:pt x="824" y="113"/>
                    </a:lnTo>
                    <a:lnTo>
                      <a:pt x="826" y="110"/>
                    </a:lnTo>
                    <a:lnTo>
                      <a:pt x="828" y="110"/>
                    </a:lnTo>
                    <a:lnTo>
                      <a:pt x="829" y="111"/>
                    </a:lnTo>
                    <a:lnTo>
                      <a:pt x="831" y="113"/>
                    </a:lnTo>
                    <a:lnTo>
                      <a:pt x="831" y="111"/>
                    </a:lnTo>
                    <a:lnTo>
                      <a:pt x="833" y="110"/>
                    </a:lnTo>
                    <a:lnTo>
                      <a:pt x="834" y="106"/>
                    </a:lnTo>
                    <a:lnTo>
                      <a:pt x="834" y="105"/>
                    </a:lnTo>
                    <a:lnTo>
                      <a:pt x="834" y="96"/>
                    </a:lnTo>
                    <a:lnTo>
                      <a:pt x="833" y="88"/>
                    </a:lnTo>
                    <a:lnTo>
                      <a:pt x="831" y="81"/>
                    </a:lnTo>
                    <a:lnTo>
                      <a:pt x="829" y="76"/>
                    </a:lnTo>
                    <a:lnTo>
                      <a:pt x="828" y="72"/>
                    </a:lnTo>
                    <a:lnTo>
                      <a:pt x="826" y="69"/>
                    </a:lnTo>
                    <a:lnTo>
                      <a:pt x="824" y="67"/>
                    </a:lnTo>
                    <a:lnTo>
                      <a:pt x="817" y="72"/>
                    </a:lnTo>
                    <a:lnTo>
                      <a:pt x="816" y="72"/>
                    </a:lnTo>
                    <a:lnTo>
                      <a:pt x="814" y="74"/>
                    </a:lnTo>
                    <a:lnTo>
                      <a:pt x="811" y="76"/>
                    </a:lnTo>
                    <a:lnTo>
                      <a:pt x="809" y="79"/>
                    </a:lnTo>
                    <a:lnTo>
                      <a:pt x="809" y="89"/>
                    </a:lnTo>
                    <a:lnTo>
                      <a:pt x="809" y="96"/>
                    </a:lnTo>
                    <a:lnTo>
                      <a:pt x="807" y="101"/>
                    </a:lnTo>
                    <a:lnTo>
                      <a:pt x="807" y="105"/>
                    </a:lnTo>
                    <a:lnTo>
                      <a:pt x="807" y="106"/>
                    </a:lnTo>
                    <a:lnTo>
                      <a:pt x="806" y="105"/>
                    </a:lnTo>
                    <a:lnTo>
                      <a:pt x="806" y="101"/>
                    </a:lnTo>
                    <a:lnTo>
                      <a:pt x="804" y="98"/>
                    </a:lnTo>
                    <a:lnTo>
                      <a:pt x="802" y="94"/>
                    </a:lnTo>
                    <a:lnTo>
                      <a:pt x="802" y="91"/>
                    </a:lnTo>
                    <a:lnTo>
                      <a:pt x="802" y="88"/>
                    </a:lnTo>
                    <a:lnTo>
                      <a:pt x="800" y="84"/>
                    </a:lnTo>
                    <a:lnTo>
                      <a:pt x="800" y="81"/>
                    </a:lnTo>
                    <a:lnTo>
                      <a:pt x="800" y="79"/>
                    </a:lnTo>
                    <a:lnTo>
                      <a:pt x="800" y="78"/>
                    </a:lnTo>
                    <a:lnTo>
                      <a:pt x="799" y="71"/>
                    </a:lnTo>
                    <a:lnTo>
                      <a:pt x="797" y="67"/>
                    </a:lnTo>
                    <a:lnTo>
                      <a:pt x="792" y="67"/>
                    </a:lnTo>
                    <a:lnTo>
                      <a:pt x="789" y="69"/>
                    </a:lnTo>
                    <a:lnTo>
                      <a:pt x="784" y="72"/>
                    </a:lnTo>
                    <a:lnTo>
                      <a:pt x="778" y="76"/>
                    </a:lnTo>
                    <a:lnTo>
                      <a:pt x="777" y="78"/>
                    </a:lnTo>
                    <a:lnTo>
                      <a:pt x="775" y="79"/>
                    </a:lnTo>
                    <a:lnTo>
                      <a:pt x="763" y="79"/>
                    </a:lnTo>
                    <a:lnTo>
                      <a:pt x="762" y="81"/>
                    </a:lnTo>
                    <a:lnTo>
                      <a:pt x="760" y="81"/>
                    </a:lnTo>
                    <a:lnTo>
                      <a:pt x="756" y="83"/>
                    </a:lnTo>
                    <a:lnTo>
                      <a:pt x="753" y="83"/>
                    </a:lnTo>
                    <a:lnTo>
                      <a:pt x="750" y="84"/>
                    </a:lnTo>
                    <a:lnTo>
                      <a:pt x="745" y="86"/>
                    </a:lnTo>
                    <a:lnTo>
                      <a:pt x="743" y="88"/>
                    </a:lnTo>
                    <a:lnTo>
                      <a:pt x="741" y="88"/>
                    </a:lnTo>
                    <a:lnTo>
                      <a:pt x="731" y="94"/>
                    </a:lnTo>
                    <a:lnTo>
                      <a:pt x="726" y="96"/>
                    </a:lnTo>
                    <a:lnTo>
                      <a:pt x="724" y="96"/>
                    </a:lnTo>
                    <a:lnTo>
                      <a:pt x="724" y="94"/>
                    </a:lnTo>
                    <a:lnTo>
                      <a:pt x="726" y="91"/>
                    </a:lnTo>
                    <a:lnTo>
                      <a:pt x="729" y="88"/>
                    </a:lnTo>
                    <a:lnTo>
                      <a:pt x="731" y="84"/>
                    </a:lnTo>
                    <a:lnTo>
                      <a:pt x="733" y="84"/>
                    </a:lnTo>
                    <a:lnTo>
                      <a:pt x="724" y="66"/>
                    </a:lnTo>
                    <a:lnTo>
                      <a:pt x="731" y="61"/>
                    </a:lnTo>
                    <a:lnTo>
                      <a:pt x="736" y="71"/>
                    </a:lnTo>
                    <a:lnTo>
                      <a:pt x="748" y="78"/>
                    </a:lnTo>
                    <a:lnTo>
                      <a:pt x="751" y="76"/>
                    </a:lnTo>
                    <a:lnTo>
                      <a:pt x="755" y="72"/>
                    </a:lnTo>
                    <a:lnTo>
                      <a:pt x="758" y="71"/>
                    </a:lnTo>
                    <a:lnTo>
                      <a:pt x="762" y="67"/>
                    </a:lnTo>
                    <a:lnTo>
                      <a:pt x="763" y="66"/>
                    </a:lnTo>
                    <a:lnTo>
                      <a:pt x="765" y="64"/>
                    </a:lnTo>
                    <a:lnTo>
                      <a:pt x="765" y="62"/>
                    </a:lnTo>
                    <a:lnTo>
                      <a:pt x="756" y="56"/>
                    </a:lnTo>
                    <a:lnTo>
                      <a:pt x="753" y="52"/>
                    </a:lnTo>
                    <a:lnTo>
                      <a:pt x="755" y="52"/>
                    </a:lnTo>
                    <a:lnTo>
                      <a:pt x="758" y="52"/>
                    </a:lnTo>
                    <a:lnTo>
                      <a:pt x="763" y="54"/>
                    </a:lnTo>
                    <a:lnTo>
                      <a:pt x="768" y="56"/>
                    </a:lnTo>
                    <a:lnTo>
                      <a:pt x="772" y="57"/>
                    </a:lnTo>
                    <a:lnTo>
                      <a:pt x="775" y="59"/>
                    </a:lnTo>
                    <a:lnTo>
                      <a:pt x="789" y="52"/>
                    </a:lnTo>
                    <a:lnTo>
                      <a:pt x="789" y="50"/>
                    </a:lnTo>
                    <a:lnTo>
                      <a:pt x="789" y="49"/>
                    </a:lnTo>
                    <a:lnTo>
                      <a:pt x="787" y="47"/>
                    </a:lnTo>
                    <a:lnTo>
                      <a:pt x="787" y="45"/>
                    </a:lnTo>
                    <a:lnTo>
                      <a:pt x="780" y="39"/>
                    </a:lnTo>
                    <a:lnTo>
                      <a:pt x="777" y="34"/>
                    </a:lnTo>
                    <a:lnTo>
                      <a:pt x="780" y="34"/>
                    </a:lnTo>
                    <a:lnTo>
                      <a:pt x="784" y="35"/>
                    </a:lnTo>
                    <a:lnTo>
                      <a:pt x="787" y="37"/>
                    </a:lnTo>
                    <a:lnTo>
                      <a:pt x="790" y="39"/>
                    </a:lnTo>
                    <a:lnTo>
                      <a:pt x="790" y="40"/>
                    </a:lnTo>
                    <a:lnTo>
                      <a:pt x="792" y="40"/>
                    </a:lnTo>
                    <a:lnTo>
                      <a:pt x="795" y="39"/>
                    </a:lnTo>
                    <a:lnTo>
                      <a:pt x="800" y="39"/>
                    </a:lnTo>
                    <a:lnTo>
                      <a:pt x="802" y="39"/>
                    </a:lnTo>
                    <a:lnTo>
                      <a:pt x="811" y="47"/>
                    </a:lnTo>
                    <a:lnTo>
                      <a:pt x="816" y="50"/>
                    </a:lnTo>
                    <a:lnTo>
                      <a:pt x="817" y="50"/>
                    </a:lnTo>
                    <a:lnTo>
                      <a:pt x="817" y="47"/>
                    </a:lnTo>
                    <a:lnTo>
                      <a:pt x="814" y="44"/>
                    </a:lnTo>
                    <a:lnTo>
                      <a:pt x="811" y="39"/>
                    </a:lnTo>
                    <a:lnTo>
                      <a:pt x="809" y="35"/>
                    </a:lnTo>
                    <a:lnTo>
                      <a:pt x="807" y="34"/>
                    </a:lnTo>
                    <a:lnTo>
                      <a:pt x="800" y="17"/>
                    </a:lnTo>
                    <a:lnTo>
                      <a:pt x="790" y="15"/>
                    </a:lnTo>
                    <a:lnTo>
                      <a:pt x="780" y="0"/>
                    </a:lnTo>
                    <a:lnTo>
                      <a:pt x="750" y="8"/>
                    </a:lnTo>
                    <a:lnTo>
                      <a:pt x="721" y="15"/>
                    </a:lnTo>
                    <a:lnTo>
                      <a:pt x="692" y="20"/>
                    </a:lnTo>
                    <a:lnTo>
                      <a:pt x="663" y="27"/>
                    </a:lnTo>
                    <a:lnTo>
                      <a:pt x="636" y="32"/>
                    </a:lnTo>
                    <a:lnTo>
                      <a:pt x="609" y="39"/>
                    </a:lnTo>
                    <a:lnTo>
                      <a:pt x="584" y="44"/>
                    </a:lnTo>
                    <a:lnTo>
                      <a:pt x="558" y="47"/>
                    </a:lnTo>
                    <a:lnTo>
                      <a:pt x="533" y="52"/>
                    </a:lnTo>
                    <a:lnTo>
                      <a:pt x="509" y="56"/>
                    </a:lnTo>
                    <a:lnTo>
                      <a:pt x="486" y="61"/>
                    </a:lnTo>
                    <a:lnTo>
                      <a:pt x="464" y="64"/>
                    </a:lnTo>
                    <a:lnTo>
                      <a:pt x="443" y="67"/>
                    </a:lnTo>
                    <a:lnTo>
                      <a:pt x="423" y="71"/>
                    </a:lnTo>
                    <a:lnTo>
                      <a:pt x="403" y="74"/>
                    </a:lnTo>
                    <a:lnTo>
                      <a:pt x="384" y="76"/>
                    </a:lnTo>
                    <a:lnTo>
                      <a:pt x="366" y="79"/>
                    </a:lnTo>
                    <a:lnTo>
                      <a:pt x="349" y="81"/>
                    </a:lnTo>
                    <a:lnTo>
                      <a:pt x="333" y="83"/>
                    </a:lnTo>
                    <a:lnTo>
                      <a:pt x="318" y="84"/>
                    </a:lnTo>
                    <a:lnTo>
                      <a:pt x="305" y="86"/>
                    </a:lnTo>
                    <a:lnTo>
                      <a:pt x="293" y="88"/>
                    </a:lnTo>
                    <a:lnTo>
                      <a:pt x="281" y="89"/>
                    </a:lnTo>
                    <a:lnTo>
                      <a:pt x="271" y="91"/>
                    </a:lnTo>
                    <a:lnTo>
                      <a:pt x="261" y="91"/>
                    </a:lnTo>
                    <a:lnTo>
                      <a:pt x="252" y="93"/>
                    </a:lnTo>
                    <a:lnTo>
                      <a:pt x="245" y="93"/>
                    </a:lnTo>
                    <a:lnTo>
                      <a:pt x="240" y="94"/>
                    </a:lnTo>
                    <a:lnTo>
                      <a:pt x="235" y="94"/>
                    </a:lnTo>
                    <a:lnTo>
                      <a:pt x="232" y="94"/>
                    </a:lnTo>
                    <a:lnTo>
                      <a:pt x="230" y="94"/>
                    </a:lnTo>
                    <a:lnTo>
                      <a:pt x="232" y="94"/>
                    </a:lnTo>
                    <a:lnTo>
                      <a:pt x="232" y="96"/>
                    </a:lnTo>
                    <a:lnTo>
                      <a:pt x="232" y="100"/>
                    </a:lnTo>
                    <a:lnTo>
                      <a:pt x="232" y="106"/>
                    </a:lnTo>
                    <a:lnTo>
                      <a:pt x="232" y="111"/>
                    </a:lnTo>
                    <a:lnTo>
                      <a:pt x="234" y="118"/>
                    </a:lnTo>
                    <a:lnTo>
                      <a:pt x="232" y="125"/>
                    </a:lnTo>
                    <a:lnTo>
                      <a:pt x="232" y="128"/>
                    </a:lnTo>
                    <a:lnTo>
                      <a:pt x="232" y="130"/>
                    </a:lnTo>
                    <a:lnTo>
                      <a:pt x="225" y="130"/>
                    </a:lnTo>
                    <a:lnTo>
                      <a:pt x="220" y="133"/>
                    </a:lnTo>
                    <a:lnTo>
                      <a:pt x="215" y="138"/>
                    </a:lnTo>
                    <a:lnTo>
                      <a:pt x="212" y="145"/>
                    </a:lnTo>
                    <a:lnTo>
                      <a:pt x="208" y="152"/>
                    </a:lnTo>
                    <a:lnTo>
                      <a:pt x="206" y="157"/>
                    </a:lnTo>
                    <a:lnTo>
                      <a:pt x="205" y="160"/>
                    </a:lnTo>
                    <a:lnTo>
                      <a:pt x="198" y="157"/>
                    </a:lnTo>
                    <a:lnTo>
                      <a:pt x="191" y="157"/>
                    </a:lnTo>
                    <a:lnTo>
                      <a:pt x="183" y="162"/>
                    </a:lnTo>
                    <a:lnTo>
                      <a:pt x="174" y="169"/>
                    </a:lnTo>
                    <a:lnTo>
                      <a:pt x="168" y="177"/>
                    </a:lnTo>
                    <a:lnTo>
                      <a:pt x="161" y="184"/>
                    </a:lnTo>
                    <a:lnTo>
                      <a:pt x="156" y="188"/>
                    </a:lnTo>
                    <a:lnTo>
                      <a:pt x="154" y="188"/>
                    </a:lnTo>
                    <a:lnTo>
                      <a:pt x="152" y="182"/>
                    </a:lnTo>
                    <a:lnTo>
                      <a:pt x="149" y="181"/>
                    </a:lnTo>
                    <a:lnTo>
                      <a:pt x="147" y="179"/>
                    </a:lnTo>
                    <a:lnTo>
                      <a:pt x="144" y="179"/>
                    </a:lnTo>
                    <a:lnTo>
                      <a:pt x="140" y="181"/>
                    </a:lnTo>
                    <a:lnTo>
                      <a:pt x="137" y="182"/>
                    </a:lnTo>
                    <a:lnTo>
                      <a:pt x="134" y="186"/>
                    </a:lnTo>
                    <a:lnTo>
                      <a:pt x="132" y="191"/>
                    </a:lnTo>
                    <a:lnTo>
                      <a:pt x="129" y="194"/>
                    </a:lnTo>
                    <a:lnTo>
                      <a:pt x="125" y="199"/>
                    </a:lnTo>
                    <a:lnTo>
                      <a:pt x="124" y="204"/>
                    </a:lnTo>
                    <a:lnTo>
                      <a:pt x="122" y="208"/>
                    </a:lnTo>
                    <a:lnTo>
                      <a:pt x="118" y="213"/>
                    </a:lnTo>
                    <a:lnTo>
                      <a:pt x="118" y="215"/>
                    </a:lnTo>
                    <a:lnTo>
                      <a:pt x="117" y="216"/>
                    </a:lnTo>
                    <a:lnTo>
                      <a:pt x="117" y="218"/>
                    </a:lnTo>
                    <a:lnTo>
                      <a:pt x="108" y="220"/>
                    </a:lnTo>
                    <a:lnTo>
                      <a:pt x="100" y="223"/>
                    </a:lnTo>
                    <a:lnTo>
                      <a:pt x="91" y="228"/>
                    </a:lnTo>
                    <a:lnTo>
                      <a:pt x="83" y="235"/>
                    </a:lnTo>
                    <a:lnTo>
                      <a:pt x="78" y="240"/>
                    </a:lnTo>
                    <a:lnTo>
                      <a:pt x="71" y="247"/>
                    </a:lnTo>
                    <a:lnTo>
                      <a:pt x="68" y="250"/>
                    </a:lnTo>
                    <a:lnTo>
                      <a:pt x="66" y="252"/>
                    </a:lnTo>
                    <a:lnTo>
                      <a:pt x="56" y="252"/>
                    </a:lnTo>
                    <a:lnTo>
                      <a:pt x="47" y="255"/>
                    </a:lnTo>
                    <a:lnTo>
                      <a:pt x="41" y="259"/>
                    </a:lnTo>
                    <a:lnTo>
                      <a:pt x="34" y="264"/>
                    </a:lnTo>
                    <a:lnTo>
                      <a:pt x="31" y="269"/>
                    </a:lnTo>
                    <a:lnTo>
                      <a:pt x="27" y="274"/>
                    </a:lnTo>
                    <a:lnTo>
                      <a:pt x="25" y="277"/>
                    </a:lnTo>
                    <a:lnTo>
                      <a:pt x="25" y="279"/>
                    </a:lnTo>
                    <a:lnTo>
                      <a:pt x="24" y="286"/>
                    </a:lnTo>
                    <a:lnTo>
                      <a:pt x="20" y="291"/>
                    </a:lnTo>
                    <a:lnTo>
                      <a:pt x="17" y="296"/>
                    </a:lnTo>
                    <a:lnTo>
                      <a:pt x="12" y="298"/>
                    </a:lnTo>
                    <a:lnTo>
                      <a:pt x="9" y="299"/>
                    </a:lnTo>
                    <a:lnTo>
                      <a:pt x="3" y="299"/>
                    </a:lnTo>
                    <a:lnTo>
                      <a:pt x="0" y="299"/>
                    </a:lnTo>
                    <a:lnTo>
                      <a:pt x="0" y="333"/>
                    </a:lnTo>
                    <a:lnTo>
                      <a:pt x="124" y="314"/>
                    </a:lnTo>
                    <a:lnTo>
                      <a:pt x="125" y="316"/>
                    </a:lnTo>
                    <a:lnTo>
                      <a:pt x="127" y="314"/>
                    </a:lnTo>
                    <a:lnTo>
                      <a:pt x="129" y="313"/>
                    </a:lnTo>
                    <a:lnTo>
                      <a:pt x="132" y="309"/>
                    </a:lnTo>
                    <a:lnTo>
                      <a:pt x="135" y="306"/>
                    </a:lnTo>
                    <a:lnTo>
                      <a:pt x="140" y="303"/>
                    </a:lnTo>
                    <a:lnTo>
                      <a:pt x="146" y="299"/>
                    </a:lnTo>
                    <a:lnTo>
                      <a:pt x="152" y="296"/>
                    </a:lnTo>
                    <a:lnTo>
                      <a:pt x="157" y="292"/>
                    </a:lnTo>
                    <a:lnTo>
                      <a:pt x="166" y="287"/>
                    </a:lnTo>
                    <a:lnTo>
                      <a:pt x="173" y="284"/>
                    </a:lnTo>
                    <a:lnTo>
                      <a:pt x="181" y="281"/>
                    </a:lnTo>
                    <a:lnTo>
                      <a:pt x="190" y="279"/>
                    </a:lnTo>
                    <a:lnTo>
                      <a:pt x="200" y="277"/>
                    </a:lnTo>
                    <a:lnTo>
                      <a:pt x="210" y="274"/>
                    </a:lnTo>
                    <a:lnTo>
                      <a:pt x="218" y="274"/>
                    </a:lnTo>
                    <a:lnTo>
                      <a:pt x="311" y="265"/>
                    </a:lnTo>
                    <a:lnTo>
                      <a:pt x="313" y="265"/>
                    </a:lnTo>
                    <a:lnTo>
                      <a:pt x="315" y="264"/>
                    </a:lnTo>
                    <a:lnTo>
                      <a:pt x="320" y="264"/>
                    </a:lnTo>
                    <a:lnTo>
                      <a:pt x="327" y="264"/>
                    </a:lnTo>
                    <a:lnTo>
                      <a:pt x="333" y="265"/>
                    </a:lnTo>
                    <a:lnTo>
                      <a:pt x="340" y="269"/>
                    </a:lnTo>
                    <a:lnTo>
                      <a:pt x="347" y="276"/>
                    </a:lnTo>
                    <a:lnTo>
                      <a:pt x="355" y="287"/>
                    </a:lnTo>
                    <a:lnTo>
                      <a:pt x="359" y="301"/>
                    </a:lnTo>
                    <a:lnTo>
                      <a:pt x="467" y="284"/>
                    </a:lnTo>
                    <a:lnTo>
                      <a:pt x="597" y="379"/>
                    </a:lnTo>
                    <a:lnTo>
                      <a:pt x="601" y="379"/>
                    </a:lnTo>
                    <a:lnTo>
                      <a:pt x="602" y="379"/>
                    </a:lnTo>
                    <a:lnTo>
                      <a:pt x="604" y="377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21" name="Freeform 165"/>
              <p:cNvSpPr>
                <a:spLocks/>
              </p:cNvSpPr>
              <p:nvPr/>
            </p:nvSpPr>
            <p:spPr bwMode="auto">
              <a:xfrm>
                <a:off x="4891" y="2263"/>
                <a:ext cx="39" cy="57"/>
              </a:xfrm>
              <a:custGeom>
                <a:avLst/>
                <a:gdLst>
                  <a:gd name="T0" fmla="*/ 0 w 39"/>
                  <a:gd name="T1" fmla="*/ 57 h 57"/>
                  <a:gd name="T2" fmla="*/ 2 w 39"/>
                  <a:gd name="T3" fmla="*/ 54 h 57"/>
                  <a:gd name="T4" fmla="*/ 4 w 39"/>
                  <a:gd name="T5" fmla="*/ 51 h 57"/>
                  <a:gd name="T6" fmla="*/ 7 w 39"/>
                  <a:gd name="T7" fmla="*/ 44 h 57"/>
                  <a:gd name="T8" fmla="*/ 10 w 39"/>
                  <a:gd name="T9" fmla="*/ 35 h 57"/>
                  <a:gd name="T10" fmla="*/ 15 w 39"/>
                  <a:gd name="T11" fmla="*/ 25 h 57"/>
                  <a:gd name="T12" fmla="*/ 21 w 39"/>
                  <a:gd name="T13" fmla="*/ 15 h 57"/>
                  <a:gd name="T14" fmla="*/ 27 w 39"/>
                  <a:gd name="T15" fmla="*/ 7 h 57"/>
                  <a:gd name="T16" fmla="*/ 32 w 39"/>
                  <a:gd name="T17" fmla="*/ 0 h 57"/>
                  <a:gd name="T18" fmla="*/ 39 w 39"/>
                  <a:gd name="T19" fmla="*/ 1 h 57"/>
                  <a:gd name="T20" fmla="*/ 39 w 39"/>
                  <a:gd name="T21" fmla="*/ 1 h 57"/>
                  <a:gd name="T22" fmla="*/ 36 w 39"/>
                  <a:gd name="T23" fmla="*/ 5 h 57"/>
                  <a:gd name="T24" fmla="*/ 32 w 39"/>
                  <a:gd name="T25" fmla="*/ 8 h 57"/>
                  <a:gd name="T26" fmla="*/ 29 w 39"/>
                  <a:gd name="T27" fmla="*/ 13 h 57"/>
                  <a:gd name="T28" fmla="*/ 24 w 39"/>
                  <a:gd name="T29" fmla="*/ 22 h 57"/>
                  <a:gd name="T30" fmla="*/ 19 w 39"/>
                  <a:gd name="T31" fmla="*/ 30 h 57"/>
                  <a:gd name="T32" fmla="*/ 12 w 39"/>
                  <a:gd name="T33" fmla="*/ 40 h 57"/>
                  <a:gd name="T34" fmla="*/ 7 w 39"/>
                  <a:gd name="T35" fmla="*/ 54 h 57"/>
                  <a:gd name="T36" fmla="*/ 5 w 39"/>
                  <a:gd name="T37" fmla="*/ 54 h 57"/>
                  <a:gd name="T38" fmla="*/ 4 w 39"/>
                  <a:gd name="T39" fmla="*/ 56 h 57"/>
                  <a:gd name="T40" fmla="*/ 2 w 39"/>
                  <a:gd name="T41" fmla="*/ 56 h 57"/>
                  <a:gd name="T42" fmla="*/ 0 w 39"/>
                  <a:gd name="T43" fmla="*/ 57 h 57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w 39"/>
                  <a:gd name="T67" fmla="*/ 0 h 57"/>
                  <a:gd name="T68" fmla="*/ 39 w 39"/>
                  <a:gd name="T69" fmla="*/ 57 h 57"/>
                </a:gdLst>
                <a:ahLst/>
                <a:cxnLst>
                  <a:cxn ang="T44">
                    <a:pos x="T0" y="T1"/>
                  </a:cxn>
                  <a:cxn ang="T45">
                    <a:pos x="T2" y="T3"/>
                  </a:cxn>
                  <a:cxn ang="T46">
                    <a:pos x="T4" y="T5"/>
                  </a:cxn>
                  <a:cxn ang="T47">
                    <a:pos x="T6" y="T7"/>
                  </a:cxn>
                  <a:cxn ang="T48">
                    <a:pos x="T8" y="T9"/>
                  </a:cxn>
                  <a:cxn ang="T49">
                    <a:pos x="T10" y="T11"/>
                  </a:cxn>
                  <a:cxn ang="T50">
                    <a:pos x="T12" y="T13"/>
                  </a:cxn>
                  <a:cxn ang="T51">
                    <a:pos x="T14" y="T15"/>
                  </a:cxn>
                  <a:cxn ang="T52">
                    <a:pos x="T16" y="T17"/>
                  </a:cxn>
                  <a:cxn ang="T53">
                    <a:pos x="T18" y="T19"/>
                  </a:cxn>
                  <a:cxn ang="T54">
                    <a:pos x="T20" y="T21"/>
                  </a:cxn>
                  <a:cxn ang="T55">
                    <a:pos x="T22" y="T23"/>
                  </a:cxn>
                  <a:cxn ang="T56">
                    <a:pos x="T24" y="T25"/>
                  </a:cxn>
                  <a:cxn ang="T57">
                    <a:pos x="T26" y="T27"/>
                  </a:cxn>
                  <a:cxn ang="T58">
                    <a:pos x="T28" y="T29"/>
                  </a:cxn>
                  <a:cxn ang="T59">
                    <a:pos x="T30" y="T31"/>
                  </a:cxn>
                  <a:cxn ang="T60">
                    <a:pos x="T32" y="T33"/>
                  </a:cxn>
                  <a:cxn ang="T61">
                    <a:pos x="T34" y="T35"/>
                  </a:cxn>
                  <a:cxn ang="T62">
                    <a:pos x="T36" y="T37"/>
                  </a:cxn>
                  <a:cxn ang="T63">
                    <a:pos x="T38" y="T39"/>
                  </a:cxn>
                  <a:cxn ang="T64">
                    <a:pos x="T40" y="T41"/>
                  </a:cxn>
                  <a:cxn ang="T65">
                    <a:pos x="T42" y="T43"/>
                  </a:cxn>
                </a:cxnLst>
                <a:rect l="T66" t="T67" r="T68" b="T69"/>
                <a:pathLst>
                  <a:path w="39" h="57">
                    <a:moveTo>
                      <a:pt x="0" y="57"/>
                    </a:moveTo>
                    <a:lnTo>
                      <a:pt x="2" y="54"/>
                    </a:lnTo>
                    <a:lnTo>
                      <a:pt x="4" y="51"/>
                    </a:lnTo>
                    <a:lnTo>
                      <a:pt x="7" y="44"/>
                    </a:lnTo>
                    <a:lnTo>
                      <a:pt x="10" y="35"/>
                    </a:lnTo>
                    <a:lnTo>
                      <a:pt x="15" y="25"/>
                    </a:lnTo>
                    <a:lnTo>
                      <a:pt x="21" y="15"/>
                    </a:lnTo>
                    <a:lnTo>
                      <a:pt x="27" y="7"/>
                    </a:lnTo>
                    <a:lnTo>
                      <a:pt x="32" y="0"/>
                    </a:lnTo>
                    <a:lnTo>
                      <a:pt x="39" y="1"/>
                    </a:lnTo>
                    <a:lnTo>
                      <a:pt x="36" y="5"/>
                    </a:lnTo>
                    <a:lnTo>
                      <a:pt x="32" y="8"/>
                    </a:lnTo>
                    <a:lnTo>
                      <a:pt x="29" y="13"/>
                    </a:lnTo>
                    <a:lnTo>
                      <a:pt x="24" y="22"/>
                    </a:lnTo>
                    <a:lnTo>
                      <a:pt x="19" y="30"/>
                    </a:lnTo>
                    <a:lnTo>
                      <a:pt x="12" y="40"/>
                    </a:lnTo>
                    <a:lnTo>
                      <a:pt x="7" y="54"/>
                    </a:lnTo>
                    <a:lnTo>
                      <a:pt x="5" y="54"/>
                    </a:lnTo>
                    <a:lnTo>
                      <a:pt x="4" y="56"/>
                    </a:lnTo>
                    <a:lnTo>
                      <a:pt x="2" y="56"/>
                    </a:lnTo>
                    <a:lnTo>
                      <a:pt x="0" y="5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22" name="Freeform 166"/>
              <p:cNvSpPr>
                <a:spLocks/>
              </p:cNvSpPr>
              <p:nvPr/>
            </p:nvSpPr>
            <p:spPr bwMode="auto">
              <a:xfrm>
                <a:off x="4891" y="2263"/>
                <a:ext cx="39" cy="57"/>
              </a:xfrm>
              <a:custGeom>
                <a:avLst/>
                <a:gdLst>
                  <a:gd name="T0" fmla="*/ 0 w 39"/>
                  <a:gd name="T1" fmla="*/ 57 h 57"/>
                  <a:gd name="T2" fmla="*/ 0 w 39"/>
                  <a:gd name="T3" fmla="*/ 57 h 57"/>
                  <a:gd name="T4" fmla="*/ 2 w 39"/>
                  <a:gd name="T5" fmla="*/ 54 h 57"/>
                  <a:gd name="T6" fmla="*/ 4 w 39"/>
                  <a:gd name="T7" fmla="*/ 51 h 57"/>
                  <a:gd name="T8" fmla="*/ 7 w 39"/>
                  <a:gd name="T9" fmla="*/ 44 h 57"/>
                  <a:gd name="T10" fmla="*/ 10 w 39"/>
                  <a:gd name="T11" fmla="*/ 35 h 57"/>
                  <a:gd name="T12" fmla="*/ 15 w 39"/>
                  <a:gd name="T13" fmla="*/ 25 h 57"/>
                  <a:gd name="T14" fmla="*/ 21 w 39"/>
                  <a:gd name="T15" fmla="*/ 15 h 57"/>
                  <a:gd name="T16" fmla="*/ 27 w 39"/>
                  <a:gd name="T17" fmla="*/ 7 h 57"/>
                  <a:gd name="T18" fmla="*/ 32 w 39"/>
                  <a:gd name="T19" fmla="*/ 0 h 57"/>
                  <a:gd name="T20" fmla="*/ 39 w 39"/>
                  <a:gd name="T21" fmla="*/ 1 h 57"/>
                  <a:gd name="T22" fmla="*/ 39 w 39"/>
                  <a:gd name="T23" fmla="*/ 1 h 57"/>
                  <a:gd name="T24" fmla="*/ 39 w 39"/>
                  <a:gd name="T25" fmla="*/ 1 h 57"/>
                  <a:gd name="T26" fmla="*/ 36 w 39"/>
                  <a:gd name="T27" fmla="*/ 5 h 57"/>
                  <a:gd name="T28" fmla="*/ 32 w 39"/>
                  <a:gd name="T29" fmla="*/ 8 h 57"/>
                  <a:gd name="T30" fmla="*/ 29 w 39"/>
                  <a:gd name="T31" fmla="*/ 13 h 57"/>
                  <a:gd name="T32" fmla="*/ 24 w 39"/>
                  <a:gd name="T33" fmla="*/ 22 h 57"/>
                  <a:gd name="T34" fmla="*/ 19 w 39"/>
                  <a:gd name="T35" fmla="*/ 30 h 57"/>
                  <a:gd name="T36" fmla="*/ 12 w 39"/>
                  <a:gd name="T37" fmla="*/ 40 h 57"/>
                  <a:gd name="T38" fmla="*/ 7 w 39"/>
                  <a:gd name="T39" fmla="*/ 54 h 57"/>
                  <a:gd name="T40" fmla="*/ 7 w 39"/>
                  <a:gd name="T41" fmla="*/ 54 h 57"/>
                  <a:gd name="T42" fmla="*/ 5 w 39"/>
                  <a:gd name="T43" fmla="*/ 54 h 57"/>
                  <a:gd name="T44" fmla="*/ 4 w 39"/>
                  <a:gd name="T45" fmla="*/ 56 h 57"/>
                  <a:gd name="T46" fmla="*/ 2 w 39"/>
                  <a:gd name="T47" fmla="*/ 56 h 57"/>
                  <a:gd name="T48" fmla="*/ 0 w 39"/>
                  <a:gd name="T49" fmla="*/ 57 h 5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39"/>
                  <a:gd name="T76" fmla="*/ 0 h 57"/>
                  <a:gd name="T77" fmla="*/ 39 w 39"/>
                  <a:gd name="T78" fmla="*/ 57 h 57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39" h="57">
                    <a:moveTo>
                      <a:pt x="0" y="57"/>
                    </a:moveTo>
                    <a:lnTo>
                      <a:pt x="0" y="57"/>
                    </a:lnTo>
                    <a:lnTo>
                      <a:pt x="2" y="54"/>
                    </a:lnTo>
                    <a:lnTo>
                      <a:pt x="4" y="51"/>
                    </a:lnTo>
                    <a:lnTo>
                      <a:pt x="7" y="44"/>
                    </a:lnTo>
                    <a:lnTo>
                      <a:pt x="10" y="35"/>
                    </a:lnTo>
                    <a:lnTo>
                      <a:pt x="15" y="25"/>
                    </a:lnTo>
                    <a:lnTo>
                      <a:pt x="21" y="15"/>
                    </a:lnTo>
                    <a:lnTo>
                      <a:pt x="27" y="7"/>
                    </a:lnTo>
                    <a:lnTo>
                      <a:pt x="32" y="0"/>
                    </a:lnTo>
                    <a:lnTo>
                      <a:pt x="39" y="1"/>
                    </a:lnTo>
                    <a:lnTo>
                      <a:pt x="36" y="5"/>
                    </a:lnTo>
                    <a:lnTo>
                      <a:pt x="32" y="8"/>
                    </a:lnTo>
                    <a:lnTo>
                      <a:pt x="29" y="13"/>
                    </a:lnTo>
                    <a:lnTo>
                      <a:pt x="24" y="22"/>
                    </a:lnTo>
                    <a:lnTo>
                      <a:pt x="19" y="30"/>
                    </a:lnTo>
                    <a:lnTo>
                      <a:pt x="12" y="40"/>
                    </a:lnTo>
                    <a:lnTo>
                      <a:pt x="7" y="54"/>
                    </a:lnTo>
                    <a:lnTo>
                      <a:pt x="5" y="54"/>
                    </a:lnTo>
                    <a:lnTo>
                      <a:pt x="4" y="56"/>
                    </a:lnTo>
                    <a:lnTo>
                      <a:pt x="2" y="56"/>
                    </a:lnTo>
                    <a:lnTo>
                      <a:pt x="0" y="5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23" name="Freeform 167"/>
              <p:cNvSpPr>
                <a:spLocks/>
              </p:cNvSpPr>
              <p:nvPr/>
            </p:nvSpPr>
            <p:spPr bwMode="auto">
              <a:xfrm>
                <a:off x="4905" y="2078"/>
                <a:ext cx="54" cy="82"/>
              </a:xfrm>
              <a:custGeom>
                <a:avLst/>
                <a:gdLst>
                  <a:gd name="T0" fmla="*/ 5 w 54"/>
                  <a:gd name="T1" fmla="*/ 0 h 82"/>
                  <a:gd name="T2" fmla="*/ 5 w 54"/>
                  <a:gd name="T3" fmla="*/ 0 h 82"/>
                  <a:gd name="T4" fmla="*/ 5 w 54"/>
                  <a:gd name="T5" fmla="*/ 2 h 82"/>
                  <a:gd name="T6" fmla="*/ 7 w 54"/>
                  <a:gd name="T7" fmla="*/ 4 h 82"/>
                  <a:gd name="T8" fmla="*/ 7 w 54"/>
                  <a:gd name="T9" fmla="*/ 7 h 82"/>
                  <a:gd name="T10" fmla="*/ 8 w 54"/>
                  <a:gd name="T11" fmla="*/ 10 h 82"/>
                  <a:gd name="T12" fmla="*/ 10 w 54"/>
                  <a:gd name="T13" fmla="*/ 14 h 82"/>
                  <a:gd name="T14" fmla="*/ 13 w 54"/>
                  <a:gd name="T15" fmla="*/ 19 h 82"/>
                  <a:gd name="T16" fmla="*/ 15 w 54"/>
                  <a:gd name="T17" fmla="*/ 22 h 82"/>
                  <a:gd name="T18" fmla="*/ 17 w 54"/>
                  <a:gd name="T19" fmla="*/ 27 h 82"/>
                  <a:gd name="T20" fmla="*/ 20 w 54"/>
                  <a:gd name="T21" fmla="*/ 32 h 82"/>
                  <a:gd name="T22" fmla="*/ 23 w 54"/>
                  <a:gd name="T23" fmla="*/ 38 h 82"/>
                  <a:gd name="T24" fmla="*/ 25 w 54"/>
                  <a:gd name="T25" fmla="*/ 43 h 82"/>
                  <a:gd name="T26" fmla="*/ 29 w 54"/>
                  <a:gd name="T27" fmla="*/ 48 h 82"/>
                  <a:gd name="T28" fmla="*/ 32 w 54"/>
                  <a:gd name="T29" fmla="*/ 51 h 82"/>
                  <a:gd name="T30" fmla="*/ 35 w 54"/>
                  <a:gd name="T31" fmla="*/ 56 h 82"/>
                  <a:gd name="T32" fmla="*/ 39 w 54"/>
                  <a:gd name="T33" fmla="*/ 60 h 82"/>
                  <a:gd name="T34" fmla="*/ 40 w 54"/>
                  <a:gd name="T35" fmla="*/ 63 h 82"/>
                  <a:gd name="T36" fmla="*/ 44 w 54"/>
                  <a:gd name="T37" fmla="*/ 66 h 82"/>
                  <a:gd name="T38" fmla="*/ 47 w 54"/>
                  <a:gd name="T39" fmla="*/ 73 h 82"/>
                  <a:gd name="T40" fmla="*/ 52 w 54"/>
                  <a:gd name="T41" fmla="*/ 78 h 82"/>
                  <a:gd name="T42" fmla="*/ 54 w 54"/>
                  <a:gd name="T43" fmla="*/ 82 h 82"/>
                  <a:gd name="T44" fmla="*/ 52 w 54"/>
                  <a:gd name="T45" fmla="*/ 82 h 82"/>
                  <a:gd name="T46" fmla="*/ 45 w 54"/>
                  <a:gd name="T47" fmla="*/ 76 h 82"/>
                  <a:gd name="T48" fmla="*/ 34 w 54"/>
                  <a:gd name="T49" fmla="*/ 65 h 82"/>
                  <a:gd name="T50" fmla="*/ 34 w 54"/>
                  <a:gd name="T51" fmla="*/ 65 h 82"/>
                  <a:gd name="T52" fmla="*/ 32 w 54"/>
                  <a:gd name="T53" fmla="*/ 63 h 82"/>
                  <a:gd name="T54" fmla="*/ 30 w 54"/>
                  <a:gd name="T55" fmla="*/ 60 h 82"/>
                  <a:gd name="T56" fmla="*/ 27 w 54"/>
                  <a:gd name="T57" fmla="*/ 56 h 82"/>
                  <a:gd name="T58" fmla="*/ 25 w 54"/>
                  <a:gd name="T59" fmla="*/ 53 h 82"/>
                  <a:gd name="T60" fmla="*/ 22 w 54"/>
                  <a:gd name="T61" fmla="*/ 48 h 82"/>
                  <a:gd name="T62" fmla="*/ 18 w 54"/>
                  <a:gd name="T63" fmla="*/ 43 h 82"/>
                  <a:gd name="T64" fmla="*/ 15 w 54"/>
                  <a:gd name="T65" fmla="*/ 38 h 82"/>
                  <a:gd name="T66" fmla="*/ 12 w 54"/>
                  <a:gd name="T67" fmla="*/ 32 h 82"/>
                  <a:gd name="T68" fmla="*/ 10 w 54"/>
                  <a:gd name="T69" fmla="*/ 27 h 82"/>
                  <a:gd name="T70" fmla="*/ 7 w 54"/>
                  <a:gd name="T71" fmla="*/ 22 h 82"/>
                  <a:gd name="T72" fmla="*/ 5 w 54"/>
                  <a:gd name="T73" fmla="*/ 19 h 82"/>
                  <a:gd name="T74" fmla="*/ 1 w 54"/>
                  <a:gd name="T75" fmla="*/ 14 h 82"/>
                  <a:gd name="T76" fmla="*/ 1 w 54"/>
                  <a:gd name="T77" fmla="*/ 10 h 82"/>
                  <a:gd name="T78" fmla="*/ 0 w 54"/>
                  <a:gd name="T79" fmla="*/ 7 h 82"/>
                  <a:gd name="T80" fmla="*/ 0 w 54"/>
                  <a:gd name="T81" fmla="*/ 4 h 82"/>
                  <a:gd name="T82" fmla="*/ 0 w 54"/>
                  <a:gd name="T83" fmla="*/ 2 h 82"/>
                  <a:gd name="T84" fmla="*/ 1 w 54"/>
                  <a:gd name="T85" fmla="*/ 0 h 82"/>
                  <a:gd name="T86" fmla="*/ 3 w 54"/>
                  <a:gd name="T87" fmla="*/ 0 h 82"/>
                  <a:gd name="T88" fmla="*/ 5 w 54"/>
                  <a:gd name="T89" fmla="*/ 0 h 82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w 54"/>
                  <a:gd name="T136" fmla="*/ 0 h 82"/>
                  <a:gd name="T137" fmla="*/ 54 w 54"/>
                  <a:gd name="T138" fmla="*/ 82 h 82"/>
                </a:gdLst>
                <a:ahLst/>
                <a:cxnLst>
                  <a:cxn ang="T90">
                    <a:pos x="T0" y="T1"/>
                  </a:cxn>
                  <a:cxn ang="T91">
                    <a:pos x="T2" y="T3"/>
                  </a:cxn>
                  <a:cxn ang="T92">
                    <a:pos x="T4" y="T5"/>
                  </a:cxn>
                  <a:cxn ang="T93">
                    <a:pos x="T6" y="T7"/>
                  </a:cxn>
                  <a:cxn ang="T94">
                    <a:pos x="T8" y="T9"/>
                  </a:cxn>
                  <a:cxn ang="T95">
                    <a:pos x="T10" y="T11"/>
                  </a:cxn>
                  <a:cxn ang="T96">
                    <a:pos x="T12" y="T13"/>
                  </a:cxn>
                  <a:cxn ang="T97">
                    <a:pos x="T14" y="T15"/>
                  </a:cxn>
                  <a:cxn ang="T98">
                    <a:pos x="T16" y="T17"/>
                  </a:cxn>
                  <a:cxn ang="T99">
                    <a:pos x="T18" y="T19"/>
                  </a:cxn>
                  <a:cxn ang="T100">
                    <a:pos x="T20" y="T21"/>
                  </a:cxn>
                  <a:cxn ang="T101">
                    <a:pos x="T22" y="T23"/>
                  </a:cxn>
                  <a:cxn ang="T102">
                    <a:pos x="T24" y="T25"/>
                  </a:cxn>
                  <a:cxn ang="T103">
                    <a:pos x="T26" y="T27"/>
                  </a:cxn>
                  <a:cxn ang="T104">
                    <a:pos x="T28" y="T29"/>
                  </a:cxn>
                  <a:cxn ang="T105">
                    <a:pos x="T30" y="T31"/>
                  </a:cxn>
                  <a:cxn ang="T106">
                    <a:pos x="T32" y="T33"/>
                  </a:cxn>
                  <a:cxn ang="T107">
                    <a:pos x="T34" y="T35"/>
                  </a:cxn>
                  <a:cxn ang="T108">
                    <a:pos x="T36" y="T37"/>
                  </a:cxn>
                  <a:cxn ang="T109">
                    <a:pos x="T38" y="T39"/>
                  </a:cxn>
                  <a:cxn ang="T110">
                    <a:pos x="T40" y="T41"/>
                  </a:cxn>
                  <a:cxn ang="T111">
                    <a:pos x="T42" y="T43"/>
                  </a:cxn>
                  <a:cxn ang="T112">
                    <a:pos x="T44" y="T45"/>
                  </a:cxn>
                  <a:cxn ang="T113">
                    <a:pos x="T46" y="T47"/>
                  </a:cxn>
                  <a:cxn ang="T114">
                    <a:pos x="T48" y="T49"/>
                  </a:cxn>
                  <a:cxn ang="T115">
                    <a:pos x="T50" y="T51"/>
                  </a:cxn>
                  <a:cxn ang="T116">
                    <a:pos x="T52" y="T53"/>
                  </a:cxn>
                  <a:cxn ang="T117">
                    <a:pos x="T54" y="T55"/>
                  </a:cxn>
                  <a:cxn ang="T118">
                    <a:pos x="T56" y="T57"/>
                  </a:cxn>
                  <a:cxn ang="T119">
                    <a:pos x="T58" y="T59"/>
                  </a:cxn>
                  <a:cxn ang="T120">
                    <a:pos x="T60" y="T61"/>
                  </a:cxn>
                  <a:cxn ang="T121">
                    <a:pos x="T62" y="T63"/>
                  </a:cxn>
                  <a:cxn ang="T122">
                    <a:pos x="T64" y="T65"/>
                  </a:cxn>
                  <a:cxn ang="T123">
                    <a:pos x="T66" y="T67"/>
                  </a:cxn>
                  <a:cxn ang="T124">
                    <a:pos x="T68" y="T69"/>
                  </a:cxn>
                  <a:cxn ang="T125">
                    <a:pos x="T70" y="T71"/>
                  </a:cxn>
                  <a:cxn ang="T126">
                    <a:pos x="T72" y="T73"/>
                  </a:cxn>
                  <a:cxn ang="T127">
                    <a:pos x="T74" y="T75"/>
                  </a:cxn>
                  <a:cxn ang="T128">
                    <a:pos x="T76" y="T77"/>
                  </a:cxn>
                  <a:cxn ang="T129">
                    <a:pos x="T78" y="T79"/>
                  </a:cxn>
                  <a:cxn ang="T130">
                    <a:pos x="T80" y="T81"/>
                  </a:cxn>
                  <a:cxn ang="T131">
                    <a:pos x="T82" y="T83"/>
                  </a:cxn>
                  <a:cxn ang="T132">
                    <a:pos x="T84" y="T85"/>
                  </a:cxn>
                  <a:cxn ang="T133">
                    <a:pos x="T86" y="T87"/>
                  </a:cxn>
                  <a:cxn ang="T134">
                    <a:pos x="T88" y="T89"/>
                  </a:cxn>
                </a:cxnLst>
                <a:rect l="T135" t="T136" r="T137" b="T138"/>
                <a:pathLst>
                  <a:path w="54" h="82">
                    <a:moveTo>
                      <a:pt x="5" y="0"/>
                    </a:moveTo>
                    <a:lnTo>
                      <a:pt x="5" y="0"/>
                    </a:lnTo>
                    <a:lnTo>
                      <a:pt x="5" y="2"/>
                    </a:lnTo>
                    <a:lnTo>
                      <a:pt x="7" y="4"/>
                    </a:lnTo>
                    <a:lnTo>
                      <a:pt x="7" y="7"/>
                    </a:lnTo>
                    <a:lnTo>
                      <a:pt x="8" y="10"/>
                    </a:lnTo>
                    <a:lnTo>
                      <a:pt x="10" y="14"/>
                    </a:lnTo>
                    <a:lnTo>
                      <a:pt x="13" y="19"/>
                    </a:lnTo>
                    <a:lnTo>
                      <a:pt x="15" y="22"/>
                    </a:lnTo>
                    <a:lnTo>
                      <a:pt x="17" y="27"/>
                    </a:lnTo>
                    <a:lnTo>
                      <a:pt x="20" y="32"/>
                    </a:lnTo>
                    <a:lnTo>
                      <a:pt x="23" y="38"/>
                    </a:lnTo>
                    <a:lnTo>
                      <a:pt x="25" y="43"/>
                    </a:lnTo>
                    <a:lnTo>
                      <a:pt x="29" y="48"/>
                    </a:lnTo>
                    <a:lnTo>
                      <a:pt x="32" y="51"/>
                    </a:lnTo>
                    <a:lnTo>
                      <a:pt x="35" y="56"/>
                    </a:lnTo>
                    <a:lnTo>
                      <a:pt x="39" y="60"/>
                    </a:lnTo>
                    <a:lnTo>
                      <a:pt x="40" y="63"/>
                    </a:lnTo>
                    <a:lnTo>
                      <a:pt x="44" y="66"/>
                    </a:lnTo>
                    <a:lnTo>
                      <a:pt x="47" y="73"/>
                    </a:lnTo>
                    <a:lnTo>
                      <a:pt x="52" y="78"/>
                    </a:lnTo>
                    <a:lnTo>
                      <a:pt x="54" y="82"/>
                    </a:lnTo>
                    <a:lnTo>
                      <a:pt x="52" y="82"/>
                    </a:lnTo>
                    <a:lnTo>
                      <a:pt x="45" y="76"/>
                    </a:lnTo>
                    <a:lnTo>
                      <a:pt x="34" y="65"/>
                    </a:lnTo>
                    <a:lnTo>
                      <a:pt x="32" y="63"/>
                    </a:lnTo>
                    <a:lnTo>
                      <a:pt x="30" y="60"/>
                    </a:lnTo>
                    <a:lnTo>
                      <a:pt x="27" y="56"/>
                    </a:lnTo>
                    <a:lnTo>
                      <a:pt x="25" y="53"/>
                    </a:lnTo>
                    <a:lnTo>
                      <a:pt x="22" y="48"/>
                    </a:lnTo>
                    <a:lnTo>
                      <a:pt x="18" y="43"/>
                    </a:lnTo>
                    <a:lnTo>
                      <a:pt x="15" y="38"/>
                    </a:lnTo>
                    <a:lnTo>
                      <a:pt x="12" y="32"/>
                    </a:lnTo>
                    <a:lnTo>
                      <a:pt x="10" y="27"/>
                    </a:lnTo>
                    <a:lnTo>
                      <a:pt x="7" y="22"/>
                    </a:lnTo>
                    <a:lnTo>
                      <a:pt x="5" y="19"/>
                    </a:lnTo>
                    <a:lnTo>
                      <a:pt x="1" y="14"/>
                    </a:lnTo>
                    <a:lnTo>
                      <a:pt x="1" y="10"/>
                    </a:lnTo>
                    <a:lnTo>
                      <a:pt x="0" y="7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3" y="0"/>
                    </a:lnTo>
                    <a:lnTo>
                      <a:pt x="5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24" name="Freeform 168"/>
              <p:cNvSpPr>
                <a:spLocks/>
              </p:cNvSpPr>
              <p:nvPr/>
            </p:nvSpPr>
            <p:spPr bwMode="auto">
              <a:xfrm>
                <a:off x="4905" y="2078"/>
                <a:ext cx="54" cy="82"/>
              </a:xfrm>
              <a:custGeom>
                <a:avLst/>
                <a:gdLst>
                  <a:gd name="T0" fmla="*/ 5 w 54"/>
                  <a:gd name="T1" fmla="*/ 0 h 82"/>
                  <a:gd name="T2" fmla="*/ 5 w 54"/>
                  <a:gd name="T3" fmla="*/ 0 h 82"/>
                  <a:gd name="T4" fmla="*/ 5 w 54"/>
                  <a:gd name="T5" fmla="*/ 0 h 82"/>
                  <a:gd name="T6" fmla="*/ 5 w 54"/>
                  <a:gd name="T7" fmla="*/ 2 h 82"/>
                  <a:gd name="T8" fmla="*/ 7 w 54"/>
                  <a:gd name="T9" fmla="*/ 4 h 82"/>
                  <a:gd name="T10" fmla="*/ 7 w 54"/>
                  <a:gd name="T11" fmla="*/ 7 h 82"/>
                  <a:gd name="T12" fmla="*/ 8 w 54"/>
                  <a:gd name="T13" fmla="*/ 10 h 82"/>
                  <a:gd name="T14" fmla="*/ 10 w 54"/>
                  <a:gd name="T15" fmla="*/ 14 h 82"/>
                  <a:gd name="T16" fmla="*/ 13 w 54"/>
                  <a:gd name="T17" fmla="*/ 19 h 82"/>
                  <a:gd name="T18" fmla="*/ 15 w 54"/>
                  <a:gd name="T19" fmla="*/ 22 h 82"/>
                  <a:gd name="T20" fmla="*/ 17 w 54"/>
                  <a:gd name="T21" fmla="*/ 27 h 82"/>
                  <a:gd name="T22" fmla="*/ 20 w 54"/>
                  <a:gd name="T23" fmla="*/ 32 h 82"/>
                  <a:gd name="T24" fmla="*/ 23 w 54"/>
                  <a:gd name="T25" fmla="*/ 38 h 82"/>
                  <a:gd name="T26" fmla="*/ 25 w 54"/>
                  <a:gd name="T27" fmla="*/ 43 h 82"/>
                  <a:gd name="T28" fmla="*/ 29 w 54"/>
                  <a:gd name="T29" fmla="*/ 48 h 82"/>
                  <a:gd name="T30" fmla="*/ 32 w 54"/>
                  <a:gd name="T31" fmla="*/ 51 h 82"/>
                  <a:gd name="T32" fmla="*/ 35 w 54"/>
                  <a:gd name="T33" fmla="*/ 56 h 82"/>
                  <a:gd name="T34" fmla="*/ 39 w 54"/>
                  <a:gd name="T35" fmla="*/ 60 h 82"/>
                  <a:gd name="T36" fmla="*/ 39 w 54"/>
                  <a:gd name="T37" fmla="*/ 60 h 82"/>
                  <a:gd name="T38" fmla="*/ 40 w 54"/>
                  <a:gd name="T39" fmla="*/ 63 h 82"/>
                  <a:gd name="T40" fmla="*/ 44 w 54"/>
                  <a:gd name="T41" fmla="*/ 66 h 82"/>
                  <a:gd name="T42" fmla="*/ 47 w 54"/>
                  <a:gd name="T43" fmla="*/ 73 h 82"/>
                  <a:gd name="T44" fmla="*/ 52 w 54"/>
                  <a:gd name="T45" fmla="*/ 78 h 82"/>
                  <a:gd name="T46" fmla="*/ 54 w 54"/>
                  <a:gd name="T47" fmla="*/ 82 h 82"/>
                  <a:gd name="T48" fmla="*/ 52 w 54"/>
                  <a:gd name="T49" fmla="*/ 82 h 82"/>
                  <a:gd name="T50" fmla="*/ 45 w 54"/>
                  <a:gd name="T51" fmla="*/ 76 h 82"/>
                  <a:gd name="T52" fmla="*/ 34 w 54"/>
                  <a:gd name="T53" fmla="*/ 65 h 82"/>
                  <a:gd name="T54" fmla="*/ 34 w 54"/>
                  <a:gd name="T55" fmla="*/ 65 h 82"/>
                  <a:gd name="T56" fmla="*/ 34 w 54"/>
                  <a:gd name="T57" fmla="*/ 65 h 82"/>
                  <a:gd name="T58" fmla="*/ 32 w 54"/>
                  <a:gd name="T59" fmla="*/ 63 h 82"/>
                  <a:gd name="T60" fmla="*/ 30 w 54"/>
                  <a:gd name="T61" fmla="*/ 60 h 82"/>
                  <a:gd name="T62" fmla="*/ 27 w 54"/>
                  <a:gd name="T63" fmla="*/ 56 h 82"/>
                  <a:gd name="T64" fmla="*/ 25 w 54"/>
                  <a:gd name="T65" fmla="*/ 53 h 82"/>
                  <a:gd name="T66" fmla="*/ 22 w 54"/>
                  <a:gd name="T67" fmla="*/ 48 h 82"/>
                  <a:gd name="T68" fmla="*/ 18 w 54"/>
                  <a:gd name="T69" fmla="*/ 43 h 82"/>
                  <a:gd name="T70" fmla="*/ 15 w 54"/>
                  <a:gd name="T71" fmla="*/ 38 h 82"/>
                  <a:gd name="T72" fmla="*/ 12 w 54"/>
                  <a:gd name="T73" fmla="*/ 32 h 82"/>
                  <a:gd name="T74" fmla="*/ 10 w 54"/>
                  <a:gd name="T75" fmla="*/ 27 h 82"/>
                  <a:gd name="T76" fmla="*/ 7 w 54"/>
                  <a:gd name="T77" fmla="*/ 22 h 82"/>
                  <a:gd name="T78" fmla="*/ 5 w 54"/>
                  <a:gd name="T79" fmla="*/ 19 h 82"/>
                  <a:gd name="T80" fmla="*/ 1 w 54"/>
                  <a:gd name="T81" fmla="*/ 14 h 82"/>
                  <a:gd name="T82" fmla="*/ 1 w 54"/>
                  <a:gd name="T83" fmla="*/ 10 h 82"/>
                  <a:gd name="T84" fmla="*/ 0 w 54"/>
                  <a:gd name="T85" fmla="*/ 7 h 82"/>
                  <a:gd name="T86" fmla="*/ 0 w 54"/>
                  <a:gd name="T87" fmla="*/ 4 h 82"/>
                  <a:gd name="T88" fmla="*/ 0 w 54"/>
                  <a:gd name="T89" fmla="*/ 4 h 82"/>
                  <a:gd name="T90" fmla="*/ 0 w 54"/>
                  <a:gd name="T91" fmla="*/ 2 h 82"/>
                  <a:gd name="T92" fmla="*/ 1 w 54"/>
                  <a:gd name="T93" fmla="*/ 0 h 82"/>
                  <a:gd name="T94" fmla="*/ 3 w 54"/>
                  <a:gd name="T95" fmla="*/ 0 h 82"/>
                  <a:gd name="T96" fmla="*/ 5 w 54"/>
                  <a:gd name="T97" fmla="*/ 0 h 82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w 54"/>
                  <a:gd name="T148" fmla="*/ 0 h 82"/>
                  <a:gd name="T149" fmla="*/ 54 w 54"/>
                  <a:gd name="T150" fmla="*/ 82 h 82"/>
                </a:gdLst>
                <a:ahLst/>
                <a:cxnLst>
                  <a:cxn ang="T98">
                    <a:pos x="T0" y="T1"/>
                  </a:cxn>
                  <a:cxn ang="T99">
                    <a:pos x="T2" y="T3"/>
                  </a:cxn>
                  <a:cxn ang="T100">
                    <a:pos x="T4" y="T5"/>
                  </a:cxn>
                  <a:cxn ang="T101">
                    <a:pos x="T6" y="T7"/>
                  </a:cxn>
                  <a:cxn ang="T102">
                    <a:pos x="T8" y="T9"/>
                  </a:cxn>
                  <a:cxn ang="T103">
                    <a:pos x="T10" y="T11"/>
                  </a:cxn>
                  <a:cxn ang="T104">
                    <a:pos x="T12" y="T13"/>
                  </a:cxn>
                  <a:cxn ang="T105">
                    <a:pos x="T14" y="T15"/>
                  </a:cxn>
                  <a:cxn ang="T106">
                    <a:pos x="T16" y="T17"/>
                  </a:cxn>
                  <a:cxn ang="T107">
                    <a:pos x="T18" y="T19"/>
                  </a:cxn>
                  <a:cxn ang="T108">
                    <a:pos x="T20" y="T21"/>
                  </a:cxn>
                  <a:cxn ang="T109">
                    <a:pos x="T22" y="T23"/>
                  </a:cxn>
                  <a:cxn ang="T110">
                    <a:pos x="T24" y="T25"/>
                  </a:cxn>
                  <a:cxn ang="T111">
                    <a:pos x="T26" y="T27"/>
                  </a:cxn>
                  <a:cxn ang="T112">
                    <a:pos x="T28" y="T29"/>
                  </a:cxn>
                  <a:cxn ang="T113">
                    <a:pos x="T30" y="T31"/>
                  </a:cxn>
                  <a:cxn ang="T114">
                    <a:pos x="T32" y="T33"/>
                  </a:cxn>
                  <a:cxn ang="T115">
                    <a:pos x="T34" y="T35"/>
                  </a:cxn>
                  <a:cxn ang="T116">
                    <a:pos x="T36" y="T37"/>
                  </a:cxn>
                  <a:cxn ang="T117">
                    <a:pos x="T38" y="T39"/>
                  </a:cxn>
                  <a:cxn ang="T118">
                    <a:pos x="T40" y="T41"/>
                  </a:cxn>
                  <a:cxn ang="T119">
                    <a:pos x="T42" y="T43"/>
                  </a:cxn>
                  <a:cxn ang="T120">
                    <a:pos x="T44" y="T45"/>
                  </a:cxn>
                  <a:cxn ang="T121">
                    <a:pos x="T46" y="T47"/>
                  </a:cxn>
                  <a:cxn ang="T122">
                    <a:pos x="T48" y="T49"/>
                  </a:cxn>
                  <a:cxn ang="T123">
                    <a:pos x="T50" y="T51"/>
                  </a:cxn>
                  <a:cxn ang="T124">
                    <a:pos x="T52" y="T53"/>
                  </a:cxn>
                  <a:cxn ang="T125">
                    <a:pos x="T54" y="T55"/>
                  </a:cxn>
                  <a:cxn ang="T126">
                    <a:pos x="T56" y="T57"/>
                  </a:cxn>
                  <a:cxn ang="T127">
                    <a:pos x="T58" y="T59"/>
                  </a:cxn>
                  <a:cxn ang="T128">
                    <a:pos x="T60" y="T61"/>
                  </a:cxn>
                  <a:cxn ang="T129">
                    <a:pos x="T62" y="T63"/>
                  </a:cxn>
                  <a:cxn ang="T130">
                    <a:pos x="T64" y="T65"/>
                  </a:cxn>
                  <a:cxn ang="T131">
                    <a:pos x="T66" y="T67"/>
                  </a:cxn>
                  <a:cxn ang="T132">
                    <a:pos x="T68" y="T69"/>
                  </a:cxn>
                  <a:cxn ang="T133">
                    <a:pos x="T70" y="T71"/>
                  </a:cxn>
                  <a:cxn ang="T134">
                    <a:pos x="T72" y="T73"/>
                  </a:cxn>
                  <a:cxn ang="T135">
                    <a:pos x="T74" y="T75"/>
                  </a:cxn>
                  <a:cxn ang="T136">
                    <a:pos x="T76" y="T77"/>
                  </a:cxn>
                  <a:cxn ang="T137">
                    <a:pos x="T78" y="T79"/>
                  </a:cxn>
                  <a:cxn ang="T138">
                    <a:pos x="T80" y="T81"/>
                  </a:cxn>
                  <a:cxn ang="T139">
                    <a:pos x="T82" y="T83"/>
                  </a:cxn>
                  <a:cxn ang="T140">
                    <a:pos x="T84" y="T85"/>
                  </a:cxn>
                  <a:cxn ang="T141">
                    <a:pos x="T86" y="T87"/>
                  </a:cxn>
                  <a:cxn ang="T142">
                    <a:pos x="T88" y="T89"/>
                  </a:cxn>
                  <a:cxn ang="T143">
                    <a:pos x="T90" y="T91"/>
                  </a:cxn>
                  <a:cxn ang="T144">
                    <a:pos x="T92" y="T93"/>
                  </a:cxn>
                  <a:cxn ang="T145">
                    <a:pos x="T94" y="T95"/>
                  </a:cxn>
                  <a:cxn ang="T146">
                    <a:pos x="T96" y="T97"/>
                  </a:cxn>
                </a:cxnLst>
                <a:rect l="T147" t="T148" r="T149" b="T150"/>
                <a:pathLst>
                  <a:path w="54" h="82">
                    <a:moveTo>
                      <a:pt x="5" y="0"/>
                    </a:moveTo>
                    <a:lnTo>
                      <a:pt x="5" y="0"/>
                    </a:lnTo>
                    <a:lnTo>
                      <a:pt x="5" y="2"/>
                    </a:lnTo>
                    <a:lnTo>
                      <a:pt x="7" y="4"/>
                    </a:lnTo>
                    <a:lnTo>
                      <a:pt x="7" y="7"/>
                    </a:lnTo>
                    <a:lnTo>
                      <a:pt x="8" y="10"/>
                    </a:lnTo>
                    <a:lnTo>
                      <a:pt x="10" y="14"/>
                    </a:lnTo>
                    <a:lnTo>
                      <a:pt x="13" y="19"/>
                    </a:lnTo>
                    <a:lnTo>
                      <a:pt x="15" y="22"/>
                    </a:lnTo>
                    <a:lnTo>
                      <a:pt x="17" y="27"/>
                    </a:lnTo>
                    <a:lnTo>
                      <a:pt x="20" y="32"/>
                    </a:lnTo>
                    <a:lnTo>
                      <a:pt x="23" y="38"/>
                    </a:lnTo>
                    <a:lnTo>
                      <a:pt x="25" y="43"/>
                    </a:lnTo>
                    <a:lnTo>
                      <a:pt x="29" y="48"/>
                    </a:lnTo>
                    <a:lnTo>
                      <a:pt x="32" y="51"/>
                    </a:lnTo>
                    <a:lnTo>
                      <a:pt x="35" y="56"/>
                    </a:lnTo>
                    <a:lnTo>
                      <a:pt x="39" y="60"/>
                    </a:lnTo>
                    <a:lnTo>
                      <a:pt x="40" y="63"/>
                    </a:lnTo>
                    <a:lnTo>
                      <a:pt x="44" y="66"/>
                    </a:lnTo>
                    <a:lnTo>
                      <a:pt x="47" y="73"/>
                    </a:lnTo>
                    <a:lnTo>
                      <a:pt x="52" y="78"/>
                    </a:lnTo>
                    <a:lnTo>
                      <a:pt x="54" y="82"/>
                    </a:lnTo>
                    <a:lnTo>
                      <a:pt x="52" y="82"/>
                    </a:lnTo>
                    <a:lnTo>
                      <a:pt x="45" y="76"/>
                    </a:lnTo>
                    <a:lnTo>
                      <a:pt x="34" y="65"/>
                    </a:lnTo>
                    <a:lnTo>
                      <a:pt x="32" y="63"/>
                    </a:lnTo>
                    <a:lnTo>
                      <a:pt x="30" y="60"/>
                    </a:lnTo>
                    <a:lnTo>
                      <a:pt x="27" y="56"/>
                    </a:lnTo>
                    <a:lnTo>
                      <a:pt x="25" y="53"/>
                    </a:lnTo>
                    <a:lnTo>
                      <a:pt x="22" y="48"/>
                    </a:lnTo>
                    <a:lnTo>
                      <a:pt x="18" y="43"/>
                    </a:lnTo>
                    <a:lnTo>
                      <a:pt x="15" y="38"/>
                    </a:lnTo>
                    <a:lnTo>
                      <a:pt x="12" y="32"/>
                    </a:lnTo>
                    <a:lnTo>
                      <a:pt x="10" y="27"/>
                    </a:lnTo>
                    <a:lnTo>
                      <a:pt x="7" y="22"/>
                    </a:lnTo>
                    <a:lnTo>
                      <a:pt x="5" y="19"/>
                    </a:lnTo>
                    <a:lnTo>
                      <a:pt x="1" y="14"/>
                    </a:lnTo>
                    <a:lnTo>
                      <a:pt x="1" y="10"/>
                    </a:lnTo>
                    <a:lnTo>
                      <a:pt x="0" y="7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3" y="0"/>
                    </a:lnTo>
                    <a:lnTo>
                      <a:pt x="5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25" name="Freeform 169"/>
              <p:cNvSpPr>
                <a:spLocks/>
              </p:cNvSpPr>
              <p:nvPr/>
            </p:nvSpPr>
            <p:spPr bwMode="auto">
              <a:xfrm>
                <a:off x="4956" y="2165"/>
                <a:ext cx="20" cy="72"/>
              </a:xfrm>
              <a:custGeom>
                <a:avLst/>
                <a:gdLst>
                  <a:gd name="T0" fmla="*/ 8 w 20"/>
                  <a:gd name="T1" fmla="*/ 0 h 72"/>
                  <a:gd name="T2" fmla="*/ 18 w 20"/>
                  <a:gd name="T3" fmla="*/ 18 h 72"/>
                  <a:gd name="T4" fmla="*/ 20 w 20"/>
                  <a:gd name="T5" fmla="*/ 67 h 72"/>
                  <a:gd name="T6" fmla="*/ 3 w 20"/>
                  <a:gd name="T7" fmla="*/ 72 h 72"/>
                  <a:gd name="T8" fmla="*/ 0 w 20"/>
                  <a:gd name="T9" fmla="*/ 71 h 72"/>
                  <a:gd name="T10" fmla="*/ 15 w 20"/>
                  <a:gd name="T11" fmla="*/ 55 h 72"/>
                  <a:gd name="T12" fmla="*/ 13 w 20"/>
                  <a:gd name="T13" fmla="*/ 22 h 72"/>
                  <a:gd name="T14" fmla="*/ 3 w 20"/>
                  <a:gd name="T15" fmla="*/ 3 h 72"/>
                  <a:gd name="T16" fmla="*/ 8 w 20"/>
                  <a:gd name="T17" fmla="*/ 0 h 72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  <a:gd name="T27" fmla="*/ 0 w 20"/>
                  <a:gd name="T28" fmla="*/ 0 h 72"/>
                  <a:gd name="T29" fmla="*/ 20 w 20"/>
                  <a:gd name="T30" fmla="*/ 72 h 72"/>
                </a:gdLst>
                <a:ahLst/>
                <a:cxnLst>
                  <a:cxn ang="T18">
                    <a:pos x="T0" y="T1"/>
                  </a:cxn>
                  <a:cxn ang="T19">
                    <a:pos x="T2" y="T3"/>
                  </a:cxn>
                  <a:cxn ang="T20">
                    <a:pos x="T4" y="T5"/>
                  </a:cxn>
                  <a:cxn ang="T21">
                    <a:pos x="T6" y="T7"/>
                  </a:cxn>
                  <a:cxn ang="T22">
                    <a:pos x="T8" y="T9"/>
                  </a:cxn>
                  <a:cxn ang="T23">
                    <a:pos x="T10" y="T11"/>
                  </a:cxn>
                  <a:cxn ang="T24">
                    <a:pos x="T12" y="T13"/>
                  </a:cxn>
                  <a:cxn ang="T25">
                    <a:pos x="T14" y="T15"/>
                  </a:cxn>
                  <a:cxn ang="T26">
                    <a:pos x="T16" y="T17"/>
                  </a:cxn>
                </a:cxnLst>
                <a:rect l="T27" t="T28" r="T29" b="T30"/>
                <a:pathLst>
                  <a:path w="20" h="72">
                    <a:moveTo>
                      <a:pt x="8" y="0"/>
                    </a:moveTo>
                    <a:lnTo>
                      <a:pt x="18" y="18"/>
                    </a:lnTo>
                    <a:lnTo>
                      <a:pt x="20" y="67"/>
                    </a:lnTo>
                    <a:lnTo>
                      <a:pt x="3" y="72"/>
                    </a:lnTo>
                    <a:lnTo>
                      <a:pt x="0" y="71"/>
                    </a:lnTo>
                    <a:lnTo>
                      <a:pt x="15" y="55"/>
                    </a:lnTo>
                    <a:lnTo>
                      <a:pt x="13" y="22"/>
                    </a:lnTo>
                    <a:lnTo>
                      <a:pt x="3" y="3"/>
                    </a:lnTo>
                    <a:lnTo>
                      <a:pt x="8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26" name="Freeform 170"/>
              <p:cNvSpPr>
                <a:spLocks/>
              </p:cNvSpPr>
              <p:nvPr/>
            </p:nvSpPr>
            <p:spPr bwMode="auto">
              <a:xfrm>
                <a:off x="4956" y="2165"/>
                <a:ext cx="20" cy="72"/>
              </a:xfrm>
              <a:custGeom>
                <a:avLst/>
                <a:gdLst>
                  <a:gd name="T0" fmla="*/ 8 w 20"/>
                  <a:gd name="T1" fmla="*/ 0 h 72"/>
                  <a:gd name="T2" fmla="*/ 18 w 20"/>
                  <a:gd name="T3" fmla="*/ 18 h 72"/>
                  <a:gd name="T4" fmla="*/ 20 w 20"/>
                  <a:gd name="T5" fmla="*/ 67 h 72"/>
                  <a:gd name="T6" fmla="*/ 3 w 20"/>
                  <a:gd name="T7" fmla="*/ 72 h 72"/>
                  <a:gd name="T8" fmla="*/ 0 w 20"/>
                  <a:gd name="T9" fmla="*/ 71 h 72"/>
                  <a:gd name="T10" fmla="*/ 15 w 20"/>
                  <a:gd name="T11" fmla="*/ 55 h 72"/>
                  <a:gd name="T12" fmla="*/ 13 w 20"/>
                  <a:gd name="T13" fmla="*/ 22 h 72"/>
                  <a:gd name="T14" fmla="*/ 3 w 20"/>
                  <a:gd name="T15" fmla="*/ 3 h 72"/>
                  <a:gd name="T16" fmla="*/ 8 w 20"/>
                  <a:gd name="T17" fmla="*/ 0 h 72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  <a:gd name="T27" fmla="*/ 0 w 20"/>
                  <a:gd name="T28" fmla="*/ 0 h 72"/>
                  <a:gd name="T29" fmla="*/ 20 w 20"/>
                  <a:gd name="T30" fmla="*/ 72 h 72"/>
                </a:gdLst>
                <a:ahLst/>
                <a:cxnLst>
                  <a:cxn ang="T18">
                    <a:pos x="T0" y="T1"/>
                  </a:cxn>
                  <a:cxn ang="T19">
                    <a:pos x="T2" y="T3"/>
                  </a:cxn>
                  <a:cxn ang="T20">
                    <a:pos x="T4" y="T5"/>
                  </a:cxn>
                  <a:cxn ang="T21">
                    <a:pos x="T6" y="T7"/>
                  </a:cxn>
                  <a:cxn ang="T22">
                    <a:pos x="T8" y="T9"/>
                  </a:cxn>
                  <a:cxn ang="T23">
                    <a:pos x="T10" y="T11"/>
                  </a:cxn>
                  <a:cxn ang="T24">
                    <a:pos x="T12" y="T13"/>
                  </a:cxn>
                  <a:cxn ang="T25">
                    <a:pos x="T14" y="T15"/>
                  </a:cxn>
                  <a:cxn ang="T26">
                    <a:pos x="T16" y="T17"/>
                  </a:cxn>
                </a:cxnLst>
                <a:rect l="T27" t="T28" r="T29" b="T30"/>
                <a:pathLst>
                  <a:path w="20" h="72">
                    <a:moveTo>
                      <a:pt x="8" y="0"/>
                    </a:moveTo>
                    <a:lnTo>
                      <a:pt x="18" y="18"/>
                    </a:lnTo>
                    <a:lnTo>
                      <a:pt x="20" y="67"/>
                    </a:lnTo>
                    <a:lnTo>
                      <a:pt x="3" y="72"/>
                    </a:lnTo>
                    <a:lnTo>
                      <a:pt x="0" y="71"/>
                    </a:lnTo>
                    <a:lnTo>
                      <a:pt x="15" y="55"/>
                    </a:lnTo>
                    <a:lnTo>
                      <a:pt x="13" y="22"/>
                    </a:lnTo>
                    <a:lnTo>
                      <a:pt x="3" y="3"/>
                    </a:lnTo>
                    <a:lnTo>
                      <a:pt x="8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599" name="Freeform 171"/>
            <p:cNvSpPr>
              <a:spLocks/>
            </p:cNvSpPr>
            <p:nvPr/>
          </p:nvSpPr>
          <p:spPr bwMode="auto">
            <a:xfrm>
              <a:off x="420" y="850"/>
              <a:ext cx="638" cy="473"/>
            </a:xfrm>
            <a:custGeom>
              <a:avLst/>
              <a:gdLst>
                <a:gd name="T0" fmla="*/ 18 w 656"/>
                <a:gd name="T1" fmla="*/ 20 h 487"/>
                <a:gd name="T2" fmla="*/ 44 w 656"/>
                <a:gd name="T3" fmla="*/ 44 h 487"/>
                <a:gd name="T4" fmla="*/ 65 w 656"/>
                <a:gd name="T5" fmla="*/ 51 h 487"/>
                <a:gd name="T6" fmla="*/ 79 w 656"/>
                <a:gd name="T7" fmla="*/ 58 h 487"/>
                <a:gd name="T8" fmla="*/ 109 w 656"/>
                <a:gd name="T9" fmla="*/ 70 h 487"/>
                <a:gd name="T10" fmla="*/ 117 w 656"/>
                <a:gd name="T11" fmla="*/ 81 h 487"/>
                <a:gd name="T12" fmla="*/ 112 w 656"/>
                <a:gd name="T13" fmla="*/ 94 h 487"/>
                <a:gd name="T14" fmla="*/ 109 w 656"/>
                <a:gd name="T15" fmla="*/ 94 h 487"/>
                <a:gd name="T16" fmla="*/ 85 w 656"/>
                <a:gd name="T17" fmla="*/ 127 h 487"/>
                <a:gd name="T18" fmla="*/ 98 w 656"/>
                <a:gd name="T19" fmla="*/ 108 h 487"/>
                <a:gd name="T20" fmla="*/ 112 w 656"/>
                <a:gd name="T21" fmla="*/ 112 h 487"/>
                <a:gd name="T22" fmla="*/ 101 w 656"/>
                <a:gd name="T23" fmla="*/ 144 h 487"/>
                <a:gd name="T24" fmla="*/ 101 w 656"/>
                <a:gd name="T25" fmla="*/ 137 h 487"/>
                <a:gd name="T26" fmla="*/ 93 w 656"/>
                <a:gd name="T27" fmla="*/ 139 h 487"/>
                <a:gd name="T28" fmla="*/ 91 w 656"/>
                <a:gd name="T29" fmla="*/ 130 h 487"/>
                <a:gd name="T30" fmla="*/ 77 w 656"/>
                <a:gd name="T31" fmla="*/ 145 h 487"/>
                <a:gd name="T32" fmla="*/ 89 w 656"/>
                <a:gd name="T33" fmla="*/ 148 h 487"/>
                <a:gd name="T34" fmla="*/ 97 w 656"/>
                <a:gd name="T35" fmla="*/ 152 h 487"/>
                <a:gd name="T36" fmla="*/ 114 w 656"/>
                <a:gd name="T37" fmla="*/ 144 h 487"/>
                <a:gd name="T38" fmla="*/ 144 w 656"/>
                <a:gd name="T39" fmla="*/ 84 h 487"/>
                <a:gd name="T40" fmla="*/ 129 w 656"/>
                <a:gd name="T41" fmla="*/ 68 h 487"/>
                <a:gd name="T42" fmla="*/ 133 w 656"/>
                <a:gd name="T43" fmla="*/ 39 h 487"/>
                <a:gd name="T44" fmla="*/ 144 w 656"/>
                <a:gd name="T45" fmla="*/ 25 h 487"/>
                <a:gd name="T46" fmla="*/ 141 w 656"/>
                <a:gd name="T47" fmla="*/ 3 h 487"/>
                <a:gd name="T48" fmla="*/ 181 w 656"/>
                <a:gd name="T49" fmla="*/ 17 h 487"/>
                <a:gd name="T50" fmla="*/ 252 w 656"/>
                <a:gd name="T51" fmla="*/ 37 h 487"/>
                <a:gd name="T52" fmla="*/ 342 w 656"/>
                <a:gd name="T53" fmla="*/ 57 h 487"/>
                <a:gd name="T54" fmla="*/ 443 w 656"/>
                <a:gd name="T55" fmla="*/ 79 h 487"/>
                <a:gd name="T56" fmla="*/ 440 w 656"/>
                <a:gd name="T57" fmla="*/ 105 h 487"/>
                <a:gd name="T58" fmla="*/ 427 w 656"/>
                <a:gd name="T59" fmla="*/ 160 h 487"/>
                <a:gd name="T60" fmla="*/ 412 w 656"/>
                <a:gd name="T61" fmla="*/ 225 h 487"/>
                <a:gd name="T62" fmla="*/ 403 w 656"/>
                <a:gd name="T63" fmla="*/ 271 h 487"/>
                <a:gd name="T64" fmla="*/ 400 w 656"/>
                <a:gd name="T65" fmla="*/ 307 h 487"/>
                <a:gd name="T66" fmla="*/ 281 w 656"/>
                <a:gd name="T67" fmla="*/ 296 h 487"/>
                <a:gd name="T68" fmla="*/ 260 w 656"/>
                <a:gd name="T69" fmla="*/ 298 h 487"/>
                <a:gd name="T70" fmla="*/ 241 w 656"/>
                <a:gd name="T71" fmla="*/ 292 h 487"/>
                <a:gd name="T72" fmla="*/ 219 w 656"/>
                <a:gd name="T73" fmla="*/ 296 h 487"/>
                <a:gd name="T74" fmla="*/ 185 w 656"/>
                <a:gd name="T75" fmla="*/ 296 h 487"/>
                <a:gd name="T76" fmla="*/ 165 w 656"/>
                <a:gd name="T77" fmla="*/ 294 h 487"/>
                <a:gd name="T78" fmla="*/ 142 w 656"/>
                <a:gd name="T79" fmla="*/ 289 h 487"/>
                <a:gd name="T80" fmla="*/ 114 w 656"/>
                <a:gd name="T81" fmla="*/ 278 h 487"/>
                <a:gd name="T82" fmla="*/ 91 w 656"/>
                <a:gd name="T83" fmla="*/ 281 h 487"/>
                <a:gd name="T84" fmla="*/ 71 w 656"/>
                <a:gd name="T85" fmla="*/ 276 h 487"/>
                <a:gd name="T86" fmla="*/ 61 w 656"/>
                <a:gd name="T87" fmla="*/ 269 h 487"/>
                <a:gd name="T88" fmla="*/ 60 w 656"/>
                <a:gd name="T89" fmla="*/ 252 h 487"/>
                <a:gd name="T90" fmla="*/ 55 w 656"/>
                <a:gd name="T91" fmla="*/ 227 h 487"/>
                <a:gd name="T92" fmla="*/ 43 w 656"/>
                <a:gd name="T93" fmla="*/ 219 h 487"/>
                <a:gd name="T94" fmla="*/ 40 w 656"/>
                <a:gd name="T95" fmla="*/ 214 h 487"/>
                <a:gd name="T96" fmla="*/ 25 w 656"/>
                <a:gd name="T97" fmla="*/ 203 h 487"/>
                <a:gd name="T98" fmla="*/ 11 w 656"/>
                <a:gd name="T99" fmla="*/ 200 h 487"/>
                <a:gd name="T100" fmla="*/ 0 w 656"/>
                <a:gd name="T101" fmla="*/ 195 h 487"/>
                <a:gd name="T102" fmla="*/ 5 w 656"/>
                <a:gd name="T103" fmla="*/ 180 h 487"/>
                <a:gd name="T104" fmla="*/ 15 w 656"/>
                <a:gd name="T105" fmla="*/ 171 h 487"/>
                <a:gd name="T106" fmla="*/ 11 w 656"/>
                <a:gd name="T107" fmla="*/ 184 h 487"/>
                <a:gd name="T108" fmla="*/ 15 w 656"/>
                <a:gd name="T109" fmla="*/ 188 h 487"/>
                <a:gd name="T110" fmla="*/ 18 w 656"/>
                <a:gd name="T111" fmla="*/ 166 h 487"/>
                <a:gd name="T112" fmla="*/ 18 w 656"/>
                <a:gd name="T113" fmla="*/ 148 h 487"/>
                <a:gd name="T114" fmla="*/ 18 w 656"/>
                <a:gd name="T115" fmla="*/ 142 h 487"/>
                <a:gd name="T116" fmla="*/ 18 w 656"/>
                <a:gd name="T117" fmla="*/ 118 h 487"/>
                <a:gd name="T118" fmla="*/ 18 w 656"/>
                <a:gd name="T119" fmla="*/ 89 h 487"/>
                <a:gd name="T120" fmla="*/ 17 w 656"/>
                <a:gd name="T121" fmla="*/ 64 h 487"/>
                <a:gd name="T122" fmla="*/ 15 w 656"/>
                <a:gd name="T123" fmla="*/ 38 h 487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w 656"/>
                <a:gd name="T187" fmla="*/ 0 h 487"/>
                <a:gd name="T188" fmla="*/ 656 w 656"/>
                <a:gd name="T189" fmla="*/ 487 h 487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T186" t="T187" r="T188" b="T189"/>
              <a:pathLst>
                <a:path w="656" h="487">
                  <a:moveTo>
                    <a:pt x="22" y="41"/>
                  </a:moveTo>
                  <a:lnTo>
                    <a:pt x="23" y="36"/>
                  </a:lnTo>
                  <a:lnTo>
                    <a:pt x="22" y="27"/>
                  </a:lnTo>
                  <a:lnTo>
                    <a:pt x="22" y="29"/>
                  </a:lnTo>
                  <a:lnTo>
                    <a:pt x="23" y="29"/>
                  </a:lnTo>
                  <a:lnTo>
                    <a:pt x="25" y="32"/>
                  </a:lnTo>
                  <a:lnTo>
                    <a:pt x="28" y="34"/>
                  </a:lnTo>
                  <a:lnTo>
                    <a:pt x="32" y="39"/>
                  </a:lnTo>
                  <a:lnTo>
                    <a:pt x="37" y="42"/>
                  </a:lnTo>
                  <a:lnTo>
                    <a:pt x="40" y="46"/>
                  </a:lnTo>
                  <a:lnTo>
                    <a:pt x="45" y="51"/>
                  </a:lnTo>
                  <a:lnTo>
                    <a:pt x="50" y="56"/>
                  </a:lnTo>
                  <a:lnTo>
                    <a:pt x="57" y="59"/>
                  </a:lnTo>
                  <a:lnTo>
                    <a:pt x="62" y="64"/>
                  </a:lnTo>
                  <a:lnTo>
                    <a:pt x="67" y="68"/>
                  </a:lnTo>
                  <a:lnTo>
                    <a:pt x="74" y="71"/>
                  </a:lnTo>
                  <a:lnTo>
                    <a:pt x="79" y="74"/>
                  </a:lnTo>
                  <a:lnTo>
                    <a:pt x="86" y="76"/>
                  </a:lnTo>
                  <a:lnTo>
                    <a:pt x="91" y="78"/>
                  </a:lnTo>
                  <a:lnTo>
                    <a:pt x="94" y="78"/>
                  </a:lnTo>
                  <a:lnTo>
                    <a:pt x="96" y="80"/>
                  </a:lnTo>
                  <a:lnTo>
                    <a:pt x="98" y="80"/>
                  </a:lnTo>
                  <a:lnTo>
                    <a:pt x="101" y="80"/>
                  </a:lnTo>
                  <a:lnTo>
                    <a:pt x="103" y="81"/>
                  </a:lnTo>
                  <a:lnTo>
                    <a:pt x="105" y="81"/>
                  </a:lnTo>
                  <a:lnTo>
                    <a:pt x="115" y="86"/>
                  </a:lnTo>
                  <a:lnTo>
                    <a:pt x="123" y="95"/>
                  </a:lnTo>
                  <a:lnTo>
                    <a:pt x="142" y="95"/>
                  </a:lnTo>
                  <a:lnTo>
                    <a:pt x="143" y="105"/>
                  </a:lnTo>
                  <a:lnTo>
                    <a:pt x="154" y="105"/>
                  </a:lnTo>
                  <a:lnTo>
                    <a:pt x="154" y="117"/>
                  </a:lnTo>
                  <a:lnTo>
                    <a:pt x="160" y="117"/>
                  </a:lnTo>
                  <a:lnTo>
                    <a:pt x="159" y="105"/>
                  </a:lnTo>
                  <a:lnTo>
                    <a:pt x="162" y="103"/>
                  </a:lnTo>
                  <a:lnTo>
                    <a:pt x="172" y="103"/>
                  </a:lnTo>
                  <a:lnTo>
                    <a:pt x="167" y="113"/>
                  </a:lnTo>
                  <a:lnTo>
                    <a:pt x="169" y="115"/>
                  </a:lnTo>
                  <a:lnTo>
                    <a:pt x="169" y="117"/>
                  </a:lnTo>
                  <a:lnTo>
                    <a:pt x="171" y="118"/>
                  </a:lnTo>
                  <a:lnTo>
                    <a:pt x="172" y="122"/>
                  </a:lnTo>
                  <a:lnTo>
                    <a:pt x="174" y="125"/>
                  </a:lnTo>
                  <a:lnTo>
                    <a:pt x="174" y="130"/>
                  </a:lnTo>
                  <a:lnTo>
                    <a:pt x="172" y="134"/>
                  </a:lnTo>
                  <a:lnTo>
                    <a:pt x="171" y="135"/>
                  </a:lnTo>
                  <a:lnTo>
                    <a:pt x="169" y="137"/>
                  </a:lnTo>
                  <a:lnTo>
                    <a:pt x="167" y="139"/>
                  </a:lnTo>
                  <a:lnTo>
                    <a:pt x="164" y="142"/>
                  </a:lnTo>
                  <a:lnTo>
                    <a:pt x="160" y="146"/>
                  </a:lnTo>
                  <a:lnTo>
                    <a:pt x="159" y="149"/>
                  </a:lnTo>
                  <a:lnTo>
                    <a:pt x="155" y="152"/>
                  </a:lnTo>
                  <a:lnTo>
                    <a:pt x="154" y="154"/>
                  </a:lnTo>
                  <a:lnTo>
                    <a:pt x="154" y="156"/>
                  </a:lnTo>
                  <a:lnTo>
                    <a:pt x="149" y="151"/>
                  </a:lnTo>
                  <a:lnTo>
                    <a:pt x="159" y="142"/>
                  </a:lnTo>
                  <a:lnTo>
                    <a:pt x="157" y="137"/>
                  </a:lnTo>
                  <a:lnTo>
                    <a:pt x="130" y="169"/>
                  </a:lnTo>
                  <a:lnTo>
                    <a:pt x="113" y="179"/>
                  </a:lnTo>
                  <a:lnTo>
                    <a:pt x="113" y="191"/>
                  </a:lnTo>
                  <a:lnTo>
                    <a:pt x="121" y="193"/>
                  </a:lnTo>
                  <a:lnTo>
                    <a:pt x="123" y="191"/>
                  </a:lnTo>
                  <a:lnTo>
                    <a:pt x="125" y="190"/>
                  </a:lnTo>
                  <a:lnTo>
                    <a:pt x="127" y="186"/>
                  </a:lnTo>
                  <a:lnTo>
                    <a:pt x="127" y="188"/>
                  </a:lnTo>
                  <a:lnTo>
                    <a:pt x="123" y="186"/>
                  </a:lnTo>
                  <a:lnTo>
                    <a:pt x="121" y="183"/>
                  </a:lnTo>
                  <a:lnTo>
                    <a:pt x="120" y="183"/>
                  </a:lnTo>
                  <a:lnTo>
                    <a:pt x="145" y="162"/>
                  </a:lnTo>
                  <a:lnTo>
                    <a:pt x="152" y="162"/>
                  </a:lnTo>
                  <a:lnTo>
                    <a:pt x="179" y="135"/>
                  </a:lnTo>
                  <a:lnTo>
                    <a:pt x="182" y="144"/>
                  </a:lnTo>
                  <a:lnTo>
                    <a:pt x="181" y="154"/>
                  </a:lnTo>
                  <a:lnTo>
                    <a:pt x="172" y="161"/>
                  </a:lnTo>
                  <a:lnTo>
                    <a:pt x="169" y="159"/>
                  </a:lnTo>
                  <a:lnTo>
                    <a:pt x="165" y="168"/>
                  </a:lnTo>
                  <a:lnTo>
                    <a:pt x="162" y="178"/>
                  </a:lnTo>
                  <a:lnTo>
                    <a:pt x="165" y="179"/>
                  </a:lnTo>
                  <a:lnTo>
                    <a:pt x="157" y="210"/>
                  </a:lnTo>
                  <a:lnTo>
                    <a:pt x="155" y="210"/>
                  </a:lnTo>
                  <a:lnTo>
                    <a:pt x="154" y="212"/>
                  </a:lnTo>
                  <a:lnTo>
                    <a:pt x="150" y="215"/>
                  </a:lnTo>
                  <a:lnTo>
                    <a:pt x="149" y="217"/>
                  </a:lnTo>
                  <a:lnTo>
                    <a:pt x="147" y="217"/>
                  </a:lnTo>
                  <a:lnTo>
                    <a:pt x="147" y="215"/>
                  </a:lnTo>
                  <a:lnTo>
                    <a:pt x="149" y="212"/>
                  </a:lnTo>
                  <a:lnTo>
                    <a:pt x="149" y="210"/>
                  </a:lnTo>
                  <a:lnTo>
                    <a:pt x="149" y="208"/>
                  </a:lnTo>
                  <a:lnTo>
                    <a:pt x="149" y="206"/>
                  </a:lnTo>
                  <a:lnTo>
                    <a:pt x="149" y="205"/>
                  </a:lnTo>
                  <a:lnTo>
                    <a:pt x="157" y="195"/>
                  </a:lnTo>
                  <a:lnTo>
                    <a:pt x="143" y="206"/>
                  </a:lnTo>
                  <a:lnTo>
                    <a:pt x="138" y="215"/>
                  </a:lnTo>
                  <a:lnTo>
                    <a:pt x="137" y="212"/>
                  </a:lnTo>
                  <a:lnTo>
                    <a:pt x="137" y="210"/>
                  </a:lnTo>
                  <a:lnTo>
                    <a:pt x="138" y="208"/>
                  </a:lnTo>
                  <a:lnTo>
                    <a:pt x="138" y="205"/>
                  </a:lnTo>
                  <a:lnTo>
                    <a:pt x="140" y="201"/>
                  </a:lnTo>
                  <a:lnTo>
                    <a:pt x="142" y="200"/>
                  </a:lnTo>
                  <a:lnTo>
                    <a:pt x="142" y="196"/>
                  </a:lnTo>
                  <a:lnTo>
                    <a:pt x="140" y="195"/>
                  </a:lnTo>
                  <a:lnTo>
                    <a:pt x="138" y="193"/>
                  </a:lnTo>
                  <a:lnTo>
                    <a:pt x="135" y="195"/>
                  </a:lnTo>
                  <a:lnTo>
                    <a:pt x="130" y="196"/>
                  </a:lnTo>
                  <a:lnTo>
                    <a:pt x="125" y="201"/>
                  </a:lnTo>
                  <a:lnTo>
                    <a:pt x="120" y="205"/>
                  </a:lnTo>
                  <a:lnTo>
                    <a:pt x="115" y="210"/>
                  </a:lnTo>
                  <a:lnTo>
                    <a:pt x="111" y="215"/>
                  </a:lnTo>
                  <a:lnTo>
                    <a:pt x="111" y="217"/>
                  </a:lnTo>
                  <a:lnTo>
                    <a:pt x="113" y="218"/>
                  </a:lnTo>
                  <a:lnTo>
                    <a:pt x="120" y="220"/>
                  </a:lnTo>
                  <a:lnTo>
                    <a:pt x="123" y="220"/>
                  </a:lnTo>
                  <a:lnTo>
                    <a:pt x="127" y="222"/>
                  </a:lnTo>
                  <a:lnTo>
                    <a:pt x="130" y="222"/>
                  </a:lnTo>
                  <a:lnTo>
                    <a:pt x="132" y="222"/>
                  </a:lnTo>
                  <a:lnTo>
                    <a:pt x="132" y="225"/>
                  </a:lnTo>
                  <a:lnTo>
                    <a:pt x="133" y="227"/>
                  </a:lnTo>
                  <a:lnTo>
                    <a:pt x="138" y="230"/>
                  </a:lnTo>
                  <a:lnTo>
                    <a:pt x="140" y="230"/>
                  </a:lnTo>
                  <a:lnTo>
                    <a:pt x="143" y="228"/>
                  </a:lnTo>
                  <a:lnTo>
                    <a:pt x="149" y="225"/>
                  </a:lnTo>
                  <a:lnTo>
                    <a:pt x="152" y="223"/>
                  </a:lnTo>
                  <a:lnTo>
                    <a:pt x="155" y="220"/>
                  </a:lnTo>
                  <a:lnTo>
                    <a:pt x="159" y="217"/>
                  </a:lnTo>
                  <a:lnTo>
                    <a:pt x="162" y="215"/>
                  </a:lnTo>
                  <a:lnTo>
                    <a:pt x="162" y="213"/>
                  </a:lnTo>
                  <a:lnTo>
                    <a:pt x="167" y="215"/>
                  </a:lnTo>
                  <a:lnTo>
                    <a:pt x="176" y="208"/>
                  </a:lnTo>
                  <a:lnTo>
                    <a:pt x="181" y="206"/>
                  </a:lnTo>
                  <a:lnTo>
                    <a:pt x="179" y="183"/>
                  </a:lnTo>
                  <a:lnTo>
                    <a:pt x="186" y="178"/>
                  </a:lnTo>
                  <a:lnTo>
                    <a:pt x="181" y="171"/>
                  </a:lnTo>
                  <a:lnTo>
                    <a:pt x="191" y="151"/>
                  </a:lnTo>
                  <a:lnTo>
                    <a:pt x="211" y="127"/>
                  </a:lnTo>
                  <a:lnTo>
                    <a:pt x="203" y="103"/>
                  </a:lnTo>
                  <a:lnTo>
                    <a:pt x="198" y="103"/>
                  </a:lnTo>
                  <a:lnTo>
                    <a:pt x="196" y="112"/>
                  </a:lnTo>
                  <a:lnTo>
                    <a:pt x="201" y="117"/>
                  </a:lnTo>
                  <a:lnTo>
                    <a:pt x="199" y="122"/>
                  </a:lnTo>
                  <a:lnTo>
                    <a:pt x="189" y="110"/>
                  </a:lnTo>
                  <a:lnTo>
                    <a:pt x="191" y="102"/>
                  </a:lnTo>
                  <a:lnTo>
                    <a:pt x="196" y="96"/>
                  </a:lnTo>
                  <a:lnTo>
                    <a:pt x="206" y="96"/>
                  </a:lnTo>
                  <a:lnTo>
                    <a:pt x="199" y="83"/>
                  </a:lnTo>
                  <a:lnTo>
                    <a:pt x="194" y="73"/>
                  </a:lnTo>
                  <a:lnTo>
                    <a:pt x="189" y="68"/>
                  </a:lnTo>
                  <a:lnTo>
                    <a:pt x="193" y="63"/>
                  </a:lnTo>
                  <a:lnTo>
                    <a:pt x="196" y="54"/>
                  </a:lnTo>
                  <a:lnTo>
                    <a:pt x="199" y="59"/>
                  </a:lnTo>
                  <a:lnTo>
                    <a:pt x="199" y="71"/>
                  </a:lnTo>
                  <a:lnTo>
                    <a:pt x="206" y="66"/>
                  </a:lnTo>
                  <a:lnTo>
                    <a:pt x="204" y="64"/>
                  </a:lnTo>
                  <a:lnTo>
                    <a:pt x="215" y="56"/>
                  </a:lnTo>
                  <a:lnTo>
                    <a:pt x="208" y="47"/>
                  </a:lnTo>
                  <a:lnTo>
                    <a:pt x="211" y="39"/>
                  </a:lnTo>
                  <a:lnTo>
                    <a:pt x="206" y="32"/>
                  </a:lnTo>
                  <a:lnTo>
                    <a:pt x="198" y="32"/>
                  </a:lnTo>
                  <a:lnTo>
                    <a:pt x="198" y="0"/>
                  </a:lnTo>
                  <a:lnTo>
                    <a:pt x="199" y="0"/>
                  </a:lnTo>
                  <a:lnTo>
                    <a:pt x="203" y="2"/>
                  </a:lnTo>
                  <a:lnTo>
                    <a:pt x="208" y="3"/>
                  </a:lnTo>
                  <a:lnTo>
                    <a:pt x="213" y="5"/>
                  </a:lnTo>
                  <a:lnTo>
                    <a:pt x="220" y="7"/>
                  </a:lnTo>
                  <a:lnTo>
                    <a:pt x="226" y="8"/>
                  </a:lnTo>
                  <a:lnTo>
                    <a:pt x="235" y="12"/>
                  </a:lnTo>
                  <a:lnTo>
                    <a:pt x="245" y="15"/>
                  </a:lnTo>
                  <a:lnTo>
                    <a:pt x="255" y="17"/>
                  </a:lnTo>
                  <a:lnTo>
                    <a:pt x="267" y="22"/>
                  </a:lnTo>
                  <a:lnTo>
                    <a:pt x="281" y="25"/>
                  </a:lnTo>
                  <a:lnTo>
                    <a:pt x="294" y="29"/>
                  </a:lnTo>
                  <a:lnTo>
                    <a:pt x="308" y="32"/>
                  </a:lnTo>
                  <a:lnTo>
                    <a:pt x="323" y="37"/>
                  </a:lnTo>
                  <a:lnTo>
                    <a:pt x="338" y="41"/>
                  </a:lnTo>
                  <a:lnTo>
                    <a:pt x="355" y="46"/>
                  </a:lnTo>
                  <a:lnTo>
                    <a:pt x="372" y="51"/>
                  </a:lnTo>
                  <a:lnTo>
                    <a:pt x="389" y="54"/>
                  </a:lnTo>
                  <a:lnTo>
                    <a:pt x="407" y="59"/>
                  </a:lnTo>
                  <a:lnTo>
                    <a:pt x="426" y="64"/>
                  </a:lnTo>
                  <a:lnTo>
                    <a:pt x="445" y="69"/>
                  </a:lnTo>
                  <a:lnTo>
                    <a:pt x="465" y="74"/>
                  </a:lnTo>
                  <a:lnTo>
                    <a:pt x="485" y="80"/>
                  </a:lnTo>
                  <a:lnTo>
                    <a:pt x="506" y="85"/>
                  </a:lnTo>
                  <a:lnTo>
                    <a:pt x="526" y="90"/>
                  </a:lnTo>
                  <a:lnTo>
                    <a:pt x="548" y="95"/>
                  </a:lnTo>
                  <a:lnTo>
                    <a:pt x="568" y="100"/>
                  </a:lnTo>
                  <a:lnTo>
                    <a:pt x="590" y="105"/>
                  </a:lnTo>
                  <a:lnTo>
                    <a:pt x="612" y="108"/>
                  </a:lnTo>
                  <a:lnTo>
                    <a:pt x="634" y="113"/>
                  </a:lnTo>
                  <a:lnTo>
                    <a:pt x="656" y="118"/>
                  </a:lnTo>
                  <a:lnTo>
                    <a:pt x="656" y="122"/>
                  </a:lnTo>
                  <a:lnTo>
                    <a:pt x="656" y="125"/>
                  </a:lnTo>
                  <a:lnTo>
                    <a:pt x="655" y="130"/>
                  </a:lnTo>
                  <a:lnTo>
                    <a:pt x="653" y="137"/>
                  </a:lnTo>
                  <a:lnTo>
                    <a:pt x="651" y="146"/>
                  </a:lnTo>
                  <a:lnTo>
                    <a:pt x="649" y="156"/>
                  </a:lnTo>
                  <a:lnTo>
                    <a:pt x="646" y="166"/>
                  </a:lnTo>
                  <a:lnTo>
                    <a:pt x="644" y="176"/>
                  </a:lnTo>
                  <a:lnTo>
                    <a:pt x="641" y="188"/>
                  </a:lnTo>
                  <a:lnTo>
                    <a:pt x="639" y="200"/>
                  </a:lnTo>
                  <a:lnTo>
                    <a:pt x="636" y="213"/>
                  </a:lnTo>
                  <a:lnTo>
                    <a:pt x="633" y="227"/>
                  </a:lnTo>
                  <a:lnTo>
                    <a:pt x="629" y="240"/>
                  </a:lnTo>
                  <a:lnTo>
                    <a:pt x="627" y="256"/>
                  </a:lnTo>
                  <a:lnTo>
                    <a:pt x="624" y="269"/>
                  </a:lnTo>
                  <a:lnTo>
                    <a:pt x="621" y="284"/>
                  </a:lnTo>
                  <a:lnTo>
                    <a:pt x="617" y="298"/>
                  </a:lnTo>
                  <a:lnTo>
                    <a:pt x="614" y="311"/>
                  </a:lnTo>
                  <a:lnTo>
                    <a:pt x="612" y="325"/>
                  </a:lnTo>
                  <a:lnTo>
                    <a:pt x="609" y="338"/>
                  </a:lnTo>
                  <a:lnTo>
                    <a:pt x="605" y="350"/>
                  </a:lnTo>
                  <a:lnTo>
                    <a:pt x="604" y="362"/>
                  </a:lnTo>
                  <a:lnTo>
                    <a:pt x="600" y="374"/>
                  </a:lnTo>
                  <a:lnTo>
                    <a:pt x="599" y="384"/>
                  </a:lnTo>
                  <a:lnTo>
                    <a:pt x="597" y="393"/>
                  </a:lnTo>
                  <a:lnTo>
                    <a:pt x="595" y="401"/>
                  </a:lnTo>
                  <a:lnTo>
                    <a:pt x="594" y="408"/>
                  </a:lnTo>
                  <a:lnTo>
                    <a:pt x="592" y="415"/>
                  </a:lnTo>
                  <a:lnTo>
                    <a:pt x="590" y="418"/>
                  </a:lnTo>
                  <a:lnTo>
                    <a:pt x="590" y="420"/>
                  </a:lnTo>
                  <a:lnTo>
                    <a:pt x="590" y="421"/>
                  </a:lnTo>
                  <a:lnTo>
                    <a:pt x="585" y="438"/>
                  </a:lnTo>
                  <a:lnTo>
                    <a:pt x="590" y="450"/>
                  </a:lnTo>
                  <a:lnTo>
                    <a:pt x="590" y="462"/>
                  </a:lnTo>
                  <a:lnTo>
                    <a:pt x="587" y="476"/>
                  </a:lnTo>
                  <a:lnTo>
                    <a:pt x="589" y="487"/>
                  </a:lnTo>
                  <a:lnTo>
                    <a:pt x="421" y="445"/>
                  </a:lnTo>
                  <a:lnTo>
                    <a:pt x="419" y="445"/>
                  </a:lnTo>
                  <a:lnTo>
                    <a:pt x="418" y="445"/>
                  </a:lnTo>
                  <a:lnTo>
                    <a:pt x="414" y="445"/>
                  </a:lnTo>
                  <a:lnTo>
                    <a:pt x="411" y="445"/>
                  </a:lnTo>
                  <a:lnTo>
                    <a:pt x="407" y="447"/>
                  </a:lnTo>
                  <a:lnTo>
                    <a:pt x="402" y="447"/>
                  </a:lnTo>
                  <a:lnTo>
                    <a:pt x="399" y="447"/>
                  </a:lnTo>
                  <a:lnTo>
                    <a:pt x="394" y="447"/>
                  </a:lnTo>
                  <a:lnTo>
                    <a:pt x="389" y="447"/>
                  </a:lnTo>
                  <a:lnTo>
                    <a:pt x="384" y="447"/>
                  </a:lnTo>
                  <a:lnTo>
                    <a:pt x="379" y="445"/>
                  </a:lnTo>
                  <a:lnTo>
                    <a:pt x="374" y="445"/>
                  </a:lnTo>
                  <a:lnTo>
                    <a:pt x="369" y="443"/>
                  </a:lnTo>
                  <a:lnTo>
                    <a:pt x="363" y="442"/>
                  </a:lnTo>
                  <a:lnTo>
                    <a:pt x="358" y="440"/>
                  </a:lnTo>
                  <a:lnTo>
                    <a:pt x="357" y="440"/>
                  </a:lnTo>
                  <a:lnTo>
                    <a:pt x="355" y="440"/>
                  </a:lnTo>
                  <a:lnTo>
                    <a:pt x="353" y="440"/>
                  </a:lnTo>
                  <a:lnTo>
                    <a:pt x="352" y="442"/>
                  </a:lnTo>
                  <a:lnTo>
                    <a:pt x="348" y="443"/>
                  </a:lnTo>
                  <a:lnTo>
                    <a:pt x="347" y="445"/>
                  </a:lnTo>
                  <a:lnTo>
                    <a:pt x="345" y="445"/>
                  </a:lnTo>
                  <a:lnTo>
                    <a:pt x="323" y="445"/>
                  </a:lnTo>
                  <a:lnTo>
                    <a:pt x="321" y="445"/>
                  </a:lnTo>
                  <a:lnTo>
                    <a:pt x="316" y="445"/>
                  </a:lnTo>
                  <a:lnTo>
                    <a:pt x="308" y="447"/>
                  </a:lnTo>
                  <a:lnTo>
                    <a:pt x="297" y="448"/>
                  </a:lnTo>
                  <a:lnTo>
                    <a:pt x="289" y="448"/>
                  </a:lnTo>
                  <a:lnTo>
                    <a:pt x="279" y="448"/>
                  </a:lnTo>
                  <a:lnTo>
                    <a:pt x="272" y="445"/>
                  </a:lnTo>
                  <a:lnTo>
                    <a:pt x="265" y="442"/>
                  </a:lnTo>
                  <a:lnTo>
                    <a:pt x="262" y="442"/>
                  </a:lnTo>
                  <a:lnTo>
                    <a:pt x="259" y="442"/>
                  </a:lnTo>
                  <a:lnTo>
                    <a:pt x="253" y="442"/>
                  </a:lnTo>
                  <a:lnTo>
                    <a:pt x="248" y="442"/>
                  </a:lnTo>
                  <a:lnTo>
                    <a:pt x="245" y="443"/>
                  </a:lnTo>
                  <a:lnTo>
                    <a:pt x="242" y="443"/>
                  </a:lnTo>
                  <a:lnTo>
                    <a:pt x="233" y="442"/>
                  </a:lnTo>
                  <a:lnTo>
                    <a:pt x="220" y="445"/>
                  </a:lnTo>
                  <a:lnTo>
                    <a:pt x="220" y="443"/>
                  </a:lnTo>
                  <a:lnTo>
                    <a:pt x="215" y="440"/>
                  </a:lnTo>
                  <a:lnTo>
                    <a:pt x="209" y="435"/>
                  </a:lnTo>
                  <a:lnTo>
                    <a:pt x="201" y="430"/>
                  </a:lnTo>
                  <a:lnTo>
                    <a:pt x="194" y="425"/>
                  </a:lnTo>
                  <a:lnTo>
                    <a:pt x="186" y="421"/>
                  </a:lnTo>
                  <a:lnTo>
                    <a:pt x="177" y="418"/>
                  </a:lnTo>
                  <a:lnTo>
                    <a:pt x="171" y="418"/>
                  </a:lnTo>
                  <a:lnTo>
                    <a:pt x="169" y="418"/>
                  </a:lnTo>
                  <a:lnTo>
                    <a:pt x="167" y="418"/>
                  </a:lnTo>
                  <a:lnTo>
                    <a:pt x="164" y="420"/>
                  </a:lnTo>
                  <a:lnTo>
                    <a:pt x="160" y="420"/>
                  </a:lnTo>
                  <a:lnTo>
                    <a:pt x="157" y="421"/>
                  </a:lnTo>
                  <a:lnTo>
                    <a:pt x="152" y="421"/>
                  </a:lnTo>
                  <a:lnTo>
                    <a:pt x="145" y="423"/>
                  </a:lnTo>
                  <a:lnTo>
                    <a:pt x="140" y="423"/>
                  </a:lnTo>
                  <a:lnTo>
                    <a:pt x="135" y="423"/>
                  </a:lnTo>
                  <a:lnTo>
                    <a:pt x="128" y="423"/>
                  </a:lnTo>
                  <a:lnTo>
                    <a:pt x="123" y="423"/>
                  </a:lnTo>
                  <a:lnTo>
                    <a:pt x="118" y="423"/>
                  </a:lnTo>
                  <a:lnTo>
                    <a:pt x="113" y="421"/>
                  </a:lnTo>
                  <a:lnTo>
                    <a:pt x="108" y="420"/>
                  </a:lnTo>
                  <a:lnTo>
                    <a:pt x="105" y="418"/>
                  </a:lnTo>
                  <a:lnTo>
                    <a:pt x="103" y="415"/>
                  </a:lnTo>
                  <a:lnTo>
                    <a:pt x="101" y="413"/>
                  </a:lnTo>
                  <a:lnTo>
                    <a:pt x="99" y="413"/>
                  </a:lnTo>
                  <a:lnTo>
                    <a:pt x="98" y="411"/>
                  </a:lnTo>
                  <a:lnTo>
                    <a:pt x="94" y="408"/>
                  </a:lnTo>
                  <a:lnTo>
                    <a:pt x="93" y="406"/>
                  </a:lnTo>
                  <a:lnTo>
                    <a:pt x="91" y="404"/>
                  </a:lnTo>
                  <a:lnTo>
                    <a:pt x="89" y="404"/>
                  </a:lnTo>
                  <a:lnTo>
                    <a:pt x="84" y="393"/>
                  </a:lnTo>
                  <a:lnTo>
                    <a:pt x="84" y="391"/>
                  </a:lnTo>
                  <a:lnTo>
                    <a:pt x="86" y="388"/>
                  </a:lnTo>
                  <a:lnTo>
                    <a:pt x="86" y="384"/>
                  </a:lnTo>
                  <a:lnTo>
                    <a:pt x="88" y="379"/>
                  </a:lnTo>
                  <a:lnTo>
                    <a:pt x="88" y="374"/>
                  </a:lnTo>
                  <a:lnTo>
                    <a:pt x="88" y="369"/>
                  </a:lnTo>
                  <a:lnTo>
                    <a:pt x="88" y="364"/>
                  </a:lnTo>
                  <a:lnTo>
                    <a:pt x="88" y="357"/>
                  </a:lnTo>
                  <a:lnTo>
                    <a:pt x="86" y="352"/>
                  </a:lnTo>
                  <a:lnTo>
                    <a:pt x="86" y="347"/>
                  </a:lnTo>
                  <a:lnTo>
                    <a:pt x="83" y="342"/>
                  </a:lnTo>
                  <a:lnTo>
                    <a:pt x="79" y="337"/>
                  </a:lnTo>
                  <a:lnTo>
                    <a:pt x="76" y="333"/>
                  </a:lnTo>
                  <a:lnTo>
                    <a:pt x="71" y="330"/>
                  </a:lnTo>
                  <a:lnTo>
                    <a:pt x="64" y="328"/>
                  </a:lnTo>
                  <a:lnTo>
                    <a:pt x="62" y="328"/>
                  </a:lnTo>
                  <a:lnTo>
                    <a:pt x="61" y="328"/>
                  </a:lnTo>
                  <a:lnTo>
                    <a:pt x="57" y="327"/>
                  </a:lnTo>
                  <a:lnTo>
                    <a:pt x="55" y="327"/>
                  </a:lnTo>
                  <a:lnTo>
                    <a:pt x="54" y="327"/>
                  </a:lnTo>
                  <a:lnTo>
                    <a:pt x="52" y="327"/>
                  </a:lnTo>
                  <a:lnTo>
                    <a:pt x="52" y="325"/>
                  </a:lnTo>
                  <a:lnTo>
                    <a:pt x="54" y="323"/>
                  </a:lnTo>
                  <a:lnTo>
                    <a:pt x="54" y="322"/>
                  </a:lnTo>
                  <a:lnTo>
                    <a:pt x="52" y="318"/>
                  </a:lnTo>
                  <a:lnTo>
                    <a:pt x="52" y="315"/>
                  </a:lnTo>
                  <a:lnTo>
                    <a:pt x="49" y="311"/>
                  </a:lnTo>
                  <a:lnTo>
                    <a:pt x="45" y="310"/>
                  </a:lnTo>
                  <a:lnTo>
                    <a:pt x="40" y="308"/>
                  </a:lnTo>
                  <a:lnTo>
                    <a:pt x="39" y="306"/>
                  </a:lnTo>
                  <a:lnTo>
                    <a:pt x="37" y="305"/>
                  </a:lnTo>
                  <a:lnTo>
                    <a:pt x="33" y="303"/>
                  </a:lnTo>
                  <a:lnTo>
                    <a:pt x="32" y="301"/>
                  </a:lnTo>
                  <a:lnTo>
                    <a:pt x="23" y="303"/>
                  </a:lnTo>
                  <a:lnTo>
                    <a:pt x="22" y="300"/>
                  </a:lnTo>
                  <a:lnTo>
                    <a:pt x="18" y="303"/>
                  </a:lnTo>
                  <a:lnTo>
                    <a:pt x="11" y="300"/>
                  </a:lnTo>
                  <a:lnTo>
                    <a:pt x="6" y="291"/>
                  </a:lnTo>
                  <a:lnTo>
                    <a:pt x="6" y="293"/>
                  </a:lnTo>
                  <a:lnTo>
                    <a:pt x="3" y="293"/>
                  </a:lnTo>
                  <a:lnTo>
                    <a:pt x="0" y="294"/>
                  </a:lnTo>
                  <a:lnTo>
                    <a:pt x="0" y="293"/>
                  </a:lnTo>
                  <a:lnTo>
                    <a:pt x="0" y="291"/>
                  </a:lnTo>
                  <a:lnTo>
                    <a:pt x="0" y="289"/>
                  </a:lnTo>
                  <a:lnTo>
                    <a:pt x="1" y="288"/>
                  </a:lnTo>
                  <a:lnTo>
                    <a:pt x="1" y="284"/>
                  </a:lnTo>
                  <a:lnTo>
                    <a:pt x="3" y="281"/>
                  </a:lnTo>
                  <a:lnTo>
                    <a:pt x="3" y="278"/>
                  </a:lnTo>
                  <a:lnTo>
                    <a:pt x="5" y="271"/>
                  </a:lnTo>
                  <a:lnTo>
                    <a:pt x="6" y="266"/>
                  </a:lnTo>
                  <a:lnTo>
                    <a:pt x="8" y="261"/>
                  </a:lnTo>
                  <a:lnTo>
                    <a:pt x="10" y="256"/>
                  </a:lnTo>
                  <a:lnTo>
                    <a:pt x="11" y="252"/>
                  </a:lnTo>
                  <a:lnTo>
                    <a:pt x="15" y="252"/>
                  </a:lnTo>
                  <a:lnTo>
                    <a:pt x="15" y="256"/>
                  </a:lnTo>
                  <a:lnTo>
                    <a:pt x="15" y="257"/>
                  </a:lnTo>
                  <a:lnTo>
                    <a:pt x="13" y="261"/>
                  </a:lnTo>
                  <a:lnTo>
                    <a:pt x="13" y="264"/>
                  </a:lnTo>
                  <a:lnTo>
                    <a:pt x="11" y="267"/>
                  </a:lnTo>
                  <a:lnTo>
                    <a:pt x="11" y="271"/>
                  </a:lnTo>
                  <a:lnTo>
                    <a:pt x="11" y="276"/>
                  </a:lnTo>
                  <a:lnTo>
                    <a:pt x="10" y="279"/>
                  </a:lnTo>
                  <a:lnTo>
                    <a:pt x="8" y="281"/>
                  </a:lnTo>
                  <a:lnTo>
                    <a:pt x="8" y="284"/>
                  </a:lnTo>
                  <a:lnTo>
                    <a:pt x="10" y="284"/>
                  </a:lnTo>
                  <a:lnTo>
                    <a:pt x="13" y="284"/>
                  </a:lnTo>
                  <a:lnTo>
                    <a:pt x="15" y="283"/>
                  </a:lnTo>
                  <a:lnTo>
                    <a:pt x="17" y="283"/>
                  </a:lnTo>
                  <a:lnTo>
                    <a:pt x="17" y="278"/>
                  </a:lnTo>
                  <a:lnTo>
                    <a:pt x="22" y="271"/>
                  </a:lnTo>
                  <a:lnTo>
                    <a:pt x="25" y="266"/>
                  </a:lnTo>
                  <a:lnTo>
                    <a:pt x="25" y="254"/>
                  </a:lnTo>
                  <a:lnTo>
                    <a:pt x="27" y="250"/>
                  </a:lnTo>
                  <a:lnTo>
                    <a:pt x="33" y="249"/>
                  </a:lnTo>
                  <a:lnTo>
                    <a:pt x="30" y="240"/>
                  </a:lnTo>
                  <a:lnTo>
                    <a:pt x="25" y="244"/>
                  </a:lnTo>
                  <a:lnTo>
                    <a:pt x="15" y="244"/>
                  </a:lnTo>
                  <a:lnTo>
                    <a:pt x="17" y="218"/>
                  </a:lnTo>
                  <a:lnTo>
                    <a:pt x="18" y="218"/>
                  </a:lnTo>
                  <a:lnTo>
                    <a:pt x="20" y="223"/>
                  </a:lnTo>
                  <a:lnTo>
                    <a:pt x="27" y="220"/>
                  </a:lnTo>
                  <a:lnTo>
                    <a:pt x="42" y="222"/>
                  </a:lnTo>
                  <a:lnTo>
                    <a:pt x="42" y="217"/>
                  </a:lnTo>
                  <a:lnTo>
                    <a:pt x="30" y="212"/>
                  </a:lnTo>
                  <a:lnTo>
                    <a:pt x="30" y="205"/>
                  </a:lnTo>
                  <a:lnTo>
                    <a:pt x="22" y="203"/>
                  </a:lnTo>
                  <a:lnTo>
                    <a:pt x="18" y="213"/>
                  </a:lnTo>
                  <a:lnTo>
                    <a:pt x="17" y="212"/>
                  </a:lnTo>
                  <a:lnTo>
                    <a:pt x="17" y="200"/>
                  </a:lnTo>
                  <a:lnTo>
                    <a:pt x="18" y="198"/>
                  </a:lnTo>
                  <a:lnTo>
                    <a:pt x="18" y="195"/>
                  </a:lnTo>
                  <a:lnTo>
                    <a:pt x="20" y="190"/>
                  </a:lnTo>
                  <a:lnTo>
                    <a:pt x="20" y="184"/>
                  </a:lnTo>
                  <a:lnTo>
                    <a:pt x="22" y="179"/>
                  </a:lnTo>
                  <a:lnTo>
                    <a:pt x="22" y="173"/>
                  </a:lnTo>
                  <a:lnTo>
                    <a:pt x="22" y="168"/>
                  </a:lnTo>
                  <a:lnTo>
                    <a:pt x="20" y="164"/>
                  </a:lnTo>
                  <a:lnTo>
                    <a:pt x="20" y="161"/>
                  </a:lnTo>
                  <a:lnTo>
                    <a:pt x="20" y="154"/>
                  </a:lnTo>
                  <a:lnTo>
                    <a:pt x="20" y="146"/>
                  </a:lnTo>
                  <a:lnTo>
                    <a:pt x="20" y="135"/>
                  </a:lnTo>
                  <a:lnTo>
                    <a:pt x="22" y="125"/>
                  </a:lnTo>
                  <a:lnTo>
                    <a:pt x="22" y="115"/>
                  </a:lnTo>
                  <a:lnTo>
                    <a:pt x="22" y="108"/>
                  </a:lnTo>
                  <a:lnTo>
                    <a:pt x="22" y="107"/>
                  </a:lnTo>
                  <a:lnTo>
                    <a:pt x="22" y="105"/>
                  </a:lnTo>
                  <a:lnTo>
                    <a:pt x="20" y="102"/>
                  </a:lnTo>
                  <a:lnTo>
                    <a:pt x="17" y="96"/>
                  </a:lnTo>
                  <a:lnTo>
                    <a:pt x="13" y="91"/>
                  </a:lnTo>
                  <a:lnTo>
                    <a:pt x="11" y="83"/>
                  </a:lnTo>
                  <a:lnTo>
                    <a:pt x="10" y="74"/>
                  </a:lnTo>
                  <a:lnTo>
                    <a:pt x="11" y="64"/>
                  </a:lnTo>
                  <a:lnTo>
                    <a:pt x="15" y="54"/>
                  </a:lnTo>
                  <a:lnTo>
                    <a:pt x="15" y="52"/>
                  </a:lnTo>
                  <a:lnTo>
                    <a:pt x="17" y="51"/>
                  </a:lnTo>
                  <a:lnTo>
                    <a:pt x="18" y="47"/>
                  </a:lnTo>
                  <a:lnTo>
                    <a:pt x="20" y="46"/>
                  </a:lnTo>
                  <a:lnTo>
                    <a:pt x="20" y="42"/>
                  </a:lnTo>
                  <a:lnTo>
                    <a:pt x="22" y="42"/>
                  </a:lnTo>
                  <a:lnTo>
                    <a:pt x="22" y="41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600" name="Freeform 172"/>
            <p:cNvSpPr>
              <a:spLocks/>
            </p:cNvSpPr>
            <p:nvPr/>
          </p:nvSpPr>
          <p:spPr bwMode="auto">
            <a:xfrm>
              <a:off x="2993" y="1379"/>
              <a:ext cx="508" cy="539"/>
            </a:xfrm>
            <a:custGeom>
              <a:avLst/>
              <a:gdLst>
                <a:gd name="T0" fmla="*/ 144 w 522"/>
                <a:gd name="T1" fmla="*/ 355 h 555"/>
                <a:gd name="T2" fmla="*/ 124 w 522"/>
                <a:gd name="T3" fmla="*/ 351 h 555"/>
                <a:gd name="T4" fmla="*/ 121 w 522"/>
                <a:gd name="T5" fmla="*/ 340 h 555"/>
                <a:gd name="T6" fmla="*/ 115 w 522"/>
                <a:gd name="T7" fmla="*/ 323 h 555"/>
                <a:gd name="T8" fmla="*/ 118 w 522"/>
                <a:gd name="T9" fmla="*/ 302 h 555"/>
                <a:gd name="T10" fmla="*/ 109 w 522"/>
                <a:gd name="T11" fmla="*/ 286 h 555"/>
                <a:gd name="T12" fmla="*/ 103 w 522"/>
                <a:gd name="T13" fmla="*/ 256 h 555"/>
                <a:gd name="T14" fmla="*/ 72 w 522"/>
                <a:gd name="T15" fmla="*/ 232 h 555"/>
                <a:gd name="T16" fmla="*/ 42 w 522"/>
                <a:gd name="T17" fmla="*/ 202 h 555"/>
                <a:gd name="T18" fmla="*/ 37 w 522"/>
                <a:gd name="T19" fmla="*/ 201 h 555"/>
                <a:gd name="T20" fmla="*/ 18 w 522"/>
                <a:gd name="T21" fmla="*/ 195 h 555"/>
                <a:gd name="T22" fmla="*/ 18 w 522"/>
                <a:gd name="T23" fmla="*/ 174 h 555"/>
                <a:gd name="T24" fmla="*/ 12 w 522"/>
                <a:gd name="T25" fmla="*/ 159 h 555"/>
                <a:gd name="T26" fmla="*/ 18 w 522"/>
                <a:gd name="T27" fmla="*/ 132 h 555"/>
                <a:gd name="T28" fmla="*/ 2 w 522"/>
                <a:gd name="T29" fmla="*/ 106 h 555"/>
                <a:gd name="T30" fmla="*/ 7 w 522"/>
                <a:gd name="T31" fmla="*/ 102 h 555"/>
                <a:gd name="T32" fmla="*/ 24 w 522"/>
                <a:gd name="T33" fmla="*/ 81 h 555"/>
                <a:gd name="T34" fmla="*/ 34 w 522"/>
                <a:gd name="T35" fmla="*/ 30 h 555"/>
                <a:gd name="T36" fmla="*/ 45 w 522"/>
                <a:gd name="T37" fmla="*/ 17 h 555"/>
                <a:gd name="T38" fmla="*/ 55 w 522"/>
                <a:gd name="T39" fmla="*/ 23 h 555"/>
                <a:gd name="T40" fmla="*/ 73 w 522"/>
                <a:gd name="T41" fmla="*/ 17 h 555"/>
                <a:gd name="T42" fmla="*/ 87 w 522"/>
                <a:gd name="T43" fmla="*/ 17 h 555"/>
                <a:gd name="T44" fmla="*/ 96 w 522"/>
                <a:gd name="T45" fmla="*/ 13 h 555"/>
                <a:gd name="T46" fmla="*/ 112 w 522"/>
                <a:gd name="T47" fmla="*/ 7 h 555"/>
                <a:gd name="T48" fmla="*/ 124 w 522"/>
                <a:gd name="T49" fmla="*/ 7 h 555"/>
                <a:gd name="T50" fmla="*/ 118 w 522"/>
                <a:gd name="T51" fmla="*/ 25 h 555"/>
                <a:gd name="T52" fmla="*/ 121 w 522"/>
                <a:gd name="T53" fmla="*/ 28 h 555"/>
                <a:gd name="T54" fmla="*/ 129 w 522"/>
                <a:gd name="T55" fmla="*/ 20 h 555"/>
                <a:gd name="T56" fmla="*/ 149 w 522"/>
                <a:gd name="T57" fmla="*/ 32 h 555"/>
                <a:gd name="T58" fmla="*/ 163 w 522"/>
                <a:gd name="T59" fmla="*/ 46 h 555"/>
                <a:gd name="T60" fmla="*/ 170 w 522"/>
                <a:gd name="T61" fmla="*/ 50 h 555"/>
                <a:gd name="T62" fmla="*/ 184 w 522"/>
                <a:gd name="T63" fmla="*/ 51 h 555"/>
                <a:gd name="T64" fmla="*/ 217 w 522"/>
                <a:gd name="T65" fmla="*/ 59 h 555"/>
                <a:gd name="T66" fmla="*/ 243 w 522"/>
                <a:gd name="T67" fmla="*/ 69 h 555"/>
                <a:gd name="T68" fmla="*/ 278 w 522"/>
                <a:gd name="T69" fmla="*/ 74 h 555"/>
                <a:gd name="T70" fmla="*/ 292 w 522"/>
                <a:gd name="T71" fmla="*/ 84 h 555"/>
                <a:gd name="T72" fmla="*/ 303 w 522"/>
                <a:gd name="T73" fmla="*/ 108 h 555"/>
                <a:gd name="T74" fmla="*/ 300 w 522"/>
                <a:gd name="T75" fmla="*/ 121 h 555"/>
                <a:gd name="T76" fmla="*/ 312 w 522"/>
                <a:gd name="T77" fmla="*/ 131 h 555"/>
                <a:gd name="T78" fmla="*/ 320 w 522"/>
                <a:gd name="T79" fmla="*/ 142 h 555"/>
                <a:gd name="T80" fmla="*/ 307 w 522"/>
                <a:gd name="T81" fmla="*/ 163 h 555"/>
                <a:gd name="T82" fmla="*/ 299 w 522"/>
                <a:gd name="T83" fmla="*/ 182 h 555"/>
                <a:gd name="T84" fmla="*/ 308 w 522"/>
                <a:gd name="T85" fmla="*/ 184 h 555"/>
                <a:gd name="T86" fmla="*/ 318 w 522"/>
                <a:gd name="T87" fmla="*/ 168 h 555"/>
                <a:gd name="T88" fmla="*/ 336 w 522"/>
                <a:gd name="T89" fmla="*/ 155 h 555"/>
                <a:gd name="T90" fmla="*/ 337 w 522"/>
                <a:gd name="T91" fmla="*/ 139 h 555"/>
                <a:gd name="T92" fmla="*/ 349 w 522"/>
                <a:gd name="T93" fmla="*/ 124 h 555"/>
                <a:gd name="T94" fmla="*/ 354 w 522"/>
                <a:gd name="T95" fmla="*/ 128 h 555"/>
                <a:gd name="T96" fmla="*/ 346 w 522"/>
                <a:gd name="T97" fmla="*/ 148 h 555"/>
                <a:gd name="T98" fmla="*/ 345 w 522"/>
                <a:gd name="T99" fmla="*/ 159 h 555"/>
                <a:gd name="T100" fmla="*/ 336 w 522"/>
                <a:gd name="T101" fmla="*/ 174 h 555"/>
                <a:gd name="T102" fmla="*/ 333 w 522"/>
                <a:gd name="T103" fmla="*/ 207 h 555"/>
                <a:gd name="T104" fmla="*/ 328 w 522"/>
                <a:gd name="T105" fmla="*/ 219 h 555"/>
                <a:gd name="T106" fmla="*/ 323 w 522"/>
                <a:gd name="T107" fmla="*/ 236 h 555"/>
                <a:gd name="T108" fmla="*/ 326 w 522"/>
                <a:gd name="T109" fmla="*/ 260 h 555"/>
                <a:gd name="T110" fmla="*/ 318 w 522"/>
                <a:gd name="T111" fmla="*/ 276 h 555"/>
                <a:gd name="T112" fmla="*/ 318 w 522"/>
                <a:gd name="T113" fmla="*/ 306 h 555"/>
                <a:gd name="T114" fmla="*/ 324 w 522"/>
                <a:gd name="T115" fmla="*/ 325 h 555"/>
                <a:gd name="T116" fmla="*/ 327 w 522"/>
                <a:gd name="T117" fmla="*/ 335 h 555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w 522"/>
                <a:gd name="T178" fmla="*/ 0 h 555"/>
                <a:gd name="T179" fmla="*/ 522 w 522"/>
                <a:gd name="T180" fmla="*/ 555 h 555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T177" t="T178" r="T179" b="T180"/>
              <a:pathLst>
                <a:path w="522" h="555">
                  <a:moveTo>
                    <a:pt x="220" y="555"/>
                  </a:moveTo>
                  <a:lnTo>
                    <a:pt x="219" y="550"/>
                  </a:lnTo>
                  <a:lnTo>
                    <a:pt x="217" y="545"/>
                  </a:lnTo>
                  <a:lnTo>
                    <a:pt x="215" y="541"/>
                  </a:lnTo>
                  <a:lnTo>
                    <a:pt x="212" y="538"/>
                  </a:lnTo>
                  <a:lnTo>
                    <a:pt x="210" y="536"/>
                  </a:lnTo>
                  <a:lnTo>
                    <a:pt x="207" y="536"/>
                  </a:lnTo>
                  <a:lnTo>
                    <a:pt x="205" y="535"/>
                  </a:lnTo>
                  <a:lnTo>
                    <a:pt x="181" y="528"/>
                  </a:lnTo>
                  <a:lnTo>
                    <a:pt x="181" y="526"/>
                  </a:lnTo>
                  <a:lnTo>
                    <a:pt x="181" y="525"/>
                  </a:lnTo>
                  <a:lnTo>
                    <a:pt x="181" y="521"/>
                  </a:lnTo>
                  <a:lnTo>
                    <a:pt x="181" y="519"/>
                  </a:lnTo>
                  <a:lnTo>
                    <a:pt x="180" y="514"/>
                  </a:lnTo>
                  <a:lnTo>
                    <a:pt x="176" y="511"/>
                  </a:lnTo>
                  <a:lnTo>
                    <a:pt x="175" y="506"/>
                  </a:lnTo>
                  <a:lnTo>
                    <a:pt x="171" y="503"/>
                  </a:lnTo>
                  <a:lnTo>
                    <a:pt x="170" y="499"/>
                  </a:lnTo>
                  <a:lnTo>
                    <a:pt x="168" y="494"/>
                  </a:lnTo>
                  <a:lnTo>
                    <a:pt x="168" y="491"/>
                  </a:lnTo>
                  <a:lnTo>
                    <a:pt x="166" y="486"/>
                  </a:lnTo>
                  <a:lnTo>
                    <a:pt x="168" y="482"/>
                  </a:lnTo>
                  <a:lnTo>
                    <a:pt x="170" y="477"/>
                  </a:lnTo>
                  <a:lnTo>
                    <a:pt x="173" y="469"/>
                  </a:lnTo>
                  <a:lnTo>
                    <a:pt x="175" y="464"/>
                  </a:lnTo>
                  <a:lnTo>
                    <a:pt x="175" y="459"/>
                  </a:lnTo>
                  <a:lnTo>
                    <a:pt x="173" y="455"/>
                  </a:lnTo>
                  <a:lnTo>
                    <a:pt x="171" y="453"/>
                  </a:lnTo>
                  <a:lnTo>
                    <a:pt x="170" y="453"/>
                  </a:lnTo>
                  <a:lnTo>
                    <a:pt x="170" y="452"/>
                  </a:lnTo>
                  <a:lnTo>
                    <a:pt x="168" y="452"/>
                  </a:lnTo>
                  <a:lnTo>
                    <a:pt x="159" y="431"/>
                  </a:lnTo>
                  <a:lnTo>
                    <a:pt x="159" y="430"/>
                  </a:lnTo>
                  <a:lnTo>
                    <a:pt x="161" y="428"/>
                  </a:lnTo>
                  <a:lnTo>
                    <a:pt x="161" y="421"/>
                  </a:lnTo>
                  <a:lnTo>
                    <a:pt x="158" y="413"/>
                  </a:lnTo>
                  <a:lnTo>
                    <a:pt x="156" y="403"/>
                  </a:lnTo>
                  <a:lnTo>
                    <a:pt x="153" y="394"/>
                  </a:lnTo>
                  <a:lnTo>
                    <a:pt x="151" y="386"/>
                  </a:lnTo>
                  <a:lnTo>
                    <a:pt x="148" y="379"/>
                  </a:lnTo>
                  <a:lnTo>
                    <a:pt x="146" y="377"/>
                  </a:lnTo>
                  <a:lnTo>
                    <a:pt x="132" y="372"/>
                  </a:lnTo>
                  <a:lnTo>
                    <a:pt x="120" y="365"/>
                  </a:lnTo>
                  <a:lnTo>
                    <a:pt x="112" y="357"/>
                  </a:lnTo>
                  <a:lnTo>
                    <a:pt x="104" y="349"/>
                  </a:lnTo>
                  <a:lnTo>
                    <a:pt x="98" y="340"/>
                  </a:lnTo>
                  <a:lnTo>
                    <a:pt x="93" y="332"/>
                  </a:lnTo>
                  <a:lnTo>
                    <a:pt x="90" y="328"/>
                  </a:lnTo>
                  <a:lnTo>
                    <a:pt x="90" y="325"/>
                  </a:lnTo>
                  <a:lnTo>
                    <a:pt x="60" y="313"/>
                  </a:lnTo>
                  <a:lnTo>
                    <a:pt x="58" y="305"/>
                  </a:lnTo>
                  <a:lnTo>
                    <a:pt x="56" y="305"/>
                  </a:lnTo>
                  <a:lnTo>
                    <a:pt x="56" y="303"/>
                  </a:lnTo>
                  <a:lnTo>
                    <a:pt x="54" y="303"/>
                  </a:lnTo>
                  <a:lnTo>
                    <a:pt x="51" y="303"/>
                  </a:lnTo>
                  <a:lnTo>
                    <a:pt x="49" y="303"/>
                  </a:lnTo>
                  <a:lnTo>
                    <a:pt x="46" y="305"/>
                  </a:lnTo>
                  <a:lnTo>
                    <a:pt x="43" y="303"/>
                  </a:lnTo>
                  <a:lnTo>
                    <a:pt x="38" y="301"/>
                  </a:lnTo>
                  <a:lnTo>
                    <a:pt x="31" y="299"/>
                  </a:lnTo>
                  <a:lnTo>
                    <a:pt x="26" y="294"/>
                  </a:lnTo>
                  <a:lnTo>
                    <a:pt x="21" y="289"/>
                  </a:lnTo>
                  <a:lnTo>
                    <a:pt x="17" y="286"/>
                  </a:lnTo>
                  <a:lnTo>
                    <a:pt x="16" y="281"/>
                  </a:lnTo>
                  <a:lnTo>
                    <a:pt x="16" y="276"/>
                  </a:lnTo>
                  <a:lnTo>
                    <a:pt x="19" y="267"/>
                  </a:lnTo>
                  <a:lnTo>
                    <a:pt x="21" y="262"/>
                  </a:lnTo>
                  <a:lnTo>
                    <a:pt x="21" y="257"/>
                  </a:lnTo>
                  <a:lnTo>
                    <a:pt x="21" y="254"/>
                  </a:lnTo>
                  <a:lnTo>
                    <a:pt x="19" y="250"/>
                  </a:lnTo>
                  <a:lnTo>
                    <a:pt x="17" y="247"/>
                  </a:lnTo>
                  <a:lnTo>
                    <a:pt x="16" y="244"/>
                  </a:lnTo>
                  <a:lnTo>
                    <a:pt x="12" y="240"/>
                  </a:lnTo>
                  <a:lnTo>
                    <a:pt x="12" y="235"/>
                  </a:lnTo>
                  <a:lnTo>
                    <a:pt x="12" y="227"/>
                  </a:lnTo>
                  <a:lnTo>
                    <a:pt x="12" y="220"/>
                  </a:lnTo>
                  <a:lnTo>
                    <a:pt x="16" y="211"/>
                  </a:lnTo>
                  <a:lnTo>
                    <a:pt x="17" y="205"/>
                  </a:lnTo>
                  <a:lnTo>
                    <a:pt x="21" y="198"/>
                  </a:lnTo>
                  <a:lnTo>
                    <a:pt x="21" y="193"/>
                  </a:lnTo>
                  <a:lnTo>
                    <a:pt x="22" y="193"/>
                  </a:lnTo>
                  <a:lnTo>
                    <a:pt x="14" y="179"/>
                  </a:lnTo>
                  <a:lnTo>
                    <a:pt x="0" y="179"/>
                  </a:lnTo>
                  <a:lnTo>
                    <a:pt x="0" y="159"/>
                  </a:lnTo>
                  <a:lnTo>
                    <a:pt x="2" y="159"/>
                  </a:lnTo>
                  <a:lnTo>
                    <a:pt x="4" y="157"/>
                  </a:lnTo>
                  <a:lnTo>
                    <a:pt x="5" y="157"/>
                  </a:lnTo>
                  <a:lnTo>
                    <a:pt x="7" y="154"/>
                  </a:lnTo>
                  <a:lnTo>
                    <a:pt x="7" y="152"/>
                  </a:lnTo>
                  <a:lnTo>
                    <a:pt x="9" y="149"/>
                  </a:lnTo>
                  <a:lnTo>
                    <a:pt x="10" y="144"/>
                  </a:lnTo>
                  <a:lnTo>
                    <a:pt x="17" y="139"/>
                  </a:lnTo>
                  <a:lnTo>
                    <a:pt x="22" y="134"/>
                  </a:lnTo>
                  <a:lnTo>
                    <a:pt x="31" y="127"/>
                  </a:lnTo>
                  <a:lnTo>
                    <a:pt x="38" y="122"/>
                  </a:lnTo>
                  <a:lnTo>
                    <a:pt x="44" y="118"/>
                  </a:lnTo>
                  <a:lnTo>
                    <a:pt x="48" y="115"/>
                  </a:lnTo>
                  <a:lnTo>
                    <a:pt x="51" y="115"/>
                  </a:lnTo>
                  <a:lnTo>
                    <a:pt x="49" y="44"/>
                  </a:lnTo>
                  <a:lnTo>
                    <a:pt x="48" y="44"/>
                  </a:lnTo>
                  <a:lnTo>
                    <a:pt x="48" y="42"/>
                  </a:lnTo>
                  <a:lnTo>
                    <a:pt x="49" y="41"/>
                  </a:lnTo>
                  <a:lnTo>
                    <a:pt x="51" y="37"/>
                  </a:lnTo>
                  <a:lnTo>
                    <a:pt x="56" y="34"/>
                  </a:lnTo>
                  <a:lnTo>
                    <a:pt x="63" y="29"/>
                  </a:lnTo>
                  <a:lnTo>
                    <a:pt x="65" y="27"/>
                  </a:lnTo>
                  <a:lnTo>
                    <a:pt x="68" y="30"/>
                  </a:lnTo>
                  <a:lnTo>
                    <a:pt x="73" y="32"/>
                  </a:lnTo>
                  <a:lnTo>
                    <a:pt x="78" y="35"/>
                  </a:lnTo>
                  <a:lnTo>
                    <a:pt x="83" y="37"/>
                  </a:lnTo>
                  <a:lnTo>
                    <a:pt x="90" y="39"/>
                  </a:lnTo>
                  <a:lnTo>
                    <a:pt x="97" y="37"/>
                  </a:lnTo>
                  <a:lnTo>
                    <a:pt x="102" y="34"/>
                  </a:lnTo>
                  <a:lnTo>
                    <a:pt x="102" y="32"/>
                  </a:lnTo>
                  <a:lnTo>
                    <a:pt x="104" y="30"/>
                  </a:lnTo>
                  <a:lnTo>
                    <a:pt x="105" y="30"/>
                  </a:lnTo>
                  <a:lnTo>
                    <a:pt x="109" y="27"/>
                  </a:lnTo>
                  <a:lnTo>
                    <a:pt x="112" y="27"/>
                  </a:lnTo>
                  <a:lnTo>
                    <a:pt x="115" y="25"/>
                  </a:lnTo>
                  <a:lnTo>
                    <a:pt x="119" y="25"/>
                  </a:lnTo>
                  <a:lnTo>
                    <a:pt x="124" y="25"/>
                  </a:lnTo>
                  <a:lnTo>
                    <a:pt x="126" y="25"/>
                  </a:lnTo>
                  <a:lnTo>
                    <a:pt x="127" y="24"/>
                  </a:lnTo>
                  <a:lnTo>
                    <a:pt x="129" y="22"/>
                  </a:lnTo>
                  <a:lnTo>
                    <a:pt x="131" y="20"/>
                  </a:lnTo>
                  <a:lnTo>
                    <a:pt x="132" y="19"/>
                  </a:lnTo>
                  <a:lnTo>
                    <a:pt x="136" y="17"/>
                  </a:lnTo>
                  <a:lnTo>
                    <a:pt x="141" y="13"/>
                  </a:lnTo>
                  <a:lnTo>
                    <a:pt x="148" y="12"/>
                  </a:lnTo>
                  <a:lnTo>
                    <a:pt x="154" y="10"/>
                  </a:lnTo>
                  <a:lnTo>
                    <a:pt x="158" y="8"/>
                  </a:lnTo>
                  <a:lnTo>
                    <a:pt x="161" y="8"/>
                  </a:lnTo>
                  <a:lnTo>
                    <a:pt x="163" y="7"/>
                  </a:lnTo>
                  <a:lnTo>
                    <a:pt x="164" y="5"/>
                  </a:lnTo>
                  <a:lnTo>
                    <a:pt x="168" y="3"/>
                  </a:lnTo>
                  <a:lnTo>
                    <a:pt x="173" y="0"/>
                  </a:lnTo>
                  <a:lnTo>
                    <a:pt x="176" y="0"/>
                  </a:lnTo>
                  <a:lnTo>
                    <a:pt x="180" y="3"/>
                  </a:lnTo>
                  <a:lnTo>
                    <a:pt x="181" y="7"/>
                  </a:lnTo>
                  <a:lnTo>
                    <a:pt x="183" y="8"/>
                  </a:lnTo>
                  <a:lnTo>
                    <a:pt x="176" y="20"/>
                  </a:lnTo>
                  <a:lnTo>
                    <a:pt x="175" y="29"/>
                  </a:lnTo>
                  <a:lnTo>
                    <a:pt x="173" y="37"/>
                  </a:lnTo>
                  <a:lnTo>
                    <a:pt x="173" y="39"/>
                  </a:lnTo>
                  <a:lnTo>
                    <a:pt x="171" y="41"/>
                  </a:lnTo>
                  <a:lnTo>
                    <a:pt x="171" y="44"/>
                  </a:lnTo>
                  <a:lnTo>
                    <a:pt x="171" y="46"/>
                  </a:lnTo>
                  <a:lnTo>
                    <a:pt x="175" y="44"/>
                  </a:lnTo>
                  <a:lnTo>
                    <a:pt x="178" y="42"/>
                  </a:lnTo>
                  <a:lnTo>
                    <a:pt x="180" y="41"/>
                  </a:lnTo>
                  <a:lnTo>
                    <a:pt x="181" y="39"/>
                  </a:lnTo>
                  <a:lnTo>
                    <a:pt x="185" y="39"/>
                  </a:lnTo>
                  <a:lnTo>
                    <a:pt x="186" y="37"/>
                  </a:lnTo>
                  <a:lnTo>
                    <a:pt x="188" y="35"/>
                  </a:lnTo>
                  <a:lnTo>
                    <a:pt x="190" y="34"/>
                  </a:lnTo>
                  <a:lnTo>
                    <a:pt x="192" y="34"/>
                  </a:lnTo>
                  <a:lnTo>
                    <a:pt x="210" y="46"/>
                  </a:lnTo>
                  <a:lnTo>
                    <a:pt x="212" y="46"/>
                  </a:lnTo>
                  <a:lnTo>
                    <a:pt x="214" y="46"/>
                  </a:lnTo>
                  <a:lnTo>
                    <a:pt x="217" y="46"/>
                  </a:lnTo>
                  <a:lnTo>
                    <a:pt x="220" y="46"/>
                  </a:lnTo>
                  <a:lnTo>
                    <a:pt x="225" y="47"/>
                  </a:lnTo>
                  <a:lnTo>
                    <a:pt x="229" y="52"/>
                  </a:lnTo>
                  <a:lnTo>
                    <a:pt x="234" y="57"/>
                  </a:lnTo>
                  <a:lnTo>
                    <a:pt x="237" y="66"/>
                  </a:lnTo>
                  <a:lnTo>
                    <a:pt x="239" y="68"/>
                  </a:lnTo>
                  <a:lnTo>
                    <a:pt x="239" y="69"/>
                  </a:lnTo>
                  <a:lnTo>
                    <a:pt x="242" y="71"/>
                  </a:lnTo>
                  <a:lnTo>
                    <a:pt x="244" y="73"/>
                  </a:lnTo>
                  <a:lnTo>
                    <a:pt x="246" y="74"/>
                  </a:lnTo>
                  <a:lnTo>
                    <a:pt x="247" y="76"/>
                  </a:lnTo>
                  <a:lnTo>
                    <a:pt x="249" y="76"/>
                  </a:lnTo>
                  <a:lnTo>
                    <a:pt x="249" y="78"/>
                  </a:lnTo>
                  <a:lnTo>
                    <a:pt x="252" y="78"/>
                  </a:lnTo>
                  <a:lnTo>
                    <a:pt x="256" y="78"/>
                  </a:lnTo>
                  <a:lnTo>
                    <a:pt x="261" y="78"/>
                  </a:lnTo>
                  <a:lnTo>
                    <a:pt x="268" y="79"/>
                  </a:lnTo>
                  <a:lnTo>
                    <a:pt x="274" y="79"/>
                  </a:lnTo>
                  <a:lnTo>
                    <a:pt x="283" y="81"/>
                  </a:lnTo>
                  <a:lnTo>
                    <a:pt x="291" y="83"/>
                  </a:lnTo>
                  <a:lnTo>
                    <a:pt x="300" y="85"/>
                  </a:lnTo>
                  <a:lnTo>
                    <a:pt x="308" y="86"/>
                  </a:lnTo>
                  <a:lnTo>
                    <a:pt x="317" y="88"/>
                  </a:lnTo>
                  <a:lnTo>
                    <a:pt x="325" y="91"/>
                  </a:lnTo>
                  <a:lnTo>
                    <a:pt x="334" y="93"/>
                  </a:lnTo>
                  <a:lnTo>
                    <a:pt x="340" y="96"/>
                  </a:lnTo>
                  <a:lnTo>
                    <a:pt x="347" y="100"/>
                  </a:lnTo>
                  <a:lnTo>
                    <a:pt x="354" y="103"/>
                  </a:lnTo>
                  <a:lnTo>
                    <a:pt x="356" y="103"/>
                  </a:lnTo>
                  <a:lnTo>
                    <a:pt x="362" y="105"/>
                  </a:lnTo>
                  <a:lnTo>
                    <a:pt x="373" y="107"/>
                  </a:lnTo>
                  <a:lnTo>
                    <a:pt x="383" y="107"/>
                  </a:lnTo>
                  <a:lnTo>
                    <a:pt x="393" y="108"/>
                  </a:lnTo>
                  <a:lnTo>
                    <a:pt x="401" y="110"/>
                  </a:lnTo>
                  <a:lnTo>
                    <a:pt x="408" y="110"/>
                  </a:lnTo>
                  <a:lnTo>
                    <a:pt x="412" y="110"/>
                  </a:lnTo>
                  <a:lnTo>
                    <a:pt x="415" y="115"/>
                  </a:lnTo>
                  <a:lnTo>
                    <a:pt x="418" y="127"/>
                  </a:lnTo>
                  <a:lnTo>
                    <a:pt x="420" y="127"/>
                  </a:lnTo>
                  <a:lnTo>
                    <a:pt x="422" y="127"/>
                  </a:lnTo>
                  <a:lnTo>
                    <a:pt x="427" y="127"/>
                  </a:lnTo>
                  <a:lnTo>
                    <a:pt x="430" y="129"/>
                  </a:lnTo>
                  <a:lnTo>
                    <a:pt x="435" y="132"/>
                  </a:lnTo>
                  <a:lnTo>
                    <a:pt x="439" y="139"/>
                  </a:lnTo>
                  <a:lnTo>
                    <a:pt x="442" y="147"/>
                  </a:lnTo>
                  <a:lnTo>
                    <a:pt x="444" y="159"/>
                  </a:lnTo>
                  <a:lnTo>
                    <a:pt x="444" y="161"/>
                  </a:lnTo>
                  <a:lnTo>
                    <a:pt x="442" y="164"/>
                  </a:lnTo>
                  <a:lnTo>
                    <a:pt x="442" y="167"/>
                  </a:lnTo>
                  <a:lnTo>
                    <a:pt x="442" y="173"/>
                  </a:lnTo>
                  <a:lnTo>
                    <a:pt x="440" y="176"/>
                  </a:lnTo>
                  <a:lnTo>
                    <a:pt x="440" y="179"/>
                  </a:lnTo>
                  <a:lnTo>
                    <a:pt x="439" y="183"/>
                  </a:lnTo>
                  <a:lnTo>
                    <a:pt x="461" y="183"/>
                  </a:lnTo>
                  <a:lnTo>
                    <a:pt x="461" y="184"/>
                  </a:lnTo>
                  <a:lnTo>
                    <a:pt x="459" y="188"/>
                  </a:lnTo>
                  <a:lnTo>
                    <a:pt x="459" y="191"/>
                  </a:lnTo>
                  <a:lnTo>
                    <a:pt x="457" y="196"/>
                  </a:lnTo>
                  <a:lnTo>
                    <a:pt x="459" y="201"/>
                  </a:lnTo>
                  <a:lnTo>
                    <a:pt x="461" y="205"/>
                  </a:lnTo>
                  <a:lnTo>
                    <a:pt x="464" y="208"/>
                  </a:lnTo>
                  <a:lnTo>
                    <a:pt x="469" y="210"/>
                  </a:lnTo>
                  <a:lnTo>
                    <a:pt x="469" y="211"/>
                  </a:lnTo>
                  <a:lnTo>
                    <a:pt x="469" y="213"/>
                  </a:lnTo>
                  <a:lnTo>
                    <a:pt x="471" y="217"/>
                  </a:lnTo>
                  <a:lnTo>
                    <a:pt x="471" y="218"/>
                  </a:lnTo>
                  <a:lnTo>
                    <a:pt x="457" y="228"/>
                  </a:lnTo>
                  <a:lnTo>
                    <a:pt x="450" y="239"/>
                  </a:lnTo>
                  <a:lnTo>
                    <a:pt x="449" y="244"/>
                  </a:lnTo>
                  <a:lnTo>
                    <a:pt x="449" y="245"/>
                  </a:lnTo>
                  <a:lnTo>
                    <a:pt x="447" y="247"/>
                  </a:lnTo>
                  <a:lnTo>
                    <a:pt x="444" y="250"/>
                  </a:lnTo>
                  <a:lnTo>
                    <a:pt x="442" y="255"/>
                  </a:lnTo>
                  <a:lnTo>
                    <a:pt x="439" y="261"/>
                  </a:lnTo>
                  <a:lnTo>
                    <a:pt x="437" y="267"/>
                  </a:lnTo>
                  <a:lnTo>
                    <a:pt x="437" y="274"/>
                  </a:lnTo>
                  <a:lnTo>
                    <a:pt x="439" y="283"/>
                  </a:lnTo>
                  <a:lnTo>
                    <a:pt x="440" y="284"/>
                  </a:lnTo>
                  <a:lnTo>
                    <a:pt x="442" y="284"/>
                  </a:lnTo>
                  <a:lnTo>
                    <a:pt x="444" y="283"/>
                  </a:lnTo>
                  <a:lnTo>
                    <a:pt x="447" y="279"/>
                  </a:lnTo>
                  <a:lnTo>
                    <a:pt x="450" y="276"/>
                  </a:lnTo>
                  <a:lnTo>
                    <a:pt x="454" y="271"/>
                  </a:lnTo>
                  <a:lnTo>
                    <a:pt x="459" y="266"/>
                  </a:lnTo>
                  <a:lnTo>
                    <a:pt x="462" y="261"/>
                  </a:lnTo>
                  <a:lnTo>
                    <a:pt x="464" y="259"/>
                  </a:lnTo>
                  <a:lnTo>
                    <a:pt x="464" y="255"/>
                  </a:lnTo>
                  <a:lnTo>
                    <a:pt x="464" y="252"/>
                  </a:lnTo>
                  <a:lnTo>
                    <a:pt x="466" y="247"/>
                  </a:lnTo>
                  <a:lnTo>
                    <a:pt x="469" y="244"/>
                  </a:lnTo>
                  <a:lnTo>
                    <a:pt x="474" y="240"/>
                  </a:lnTo>
                  <a:lnTo>
                    <a:pt x="481" y="237"/>
                  </a:lnTo>
                  <a:lnTo>
                    <a:pt x="491" y="235"/>
                  </a:lnTo>
                  <a:lnTo>
                    <a:pt x="491" y="232"/>
                  </a:lnTo>
                  <a:lnTo>
                    <a:pt x="491" y="228"/>
                  </a:lnTo>
                  <a:lnTo>
                    <a:pt x="491" y="223"/>
                  </a:lnTo>
                  <a:lnTo>
                    <a:pt x="491" y="217"/>
                  </a:lnTo>
                  <a:lnTo>
                    <a:pt x="494" y="208"/>
                  </a:lnTo>
                  <a:lnTo>
                    <a:pt x="500" y="198"/>
                  </a:lnTo>
                  <a:lnTo>
                    <a:pt x="501" y="198"/>
                  </a:lnTo>
                  <a:lnTo>
                    <a:pt x="503" y="196"/>
                  </a:lnTo>
                  <a:lnTo>
                    <a:pt x="506" y="193"/>
                  </a:lnTo>
                  <a:lnTo>
                    <a:pt x="508" y="189"/>
                  </a:lnTo>
                  <a:lnTo>
                    <a:pt x="511" y="186"/>
                  </a:lnTo>
                  <a:lnTo>
                    <a:pt x="513" y="183"/>
                  </a:lnTo>
                  <a:lnTo>
                    <a:pt x="515" y="181"/>
                  </a:lnTo>
                  <a:lnTo>
                    <a:pt x="516" y="181"/>
                  </a:lnTo>
                  <a:lnTo>
                    <a:pt x="522" y="181"/>
                  </a:lnTo>
                  <a:lnTo>
                    <a:pt x="522" y="191"/>
                  </a:lnTo>
                  <a:lnTo>
                    <a:pt x="518" y="193"/>
                  </a:lnTo>
                  <a:lnTo>
                    <a:pt x="518" y="206"/>
                  </a:lnTo>
                  <a:lnTo>
                    <a:pt x="516" y="206"/>
                  </a:lnTo>
                  <a:lnTo>
                    <a:pt x="515" y="210"/>
                  </a:lnTo>
                  <a:lnTo>
                    <a:pt x="513" y="213"/>
                  </a:lnTo>
                  <a:lnTo>
                    <a:pt x="510" y="217"/>
                  </a:lnTo>
                  <a:lnTo>
                    <a:pt x="508" y="222"/>
                  </a:lnTo>
                  <a:lnTo>
                    <a:pt x="506" y="227"/>
                  </a:lnTo>
                  <a:lnTo>
                    <a:pt x="506" y="232"/>
                  </a:lnTo>
                  <a:lnTo>
                    <a:pt x="508" y="235"/>
                  </a:lnTo>
                  <a:lnTo>
                    <a:pt x="506" y="235"/>
                  </a:lnTo>
                  <a:lnTo>
                    <a:pt x="506" y="237"/>
                  </a:lnTo>
                  <a:lnTo>
                    <a:pt x="505" y="239"/>
                  </a:lnTo>
                  <a:lnTo>
                    <a:pt x="503" y="240"/>
                  </a:lnTo>
                  <a:lnTo>
                    <a:pt x="501" y="244"/>
                  </a:lnTo>
                  <a:lnTo>
                    <a:pt x="500" y="247"/>
                  </a:lnTo>
                  <a:lnTo>
                    <a:pt x="498" y="252"/>
                  </a:lnTo>
                  <a:lnTo>
                    <a:pt x="494" y="257"/>
                  </a:lnTo>
                  <a:lnTo>
                    <a:pt x="493" y="262"/>
                  </a:lnTo>
                  <a:lnTo>
                    <a:pt x="491" y="269"/>
                  </a:lnTo>
                  <a:lnTo>
                    <a:pt x="489" y="276"/>
                  </a:lnTo>
                  <a:lnTo>
                    <a:pt x="488" y="284"/>
                  </a:lnTo>
                  <a:lnTo>
                    <a:pt x="486" y="293"/>
                  </a:lnTo>
                  <a:lnTo>
                    <a:pt x="486" y="303"/>
                  </a:lnTo>
                  <a:lnTo>
                    <a:pt x="486" y="311"/>
                  </a:lnTo>
                  <a:lnTo>
                    <a:pt x="486" y="323"/>
                  </a:lnTo>
                  <a:lnTo>
                    <a:pt x="486" y="325"/>
                  </a:lnTo>
                  <a:lnTo>
                    <a:pt x="484" y="325"/>
                  </a:lnTo>
                  <a:lnTo>
                    <a:pt x="483" y="328"/>
                  </a:lnTo>
                  <a:lnTo>
                    <a:pt x="481" y="330"/>
                  </a:lnTo>
                  <a:lnTo>
                    <a:pt x="479" y="333"/>
                  </a:lnTo>
                  <a:lnTo>
                    <a:pt x="478" y="337"/>
                  </a:lnTo>
                  <a:lnTo>
                    <a:pt x="476" y="340"/>
                  </a:lnTo>
                  <a:lnTo>
                    <a:pt x="474" y="345"/>
                  </a:lnTo>
                  <a:lnTo>
                    <a:pt x="472" y="349"/>
                  </a:lnTo>
                  <a:lnTo>
                    <a:pt x="472" y="355"/>
                  </a:lnTo>
                  <a:lnTo>
                    <a:pt x="471" y="360"/>
                  </a:lnTo>
                  <a:lnTo>
                    <a:pt x="471" y="367"/>
                  </a:lnTo>
                  <a:lnTo>
                    <a:pt x="472" y="374"/>
                  </a:lnTo>
                  <a:lnTo>
                    <a:pt x="474" y="381"/>
                  </a:lnTo>
                  <a:lnTo>
                    <a:pt x="476" y="389"/>
                  </a:lnTo>
                  <a:lnTo>
                    <a:pt x="476" y="391"/>
                  </a:lnTo>
                  <a:lnTo>
                    <a:pt x="474" y="393"/>
                  </a:lnTo>
                  <a:lnTo>
                    <a:pt x="474" y="396"/>
                  </a:lnTo>
                  <a:lnTo>
                    <a:pt x="472" y="399"/>
                  </a:lnTo>
                  <a:lnTo>
                    <a:pt x="471" y="404"/>
                  </a:lnTo>
                  <a:lnTo>
                    <a:pt x="469" y="409"/>
                  </a:lnTo>
                  <a:lnTo>
                    <a:pt x="467" y="415"/>
                  </a:lnTo>
                  <a:lnTo>
                    <a:pt x="466" y="421"/>
                  </a:lnTo>
                  <a:lnTo>
                    <a:pt x="464" y="428"/>
                  </a:lnTo>
                  <a:lnTo>
                    <a:pt x="464" y="437"/>
                  </a:lnTo>
                  <a:lnTo>
                    <a:pt x="462" y="443"/>
                  </a:lnTo>
                  <a:lnTo>
                    <a:pt x="462" y="452"/>
                  </a:lnTo>
                  <a:lnTo>
                    <a:pt x="464" y="460"/>
                  </a:lnTo>
                  <a:lnTo>
                    <a:pt x="466" y="469"/>
                  </a:lnTo>
                  <a:lnTo>
                    <a:pt x="467" y="477"/>
                  </a:lnTo>
                  <a:lnTo>
                    <a:pt x="471" y="484"/>
                  </a:lnTo>
                  <a:lnTo>
                    <a:pt x="472" y="486"/>
                  </a:lnTo>
                  <a:lnTo>
                    <a:pt x="472" y="487"/>
                  </a:lnTo>
                  <a:lnTo>
                    <a:pt x="474" y="491"/>
                  </a:lnTo>
                  <a:lnTo>
                    <a:pt x="476" y="492"/>
                  </a:lnTo>
                  <a:lnTo>
                    <a:pt x="478" y="496"/>
                  </a:lnTo>
                  <a:lnTo>
                    <a:pt x="478" y="497"/>
                  </a:lnTo>
                  <a:lnTo>
                    <a:pt x="479" y="499"/>
                  </a:lnTo>
                  <a:lnTo>
                    <a:pt x="479" y="506"/>
                  </a:lnTo>
                  <a:lnTo>
                    <a:pt x="478" y="525"/>
                  </a:lnTo>
                  <a:lnTo>
                    <a:pt x="479" y="536"/>
                  </a:lnTo>
                  <a:lnTo>
                    <a:pt x="220" y="555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601" name="Group 173"/>
            <p:cNvGrpSpPr>
              <a:grpSpLocks/>
            </p:cNvGrpSpPr>
            <p:nvPr/>
          </p:nvGrpSpPr>
          <p:grpSpPr bwMode="auto">
            <a:xfrm>
              <a:off x="4170" y="1392"/>
              <a:ext cx="723" cy="540"/>
              <a:chOff x="4407" y="988"/>
              <a:chExt cx="743" cy="556"/>
            </a:xfrm>
          </p:grpSpPr>
          <p:sp>
            <p:nvSpPr>
              <p:cNvPr id="617" name="Freeform 174"/>
              <p:cNvSpPr>
                <a:spLocks/>
              </p:cNvSpPr>
              <p:nvPr/>
            </p:nvSpPr>
            <p:spPr bwMode="auto">
              <a:xfrm>
                <a:off x="4972" y="1435"/>
                <a:ext cx="178" cy="109"/>
              </a:xfrm>
              <a:custGeom>
                <a:avLst/>
                <a:gdLst>
                  <a:gd name="T0" fmla="*/ 2 w 178"/>
                  <a:gd name="T1" fmla="*/ 109 h 109"/>
                  <a:gd name="T2" fmla="*/ 0 w 178"/>
                  <a:gd name="T3" fmla="*/ 107 h 109"/>
                  <a:gd name="T4" fmla="*/ 0 w 178"/>
                  <a:gd name="T5" fmla="*/ 102 h 109"/>
                  <a:gd name="T6" fmla="*/ 0 w 178"/>
                  <a:gd name="T7" fmla="*/ 95 h 109"/>
                  <a:gd name="T8" fmla="*/ 4 w 178"/>
                  <a:gd name="T9" fmla="*/ 88 h 109"/>
                  <a:gd name="T10" fmla="*/ 9 w 178"/>
                  <a:gd name="T11" fmla="*/ 81 h 109"/>
                  <a:gd name="T12" fmla="*/ 12 w 178"/>
                  <a:gd name="T13" fmla="*/ 80 h 109"/>
                  <a:gd name="T14" fmla="*/ 21 w 178"/>
                  <a:gd name="T15" fmla="*/ 73 h 109"/>
                  <a:gd name="T16" fmla="*/ 24 w 178"/>
                  <a:gd name="T17" fmla="*/ 65 h 109"/>
                  <a:gd name="T18" fmla="*/ 26 w 178"/>
                  <a:gd name="T19" fmla="*/ 61 h 109"/>
                  <a:gd name="T20" fmla="*/ 28 w 178"/>
                  <a:gd name="T21" fmla="*/ 59 h 109"/>
                  <a:gd name="T22" fmla="*/ 38 w 178"/>
                  <a:gd name="T23" fmla="*/ 56 h 109"/>
                  <a:gd name="T24" fmla="*/ 41 w 178"/>
                  <a:gd name="T25" fmla="*/ 53 h 109"/>
                  <a:gd name="T26" fmla="*/ 63 w 178"/>
                  <a:gd name="T27" fmla="*/ 53 h 109"/>
                  <a:gd name="T28" fmla="*/ 65 w 178"/>
                  <a:gd name="T29" fmla="*/ 49 h 109"/>
                  <a:gd name="T30" fmla="*/ 68 w 178"/>
                  <a:gd name="T31" fmla="*/ 43 h 109"/>
                  <a:gd name="T32" fmla="*/ 77 w 178"/>
                  <a:gd name="T33" fmla="*/ 39 h 109"/>
                  <a:gd name="T34" fmla="*/ 83 w 178"/>
                  <a:gd name="T35" fmla="*/ 37 h 109"/>
                  <a:gd name="T36" fmla="*/ 105 w 178"/>
                  <a:gd name="T37" fmla="*/ 31 h 109"/>
                  <a:gd name="T38" fmla="*/ 116 w 178"/>
                  <a:gd name="T39" fmla="*/ 24 h 109"/>
                  <a:gd name="T40" fmla="*/ 132 w 178"/>
                  <a:gd name="T41" fmla="*/ 4 h 109"/>
                  <a:gd name="T42" fmla="*/ 138 w 178"/>
                  <a:gd name="T43" fmla="*/ 2 h 109"/>
                  <a:gd name="T44" fmla="*/ 131 w 178"/>
                  <a:gd name="T45" fmla="*/ 14 h 109"/>
                  <a:gd name="T46" fmla="*/ 127 w 178"/>
                  <a:gd name="T47" fmla="*/ 19 h 109"/>
                  <a:gd name="T48" fmla="*/ 122 w 178"/>
                  <a:gd name="T49" fmla="*/ 26 h 109"/>
                  <a:gd name="T50" fmla="*/ 116 w 178"/>
                  <a:gd name="T51" fmla="*/ 34 h 109"/>
                  <a:gd name="T52" fmla="*/ 116 w 178"/>
                  <a:gd name="T53" fmla="*/ 37 h 109"/>
                  <a:gd name="T54" fmla="*/ 122 w 178"/>
                  <a:gd name="T55" fmla="*/ 36 h 109"/>
                  <a:gd name="T56" fmla="*/ 122 w 178"/>
                  <a:gd name="T57" fmla="*/ 39 h 109"/>
                  <a:gd name="T58" fmla="*/ 122 w 178"/>
                  <a:gd name="T59" fmla="*/ 43 h 109"/>
                  <a:gd name="T60" fmla="*/ 122 w 178"/>
                  <a:gd name="T61" fmla="*/ 48 h 109"/>
                  <a:gd name="T62" fmla="*/ 129 w 178"/>
                  <a:gd name="T63" fmla="*/ 43 h 109"/>
                  <a:gd name="T64" fmla="*/ 129 w 178"/>
                  <a:gd name="T65" fmla="*/ 34 h 109"/>
                  <a:gd name="T66" fmla="*/ 136 w 178"/>
                  <a:gd name="T67" fmla="*/ 22 h 109"/>
                  <a:gd name="T68" fmla="*/ 148 w 178"/>
                  <a:gd name="T69" fmla="*/ 14 h 109"/>
                  <a:gd name="T70" fmla="*/ 160 w 178"/>
                  <a:gd name="T71" fmla="*/ 14 h 109"/>
                  <a:gd name="T72" fmla="*/ 165 w 178"/>
                  <a:gd name="T73" fmla="*/ 9 h 109"/>
                  <a:gd name="T74" fmla="*/ 175 w 178"/>
                  <a:gd name="T75" fmla="*/ 0 h 109"/>
                  <a:gd name="T76" fmla="*/ 178 w 178"/>
                  <a:gd name="T77" fmla="*/ 4 h 109"/>
                  <a:gd name="T78" fmla="*/ 175 w 178"/>
                  <a:gd name="T79" fmla="*/ 9 h 109"/>
                  <a:gd name="T80" fmla="*/ 160 w 178"/>
                  <a:gd name="T81" fmla="*/ 22 h 109"/>
                  <a:gd name="T82" fmla="*/ 143 w 178"/>
                  <a:gd name="T83" fmla="*/ 36 h 109"/>
                  <a:gd name="T84" fmla="*/ 127 w 178"/>
                  <a:gd name="T85" fmla="*/ 48 h 109"/>
                  <a:gd name="T86" fmla="*/ 116 w 178"/>
                  <a:gd name="T87" fmla="*/ 58 h 109"/>
                  <a:gd name="T88" fmla="*/ 109 w 178"/>
                  <a:gd name="T89" fmla="*/ 63 h 109"/>
                  <a:gd name="T90" fmla="*/ 88 w 178"/>
                  <a:gd name="T91" fmla="*/ 76 h 109"/>
                  <a:gd name="T92" fmla="*/ 85 w 178"/>
                  <a:gd name="T93" fmla="*/ 76 h 109"/>
                  <a:gd name="T94" fmla="*/ 90 w 178"/>
                  <a:gd name="T95" fmla="*/ 70 h 109"/>
                  <a:gd name="T96" fmla="*/ 97 w 178"/>
                  <a:gd name="T97" fmla="*/ 58 h 109"/>
                  <a:gd name="T98" fmla="*/ 80 w 178"/>
                  <a:gd name="T99" fmla="*/ 68 h 109"/>
                  <a:gd name="T100" fmla="*/ 61 w 178"/>
                  <a:gd name="T101" fmla="*/ 76 h 109"/>
                  <a:gd name="T102" fmla="*/ 55 w 178"/>
                  <a:gd name="T103" fmla="*/ 81 h 109"/>
                  <a:gd name="T104" fmla="*/ 44 w 178"/>
                  <a:gd name="T105" fmla="*/ 90 h 109"/>
                  <a:gd name="T106" fmla="*/ 29 w 178"/>
                  <a:gd name="T107" fmla="*/ 100 h 109"/>
                  <a:gd name="T108" fmla="*/ 14 w 178"/>
                  <a:gd name="T109" fmla="*/ 109 h 109"/>
                  <a:gd name="T110" fmla="*/ 14 w 178"/>
                  <a:gd name="T111" fmla="*/ 105 h 109"/>
                  <a:gd name="T112" fmla="*/ 17 w 178"/>
                  <a:gd name="T113" fmla="*/ 102 h 109"/>
                  <a:gd name="T114" fmla="*/ 19 w 178"/>
                  <a:gd name="T115" fmla="*/ 95 h 109"/>
                  <a:gd name="T116" fmla="*/ 7 w 178"/>
                  <a:gd name="T117" fmla="*/ 105 h 109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178"/>
                  <a:gd name="T178" fmla="*/ 0 h 109"/>
                  <a:gd name="T179" fmla="*/ 178 w 178"/>
                  <a:gd name="T180" fmla="*/ 109 h 109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178" h="109">
                    <a:moveTo>
                      <a:pt x="7" y="105"/>
                    </a:moveTo>
                    <a:lnTo>
                      <a:pt x="4" y="107"/>
                    </a:lnTo>
                    <a:lnTo>
                      <a:pt x="2" y="109"/>
                    </a:lnTo>
                    <a:lnTo>
                      <a:pt x="0" y="107"/>
                    </a:lnTo>
                    <a:lnTo>
                      <a:pt x="0" y="105"/>
                    </a:lnTo>
                    <a:lnTo>
                      <a:pt x="0" y="103"/>
                    </a:lnTo>
                    <a:lnTo>
                      <a:pt x="0" y="102"/>
                    </a:lnTo>
                    <a:lnTo>
                      <a:pt x="0" y="98"/>
                    </a:lnTo>
                    <a:lnTo>
                      <a:pt x="0" y="97"/>
                    </a:lnTo>
                    <a:lnTo>
                      <a:pt x="0" y="95"/>
                    </a:lnTo>
                    <a:lnTo>
                      <a:pt x="2" y="92"/>
                    </a:lnTo>
                    <a:lnTo>
                      <a:pt x="4" y="88"/>
                    </a:lnTo>
                    <a:lnTo>
                      <a:pt x="6" y="85"/>
                    </a:lnTo>
                    <a:lnTo>
                      <a:pt x="7" y="83"/>
                    </a:lnTo>
                    <a:lnTo>
                      <a:pt x="9" y="81"/>
                    </a:lnTo>
                    <a:lnTo>
                      <a:pt x="11" y="80"/>
                    </a:lnTo>
                    <a:lnTo>
                      <a:pt x="12" y="80"/>
                    </a:lnTo>
                    <a:lnTo>
                      <a:pt x="16" y="78"/>
                    </a:lnTo>
                    <a:lnTo>
                      <a:pt x="19" y="76"/>
                    </a:lnTo>
                    <a:lnTo>
                      <a:pt x="21" y="73"/>
                    </a:lnTo>
                    <a:lnTo>
                      <a:pt x="22" y="70"/>
                    </a:lnTo>
                    <a:lnTo>
                      <a:pt x="22" y="68"/>
                    </a:lnTo>
                    <a:lnTo>
                      <a:pt x="24" y="65"/>
                    </a:lnTo>
                    <a:lnTo>
                      <a:pt x="24" y="61"/>
                    </a:lnTo>
                    <a:lnTo>
                      <a:pt x="26" y="61"/>
                    </a:lnTo>
                    <a:lnTo>
                      <a:pt x="26" y="59"/>
                    </a:lnTo>
                    <a:lnTo>
                      <a:pt x="28" y="59"/>
                    </a:lnTo>
                    <a:lnTo>
                      <a:pt x="31" y="58"/>
                    </a:lnTo>
                    <a:lnTo>
                      <a:pt x="34" y="58"/>
                    </a:lnTo>
                    <a:lnTo>
                      <a:pt x="38" y="56"/>
                    </a:lnTo>
                    <a:lnTo>
                      <a:pt x="39" y="54"/>
                    </a:lnTo>
                    <a:lnTo>
                      <a:pt x="41" y="53"/>
                    </a:lnTo>
                    <a:lnTo>
                      <a:pt x="43" y="51"/>
                    </a:lnTo>
                    <a:lnTo>
                      <a:pt x="63" y="53"/>
                    </a:lnTo>
                    <a:lnTo>
                      <a:pt x="63" y="51"/>
                    </a:lnTo>
                    <a:lnTo>
                      <a:pt x="65" y="49"/>
                    </a:lnTo>
                    <a:lnTo>
                      <a:pt x="65" y="48"/>
                    </a:lnTo>
                    <a:lnTo>
                      <a:pt x="66" y="46"/>
                    </a:lnTo>
                    <a:lnTo>
                      <a:pt x="68" y="43"/>
                    </a:lnTo>
                    <a:lnTo>
                      <a:pt x="70" y="41"/>
                    </a:lnTo>
                    <a:lnTo>
                      <a:pt x="73" y="39"/>
                    </a:lnTo>
                    <a:lnTo>
                      <a:pt x="77" y="39"/>
                    </a:lnTo>
                    <a:lnTo>
                      <a:pt x="80" y="39"/>
                    </a:lnTo>
                    <a:lnTo>
                      <a:pt x="82" y="37"/>
                    </a:lnTo>
                    <a:lnTo>
                      <a:pt x="83" y="37"/>
                    </a:lnTo>
                    <a:lnTo>
                      <a:pt x="94" y="36"/>
                    </a:lnTo>
                    <a:lnTo>
                      <a:pt x="100" y="34"/>
                    </a:lnTo>
                    <a:lnTo>
                      <a:pt x="105" y="31"/>
                    </a:lnTo>
                    <a:lnTo>
                      <a:pt x="109" y="29"/>
                    </a:lnTo>
                    <a:lnTo>
                      <a:pt x="112" y="27"/>
                    </a:lnTo>
                    <a:lnTo>
                      <a:pt x="116" y="24"/>
                    </a:lnTo>
                    <a:lnTo>
                      <a:pt x="119" y="19"/>
                    </a:lnTo>
                    <a:lnTo>
                      <a:pt x="124" y="12"/>
                    </a:lnTo>
                    <a:lnTo>
                      <a:pt x="132" y="4"/>
                    </a:lnTo>
                    <a:lnTo>
                      <a:pt x="138" y="0"/>
                    </a:lnTo>
                    <a:lnTo>
                      <a:pt x="138" y="2"/>
                    </a:lnTo>
                    <a:lnTo>
                      <a:pt x="136" y="7"/>
                    </a:lnTo>
                    <a:lnTo>
                      <a:pt x="132" y="10"/>
                    </a:lnTo>
                    <a:lnTo>
                      <a:pt x="131" y="14"/>
                    </a:lnTo>
                    <a:lnTo>
                      <a:pt x="129" y="15"/>
                    </a:lnTo>
                    <a:lnTo>
                      <a:pt x="129" y="17"/>
                    </a:lnTo>
                    <a:lnTo>
                      <a:pt x="127" y="19"/>
                    </a:lnTo>
                    <a:lnTo>
                      <a:pt x="127" y="21"/>
                    </a:lnTo>
                    <a:lnTo>
                      <a:pt x="126" y="21"/>
                    </a:lnTo>
                    <a:lnTo>
                      <a:pt x="122" y="26"/>
                    </a:lnTo>
                    <a:lnTo>
                      <a:pt x="119" y="29"/>
                    </a:lnTo>
                    <a:lnTo>
                      <a:pt x="117" y="32"/>
                    </a:lnTo>
                    <a:lnTo>
                      <a:pt x="116" y="34"/>
                    </a:lnTo>
                    <a:lnTo>
                      <a:pt x="116" y="36"/>
                    </a:lnTo>
                    <a:lnTo>
                      <a:pt x="116" y="37"/>
                    </a:lnTo>
                    <a:lnTo>
                      <a:pt x="119" y="36"/>
                    </a:lnTo>
                    <a:lnTo>
                      <a:pt x="122" y="36"/>
                    </a:lnTo>
                    <a:lnTo>
                      <a:pt x="124" y="37"/>
                    </a:lnTo>
                    <a:lnTo>
                      <a:pt x="122" y="39"/>
                    </a:lnTo>
                    <a:lnTo>
                      <a:pt x="122" y="41"/>
                    </a:lnTo>
                    <a:lnTo>
                      <a:pt x="122" y="43"/>
                    </a:lnTo>
                    <a:lnTo>
                      <a:pt x="121" y="48"/>
                    </a:lnTo>
                    <a:lnTo>
                      <a:pt x="122" y="48"/>
                    </a:lnTo>
                    <a:lnTo>
                      <a:pt x="124" y="46"/>
                    </a:lnTo>
                    <a:lnTo>
                      <a:pt x="126" y="46"/>
                    </a:lnTo>
                    <a:lnTo>
                      <a:pt x="129" y="43"/>
                    </a:lnTo>
                    <a:lnTo>
                      <a:pt x="132" y="41"/>
                    </a:lnTo>
                    <a:lnTo>
                      <a:pt x="132" y="39"/>
                    </a:lnTo>
                    <a:lnTo>
                      <a:pt x="129" y="34"/>
                    </a:lnTo>
                    <a:lnTo>
                      <a:pt x="129" y="31"/>
                    </a:lnTo>
                    <a:lnTo>
                      <a:pt x="131" y="26"/>
                    </a:lnTo>
                    <a:lnTo>
                      <a:pt x="136" y="22"/>
                    </a:lnTo>
                    <a:lnTo>
                      <a:pt x="139" y="19"/>
                    </a:lnTo>
                    <a:lnTo>
                      <a:pt x="144" y="15"/>
                    </a:lnTo>
                    <a:lnTo>
                      <a:pt x="148" y="14"/>
                    </a:lnTo>
                    <a:lnTo>
                      <a:pt x="149" y="12"/>
                    </a:lnTo>
                    <a:lnTo>
                      <a:pt x="154" y="12"/>
                    </a:lnTo>
                    <a:lnTo>
                      <a:pt x="160" y="14"/>
                    </a:lnTo>
                    <a:lnTo>
                      <a:pt x="161" y="14"/>
                    </a:lnTo>
                    <a:lnTo>
                      <a:pt x="163" y="12"/>
                    </a:lnTo>
                    <a:lnTo>
                      <a:pt x="165" y="9"/>
                    </a:lnTo>
                    <a:lnTo>
                      <a:pt x="166" y="9"/>
                    </a:lnTo>
                    <a:lnTo>
                      <a:pt x="171" y="4"/>
                    </a:lnTo>
                    <a:lnTo>
                      <a:pt x="175" y="0"/>
                    </a:lnTo>
                    <a:lnTo>
                      <a:pt x="176" y="0"/>
                    </a:lnTo>
                    <a:lnTo>
                      <a:pt x="178" y="2"/>
                    </a:lnTo>
                    <a:lnTo>
                      <a:pt x="178" y="4"/>
                    </a:lnTo>
                    <a:lnTo>
                      <a:pt x="176" y="7"/>
                    </a:lnTo>
                    <a:lnTo>
                      <a:pt x="175" y="9"/>
                    </a:lnTo>
                    <a:lnTo>
                      <a:pt x="170" y="14"/>
                    </a:lnTo>
                    <a:lnTo>
                      <a:pt x="165" y="17"/>
                    </a:lnTo>
                    <a:lnTo>
                      <a:pt x="160" y="22"/>
                    </a:lnTo>
                    <a:lnTo>
                      <a:pt x="154" y="27"/>
                    </a:lnTo>
                    <a:lnTo>
                      <a:pt x="148" y="31"/>
                    </a:lnTo>
                    <a:lnTo>
                      <a:pt x="143" y="36"/>
                    </a:lnTo>
                    <a:lnTo>
                      <a:pt x="138" y="39"/>
                    </a:lnTo>
                    <a:lnTo>
                      <a:pt x="132" y="44"/>
                    </a:lnTo>
                    <a:lnTo>
                      <a:pt x="127" y="48"/>
                    </a:lnTo>
                    <a:lnTo>
                      <a:pt x="122" y="51"/>
                    </a:lnTo>
                    <a:lnTo>
                      <a:pt x="119" y="54"/>
                    </a:lnTo>
                    <a:lnTo>
                      <a:pt x="116" y="58"/>
                    </a:lnTo>
                    <a:lnTo>
                      <a:pt x="112" y="59"/>
                    </a:lnTo>
                    <a:lnTo>
                      <a:pt x="110" y="61"/>
                    </a:lnTo>
                    <a:lnTo>
                      <a:pt x="109" y="63"/>
                    </a:lnTo>
                    <a:lnTo>
                      <a:pt x="97" y="71"/>
                    </a:lnTo>
                    <a:lnTo>
                      <a:pt x="88" y="76"/>
                    </a:lnTo>
                    <a:lnTo>
                      <a:pt x="85" y="78"/>
                    </a:lnTo>
                    <a:lnTo>
                      <a:pt x="85" y="76"/>
                    </a:lnTo>
                    <a:lnTo>
                      <a:pt x="87" y="73"/>
                    </a:lnTo>
                    <a:lnTo>
                      <a:pt x="88" y="71"/>
                    </a:lnTo>
                    <a:lnTo>
                      <a:pt x="90" y="70"/>
                    </a:lnTo>
                    <a:lnTo>
                      <a:pt x="97" y="61"/>
                    </a:lnTo>
                    <a:lnTo>
                      <a:pt x="100" y="58"/>
                    </a:lnTo>
                    <a:lnTo>
                      <a:pt x="97" y="58"/>
                    </a:lnTo>
                    <a:lnTo>
                      <a:pt x="94" y="59"/>
                    </a:lnTo>
                    <a:lnTo>
                      <a:pt x="87" y="65"/>
                    </a:lnTo>
                    <a:lnTo>
                      <a:pt x="80" y="68"/>
                    </a:lnTo>
                    <a:lnTo>
                      <a:pt x="75" y="71"/>
                    </a:lnTo>
                    <a:lnTo>
                      <a:pt x="73" y="73"/>
                    </a:lnTo>
                    <a:lnTo>
                      <a:pt x="61" y="76"/>
                    </a:lnTo>
                    <a:lnTo>
                      <a:pt x="61" y="78"/>
                    </a:lnTo>
                    <a:lnTo>
                      <a:pt x="58" y="80"/>
                    </a:lnTo>
                    <a:lnTo>
                      <a:pt x="55" y="81"/>
                    </a:lnTo>
                    <a:lnTo>
                      <a:pt x="51" y="85"/>
                    </a:lnTo>
                    <a:lnTo>
                      <a:pt x="48" y="87"/>
                    </a:lnTo>
                    <a:lnTo>
                      <a:pt x="44" y="90"/>
                    </a:lnTo>
                    <a:lnTo>
                      <a:pt x="41" y="92"/>
                    </a:lnTo>
                    <a:lnTo>
                      <a:pt x="39" y="92"/>
                    </a:lnTo>
                    <a:lnTo>
                      <a:pt x="29" y="100"/>
                    </a:lnTo>
                    <a:lnTo>
                      <a:pt x="21" y="105"/>
                    </a:lnTo>
                    <a:lnTo>
                      <a:pt x="16" y="109"/>
                    </a:lnTo>
                    <a:lnTo>
                      <a:pt x="14" y="109"/>
                    </a:lnTo>
                    <a:lnTo>
                      <a:pt x="12" y="109"/>
                    </a:lnTo>
                    <a:lnTo>
                      <a:pt x="12" y="107"/>
                    </a:lnTo>
                    <a:lnTo>
                      <a:pt x="14" y="105"/>
                    </a:lnTo>
                    <a:lnTo>
                      <a:pt x="16" y="103"/>
                    </a:lnTo>
                    <a:lnTo>
                      <a:pt x="17" y="102"/>
                    </a:lnTo>
                    <a:lnTo>
                      <a:pt x="19" y="98"/>
                    </a:lnTo>
                    <a:lnTo>
                      <a:pt x="19" y="97"/>
                    </a:lnTo>
                    <a:lnTo>
                      <a:pt x="19" y="95"/>
                    </a:lnTo>
                    <a:lnTo>
                      <a:pt x="16" y="97"/>
                    </a:lnTo>
                    <a:lnTo>
                      <a:pt x="12" y="98"/>
                    </a:lnTo>
                    <a:lnTo>
                      <a:pt x="7" y="105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18" name="Freeform 175"/>
              <p:cNvSpPr>
                <a:spLocks/>
              </p:cNvSpPr>
              <p:nvPr/>
            </p:nvSpPr>
            <p:spPr bwMode="auto">
              <a:xfrm>
                <a:off x="4407" y="988"/>
                <a:ext cx="591" cy="534"/>
              </a:xfrm>
              <a:custGeom>
                <a:avLst/>
                <a:gdLst>
                  <a:gd name="T0" fmla="*/ 17 w 591"/>
                  <a:gd name="T1" fmla="*/ 486 h 534"/>
                  <a:gd name="T2" fmla="*/ 54 w 591"/>
                  <a:gd name="T3" fmla="*/ 478 h 534"/>
                  <a:gd name="T4" fmla="*/ 112 w 591"/>
                  <a:gd name="T5" fmla="*/ 468 h 534"/>
                  <a:gd name="T6" fmla="*/ 181 w 591"/>
                  <a:gd name="T7" fmla="*/ 454 h 534"/>
                  <a:gd name="T8" fmla="*/ 252 w 591"/>
                  <a:gd name="T9" fmla="*/ 440 h 534"/>
                  <a:gd name="T10" fmla="*/ 317 w 591"/>
                  <a:gd name="T11" fmla="*/ 427 h 534"/>
                  <a:gd name="T12" fmla="*/ 366 w 591"/>
                  <a:gd name="T13" fmla="*/ 417 h 534"/>
                  <a:gd name="T14" fmla="*/ 391 w 591"/>
                  <a:gd name="T15" fmla="*/ 412 h 534"/>
                  <a:gd name="T16" fmla="*/ 410 w 591"/>
                  <a:gd name="T17" fmla="*/ 413 h 534"/>
                  <a:gd name="T18" fmla="*/ 418 w 591"/>
                  <a:gd name="T19" fmla="*/ 425 h 534"/>
                  <a:gd name="T20" fmla="*/ 433 w 591"/>
                  <a:gd name="T21" fmla="*/ 432 h 534"/>
                  <a:gd name="T22" fmla="*/ 437 w 591"/>
                  <a:gd name="T23" fmla="*/ 442 h 534"/>
                  <a:gd name="T24" fmla="*/ 449 w 591"/>
                  <a:gd name="T25" fmla="*/ 459 h 534"/>
                  <a:gd name="T26" fmla="*/ 459 w 591"/>
                  <a:gd name="T27" fmla="*/ 468 h 534"/>
                  <a:gd name="T28" fmla="*/ 564 w 591"/>
                  <a:gd name="T29" fmla="*/ 534 h 534"/>
                  <a:gd name="T30" fmla="*/ 591 w 591"/>
                  <a:gd name="T31" fmla="*/ 468 h 534"/>
                  <a:gd name="T32" fmla="*/ 567 w 591"/>
                  <a:gd name="T33" fmla="*/ 278 h 534"/>
                  <a:gd name="T34" fmla="*/ 564 w 591"/>
                  <a:gd name="T35" fmla="*/ 263 h 534"/>
                  <a:gd name="T36" fmla="*/ 557 w 591"/>
                  <a:gd name="T37" fmla="*/ 232 h 534"/>
                  <a:gd name="T38" fmla="*/ 552 w 591"/>
                  <a:gd name="T39" fmla="*/ 202 h 534"/>
                  <a:gd name="T40" fmla="*/ 547 w 591"/>
                  <a:gd name="T41" fmla="*/ 185 h 534"/>
                  <a:gd name="T42" fmla="*/ 537 w 591"/>
                  <a:gd name="T43" fmla="*/ 170 h 534"/>
                  <a:gd name="T44" fmla="*/ 532 w 591"/>
                  <a:gd name="T45" fmla="*/ 176 h 534"/>
                  <a:gd name="T46" fmla="*/ 510 w 591"/>
                  <a:gd name="T47" fmla="*/ 73 h 534"/>
                  <a:gd name="T48" fmla="*/ 484 w 591"/>
                  <a:gd name="T49" fmla="*/ 4 h 534"/>
                  <a:gd name="T50" fmla="*/ 452 w 591"/>
                  <a:gd name="T51" fmla="*/ 12 h 534"/>
                  <a:gd name="T52" fmla="*/ 413 w 591"/>
                  <a:gd name="T53" fmla="*/ 21 h 534"/>
                  <a:gd name="T54" fmla="*/ 389 w 591"/>
                  <a:gd name="T55" fmla="*/ 28 h 534"/>
                  <a:gd name="T56" fmla="*/ 364 w 591"/>
                  <a:gd name="T57" fmla="*/ 38 h 534"/>
                  <a:gd name="T58" fmla="*/ 335 w 591"/>
                  <a:gd name="T59" fmla="*/ 66 h 534"/>
                  <a:gd name="T60" fmla="*/ 313 w 591"/>
                  <a:gd name="T61" fmla="*/ 99 h 534"/>
                  <a:gd name="T62" fmla="*/ 305 w 591"/>
                  <a:gd name="T63" fmla="*/ 117 h 534"/>
                  <a:gd name="T64" fmla="*/ 261 w 591"/>
                  <a:gd name="T65" fmla="*/ 173 h 534"/>
                  <a:gd name="T66" fmla="*/ 278 w 591"/>
                  <a:gd name="T67" fmla="*/ 198 h 534"/>
                  <a:gd name="T68" fmla="*/ 278 w 591"/>
                  <a:gd name="T69" fmla="*/ 209 h 534"/>
                  <a:gd name="T70" fmla="*/ 285 w 591"/>
                  <a:gd name="T71" fmla="*/ 231 h 534"/>
                  <a:gd name="T72" fmla="*/ 276 w 591"/>
                  <a:gd name="T73" fmla="*/ 241 h 534"/>
                  <a:gd name="T74" fmla="*/ 252 w 591"/>
                  <a:gd name="T75" fmla="*/ 263 h 534"/>
                  <a:gd name="T76" fmla="*/ 244 w 591"/>
                  <a:gd name="T77" fmla="*/ 275 h 534"/>
                  <a:gd name="T78" fmla="*/ 230 w 591"/>
                  <a:gd name="T79" fmla="*/ 283 h 534"/>
                  <a:gd name="T80" fmla="*/ 215 w 591"/>
                  <a:gd name="T81" fmla="*/ 285 h 534"/>
                  <a:gd name="T82" fmla="*/ 191 w 591"/>
                  <a:gd name="T83" fmla="*/ 292 h 534"/>
                  <a:gd name="T84" fmla="*/ 181 w 591"/>
                  <a:gd name="T85" fmla="*/ 298 h 534"/>
                  <a:gd name="T86" fmla="*/ 158 w 591"/>
                  <a:gd name="T87" fmla="*/ 293 h 534"/>
                  <a:gd name="T88" fmla="*/ 109 w 591"/>
                  <a:gd name="T89" fmla="*/ 297 h 534"/>
                  <a:gd name="T90" fmla="*/ 70 w 591"/>
                  <a:gd name="T91" fmla="*/ 307 h 534"/>
                  <a:gd name="T92" fmla="*/ 51 w 591"/>
                  <a:gd name="T93" fmla="*/ 319 h 534"/>
                  <a:gd name="T94" fmla="*/ 44 w 591"/>
                  <a:gd name="T95" fmla="*/ 327 h 534"/>
                  <a:gd name="T96" fmla="*/ 49 w 591"/>
                  <a:gd name="T97" fmla="*/ 342 h 534"/>
                  <a:gd name="T98" fmla="*/ 59 w 591"/>
                  <a:gd name="T99" fmla="*/ 354 h 534"/>
                  <a:gd name="T100" fmla="*/ 66 w 591"/>
                  <a:gd name="T101" fmla="*/ 363 h 534"/>
                  <a:gd name="T102" fmla="*/ 66 w 591"/>
                  <a:gd name="T103" fmla="*/ 380 h 534"/>
                  <a:gd name="T104" fmla="*/ 59 w 591"/>
                  <a:gd name="T105" fmla="*/ 388 h 534"/>
                  <a:gd name="T106" fmla="*/ 31 w 591"/>
                  <a:gd name="T107" fmla="*/ 427 h 534"/>
                  <a:gd name="T108" fmla="*/ 31 w 591"/>
                  <a:gd name="T109" fmla="*/ 425 h 534"/>
                  <a:gd name="T110" fmla="*/ 9 w 591"/>
                  <a:gd name="T111" fmla="*/ 451 h 534"/>
                  <a:gd name="T112" fmla="*/ 0 w 591"/>
                  <a:gd name="T113" fmla="*/ 456 h 534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591"/>
                  <a:gd name="T172" fmla="*/ 0 h 534"/>
                  <a:gd name="T173" fmla="*/ 591 w 591"/>
                  <a:gd name="T174" fmla="*/ 534 h 534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591" h="534">
                    <a:moveTo>
                      <a:pt x="9" y="488"/>
                    </a:moveTo>
                    <a:lnTo>
                      <a:pt x="9" y="486"/>
                    </a:lnTo>
                    <a:lnTo>
                      <a:pt x="12" y="486"/>
                    </a:lnTo>
                    <a:lnTo>
                      <a:pt x="17" y="486"/>
                    </a:lnTo>
                    <a:lnTo>
                      <a:pt x="24" y="484"/>
                    </a:lnTo>
                    <a:lnTo>
                      <a:pt x="32" y="483"/>
                    </a:lnTo>
                    <a:lnTo>
                      <a:pt x="43" y="481"/>
                    </a:lnTo>
                    <a:lnTo>
                      <a:pt x="54" y="478"/>
                    </a:lnTo>
                    <a:lnTo>
                      <a:pt x="68" y="476"/>
                    </a:lnTo>
                    <a:lnTo>
                      <a:pt x="81" y="473"/>
                    </a:lnTo>
                    <a:lnTo>
                      <a:pt x="97" y="471"/>
                    </a:lnTo>
                    <a:lnTo>
                      <a:pt x="112" y="468"/>
                    </a:lnTo>
                    <a:lnTo>
                      <a:pt x="129" y="464"/>
                    </a:lnTo>
                    <a:lnTo>
                      <a:pt x="146" y="461"/>
                    </a:lnTo>
                    <a:lnTo>
                      <a:pt x="164" y="457"/>
                    </a:lnTo>
                    <a:lnTo>
                      <a:pt x="181" y="454"/>
                    </a:lnTo>
                    <a:lnTo>
                      <a:pt x="200" y="451"/>
                    </a:lnTo>
                    <a:lnTo>
                      <a:pt x="217" y="447"/>
                    </a:lnTo>
                    <a:lnTo>
                      <a:pt x="235" y="444"/>
                    </a:lnTo>
                    <a:lnTo>
                      <a:pt x="252" y="440"/>
                    </a:lnTo>
                    <a:lnTo>
                      <a:pt x="269" y="437"/>
                    </a:lnTo>
                    <a:lnTo>
                      <a:pt x="286" y="434"/>
                    </a:lnTo>
                    <a:lnTo>
                      <a:pt x="301" y="430"/>
                    </a:lnTo>
                    <a:lnTo>
                      <a:pt x="317" y="427"/>
                    </a:lnTo>
                    <a:lnTo>
                      <a:pt x="332" y="424"/>
                    </a:lnTo>
                    <a:lnTo>
                      <a:pt x="344" y="422"/>
                    </a:lnTo>
                    <a:lnTo>
                      <a:pt x="356" y="420"/>
                    </a:lnTo>
                    <a:lnTo>
                      <a:pt x="366" y="417"/>
                    </a:lnTo>
                    <a:lnTo>
                      <a:pt x="376" y="415"/>
                    </a:lnTo>
                    <a:lnTo>
                      <a:pt x="383" y="415"/>
                    </a:lnTo>
                    <a:lnTo>
                      <a:pt x="388" y="413"/>
                    </a:lnTo>
                    <a:lnTo>
                      <a:pt x="391" y="412"/>
                    </a:lnTo>
                    <a:lnTo>
                      <a:pt x="393" y="412"/>
                    </a:lnTo>
                    <a:lnTo>
                      <a:pt x="400" y="412"/>
                    </a:lnTo>
                    <a:lnTo>
                      <a:pt x="405" y="412"/>
                    </a:lnTo>
                    <a:lnTo>
                      <a:pt x="410" y="413"/>
                    </a:lnTo>
                    <a:lnTo>
                      <a:pt x="413" y="417"/>
                    </a:lnTo>
                    <a:lnTo>
                      <a:pt x="415" y="420"/>
                    </a:lnTo>
                    <a:lnTo>
                      <a:pt x="417" y="424"/>
                    </a:lnTo>
                    <a:lnTo>
                      <a:pt x="418" y="425"/>
                    </a:lnTo>
                    <a:lnTo>
                      <a:pt x="420" y="427"/>
                    </a:lnTo>
                    <a:lnTo>
                      <a:pt x="427" y="427"/>
                    </a:lnTo>
                    <a:lnTo>
                      <a:pt x="430" y="429"/>
                    </a:lnTo>
                    <a:lnTo>
                      <a:pt x="433" y="432"/>
                    </a:lnTo>
                    <a:lnTo>
                      <a:pt x="435" y="434"/>
                    </a:lnTo>
                    <a:lnTo>
                      <a:pt x="437" y="437"/>
                    </a:lnTo>
                    <a:lnTo>
                      <a:pt x="437" y="440"/>
                    </a:lnTo>
                    <a:lnTo>
                      <a:pt x="437" y="442"/>
                    </a:lnTo>
                    <a:lnTo>
                      <a:pt x="439" y="444"/>
                    </a:lnTo>
                    <a:lnTo>
                      <a:pt x="442" y="451"/>
                    </a:lnTo>
                    <a:lnTo>
                      <a:pt x="445" y="456"/>
                    </a:lnTo>
                    <a:lnTo>
                      <a:pt x="449" y="459"/>
                    </a:lnTo>
                    <a:lnTo>
                      <a:pt x="452" y="462"/>
                    </a:lnTo>
                    <a:lnTo>
                      <a:pt x="454" y="466"/>
                    </a:lnTo>
                    <a:lnTo>
                      <a:pt x="457" y="468"/>
                    </a:lnTo>
                    <a:lnTo>
                      <a:pt x="459" y="468"/>
                    </a:lnTo>
                    <a:lnTo>
                      <a:pt x="477" y="474"/>
                    </a:lnTo>
                    <a:lnTo>
                      <a:pt x="562" y="501"/>
                    </a:lnTo>
                    <a:lnTo>
                      <a:pt x="564" y="534"/>
                    </a:lnTo>
                    <a:lnTo>
                      <a:pt x="574" y="520"/>
                    </a:lnTo>
                    <a:lnTo>
                      <a:pt x="584" y="496"/>
                    </a:lnTo>
                    <a:lnTo>
                      <a:pt x="577" y="484"/>
                    </a:lnTo>
                    <a:lnTo>
                      <a:pt x="591" y="468"/>
                    </a:lnTo>
                    <a:lnTo>
                      <a:pt x="584" y="459"/>
                    </a:lnTo>
                    <a:lnTo>
                      <a:pt x="571" y="364"/>
                    </a:lnTo>
                    <a:lnTo>
                      <a:pt x="565" y="364"/>
                    </a:lnTo>
                    <a:lnTo>
                      <a:pt x="567" y="278"/>
                    </a:lnTo>
                    <a:lnTo>
                      <a:pt x="567" y="276"/>
                    </a:lnTo>
                    <a:lnTo>
                      <a:pt x="567" y="275"/>
                    </a:lnTo>
                    <a:lnTo>
                      <a:pt x="565" y="270"/>
                    </a:lnTo>
                    <a:lnTo>
                      <a:pt x="564" y="263"/>
                    </a:lnTo>
                    <a:lnTo>
                      <a:pt x="562" y="256"/>
                    </a:lnTo>
                    <a:lnTo>
                      <a:pt x="562" y="249"/>
                    </a:lnTo>
                    <a:lnTo>
                      <a:pt x="560" y="241"/>
                    </a:lnTo>
                    <a:lnTo>
                      <a:pt x="557" y="232"/>
                    </a:lnTo>
                    <a:lnTo>
                      <a:pt x="555" y="224"/>
                    </a:lnTo>
                    <a:lnTo>
                      <a:pt x="554" y="215"/>
                    </a:lnTo>
                    <a:lnTo>
                      <a:pt x="552" y="209"/>
                    </a:lnTo>
                    <a:lnTo>
                      <a:pt x="552" y="202"/>
                    </a:lnTo>
                    <a:lnTo>
                      <a:pt x="550" y="195"/>
                    </a:lnTo>
                    <a:lnTo>
                      <a:pt x="549" y="190"/>
                    </a:lnTo>
                    <a:lnTo>
                      <a:pt x="549" y="187"/>
                    </a:lnTo>
                    <a:lnTo>
                      <a:pt x="547" y="185"/>
                    </a:lnTo>
                    <a:lnTo>
                      <a:pt x="543" y="176"/>
                    </a:lnTo>
                    <a:lnTo>
                      <a:pt x="540" y="171"/>
                    </a:lnTo>
                    <a:lnTo>
                      <a:pt x="538" y="170"/>
                    </a:lnTo>
                    <a:lnTo>
                      <a:pt x="537" y="170"/>
                    </a:lnTo>
                    <a:lnTo>
                      <a:pt x="535" y="171"/>
                    </a:lnTo>
                    <a:lnTo>
                      <a:pt x="533" y="175"/>
                    </a:lnTo>
                    <a:lnTo>
                      <a:pt x="532" y="176"/>
                    </a:lnTo>
                    <a:lnTo>
                      <a:pt x="528" y="173"/>
                    </a:lnTo>
                    <a:lnTo>
                      <a:pt x="520" y="124"/>
                    </a:lnTo>
                    <a:lnTo>
                      <a:pt x="516" y="88"/>
                    </a:lnTo>
                    <a:lnTo>
                      <a:pt x="510" y="73"/>
                    </a:lnTo>
                    <a:lnTo>
                      <a:pt x="494" y="0"/>
                    </a:lnTo>
                    <a:lnTo>
                      <a:pt x="493" y="2"/>
                    </a:lnTo>
                    <a:lnTo>
                      <a:pt x="489" y="2"/>
                    </a:lnTo>
                    <a:lnTo>
                      <a:pt x="484" y="4"/>
                    </a:lnTo>
                    <a:lnTo>
                      <a:pt x="477" y="6"/>
                    </a:lnTo>
                    <a:lnTo>
                      <a:pt x="471" y="7"/>
                    </a:lnTo>
                    <a:lnTo>
                      <a:pt x="461" y="9"/>
                    </a:lnTo>
                    <a:lnTo>
                      <a:pt x="452" y="12"/>
                    </a:lnTo>
                    <a:lnTo>
                      <a:pt x="442" y="14"/>
                    </a:lnTo>
                    <a:lnTo>
                      <a:pt x="432" y="17"/>
                    </a:lnTo>
                    <a:lnTo>
                      <a:pt x="423" y="19"/>
                    </a:lnTo>
                    <a:lnTo>
                      <a:pt x="413" y="21"/>
                    </a:lnTo>
                    <a:lnTo>
                      <a:pt x="406" y="22"/>
                    </a:lnTo>
                    <a:lnTo>
                      <a:pt x="400" y="26"/>
                    </a:lnTo>
                    <a:lnTo>
                      <a:pt x="393" y="26"/>
                    </a:lnTo>
                    <a:lnTo>
                      <a:pt x="389" y="28"/>
                    </a:lnTo>
                    <a:lnTo>
                      <a:pt x="388" y="28"/>
                    </a:lnTo>
                    <a:lnTo>
                      <a:pt x="379" y="29"/>
                    </a:lnTo>
                    <a:lnTo>
                      <a:pt x="371" y="33"/>
                    </a:lnTo>
                    <a:lnTo>
                      <a:pt x="364" y="38"/>
                    </a:lnTo>
                    <a:lnTo>
                      <a:pt x="356" y="43"/>
                    </a:lnTo>
                    <a:lnTo>
                      <a:pt x="349" y="50"/>
                    </a:lnTo>
                    <a:lnTo>
                      <a:pt x="342" y="58"/>
                    </a:lnTo>
                    <a:lnTo>
                      <a:pt x="335" y="66"/>
                    </a:lnTo>
                    <a:lnTo>
                      <a:pt x="329" y="75"/>
                    </a:lnTo>
                    <a:lnTo>
                      <a:pt x="323" y="83"/>
                    </a:lnTo>
                    <a:lnTo>
                      <a:pt x="318" y="90"/>
                    </a:lnTo>
                    <a:lnTo>
                      <a:pt x="313" y="99"/>
                    </a:lnTo>
                    <a:lnTo>
                      <a:pt x="310" y="105"/>
                    </a:lnTo>
                    <a:lnTo>
                      <a:pt x="308" y="110"/>
                    </a:lnTo>
                    <a:lnTo>
                      <a:pt x="305" y="116"/>
                    </a:lnTo>
                    <a:lnTo>
                      <a:pt x="305" y="117"/>
                    </a:lnTo>
                    <a:lnTo>
                      <a:pt x="303" y="119"/>
                    </a:lnTo>
                    <a:lnTo>
                      <a:pt x="288" y="139"/>
                    </a:lnTo>
                    <a:lnTo>
                      <a:pt x="290" y="139"/>
                    </a:lnTo>
                    <a:lnTo>
                      <a:pt x="261" y="173"/>
                    </a:lnTo>
                    <a:lnTo>
                      <a:pt x="274" y="173"/>
                    </a:lnTo>
                    <a:lnTo>
                      <a:pt x="285" y="182"/>
                    </a:lnTo>
                    <a:lnTo>
                      <a:pt x="279" y="197"/>
                    </a:lnTo>
                    <a:lnTo>
                      <a:pt x="278" y="198"/>
                    </a:lnTo>
                    <a:lnTo>
                      <a:pt x="274" y="200"/>
                    </a:lnTo>
                    <a:lnTo>
                      <a:pt x="271" y="202"/>
                    </a:lnTo>
                    <a:lnTo>
                      <a:pt x="271" y="204"/>
                    </a:lnTo>
                    <a:lnTo>
                      <a:pt x="278" y="209"/>
                    </a:lnTo>
                    <a:lnTo>
                      <a:pt x="281" y="214"/>
                    </a:lnTo>
                    <a:lnTo>
                      <a:pt x="285" y="219"/>
                    </a:lnTo>
                    <a:lnTo>
                      <a:pt x="285" y="226"/>
                    </a:lnTo>
                    <a:lnTo>
                      <a:pt x="285" y="231"/>
                    </a:lnTo>
                    <a:lnTo>
                      <a:pt x="285" y="236"/>
                    </a:lnTo>
                    <a:lnTo>
                      <a:pt x="285" y="239"/>
                    </a:lnTo>
                    <a:lnTo>
                      <a:pt x="276" y="241"/>
                    </a:lnTo>
                    <a:lnTo>
                      <a:pt x="269" y="244"/>
                    </a:lnTo>
                    <a:lnTo>
                      <a:pt x="263" y="251"/>
                    </a:lnTo>
                    <a:lnTo>
                      <a:pt x="257" y="256"/>
                    </a:lnTo>
                    <a:lnTo>
                      <a:pt x="252" y="263"/>
                    </a:lnTo>
                    <a:lnTo>
                      <a:pt x="249" y="268"/>
                    </a:lnTo>
                    <a:lnTo>
                      <a:pt x="246" y="271"/>
                    </a:lnTo>
                    <a:lnTo>
                      <a:pt x="246" y="273"/>
                    </a:lnTo>
                    <a:lnTo>
                      <a:pt x="244" y="275"/>
                    </a:lnTo>
                    <a:lnTo>
                      <a:pt x="242" y="276"/>
                    </a:lnTo>
                    <a:lnTo>
                      <a:pt x="239" y="278"/>
                    </a:lnTo>
                    <a:lnTo>
                      <a:pt x="235" y="281"/>
                    </a:lnTo>
                    <a:lnTo>
                      <a:pt x="230" y="283"/>
                    </a:lnTo>
                    <a:lnTo>
                      <a:pt x="227" y="286"/>
                    </a:lnTo>
                    <a:lnTo>
                      <a:pt x="224" y="288"/>
                    </a:lnTo>
                    <a:lnTo>
                      <a:pt x="222" y="288"/>
                    </a:lnTo>
                    <a:lnTo>
                      <a:pt x="215" y="285"/>
                    </a:lnTo>
                    <a:lnTo>
                      <a:pt x="208" y="285"/>
                    </a:lnTo>
                    <a:lnTo>
                      <a:pt x="202" y="286"/>
                    </a:lnTo>
                    <a:lnTo>
                      <a:pt x="197" y="288"/>
                    </a:lnTo>
                    <a:lnTo>
                      <a:pt x="191" y="292"/>
                    </a:lnTo>
                    <a:lnTo>
                      <a:pt x="186" y="293"/>
                    </a:lnTo>
                    <a:lnTo>
                      <a:pt x="183" y="295"/>
                    </a:lnTo>
                    <a:lnTo>
                      <a:pt x="183" y="297"/>
                    </a:lnTo>
                    <a:lnTo>
                      <a:pt x="181" y="298"/>
                    </a:lnTo>
                    <a:lnTo>
                      <a:pt x="163" y="297"/>
                    </a:lnTo>
                    <a:lnTo>
                      <a:pt x="161" y="295"/>
                    </a:lnTo>
                    <a:lnTo>
                      <a:pt x="158" y="293"/>
                    </a:lnTo>
                    <a:lnTo>
                      <a:pt x="156" y="293"/>
                    </a:lnTo>
                    <a:lnTo>
                      <a:pt x="139" y="293"/>
                    </a:lnTo>
                    <a:lnTo>
                      <a:pt x="122" y="295"/>
                    </a:lnTo>
                    <a:lnTo>
                      <a:pt x="109" y="297"/>
                    </a:lnTo>
                    <a:lnTo>
                      <a:pt x="97" y="298"/>
                    </a:lnTo>
                    <a:lnTo>
                      <a:pt x="87" y="300"/>
                    </a:lnTo>
                    <a:lnTo>
                      <a:pt x="76" y="303"/>
                    </a:lnTo>
                    <a:lnTo>
                      <a:pt x="70" y="307"/>
                    </a:lnTo>
                    <a:lnTo>
                      <a:pt x="63" y="310"/>
                    </a:lnTo>
                    <a:lnTo>
                      <a:pt x="58" y="312"/>
                    </a:lnTo>
                    <a:lnTo>
                      <a:pt x="54" y="315"/>
                    </a:lnTo>
                    <a:lnTo>
                      <a:pt x="51" y="319"/>
                    </a:lnTo>
                    <a:lnTo>
                      <a:pt x="48" y="320"/>
                    </a:lnTo>
                    <a:lnTo>
                      <a:pt x="48" y="324"/>
                    </a:lnTo>
                    <a:lnTo>
                      <a:pt x="46" y="325"/>
                    </a:lnTo>
                    <a:lnTo>
                      <a:pt x="44" y="327"/>
                    </a:lnTo>
                    <a:lnTo>
                      <a:pt x="46" y="332"/>
                    </a:lnTo>
                    <a:lnTo>
                      <a:pt x="48" y="337"/>
                    </a:lnTo>
                    <a:lnTo>
                      <a:pt x="49" y="342"/>
                    </a:lnTo>
                    <a:lnTo>
                      <a:pt x="53" y="347"/>
                    </a:lnTo>
                    <a:lnTo>
                      <a:pt x="54" y="351"/>
                    </a:lnTo>
                    <a:lnTo>
                      <a:pt x="58" y="354"/>
                    </a:lnTo>
                    <a:lnTo>
                      <a:pt x="59" y="354"/>
                    </a:lnTo>
                    <a:lnTo>
                      <a:pt x="59" y="356"/>
                    </a:lnTo>
                    <a:lnTo>
                      <a:pt x="61" y="358"/>
                    </a:lnTo>
                    <a:lnTo>
                      <a:pt x="65" y="359"/>
                    </a:lnTo>
                    <a:lnTo>
                      <a:pt x="66" y="363"/>
                    </a:lnTo>
                    <a:lnTo>
                      <a:pt x="68" y="364"/>
                    </a:lnTo>
                    <a:lnTo>
                      <a:pt x="68" y="371"/>
                    </a:lnTo>
                    <a:lnTo>
                      <a:pt x="66" y="376"/>
                    </a:lnTo>
                    <a:lnTo>
                      <a:pt x="66" y="380"/>
                    </a:lnTo>
                    <a:lnTo>
                      <a:pt x="65" y="383"/>
                    </a:lnTo>
                    <a:lnTo>
                      <a:pt x="63" y="385"/>
                    </a:lnTo>
                    <a:lnTo>
                      <a:pt x="61" y="386"/>
                    </a:lnTo>
                    <a:lnTo>
                      <a:pt x="59" y="388"/>
                    </a:lnTo>
                    <a:lnTo>
                      <a:pt x="54" y="395"/>
                    </a:lnTo>
                    <a:lnTo>
                      <a:pt x="46" y="412"/>
                    </a:lnTo>
                    <a:lnTo>
                      <a:pt x="31" y="427"/>
                    </a:lnTo>
                    <a:lnTo>
                      <a:pt x="32" y="425"/>
                    </a:lnTo>
                    <a:lnTo>
                      <a:pt x="31" y="425"/>
                    </a:lnTo>
                    <a:lnTo>
                      <a:pt x="24" y="435"/>
                    </a:lnTo>
                    <a:lnTo>
                      <a:pt x="17" y="442"/>
                    </a:lnTo>
                    <a:lnTo>
                      <a:pt x="12" y="447"/>
                    </a:lnTo>
                    <a:lnTo>
                      <a:pt x="9" y="451"/>
                    </a:lnTo>
                    <a:lnTo>
                      <a:pt x="5" y="452"/>
                    </a:lnTo>
                    <a:lnTo>
                      <a:pt x="2" y="454"/>
                    </a:lnTo>
                    <a:lnTo>
                      <a:pt x="0" y="456"/>
                    </a:lnTo>
                    <a:lnTo>
                      <a:pt x="9" y="488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602" name="Freeform 176"/>
            <p:cNvSpPr>
              <a:spLocks/>
            </p:cNvSpPr>
            <p:nvPr/>
          </p:nvSpPr>
          <p:spPr bwMode="auto">
            <a:xfrm>
              <a:off x="4773" y="1315"/>
              <a:ext cx="156" cy="330"/>
            </a:xfrm>
            <a:custGeom>
              <a:avLst/>
              <a:gdLst>
                <a:gd name="T0" fmla="*/ 88 w 160"/>
                <a:gd name="T1" fmla="*/ 205 h 340"/>
                <a:gd name="T2" fmla="*/ 90 w 160"/>
                <a:gd name="T3" fmla="*/ 201 h 340"/>
                <a:gd name="T4" fmla="*/ 99 w 160"/>
                <a:gd name="T5" fmla="*/ 190 h 340"/>
                <a:gd name="T6" fmla="*/ 108 w 160"/>
                <a:gd name="T7" fmla="*/ 189 h 340"/>
                <a:gd name="T8" fmla="*/ 109 w 160"/>
                <a:gd name="T9" fmla="*/ 186 h 340"/>
                <a:gd name="T10" fmla="*/ 110 w 160"/>
                <a:gd name="T11" fmla="*/ 178 h 340"/>
                <a:gd name="T12" fmla="*/ 113 w 160"/>
                <a:gd name="T13" fmla="*/ 174 h 340"/>
                <a:gd name="T14" fmla="*/ 109 w 160"/>
                <a:gd name="T15" fmla="*/ 171 h 340"/>
                <a:gd name="T16" fmla="*/ 104 w 160"/>
                <a:gd name="T17" fmla="*/ 168 h 340"/>
                <a:gd name="T18" fmla="*/ 100 w 160"/>
                <a:gd name="T19" fmla="*/ 157 h 340"/>
                <a:gd name="T20" fmla="*/ 96 w 160"/>
                <a:gd name="T21" fmla="*/ 153 h 340"/>
                <a:gd name="T22" fmla="*/ 89 w 160"/>
                <a:gd name="T23" fmla="*/ 147 h 340"/>
                <a:gd name="T24" fmla="*/ 33 w 160"/>
                <a:gd name="T25" fmla="*/ 0 h 340"/>
                <a:gd name="T26" fmla="*/ 20 w 160"/>
                <a:gd name="T27" fmla="*/ 8 h 340"/>
                <a:gd name="T28" fmla="*/ 20 w 160"/>
                <a:gd name="T29" fmla="*/ 13 h 340"/>
                <a:gd name="T30" fmla="*/ 20 w 160"/>
                <a:gd name="T31" fmla="*/ 17 h 340"/>
                <a:gd name="T32" fmla="*/ 20 w 160"/>
                <a:gd name="T33" fmla="*/ 25 h 340"/>
                <a:gd name="T34" fmla="*/ 20 w 160"/>
                <a:gd name="T35" fmla="*/ 35 h 340"/>
                <a:gd name="T36" fmla="*/ 20 w 160"/>
                <a:gd name="T37" fmla="*/ 39 h 340"/>
                <a:gd name="T38" fmla="*/ 20 w 160"/>
                <a:gd name="T39" fmla="*/ 45 h 340"/>
                <a:gd name="T40" fmla="*/ 20 w 160"/>
                <a:gd name="T41" fmla="*/ 48 h 340"/>
                <a:gd name="T42" fmla="*/ 20 w 160"/>
                <a:gd name="T43" fmla="*/ 55 h 340"/>
                <a:gd name="T44" fmla="*/ 25 w 160"/>
                <a:gd name="T45" fmla="*/ 62 h 340"/>
                <a:gd name="T46" fmla="*/ 25 w 160"/>
                <a:gd name="T47" fmla="*/ 71 h 340"/>
                <a:gd name="T48" fmla="*/ 20 w 160"/>
                <a:gd name="T49" fmla="*/ 81 h 340"/>
                <a:gd name="T50" fmla="*/ 17 w 160"/>
                <a:gd name="T51" fmla="*/ 88 h 340"/>
                <a:gd name="T52" fmla="*/ 17 w 160"/>
                <a:gd name="T53" fmla="*/ 86 h 340"/>
                <a:gd name="T54" fmla="*/ 10 w 160"/>
                <a:gd name="T55" fmla="*/ 92 h 340"/>
                <a:gd name="T56" fmla="*/ 11 w 160"/>
                <a:gd name="T57" fmla="*/ 101 h 340"/>
                <a:gd name="T58" fmla="*/ 11 w 160"/>
                <a:gd name="T59" fmla="*/ 110 h 340"/>
                <a:gd name="T60" fmla="*/ 11 w 160"/>
                <a:gd name="T61" fmla="*/ 123 h 340"/>
                <a:gd name="T62" fmla="*/ 8 w 160"/>
                <a:gd name="T63" fmla="*/ 134 h 340"/>
                <a:gd name="T64" fmla="*/ 6 w 160"/>
                <a:gd name="T65" fmla="*/ 142 h 340"/>
                <a:gd name="T66" fmla="*/ 5 w 160"/>
                <a:gd name="T67" fmla="*/ 147 h 340"/>
                <a:gd name="T68" fmla="*/ 1 w 160"/>
                <a:gd name="T69" fmla="*/ 153 h 340"/>
                <a:gd name="T70" fmla="*/ 0 w 160"/>
                <a:gd name="T71" fmla="*/ 168 h 340"/>
                <a:gd name="T72" fmla="*/ 6 w 160"/>
                <a:gd name="T73" fmla="*/ 176 h 340"/>
                <a:gd name="T74" fmla="*/ 6 w 160"/>
                <a:gd name="T75" fmla="*/ 182 h 340"/>
                <a:gd name="T76" fmla="*/ 6 w 160"/>
                <a:gd name="T77" fmla="*/ 189 h 340"/>
                <a:gd name="T78" fmla="*/ 8 w 160"/>
                <a:gd name="T79" fmla="*/ 190 h 340"/>
                <a:gd name="T80" fmla="*/ 10 w 160"/>
                <a:gd name="T81" fmla="*/ 196 h 340"/>
                <a:gd name="T82" fmla="*/ 6 w 160"/>
                <a:gd name="T83" fmla="*/ 205 h 340"/>
                <a:gd name="T84" fmla="*/ 6 w 160"/>
                <a:gd name="T85" fmla="*/ 211 h 340"/>
                <a:gd name="T86" fmla="*/ 8 w 160"/>
                <a:gd name="T87" fmla="*/ 219 h 340"/>
                <a:gd name="T88" fmla="*/ 82 w 160"/>
                <a:gd name="T89" fmla="*/ 209 h 340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w 160"/>
                <a:gd name="T136" fmla="*/ 0 h 340"/>
                <a:gd name="T137" fmla="*/ 160 w 160"/>
                <a:gd name="T138" fmla="*/ 340 h 340"/>
              </a:gdLst>
              <a:ahLst/>
              <a:cxnLst>
                <a:cxn ang="T90">
                  <a:pos x="T0" y="T1"/>
                </a:cxn>
                <a:cxn ang="T91">
                  <a:pos x="T2" y="T3"/>
                </a:cxn>
                <a:cxn ang="T92">
                  <a:pos x="T4" y="T5"/>
                </a:cxn>
                <a:cxn ang="T93">
                  <a:pos x="T6" y="T7"/>
                </a:cxn>
                <a:cxn ang="T94">
                  <a:pos x="T8" y="T9"/>
                </a:cxn>
                <a:cxn ang="T95">
                  <a:pos x="T10" y="T11"/>
                </a:cxn>
                <a:cxn ang="T96">
                  <a:pos x="T12" y="T13"/>
                </a:cxn>
                <a:cxn ang="T97">
                  <a:pos x="T14" y="T15"/>
                </a:cxn>
                <a:cxn ang="T98">
                  <a:pos x="T16" y="T17"/>
                </a:cxn>
                <a:cxn ang="T99">
                  <a:pos x="T18" y="T19"/>
                </a:cxn>
                <a:cxn ang="T100">
                  <a:pos x="T20" y="T21"/>
                </a:cxn>
                <a:cxn ang="T101">
                  <a:pos x="T22" y="T23"/>
                </a:cxn>
                <a:cxn ang="T102">
                  <a:pos x="T24" y="T25"/>
                </a:cxn>
                <a:cxn ang="T103">
                  <a:pos x="T26" y="T27"/>
                </a:cxn>
                <a:cxn ang="T104">
                  <a:pos x="T28" y="T29"/>
                </a:cxn>
                <a:cxn ang="T105">
                  <a:pos x="T30" y="T31"/>
                </a:cxn>
                <a:cxn ang="T106">
                  <a:pos x="T32" y="T33"/>
                </a:cxn>
                <a:cxn ang="T107">
                  <a:pos x="T34" y="T35"/>
                </a:cxn>
                <a:cxn ang="T108">
                  <a:pos x="T36" y="T37"/>
                </a:cxn>
                <a:cxn ang="T109">
                  <a:pos x="T38" y="T39"/>
                </a:cxn>
                <a:cxn ang="T110">
                  <a:pos x="T40" y="T41"/>
                </a:cxn>
                <a:cxn ang="T111">
                  <a:pos x="T42" y="T43"/>
                </a:cxn>
                <a:cxn ang="T112">
                  <a:pos x="T44" y="T45"/>
                </a:cxn>
                <a:cxn ang="T113">
                  <a:pos x="T46" y="T47"/>
                </a:cxn>
                <a:cxn ang="T114">
                  <a:pos x="T48" y="T49"/>
                </a:cxn>
                <a:cxn ang="T115">
                  <a:pos x="T50" y="T51"/>
                </a:cxn>
                <a:cxn ang="T116">
                  <a:pos x="T52" y="T53"/>
                </a:cxn>
                <a:cxn ang="T117">
                  <a:pos x="T54" y="T55"/>
                </a:cxn>
                <a:cxn ang="T118">
                  <a:pos x="T56" y="T57"/>
                </a:cxn>
                <a:cxn ang="T119">
                  <a:pos x="T58" y="T59"/>
                </a:cxn>
                <a:cxn ang="T120">
                  <a:pos x="T60" y="T61"/>
                </a:cxn>
                <a:cxn ang="T121">
                  <a:pos x="T62" y="T63"/>
                </a:cxn>
                <a:cxn ang="T122">
                  <a:pos x="T64" y="T65"/>
                </a:cxn>
                <a:cxn ang="T123">
                  <a:pos x="T66" y="T67"/>
                </a:cxn>
                <a:cxn ang="T124">
                  <a:pos x="T68" y="T69"/>
                </a:cxn>
                <a:cxn ang="T125">
                  <a:pos x="T70" y="T71"/>
                </a:cxn>
                <a:cxn ang="T126">
                  <a:pos x="T72" y="T73"/>
                </a:cxn>
                <a:cxn ang="T127">
                  <a:pos x="T74" y="T75"/>
                </a:cxn>
                <a:cxn ang="T128">
                  <a:pos x="T76" y="T77"/>
                </a:cxn>
                <a:cxn ang="T129">
                  <a:pos x="T78" y="T79"/>
                </a:cxn>
                <a:cxn ang="T130">
                  <a:pos x="T80" y="T81"/>
                </a:cxn>
                <a:cxn ang="T131">
                  <a:pos x="T82" y="T83"/>
                </a:cxn>
                <a:cxn ang="T132">
                  <a:pos x="T84" y="T85"/>
                </a:cxn>
                <a:cxn ang="T133">
                  <a:pos x="T86" y="T87"/>
                </a:cxn>
                <a:cxn ang="T134">
                  <a:pos x="T88" y="T89"/>
                </a:cxn>
              </a:cxnLst>
              <a:rect l="T135" t="T136" r="T137" b="T138"/>
              <a:pathLst>
                <a:path w="160" h="340">
                  <a:moveTo>
                    <a:pt x="116" y="318"/>
                  </a:moveTo>
                  <a:lnTo>
                    <a:pt x="123" y="311"/>
                  </a:lnTo>
                  <a:lnTo>
                    <a:pt x="125" y="311"/>
                  </a:lnTo>
                  <a:lnTo>
                    <a:pt x="125" y="308"/>
                  </a:lnTo>
                  <a:lnTo>
                    <a:pt x="127" y="306"/>
                  </a:lnTo>
                  <a:lnTo>
                    <a:pt x="128" y="305"/>
                  </a:lnTo>
                  <a:lnTo>
                    <a:pt x="132" y="298"/>
                  </a:lnTo>
                  <a:lnTo>
                    <a:pt x="137" y="293"/>
                  </a:lnTo>
                  <a:lnTo>
                    <a:pt x="142" y="289"/>
                  </a:lnTo>
                  <a:lnTo>
                    <a:pt x="147" y="286"/>
                  </a:lnTo>
                  <a:lnTo>
                    <a:pt x="150" y="286"/>
                  </a:lnTo>
                  <a:lnTo>
                    <a:pt x="154" y="286"/>
                  </a:lnTo>
                  <a:lnTo>
                    <a:pt x="155" y="286"/>
                  </a:lnTo>
                  <a:lnTo>
                    <a:pt x="157" y="286"/>
                  </a:lnTo>
                  <a:lnTo>
                    <a:pt x="155" y="283"/>
                  </a:lnTo>
                  <a:lnTo>
                    <a:pt x="155" y="279"/>
                  </a:lnTo>
                  <a:lnTo>
                    <a:pt x="157" y="274"/>
                  </a:lnTo>
                  <a:lnTo>
                    <a:pt x="157" y="271"/>
                  </a:lnTo>
                  <a:lnTo>
                    <a:pt x="159" y="269"/>
                  </a:lnTo>
                  <a:lnTo>
                    <a:pt x="159" y="266"/>
                  </a:lnTo>
                  <a:lnTo>
                    <a:pt x="160" y="264"/>
                  </a:lnTo>
                  <a:lnTo>
                    <a:pt x="157" y="261"/>
                  </a:lnTo>
                  <a:lnTo>
                    <a:pt x="155" y="259"/>
                  </a:lnTo>
                  <a:lnTo>
                    <a:pt x="154" y="257"/>
                  </a:lnTo>
                  <a:lnTo>
                    <a:pt x="150" y="255"/>
                  </a:lnTo>
                  <a:lnTo>
                    <a:pt x="149" y="254"/>
                  </a:lnTo>
                  <a:lnTo>
                    <a:pt x="149" y="247"/>
                  </a:lnTo>
                  <a:lnTo>
                    <a:pt x="147" y="242"/>
                  </a:lnTo>
                  <a:lnTo>
                    <a:pt x="143" y="239"/>
                  </a:lnTo>
                  <a:lnTo>
                    <a:pt x="142" y="235"/>
                  </a:lnTo>
                  <a:lnTo>
                    <a:pt x="138" y="233"/>
                  </a:lnTo>
                  <a:lnTo>
                    <a:pt x="137" y="233"/>
                  </a:lnTo>
                  <a:lnTo>
                    <a:pt x="133" y="232"/>
                  </a:lnTo>
                  <a:lnTo>
                    <a:pt x="127" y="223"/>
                  </a:lnTo>
                  <a:lnTo>
                    <a:pt x="61" y="5"/>
                  </a:lnTo>
                  <a:lnTo>
                    <a:pt x="54" y="2"/>
                  </a:lnTo>
                  <a:lnTo>
                    <a:pt x="47" y="0"/>
                  </a:lnTo>
                  <a:lnTo>
                    <a:pt x="42" y="2"/>
                  </a:lnTo>
                  <a:lnTo>
                    <a:pt x="37" y="5"/>
                  </a:lnTo>
                  <a:lnTo>
                    <a:pt x="33" y="8"/>
                  </a:lnTo>
                  <a:lnTo>
                    <a:pt x="32" y="10"/>
                  </a:lnTo>
                  <a:lnTo>
                    <a:pt x="30" y="13"/>
                  </a:lnTo>
                  <a:lnTo>
                    <a:pt x="33" y="15"/>
                  </a:lnTo>
                  <a:lnTo>
                    <a:pt x="37" y="24"/>
                  </a:lnTo>
                  <a:lnTo>
                    <a:pt x="32" y="25"/>
                  </a:lnTo>
                  <a:lnTo>
                    <a:pt x="33" y="32"/>
                  </a:lnTo>
                  <a:lnTo>
                    <a:pt x="28" y="34"/>
                  </a:lnTo>
                  <a:lnTo>
                    <a:pt x="28" y="39"/>
                  </a:lnTo>
                  <a:lnTo>
                    <a:pt x="30" y="39"/>
                  </a:lnTo>
                  <a:lnTo>
                    <a:pt x="32" y="49"/>
                  </a:lnTo>
                  <a:lnTo>
                    <a:pt x="32" y="51"/>
                  </a:lnTo>
                  <a:lnTo>
                    <a:pt x="33" y="54"/>
                  </a:lnTo>
                  <a:lnTo>
                    <a:pt x="33" y="56"/>
                  </a:lnTo>
                  <a:lnTo>
                    <a:pt x="33" y="61"/>
                  </a:lnTo>
                  <a:lnTo>
                    <a:pt x="33" y="64"/>
                  </a:lnTo>
                  <a:lnTo>
                    <a:pt x="32" y="68"/>
                  </a:lnTo>
                  <a:lnTo>
                    <a:pt x="28" y="73"/>
                  </a:lnTo>
                  <a:lnTo>
                    <a:pt x="28" y="74"/>
                  </a:lnTo>
                  <a:lnTo>
                    <a:pt x="30" y="74"/>
                  </a:lnTo>
                  <a:lnTo>
                    <a:pt x="32" y="76"/>
                  </a:lnTo>
                  <a:lnTo>
                    <a:pt x="32" y="79"/>
                  </a:lnTo>
                  <a:lnTo>
                    <a:pt x="33" y="83"/>
                  </a:lnTo>
                  <a:lnTo>
                    <a:pt x="35" y="85"/>
                  </a:lnTo>
                  <a:lnTo>
                    <a:pt x="37" y="90"/>
                  </a:lnTo>
                  <a:lnTo>
                    <a:pt x="39" y="93"/>
                  </a:lnTo>
                  <a:lnTo>
                    <a:pt x="39" y="98"/>
                  </a:lnTo>
                  <a:lnTo>
                    <a:pt x="39" y="101"/>
                  </a:lnTo>
                  <a:lnTo>
                    <a:pt x="39" y="107"/>
                  </a:lnTo>
                  <a:lnTo>
                    <a:pt x="37" y="112"/>
                  </a:lnTo>
                  <a:lnTo>
                    <a:pt x="33" y="117"/>
                  </a:lnTo>
                  <a:lnTo>
                    <a:pt x="30" y="122"/>
                  </a:lnTo>
                  <a:lnTo>
                    <a:pt x="23" y="127"/>
                  </a:lnTo>
                  <a:lnTo>
                    <a:pt x="17" y="132"/>
                  </a:lnTo>
                  <a:lnTo>
                    <a:pt x="17" y="134"/>
                  </a:lnTo>
                  <a:lnTo>
                    <a:pt x="17" y="132"/>
                  </a:lnTo>
                  <a:lnTo>
                    <a:pt x="10" y="139"/>
                  </a:lnTo>
                  <a:lnTo>
                    <a:pt x="10" y="140"/>
                  </a:lnTo>
                  <a:lnTo>
                    <a:pt x="10" y="144"/>
                  </a:lnTo>
                  <a:lnTo>
                    <a:pt x="11" y="147"/>
                  </a:lnTo>
                  <a:lnTo>
                    <a:pt x="11" y="152"/>
                  </a:lnTo>
                  <a:lnTo>
                    <a:pt x="11" y="157"/>
                  </a:lnTo>
                  <a:lnTo>
                    <a:pt x="11" y="162"/>
                  </a:lnTo>
                  <a:lnTo>
                    <a:pt x="11" y="167"/>
                  </a:lnTo>
                  <a:lnTo>
                    <a:pt x="11" y="174"/>
                  </a:lnTo>
                  <a:lnTo>
                    <a:pt x="11" y="179"/>
                  </a:lnTo>
                  <a:lnTo>
                    <a:pt x="11" y="186"/>
                  </a:lnTo>
                  <a:lnTo>
                    <a:pt x="10" y="193"/>
                  </a:lnTo>
                  <a:lnTo>
                    <a:pt x="10" y="198"/>
                  </a:lnTo>
                  <a:lnTo>
                    <a:pt x="8" y="203"/>
                  </a:lnTo>
                  <a:lnTo>
                    <a:pt x="8" y="208"/>
                  </a:lnTo>
                  <a:lnTo>
                    <a:pt x="6" y="211"/>
                  </a:lnTo>
                  <a:lnTo>
                    <a:pt x="6" y="215"/>
                  </a:lnTo>
                  <a:lnTo>
                    <a:pt x="5" y="218"/>
                  </a:lnTo>
                  <a:lnTo>
                    <a:pt x="5" y="222"/>
                  </a:lnTo>
                  <a:lnTo>
                    <a:pt x="5" y="223"/>
                  </a:lnTo>
                  <a:lnTo>
                    <a:pt x="3" y="228"/>
                  </a:lnTo>
                  <a:lnTo>
                    <a:pt x="1" y="233"/>
                  </a:lnTo>
                  <a:lnTo>
                    <a:pt x="0" y="240"/>
                  </a:lnTo>
                  <a:lnTo>
                    <a:pt x="0" y="247"/>
                  </a:lnTo>
                  <a:lnTo>
                    <a:pt x="0" y="254"/>
                  </a:lnTo>
                  <a:lnTo>
                    <a:pt x="1" y="261"/>
                  </a:lnTo>
                  <a:lnTo>
                    <a:pt x="5" y="267"/>
                  </a:lnTo>
                  <a:lnTo>
                    <a:pt x="6" y="267"/>
                  </a:lnTo>
                  <a:lnTo>
                    <a:pt x="6" y="271"/>
                  </a:lnTo>
                  <a:lnTo>
                    <a:pt x="6" y="274"/>
                  </a:lnTo>
                  <a:lnTo>
                    <a:pt x="6" y="277"/>
                  </a:lnTo>
                  <a:lnTo>
                    <a:pt x="6" y="281"/>
                  </a:lnTo>
                  <a:lnTo>
                    <a:pt x="6" y="284"/>
                  </a:lnTo>
                  <a:lnTo>
                    <a:pt x="6" y="286"/>
                  </a:lnTo>
                  <a:lnTo>
                    <a:pt x="6" y="288"/>
                  </a:lnTo>
                  <a:lnTo>
                    <a:pt x="8" y="289"/>
                  </a:lnTo>
                  <a:lnTo>
                    <a:pt x="8" y="293"/>
                  </a:lnTo>
                  <a:lnTo>
                    <a:pt x="10" y="296"/>
                  </a:lnTo>
                  <a:lnTo>
                    <a:pt x="10" y="299"/>
                  </a:lnTo>
                  <a:lnTo>
                    <a:pt x="10" y="305"/>
                  </a:lnTo>
                  <a:lnTo>
                    <a:pt x="10" y="308"/>
                  </a:lnTo>
                  <a:lnTo>
                    <a:pt x="6" y="311"/>
                  </a:lnTo>
                  <a:lnTo>
                    <a:pt x="6" y="313"/>
                  </a:lnTo>
                  <a:lnTo>
                    <a:pt x="6" y="315"/>
                  </a:lnTo>
                  <a:lnTo>
                    <a:pt x="6" y="320"/>
                  </a:lnTo>
                  <a:lnTo>
                    <a:pt x="6" y="323"/>
                  </a:lnTo>
                  <a:lnTo>
                    <a:pt x="6" y="328"/>
                  </a:lnTo>
                  <a:lnTo>
                    <a:pt x="8" y="333"/>
                  </a:lnTo>
                  <a:lnTo>
                    <a:pt x="10" y="337"/>
                  </a:lnTo>
                  <a:lnTo>
                    <a:pt x="15" y="340"/>
                  </a:lnTo>
                  <a:lnTo>
                    <a:pt x="116" y="318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603" name="Group 177"/>
            <p:cNvGrpSpPr>
              <a:grpSpLocks/>
            </p:cNvGrpSpPr>
            <p:nvPr/>
          </p:nvGrpSpPr>
          <p:grpSpPr bwMode="auto">
            <a:xfrm>
              <a:off x="3502" y="2791"/>
              <a:ext cx="368" cy="598"/>
              <a:chOff x="3720" y="2429"/>
              <a:chExt cx="378" cy="616"/>
            </a:xfrm>
          </p:grpSpPr>
          <p:sp>
            <p:nvSpPr>
              <p:cNvPr id="615" name="Freeform 178"/>
              <p:cNvSpPr>
                <a:spLocks/>
              </p:cNvSpPr>
              <p:nvPr/>
            </p:nvSpPr>
            <p:spPr bwMode="auto">
              <a:xfrm>
                <a:off x="3720" y="2429"/>
                <a:ext cx="378" cy="616"/>
              </a:xfrm>
              <a:custGeom>
                <a:avLst/>
                <a:gdLst>
                  <a:gd name="T0" fmla="*/ 51 w 378"/>
                  <a:gd name="T1" fmla="*/ 607 h 616"/>
                  <a:gd name="T2" fmla="*/ 54 w 378"/>
                  <a:gd name="T3" fmla="*/ 592 h 616"/>
                  <a:gd name="T4" fmla="*/ 75 w 378"/>
                  <a:gd name="T5" fmla="*/ 548 h 616"/>
                  <a:gd name="T6" fmla="*/ 97 w 378"/>
                  <a:gd name="T7" fmla="*/ 605 h 616"/>
                  <a:gd name="T8" fmla="*/ 92 w 378"/>
                  <a:gd name="T9" fmla="*/ 607 h 616"/>
                  <a:gd name="T10" fmla="*/ 81 w 378"/>
                  <a:gd name="T11" fmla="*/ 611 h 616"/>
                  <a:gd name="T12" fmla="*/ 73 w 378"/>
                  <a:gd name="T13" fmla="*/ 614 h 616"/>
                  <a:gd name="T14" fmla="*/ 70 w 378"/>
                  <a:gd name="T15" fmla="*/ 616 h 616"/>
                  <a:gd name="T16" fmla="*/ 83 w 378"/>
                  <a:gd name="T17" fmla="*/ 614 h 616"/>
                  <a:gd name="T18" fmla="*/ 98 w 378"/>
                  <a:gd name="T19" fmla="*/ 611 h 616"/>
                  <a:gd name="T20" fmla="*/ 110 w 378"/>
                  <a:gd name="T21" fmla="*/ 607 h 616"/>
                  <a:gd name="T22" fmla="*/ 115 w 378"/>
                  <a:gd name="T23" fmla="*/ 607 h 616"/>
                  <a:gd name="T24" fmla="*/ 114 w 378"/>
                  <a:gd name="T25" fmla="*/ 604 h 616"/>
                  <a:gd name="T26" fmla="*/ 112 w 378"/>
                  <a:gd name="T27" fmla="*/ 600 h 616"/>
                  <a:gd name="T28" fmla="*/ 122 w 378"/>
                  <a:gd name="T29" fmla="*/ 590 h 616"/>
                  <a:gd name="T30" fmla="*/ 125 w 378"/>
                  <a:gd name="T31" fmla="*/ 585 h 616"/>
                  <a:gd name="T32" fmla="*/ 125 w 378"/>
                  <a:gd name="T33" fmla="*/ 582 h 616"/>
                  <a:gd name="T34" fmla="*/ 125 w 378"/>
                  <a:gd name="T35" fmla="*/ 582 h 616"/>
                  <a:gd name="T36" fmla="*/ 125 w 378"/>
                  <a:gd name="T37" fmla="*/ 580 h 616"/>
                  <a:gd name="T38" fmla="*/ 125 w 378"/>
                  <a:gd name="T39" fmla="*/ 577 h 616"/>
                  <a:gd name="T40" fmla="*/ 124 w 378"/>
                  <a:gd name="T41" fmla="*/ 572 h 616"/>
                  <a:gd name="T42" fmla="*/ 124 w 378"/>
                  <a:gd name="T43" fmla="*/ 570 h 616"/>
                  <a:gd name="T44" fmla="*/ 127 w 378"/>
                  <a:gd name="T45" fmla="*/ 558 h 616"/>
                  <a:gd name="T46" fmla="*/ 119 w 378"/>
                  <a:gd name="T47" fmla="*/ 548 h 616"/>
                  <a:gd name="T48" fmla="*/ 109 w 378"/>
                  <a:gd name="T49" fmla="*/ 539 h 616"/>
                  <a:gd name="T50" fmla="*/ 103 w 378"/>
                  <a:gd name="T51" fmla="*/ 538 h 616"/>
                  <a:gd name="T52" fmla="*/ 378 w 378"/>
                  <a:gd name="T53" fmla="*/ 489 h 616"/>
                  <a:gd name="T54" fmla="*/ 361 w 378"/>
                  <a:gd name="T55" fmla="*/ 455 h 616"/>
                  <a:gd name="T56" fmla="*/ 361 w 378"/>
                  <a:gd name="T57" fmla="*/ 445 h 616"/>
                  <a:gd name="T58" fmla="*/ 361 w 378"/>
                  <a:gd name="T59" fmla="*/ 431 h 616"/>
                  <a:gd name="T60" fmla="*/ 359 w 378"/>
                  <a:gd name="T61" fmla="*/ 421 h 616"/>
                  <a:gd name="T62" fmla="*/ 354 w 378"/>
                  <a:gd name="T63" fmla="*/ 413 h 616"/>
                  <a:gd name="T64" fmla="*/ 349 w 378"/>
                  <a:gd name="T65" fmla="*/ 399 h 616"/>
                  <a:gd name="T66" fmla="*/ 349 w 378"/>
                  <a:gd name="T67" fmla="*/ 385 h 616"/>
                  <a:gd name="T68" fmla="*/ 351 w 378"/>
                  <a:gd name="T69" fmla="*/ 377 h 616"/>
                  <a:gd name="T70" fmla="*/ 351 w 378"/>
                  <a:gd name="T71" fmla="*/ 367 h 616"/>
                  <a:gd name="T72" fmla="*/ 351 w 378"/>
                  <a:gd name="T73" fmla="*/ 355 h 616"/>
                  <a:gd name="T74" fmla="*/ 352 w 378"/>
                  <a:gd name="T75" fmla="*/ 348 h 616"/>
                  <a:gd name="T76" fmla="*/ 354 w 378"/>
                  <a:gd name="T77" fmla="*/ 345 h 616"/>
                  <a:gd name="T78" fmla="*/ 361 w 378"/>
                  <a:gd name="T79" fmla="*/ 336 h 616"/>
                  <a:gd name="T80" fmla="*/ 364 w 378"/>
                  <a:gd name="T81" fmla="*/ 328 h 616"/>
                  <a:gd name="T82" fmla="*/ 361 w 378"/>
                  <a:gd name="T83" fmla="*/ 323 h 616"/>
                  <a:gd name="T84" fmla="*/ 357 w 378"/>
                  <a:gd name="T85" fmla="*/ 321 h 616"/>
                  <a:gd name="T86" fmla="*/ 356 w 378"/>
                  <a:gd name="T87" fmla="*/ 314 h 616"/>
                  <a:gd name="T88" fmla="*/ 352 w 378"/>
                  <a:gd name="T89" fmla="*/ 304 h 616"/>
                  <a:gd name="T90" fmla="*/ 349 w 378"/>
                  <a:gd name="T91" fmla="*/ 297 h 616"/>
                  <a:gd name="T92" fmla="*/ 347 w 378"/>
                  <a:gd name="T93" fmla="*/ 296 h 616"/>
                  <a:gd name="T94" fmla="*/ 329 w 378"/>
                  <a:gd name="T95" fmla="*/ 257 h 616"/>
                  <a:gd name="T96" fmla="*/ 257 w 378"/>
                  <a:gd name="T97" fmla="*/ 0 h 616"/>
                  <a:gd name="T98" fmla="*/ 0 w 378"/>
                  <a:gd name="T99" fmla="*/ 414 h 616"/>
                  <a:gd name="T100" fmla="*/ 44 w 378"/>
                  <a:gd name="T101" fmla="*/ 599 h 61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w 378"/>
                  <a:gd name="T154" fmla="*/ 0 h 616"/>
                  <a:gd name="T155" fmla="*/ 378 w 378"/>
                  <a:gd name="T156" fmla="*/ 616 h 616"/>
                </a:gdLst>
                <a:ahLst/>
                <a:cxnLst>
                  <a:cxn ang="T102">
                    <a:pos x="T0" y="T1"/>
                  </a:cxn>
                  <a:cxn ang="T103">
                    <a:pos x="T2" y="T3"/>
                  </a:cxn>
                  <a:cxn ang="T104">
                    <a:pos x="T4" y="T5"/>
                  </a:cxn>
                  <a:cxn ang="T105">
                    <a:pos x="T6" y="T7"/>
                  </a:cxn>
                  <a:cxn ang="T106">
                    <a:pos x="T8" y="T9"/>
                  </a:cxn>
                  <a:cxn ang="T107">
                    <a:pos x="T10" y="T11"/>
                  </a:cxn>
                  <a:cxn ang="T108">
                    <a:pos x="T12" y="T13"/>
                  </a:cxn>
                  <a:cxn ang="T109">
                    <a:pos x="T14" y="T15"/>
                  </a:cxn>
                  <a:cxn ang="T110">
                    <a:pos x="T16" y="T17"/>
                  </a:cxn>
                  <a:cxn ang="T111">
                    <a:pos x="T18" y="T19"/>
                  </a:cxn>
                  <a:cxn ang="T112">
                    <a:pos x="T20" y="T21"/>
                  </a:cxn>
                  <a:cxn ang="T113">
                    <a:pos x="T22" y="T23"/>
                  </a:cxn>
                  <a:cxn ang="T114">
                    <a:pos x="T24" y="T25"/>
                  </a:cxn>
                  <a:cxn ang="T115">
                    <a:pos x="T26" y="T27"/>
                  </a:cxn>
                  <a:cxn ang="T116">
                    <a:pos x="T28" y="T29"/>
                  </a:cxn>
                  <a:cxn ang="T117">
                    <a:pos x="T30" y="T31"/>
                  </a:cxn>
                  <a:cxn ang="T118">
                    <a:pos x="T32" y="T33"/>
                  </a:cxn>
                  <a:cxn ang="T119">
                    <a:pos x="T34" y="T35"/>
                  </a:cxn>
                  <a:cxn ang="T120">
                    <a:pos x="T36" y="T37"/>
                  </a:cxn>
                  <a:cxn ang="T121">
                    <a:pos x="T38" y="T39"/>
                  </a:cxn>
                  <a:cxn ang="T122">
                    <a:pos x="T40" y="T41"/>
                  </a:cxn>
                  <a:cxn ang="T123">
                    <a:pos x="T42" y="T43"/>
                  </a:cxn>
                  <a:cxn ang="T124">
                    <a:pos x="T44" y="T45"/>
                  </a:cxn>
                  <a:cxn ang="T125">
                    <a:pos x="T46" y="T47"/>
                  </a:cxn>
                  <a:cxn ang="T126">
                    <a:pos x="T48" y="T49"/>
                  </a:cxn>
                  <a:cxn ang="T127">
                    <a:pos x="T50" y="T51"/>
                  </a:cxn>
                  <a:cxn ang="T128">
                    <a:pos x="T52" y="T53"/>
                  </a:cxn>
                  <a:cxn ang="T129">
                    <a:pos x="T54" y="T55"/>
                  </a:cxn>
                  <a:cxn ang="T130">
                    <a:pos x="T56" y="T57"/>
                  </a:cxn>
                  <a:cxn ang="T131">
                    <a:pos x="T58" y="T59"/>
                  </a:cxn>
                  <a:cxn ang="T132">
                    <a:pos x="T60" y="T61"/>
                  </a:cxn>
                  <a:cxn ang="T133">
                    <a:pos x="T62" y="T63"/>
                  </a:cxn>
                  <a:cxn ang="T134">
                    <a:pos x="T64" y="T65"/>
                  </a:cxn>
                  <a:cxn ang="T135">
                    <a:pos x="T66" y="T67"/>
                  </a:cxn>
                  <a:cxn ang="T136">
                    <a:pos x="T68" y="T69"/>
                  </a:cxn>
                  <a:cxn ang="T137">
                    <a:pos x="T70" y="T71"/>
                  </a:cxn>
                  <a:cxn ang="T138">
                    <a:pos x="T72" y="T73"/>
                  </a:cxn>
                  <a:cxn ang="T139">
                    <a:pos x="T74" y="T75"/>
                  </a:cxn>
                  <a:cxn ang="T140">
                    <a:pos x="T76" y="T77"/>
                  </a:cxn>
                  <a:cxn ang="T141">
                    <a:pos x="T78" y="T79"/>
                  </a:cxn>
                  <a:cxn ang="T142">
                    <a:pos x="T80" y="T81"/>
                  </a:cxn>
                  <a:cxn ang="T143">
                    <a:pos x="T82" y="T83"/>
                  </a:cxn>
                  <a:cxn ang="T144">
                    <a:pos x="T84" y="T85"/>
                  </a:cxn>
                  <a:cxn ang="T145">
                    <a:pos x="T86" y="T87"/>
                  </a:cxn>
                  <a:cxn ang="T146">
                    <a:pos x="T88" y="T89"/>
                  </a:cxn>
                  <a:cxn ang="T147">
                    <a:pos x="T90" y="T91"/>
                  </a:cxn>
                  <a:cxn ang="T148">
                    <a:pos x="T92" y="T93"/>
                  </a:cxn>
                  <a:cxn ang="T149">
                    <a:pos x="T94" y="T95"/>
                  </a:cxn>
                  <a:cxn ang="T150">
                    <a:pos x="T96" y="T97"/>
                  </a:cxn>
                  <a:cxn ang="T151">
                    <a:pos x="T98" y="T99"/>
                  </a:cxn>
                  <a:cxn ang="T152">
                    <a:pos x="T100" y="T101"/>
                  </a:cxn>
                </a:cxnLst>
                <a:rect l="T153" t="T154" r="T155" b="T156"/>
                <a:pathLst>
                  <a:path w="378" h="616">
                    <a:moveTo>
                      <a:pt x="44" y="599"/>
                    </a:moveTo>
                    <a:lnTo>
                      <a:pt x="51" y="607"/>
                    </a:lnTo>
                    <a:lnTo>
                      <a:pt x="58" y="600"/>
                    </a:lnTo>
                    <a:lnTo>
                      <a:pt x="54" y="592"/>
                    </a:lnTo>
                    <a:lnTo>
                      <a:pt x="61" y="550"/>
                    </a:lnTo>
                    <a:lnTo>
                      <a:pt x="75" y="548"/>
                    </a:lnTo>
                    <a:lnTo>
                      <a:pt x="73" y="587"/>
                    </a:lnTo>
                    <a:lnTo>
                      <a:pt x="97" y="605"/>
                    </a:lnTo>
                    <a:lnTo>
                      <a:pt x="95" y="605"/>
                    </a:lnTo>
                    <a:lnTo>
                      <a:pt x="92" y="607"/>
                    </a:lnTo>
                    <a:lnTo>
                      <a:pt x="87" y="609"/>
                    </a:lnTo>
                    <a:lnTo>
                      <a:pt x="81" y="611"/>
                    </a:lnTo>
                    <a:lnTo>
                      <a:pt x="76" y="612"/>
                    </a:lnTo>
                    <a:lnTo>
                      <a:pt x="73" y="614"/>
                    </a:lnTo>
                    <a:lnTo>
                      <a:pt x="70" y="616"/>
                    </a:lnTo>
                    <a:lnTo>
                      <a:pt x="76" y="616"/>
                    </a:lnTo>
                    <a:lnTo>
                      <a:pt x="83" y="614"/>
                    </a:lnTo>
                    <a:lnTo>
                      <a:pt x="92" y="612"/>
                    </a:lnTo>
                    <a:lnTo>
                      <a:pt x="98" y="611"/>
                    </a:lnTo>
                    <a:lnTo>
                      <a:pt x="105" y="609"/>
                    </a:lnTo>
                    <a:lnTo>
                      <a:pt x="110" y="607"/>
                    </a:lnTo>
                    <a:lnTo>
                      <a:pt x="114" y="607"/>
                    </a:lnTo>
                    <a:lnTo>
                      <a:pt x="115" y="607"/>
                    </a:lnTo>
                    <a:lnTo>
                      <a:pt x="115" y="605"/>
                    </a:lnTo>
                    <a:lnTo>
                      <a:pt x="114" y="604"/>
                    </a:lnTo>
                    <a:lnTo>
                      <a:pt x="112" y="602"/>
                    </a:lnTo>
                    <a:lnTo>
                      <a:pt x="112" y="600"/>
                    </a:lnTo>
                    <a:lnTo>
                      <a:pt x="117" y="595"/>
                    </a:lnTo>
                    <a:lnTo>
                      <a:pt x="122" y="590"/>
                    </a:lnTo>
                    <a:lnTo>
                      <a:pt x="124" y="587"/>
                    </a:lnTo>
                    <a:lnTo>
                      <a:pt x="125" y="585"/>
                    </a:lnTo>
                    <a:lnTo>
                      <a:pt x="125" y="583"/>
                    </a:lnTo>
                    <a:lnTo>
                      <a:pt x="125" y="582"/>
                    </a:lnTo>
                    <a:lnTo>
                      <a:pt x="125" y="580"/>
                    </a:lnTo>
                    <a:lnTo>
                      <a:pt x="125" y="578"/>
                    </a:lnTo>
                    <a:lnTo>
                      <a:pt x="125" y="577"/>
                    </a:lnTo>
                    <a:lnTo>
                      <a:pt x="124" y="573"/>
                    </a:lnTo>
                    <a:lnTo>
                      <a:pt x="124" y="572"/>
                    </a:lnTo>
                    <a:lnTo>
                      <a:pt x="124" y="570"/>
                    </a:lnTo>
                    <a:lnTo>
                      <a:pt x="127" y="565"/>
                    </a:lnTo>
                    <a:lnTo>
                      <a:pt x="127" y="558"/>
                    </a:lnTo>
                    <a:lnTo>
                      <a:pt x="124" y="553"/>
                    </a:lnTo>
                    <a:lnTo>
                      <a:pt x="119" y="548"/>
                    </a:lnTo>
                    <a:lnTo>
                      <a:pt x="114" y="545"/>
                    </a:lnTo>
                    <a:lnTo>
                      <a:pt x="109" y="539"/>
                    </a:lnTo>
                    <a:lnTo>
                      <a:pt x="105" y="538"/>
                    </a:lnTo>
                    <a:lnTo>
                      <a:pt x="103" y="538"/>
                    </a:lnTo>
                    <a:lnTo>
                      <a:pt x="102" y="516"/>
                    </a:lnTo>
                    <a:lnTo>
                      <a:pt x="378" y="489"/>
                    </a:lnTo>
                    <a:lnTo>
                      <a:pt x="361" y="457"/>
                    </a:lnTo>
                    <a:lnTo>
                      <a:pt x="361" y="455"/>
                    </a:lnTo>
                    <a:lnTo>
                      <a:pt x="361" y="450"/>
                    </a:lnTo>
                    <a:lnTo>
                      <a:pt x="361" y="445"/>
                    </a:lnTo>
                    <a:lnTo>
                      <a:pt x="361" y="438"/>
                    </a:lnTo>
                    <a:lnTo>
                      <a:pt x="361" y="431"/>
                    </a:lnTo>
                    <a:lnTo>
                      <a:pt x="359" y="424"/>
                    </a:lnTo>
                    <a:lnTo>
                      <a:pt x="359" y="421"/>
                    </a:lnTo>
                    <a:lnTo>
                      <a:pt x="359" y="418"/>
                    </a:lnTo>
                    <a:lnTo>
                      <a:pt x="354" y="413"/>
                    </a:lnTo>
                    <a:lnTo>
                      <a:pt x="351" y="406"/>
                    </a:lnTo>
                    <a:lnTo>
                      <a:pt x="349" y="399"/>
                    </a:lnTo>
                    <a:lnTo>
                      <a:pt x="349" y="391"/>
                    </a:lnTo>
                    <a:lnTo>
                      <a:pt x="349" y="385"/>
                    </a:lnTo>
                    <a:lnTo>
                      <a:pt x="349" y="380"/>
                    </a:lnTo>
                    <a:lnTo>
                      <a:pt x="351" y="377"/>
                    </a:lnTo>
                    <a:lnTo>
                      <a:pt x="351" y="374"/>
                    </a:lnTo>
                    <a:lnTo>
                      <a:pt x="351" y="367"/>
                    </a:lnTo>
                    <a:lnTo>
                      <a:pt x="351" y="360"/>
                    </a:lnTo>
                    <a:lnTo>
                      <a:pt x="351" y="355"/>
                    </a:lnTo>
                    <a:lnTo>
                      <a:pt x="352" y="350"/>
                    </a:lnTo>
                    <a:lnTo>
                      <a:pt x="352" y="348"/>
                    </a:lnTo>
                    <a:lnTo>
                      <a:pt x="352" y="345"/>
                    </a:lnTo>
                    <a:lnTo>
                      <a:pt x="354" y="345"/>
                    </a:lnTo>
                    <a:lnTo>
                      <a:pt x="354" y="343"/>
                    </a:lnTo>
                    <a:lnTo>
                      <a:pt x="361" y="336"/>
                    </a:lnTo>
                    <a:lnTo>
                      <a:pt x="364" y="331"/>
                    </a:lnTo>
                    <a:lnTo>
                      <a:pt x="364" y="328"/>
                    </a:lnTo>
                    <a:lnTo>
                      <a:pt x="364" y="325"/>
                    </a:lnTo>
                    <a:lnTo>
                      <a:pt x="361" y="323"/>
                    </a:lnTo>
                    <a:lnTo>
                      <a:pt x="359" y="323"/>
                    </a:lnTo>
                    <a:lnTo>
                      <a:pt x="357" y="321"/>
                    </a:lnTo>
                    <a:lnTo>
                      <a:pt x="356" y="319"/>
                    </a:lnTo>
                    <a:lnTo>
                      <a:pt x="356" y="314"/>
                    </a:lnTo>
                    <a:lnTo>
                      <a:pt x="356" y="308"/>
                    </a:lnTo>
                    <a:lnTo>
                      <a:pt x="352" y="304"/>
                    </a:lnTo>
                    <a:lnTo>
                      <a:pt x="351" y="301"/>
                    </a:lnTo>
                    <a:lnTo>
                      <a:pt x="349" y="297"/>
                    </a:lnTo>
                    <a:lnTo>
                      <a:pt x="347" y="296"/>
                    </a:lnTo>
                    <a:lnTo>
                      <a:pt x="345" y="294"/>
                    </a:lnTo>
                    <a:lnTo>
                      <a:pt x="329" y="257"/>
                    </a:lnTo>
                    <a:lnTo>
                      <a:pt x="256" y="0"/>
                    </a:lnTo>
                    <a:lnTo>
                      <a:pt x="257" y="0"/>
                    </a:lnTo>
                    <a:lnTo>
                      <a:pt x="5" y="22"/>
                    </a:lnTo>
                    <a:lnTo>
                      <a:pt x="0" y="414"/>
                    </a:lnTo>
                    <a:lnTo>
                      <a:pt x="24" y="599"/>
                    </a:lnTo>
                    <a:lnTo>
                      <a:pt x="44" y="59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16" name="Freeform 179"/>
              <p:cNvSpPr>
                <a:spLocks/>
              </p:cNvSpPr>
              <p:nvPr/>
            </p:nvSpPr>
            <p:spPr bwMode="auto">
              <a:xfrm>
                <a:off x="3720" y="2429"/>
                <a:ext cx="378" cy="616"/>
              </a:xfrm>
              <a:custGeom>
                <a:avLst/>
                <a:gdLst>
                  <a:gd name="T0" fmla="*/ 51 w 378"/>
                  <a:gd name="T1" fmla="*/ 607 h 616"/>
                  <a:gd name="T2" fmla="*/ 54 w 378"/>
                  <a:gd name="T3" fmla="*/ 592 h 616"/>
                  <a:gd name="T4" fmla="*/ 75 w 378"/>
                  <a:gd name="T5" fmla="*/ 548 h 616"/>
                  <a:gd name="T6" fmla="*/ 97 w 378"/>
                  <a:gd name="T7" fmla="*/ 605 h 616"/>
                  <a:gd name="T8" fmla="*/ 95 w 378"/>
                  <a:gd name="T9" fmla="*/ 605 h 616"/>
                  <a:gd name="T10" fmla="*/ 87 w 378"/>
                  <a:gd name="T11" fmla="*/ 609 h 616"/>
                  <a:gd name="T12" fmla="*/ 76 w 378"/>
                  <a:gd name="T13" fmla="*/ 612 h 616"/>
                  <a:gd name="T14" fmla="*/ 70 w 378"/>
                  <a:gd name="T15" fmla="*/ 616 h 616"/>
                  <a:gd name="T16" fmla="*/ 70 w 378"/>
                  <a:gd name="T17" fmla="*/ 616 h 616"/>
                  <a:gd name="T18" fmla="*/ 83 w 378"/>
                  <a:gd name="T19" fmla="*/ 614 h 616"/>
                  <a:gd name="T20" fmla="*/ 98 w 378"/>
                  <a:gd name="T21" fmla="*/ 611 h 616"/>
                  <a:gd name="T22" fmla="*/ 110 w 378"/>
                  <a:gd name="T23" fmla="*/ 607 h 616"/>
                  <a:gd name="T24" fmla="*/ 115 w 378"/>
                  <a:gd name="T25" fmla="*/ 607 h 616"/>
                  <a:gd name="T26" fmla="*/ 115 w 378"/>
                  <a:gd name="T27" fmla="*/ 605 h 616"/>
                  <a:gd name="T28" fmla="*/ 112 w 378"/>
                  <a:gd name="T29" fmla="*/ 602 h 616"/>
                  <a:gd name="T30" fmla="*/ 112 w 378"/>
                  <a:gd name="T31" fmla="*/ 600 h 616"/>
                  <a:gd name="T32" fmla="*/ 122 w 378"/>
                  <a:gd name="T33" fmla="*/ 590 h 616"/>
                  <a:gd name="T34" fmla="*/ 125 w 378"/>
                  <a:gd name="T35" fmla="*/ 585 h 616"/>
                  <a:gd name="T36" fmla="*/ 125 w 378"/>
                  <a:gd name="T37" fmla="*/ 582 h 616"/>
                  <a:gd name="T38" fmla="*/ 125 w 378"/>
                  <a:gd name="T39" fmla="*/ 582 h 616"/>
                  <a:gd name="T40" fmla="*/ 125 w 378"/>
                  <a:gd name="T41" fmla="*/ 582 h 616"/>
                  <a:gd name="T42" fmla="*/ 125 w 378"/>
                  <a:gd name="T43" fmla="*/ 578 h 616"/>
                  <a:gd name="T44" fmla="*/ 124 w 378"/>
                  <a:gd name="T45" fmla="*/ 573 h 616"/>
                  <a:gd name="T46" fmla="*/ 124 w 378"/>
                  <a:gd name="T47" fmla="*/ 570 h 616"/>
                  <a:gd name="T48" fmla="*/ 124 w 378"/>
                  <a:gd name="T49" fmla="*/ 570 h 616"/>
                  <a:gd name="T50" fmla="*/ 127 w 378"/>
                  <a:gd name="T51" fmla="*/ 558 h 616"/>
                  <a:gd name="T52" fmla="*/ 119 w 378"/>
                  <a:gd name="T53" fmla="*/ 548 h 616"/>
                  <a:gd name="T54" fmla="*/ 109 w 378"/>
                  <a:gd name="T55" fmla="*/ 539 h 616"/>
                  <a:gd name="T56" fmla="*/ 103 w 378"/>
                  <a:gd name="T57" fmla="*/ 538 h 616"/>
                  <a:gd name="T58" fmla="*/ 378 w 378"/>
                  <a:gd name="T59" fmla="*/ 489 h 616"/>
                  <a:gd name="T60" fmla="*/ 361 w 378"/>
                  <a:gd name="T61" fmla="*/ 457 h 616"/>
                  <a:gd name="T62" fmla="*/ 361 w 378"/>
                  <a:gd name="T63" fmla="*/ 450 h 616"/>
                  <a:gd name="T64" fmla="*/ 361 w 378"/>
                  <a:gd name="T65" fmla="*/ 438 h 616"/>
                  <a:gd name="T66" fmla="*/ 359 w 378"/>
                  <a:gd name="T67" fmla="*/ 424 h 616"/>
                  <a:gd name="T68" fmla="*/ 359 w 378"/>
                  <a:gd name="T69" fmla="*/ 418 h 616"/>
                  <a:gd name="T70" fmla="*/ 354 w 378"/>
                  <a:gd name="T71" fmla="*/ 413 h 616"/>
                  <a:gd name="T72" fmla="*/ 349 w 378"/>
                  <a:gd name="T73" fmla="*/ 399 h 616"/>
                  <a:gd name="T74" fmla="*/ 349 w 378"/>
                  <a:gd name="T75" fmla="*/ 385 h 616"/>
                  <a:gd name="T76" fmla="*/ 351 w 378"/>
                  <a:gd name="T77" fmla="*/ 377 h 616"/>
                  <a:gd name="T78" fmla="*/ 351 w 378"/>
                  <a:gd name="T79" fmla="*/ 374 h 616"/>
                  <a:gd name="T80" fmla="*/ 351 w 378"/>
                  <a:gd name="T81" fmla="*/ 360 h 616"/>
                  <a:gd name="T82" fmla="*/ 352 w 378"/>
                  <a:gd name="T83" fmla="*/ 350 h 616"/>
                  <a:gd name="T84" fmla="*/ 352 w 378"/>
                  <a:gd name="T85" fmla="*/ 345 h 616"/>
                  <a:gd name="T86" fmla="*/ 354 w 378"/>
                  <a:gd name="T87" fmla="*/ 343 h 616"/>
                  <a:gd name="T88" fmla="*/ 361 w 378"/>
                  <a:gd name="T89" fmla="*/ 336 h 616"/>
                  <a:gd name="T90" fmla="*/ 364 w 378"/>
                  <a:gd name="T91" fmla="*/ 328 h 616"/>
                  <a:gd name="T92" fmla="*/ 361 w 378"/>
                  <a:gd name="T93" fmla="*/ 323 h 616"/>
                  <a:gd name="T94" fmla="*/ 357 w 378"/>
                  <a:gd name="T95" fmla="*/ 321 h 616"/>
                  <a:gd name="T96" fmla="*/ 356 w 378"/>
                  <a:gd name="T97" fmla="*/ 319 h 616"/>
                  <a:gd name="T98" fmla="*/ 356 w 378"/>
                  <a:gd name="T99" fmla="*/ 308 h 616"/>
                  <a:gd name="T100" fmla="*/ 351 w 378"/>
                  <a:gd name="T101" fmla="*/ 301 h 616"/>
                  <a:gd name="T102" fmla="*/ 347 w 378"/>
                  <a:gd name="T103" fmla="*/ 296 h 616"/>
                  <a:gd name="T104" fmla="*/ 345 w 378"/>
                  <a:gd name="T105" fmla="*/ 294 h 616"/>
                  <a:gd name="T106" fmla="*/ 256 w 378"/>
                  <a:gd name="T107" fmla="*/ 0 h 616"/>
                  <a:gd name="T108" fmla="*/ 5 w 378"/>
                  <a:gd name="T109" fmla="*/ 22 h 616"/>
                  <a:gd name="T110" fmla="*/ 24 w 378"/>
                  <a:gd name="T111" fmla="*/ 599 h 61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378"/>
                  <a:gd name="T169" fmla="*/ 0 h 616"/>
                  <a:gd name="T170" fmla="*/ 378 w 378"/>
                  <a:gd name="T171" fmla="*/ 616 h 616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378" h="616">
                    <a:moveTo>
                      <a:pt x="44" y="599"/>
                    </a:moveTo>
                    <a:lnTo>
                      <a:pt x="51" y="607"/>
                    </a:lnTo>
                    <a:lnTo>
                      <a:pt x="58" y="600"/>
                    </a:lnTo>
                    <a:lnTo>
                      <a:pt x="54" y="592"/>
                    </a:lnTo>
                    <a:lnTo>
                      <a:pt x="61" y="550"/>
                    </a:lnTo>
                    <a:lnTo>
                      <a:pt x="75" y="548"/>
                    </a:lnTo>
                    <a:lnTo>
                      <a:pt x="73" y="587"/>
                    </a:lnTo>
                    <a:lnTo>
                      <a:pt x="97" y="605"/>
                    </a:lnTo>
                    <a:lnTo>
                      <a:pt x="95" y="605"/>
                    </a:lnTo>
                    <a:lnTo>
                      <a:pt x="92" y="607"/>
                    </a:lnTo>
                    <a:lnTo>
                      <a:pt x="87" y="609"/>
                    </a:lnTo>
                    <a:lnTo>
                      <a:pt x="81" y="611"/>
                    </a:lnTo>
                    <a:lnTo>
                      <a:pt x="76" y="612"/>
                    </a:lnTo>
                    <a:lnTo>
                      <a:pt x="73" y="614"/>
                    </a:lnTo>
                    <a:lnTo>
                      <a:pt x="70" y="616"/>
                    </a:lnTo>
                    <a:lnTo>
                      <a:pt x="76" y="616"/>
                    </a:lnTo>
                    <a:lnTo>
                      <a:pt x="83" y="614"/>
                    </a:lnTo>
                    <a:lnTo>
                      <a:pt x="92" y="612"/>
                    </a:lnTo>
                    <a:lnTo>
                      <a:pt x="98" y="611"/>
                    </a:lnTo>
                    <a:lnTo>
                      <a:pt x="105" y="609"/>
                    </a:lnTo>
                    <a:lnTo>
                      <a:pt x="110" y="607"/>
                    </a:lnTo>
                    <a:lnTo>
                      <a:pt x="114" y="607"/>
                    </a:lnTo>
                    <a:lnTo>
                      <a:pt x="115" y="607"/>
                    </a:lnTo>
                    <a:lnTo>
                      <a:pt x="115" y="605"/>
                    </a:lnTo>
                    <a:lnTo>
                      <a:pt x="114" y="604"/>
                    </a:lnTo>
                    <a:lnTo>
                      <a:pt x="112" y="602"/>
                    </a:lnTo>
                    <a:lnTo>
                      <a:pt x="112" y="600"/>
                    </a:lnTo>
                    <a:lnTo>
                      <a:pt x="117" y="595"/>
                    </a:lnTo>
                    <a:lnTo>
                      <a:pt x="122" y="590"/>
                    </a:lnTo>
                    <a:lnTo>
                      <a:pt x="124" y="587"/>
                    </a:lnTo>
                    <a:lnTo>
                      <a:pt x="125" y="585"/>
                    </a:lnTo>
                    <a:lnTo>
                      <a:pt x="125" y="583"/>
                    </a:lnTo>
                    <a:lnTo>
                      <a:pt x="125" y="582"/>
                    </a:lnTo>
                    <a:lnTo>
                      <a:pt x="125" y="580"/>
                    </a:lnTo>
                    <a:lnTo>
                      <a:pt x="125" y="578"/>
                    </a:lnTo>
                    <a:lnTo>
                      <a:pt x="125" y="577"/>
                    </a:lnTo>
                    <a:lnTo>
                      <a:pt x="124" y="573"/>
                    </a:lnTo>
                    <a:lnTo>
                      <a:pt x="124" y="572"/>
                    </a:lnTo>
                    <a:lnTo>
                      <a:pt x="124" y="570"/>
                    </a:lnTo>
                    <a:lnTo>
                      <a:pt x="127" y="565"/>
                    </a:lnTo>
                    <a:lnTo>
                      <a:pt x="127" y="558"/>
                    </a:lnTo>
                    <a:lnTo>
                      <a:pt x="124" y="553"/>
                    </a:lnTo>
                    <a:lnTo>
                      <a:pt x="119" y="548"/>
                    </a:lnTo>
                    <a:lnTo>
                      <a:pt x="114" y="545"/>
                    </a:lnTo>
                    <a:lnTo>
                      <a:pt x="109" y="539"/>
                    </a:lnTo>
                    <a:lnTo>
                      <a:pt x="105" y="538"/>
                    </a:lnTo>
                    <a:lnTo>
                      <a:pt x="103" y="538"/>
                    </a:lnTo>
                    <a:lnTo>
                      <a:pt x="102" y="516"/>
                    </a:lnTo>
                    <a:lnTo>
                      <a:pt x="378" y="489"/>
                    </a:lnTo>
                    <a:lnTo>
                      <a:pt x="361" y="457"/>
                    </a:lnTo>
                    <a:lnTo>
                      <a:pt x="361" y="455"/>
                    </a:lnTo>
                    <a:lnTo>
                      <a:pt x="361" y="450"/>
                    </a:lnTo>
                    <a:lnTo>
                      <a:pt x="361" y="445"/>
                    </a:lnTo>
                    <a:lnTo>
                      <a:pt x="361" y="438"/>
                    </a:lnTo>
                    <a:lnTo>
                      <a:pt x="361" y="431"/>
                    </a:lnTo>
                    <a:lnTo>
                      <a:pt x="359" y="424"/>
                    </a:lnTo>
                    <a:lnTo>
                      <a:pt x="359" y="421"/>
                    </a:lnTo>
                    <a:lnTo>
                      <a:pt x="359" y="418"/>
                    </a:lnTo>
                    <a:lnTo>
                      <a:pt x="354" y="413"/>
                    </a:lnTo>
                    <a:lnTo>
                      <a:pt x="351" y="406"/>
                    </a:lnTo>
                    <a:lnTo>
                      <a:pt x="349" y="399"/>
                    </a:lnTo>
                    <a:lnTo>
                      <a:pt x="349" y="391"/>
                    </a:lnTo>
                    <a:lnTo>
                      <a:pt x="349" y="385"/>
                    </a:lnTo>
                    <a:lnTo>
                      <a:pt x="349" y="380"/>
                    </a:lnTo>
                    <a:lnTo>
                      <a:pt x="351" y="377"/>
                    </a:lnTo>
                    <a:lnTo>
                      <a:pt x="351" y="374"/>
                    </a:lnTo>
                    <a:lnTo>
                      <a:pt x="351" y="367"/>
                    </a:lnTo>
                    <a:lnTo>
                      <a:pt x="351" y="360"/>
                    </a:lnTo>
                    <a:lnTo>
                      <a:pt x="351" y="355"/>
                    </a:lnTo>
                    <a:lnTo>
                      <a:pt x="352" y="350"/>
                    </a:lnTo>
                    <a:lnTo>
                      <a:pt x="352" y="348"/>
                    </a:lnTo>
                    <a:lnTo>
                      <a:pt x="352" y="345"/>
                    </a:lnTo>
                    <a:lnTo>
                      <a:pt x="354" y="345"/>
                    </a:lnTo>
                    <a:lnTo>
                      <a:pt x="354" y="343"/>
                    </a:lnTo>
                    <a:lnTo>
                      <a:pt x="361" y="336"/>
                    </a:lnTo>
                    <a:lnTo>
                      <a:pt x="364" y="331"/>
                    </a:lnTo>
                    <a:lnTo>
                      <a:pt x="364" y="328"/>
                    </a:lnTo>
                    <a:lnTo>
                      <a:pt x="364" y="325"/>
                    </a:lnTo>
                    <a:lnTo>
                      <a:pt x="361" y="323"/>
                    </a:lnTo>
                    <a:lnTo>
                      <a:pt x="359" y="323"/>
                    </a:lnTo>
                    <a:lnTo>
                      <a:pt x="357" y="321"/>
                    </a:lnTo>
                    <a:lnTo>
                      <a:pt x="356" y="319"/>
                    </a:lnTo>
                    <a:lnTo>
                      <a:pt x="356" y="314"/>
                    </a:lnTo>
                    <a:lnTo>
                      <a:pt x="356" y="308"/>
                    </a:lnTo>
                    <a:lnTo>
                      <a:pt x="352" y="304"/>
                    </a:lnTo>
                    <a:lnTo>
                      <a:pt x="351" y="301"/>
                    </a:lnTo>
                    <a:lnTo>
                      <a:pt x="349" y="297"/>
                    </a:lnTo>
                    <a:lnTo>
                      <a:pt x="347" y="296"/>
                    </a:lnTo>
                    <a:lnTo>
                      <a:pt x="345" y="294"/>
                    </a:lnTo>
                    <a:lnTo>
                      <a:pt x="329" y="257"/>
                    </a:lnTo>
                    <a:lnTo>
                      <a:pt x="256" y="0"/>
                    </a:lnTo>
                    <a:lnTo>
                      <a:pt x="257" y="0"/>
                    </a:lnTo>
                    <a:lnTo>
                      <a:pt x="5" y="22"/>
                    </a:lnTo>
                    <a:lnTo>
                      <a:pt x="0" y="414"/>
                    </a:lnTo>
                    <a:lnTo>
                      <a:pt x="24" y="599"/>
                    </a:lnTo>
                    <a:lnTo>
                      <a:pt x="44" y="599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604" name="Group 180"/>
            <p:cNvGrpSpPr>
              <a:grpSpLocks/>
            </p:cNvGrpSpPr>
            <p:nvPr/>
          </p:nvGrpSpPr>
          <p:grpSpPr bwMode="auto">
            <a:xfrm>
              <a:off x="3751" y="2759"/>
              <a:ext cx="502" cy="541"/>
              <a:chOff x="3976" y="2396"/>
              <a:chExt cx="516" cy="557"/>
            </a:xfrm>
          </p:grpSpPr>
          <p:sp>
            <p:nvSpPr>
              <p:cNvPr id="613" name="Freeform 181"/>
              <p:cNvSpPr>
                <a:spLocks/>
              </p:cNvSpPr>
              <p:nvPr/>
            </p:nvSpPr>
            <p:spPr bwMode="auto">
              <a:xfrm>
                <a:off x="3976" y="2396"/>
                <a:ext cx="516" cy="557"/>
              </a:xfrm>
              <a:custGeom>
                <a:avLst/>
                <a:gdLst>
                  <a:gd name="T0" fmla="*/ 490 w 516"/>
                  <a:gd name="T1" fmla="*/ 488 h 557"/>
                  <a:gd name="T2" fmla="*/ 490 w 516"/>
                  <a:gd name="T3" fmla="*/ 464 h 557"/>
                  <a:gd name="T4" fmla="*/ 487 w 516"/>
                  <a:gd name="T5" fmla="*/ 468 h 557"/>
                  <a:gd name="T6" fmla="*/ 485 w 516"/>
                  <a:gd name="T7" fmla="*/ 464 h 557"/>
                  <a:gd name="T8" fmla="*/ 480 w 516"/>
                  <a:gd name="T9" fmla="*/ 444 h 557"/>
                  <a:gd name="T10" fmla="*/ 489 w 516"/>
                  <a:gd name="T11" fmla="*/ 451 h 557"/>
                  <a:gd name="T12" fmla="*/ 485 w 516"/>
                  <a:gd name="T13" fmla="*/ 425 h 557"/>
                  <a:gd name="T14" fmla="*/ 494 w 516"/>
                  <a:gd name="T15" fmla="*/ 427 h 557"/>
                  <a:gd name="T16" fmla="*/ 497 w 516"/>
                  <a:gd name="T17" fmla="*/ 418 h 557"/>
                  <a:gd name="T18" fmla="*/ 497 w 516"/>
                  <a:gd name="T19" fmla="*/ 400 h 557"/>
                  <a:gd name="T20" fmla="*/ 504 w 516"/>
                  <a:gd name="T21" fmla="*/ 398 h 557"/>
                  <a:gd name="T22" fmla="*/ 507 w 516"/>
                  <a:gd name="T23" fmla="*/ 391 h 557"/>
                  <a:gd name="T24" fmla="*/ 499 w 516"/>
                  <a:gd name="T25" fmla="*/ 386 h 557"/>
                  <a:gd name="T26" fmla="*/ 499 w 516"/>
                  <a:gd name="T27" fmla="*/ 380 h 557"/>
                  <a:gd name="T28" fmla="*/ 501 w 516"/>
                  <a:gd name="T29" fmla="*/ 371 h 557"/>
                  <a:gd name="T30" fmla="*/ 506 w 516"/>
                  <a:gd name="T31" fmla="*/ 354 h 557"/>
                  <a:gd name="T32" fmla="*/ 509 w 516"/>
                  <a:gd name="T33" fmla="*/ 344 h 557"/>
                  <a:gd name="T34" fmla="*/ 502 w 516"/>
                  <a:gd name="T35" fmla="*/ 324 h 557"/>
                  <a:gd name="T36" fmla="*/ 502 w 516"/>
                  <a:gd name="T37" fmla="*/ 319 h 557"/>
                  <a:gd name="T38" fmla="*/ 502 w 516"/>
                  <a:gd name="T39" fmla="*/ 312 h 557"/>
                  <a:gd name="T40" fmla="*/ 490 w 516"/>
                  <a:gd name="T41" fmla="*/ 280 h 557"/>
                  <a:gd name="T42" fmla="*/ 467 w 516"/>
                  <a:gd name="T43" fmla="*/ 259 h 557"/>
                  <a:gd name="T44" fmla="*/ 453 w 516"/>
                  <a:gd name="T45" fmla="*/ 224 h 557"/>
                  <a:gd name="T46" fmla="*/ 430 w 516"/>
                  <a:gd name="T47" fmla="*/ 212 h 557"/>
                  <a:gd name="T48" fmla="*/ 419 w 516"/>
                  <a:gd name="T49" fmla="*/ 204 h 557"/>
                  <a:gd name="T50" fmla="*/ 402 w 516"/>
                  <a:gd name="T51" fmla="*/ 187 h 557"/>
                  <a:gd name="T52" fmla="*/ 389 w 516"/>
                  <a:gd name="T53" fmla="*/ 163 h 557"/>
                  <a:gd name="T54" fmla="*/ 374 w 516"/>
                  <a:gd name="T55" fmla="*/ 160 h 557"/>
                  <a:gd name="T56" fmla="*/ 367 w 516"/>
                  <a:gd name="T57" fmla="*/ 153 h 557"/>
                  <a:gd name="T58" fmla="*/ 355 w 516"/>
                  <a:gd name="T59" fmla="*/ 134 h 557"/>
                  <a:gd name="T60" fmla="*/ 343 w 516"/>
                  <a:gd name="T61" fmla="*/ 132 h 557"/>
                  <a:gd name="T62" fmla="*/ 328 w 516"/>
                  <a:gd name="T63" fmla="*/ 124 h 557"/>
                  <a:gd name="T64" fmla="*/ 318 w 516"/>
                  <a:gd name="T65" fmla="*/ 107 h 557"/>
                  <a:gd name="T66" fmla="*/ 301 w 516"/>
                  <a:gd name="T67" fmla="*/ 88 h 557"/>
                  <a:gd name="T68" fmla="*/ 287 w 516"/>
                  <a:gd name="T69" fmla="*/ 65 h 557"/>
                  <a:gd name="T70" fmla="*/ 282 w 516"/>
                  <a:gd name="T71" fmla="*/ 61 h 557"/>
                  <a:gd name="T72" fmla="*/ 262 w 516"/>
                  <a:gd name="T73" fmla="*/ 56 h 557"/>
                  <a:gd name="T74" fmla="*/ 252 w 516"/>
                  <a:gd name="T75" fmla="*/ 50 h 557"/>
                  <a:gd name="T76" fmla="*/ 235 w 516"/>
                  <a:gd name="T77" fmla="*/ 34 h 557"/>
                  <a:gd name="T78" fmla="*/ 252 w 516"/>
                  <a:gd name="T79" fmla="*/ 2 h 557"/>
                  <a:gd name="T80" fmla="*/ 73 w 516"/>
                  <a:gd name="T81" fmla="*/ 290 h 557"/>
                  <a:gd name="T82" fmla="*/ 93 w 516"/>
                  <a:gd name="T83" fmla="*/ 330 h 557"/>
                  <a:gd name="T84" fmla="*/ 100 w 516"/>
                  <a:gd name="T85" fmla="*/ 347 h 557"/>
                  <a:gd name="T86" fmla="*/ 105 w 516"/>
                  <a:gd name="T87" fmla="*/ 356 h 557"/>
                  <a:gd name="T88" fmla="*/ 105 w 516"/>
                  <a:gd name="T89" fmla="*/ 369 h 557"/>
                  <a:gd name="T90" fmla="*/ 96 w 516"/>
                  <a:gd name="T91" fmla="*/ 381 h 557"/>
                  <a:gd name="T92" fmla="*/ 95 w 516"/>
                  <a:gd name="T93" fmla="*/ 400 h 557"/>
                  <a:gd name="T94" fmla="*/ 93 w 516"/>
                  <a:gd name="T95" fmla="*/ 418 h 557"/>
                  <a:gd name="T96" fmla="*/ 98 w 516"/>
                  <a:gd name="T97" fmla="*/ 446 h 557"/>
                  <a:gd name="T98" fmla="*/ 105 w 516"/>
                  <a:gd name="T99" fmla="*/ 464 h 557"/>
                  <a:gd name="T100" fmla="*/ 105 w 516"/>
                  <a:gd name="T101" fmla="*/ 488 h 557"/>
                  <a:gd name="T102" fmla="*/ 418 w 516"/>
                  <a:gd name="T103" fmla="*/ 535 h 557"/>
                  <a:gd name="T104" fmla="*/ 441 w 516"/>
                  <a:gd name="T105" fmla="*/ 552 h 557"/>
                  <a:gd name="T106" fmla="*/ 440 w 516"/>
                  <a:gd name="T107" fmla="*/ 534 h 557"/>
                  <a:gd name="T108" fmla="*/ 435 w 516"/>
                  <a:gd name="T109" fmla="*/ 512 h 557"/>
                  <a:gd name="T110" fmla="*/ 443 w 516"/>
                  <a:gd name="T111" fmla="*/ 498 h 557"/>
                  <a:gd name="T112" fmla="*/ 462 w 516"/>
                  <a:gd name="T113" fmla="*/ 503 h 557"/>
                  <a:gd name="T114" fmla="*/ 485 w 516"/>
                  <a:gd name="T115" fmla="*/ 506 h 557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516"/>
                  <a:gd name="T175" fmla="*/ 0 h 557"/>
                  <a:gd name="T176" fmla="*/ 516 w 516"/>
                  <a:gd name="T177" fmla="*/ 557 h 557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516" h="557">
                    <a:moveTo>
                      <a:pt x="492" y="498"/>
                    </a:moveTo>
                    <a:lnTo>
                      <a:pt x="487" y="493"/>
                    </a:lnTo>
                    <a:lnTo>
                      <a:pt x="485" y="490"/>
                    </a:lnTo>
                    <a:lnTo>
                      <a:pt x="490" y="488"/>
                    </a:lnTo>
                    <a:lnTo>
                      <a:pt x="492" y="474"/>
                    </a:lnTo>
                    <a:lnTo>
                      <a:pt x="489" y="474"/>
                    </a:lnTo>
                    <a:lnTo>
                      <a:pt x="489" y="471"/>
                    </a:lnTo>
                    <a:lnTo>
                      <a:pt x="490" y="464"/>
                    </a:lnTo>
                    <a:lnTo>
                      <a:pt x="485" y="462"/>
                    </a:lnTo>
                    <a:lnTo>
                      <a:pt x="487" y="464"/>
                    </a:lnTo>
                    <a:lnTo>
                      <a:pt x="487" y="466"/>
                    </a:lnTo>
                    <a:lnTo>
                      <a:pt x="487" y="468"/>
                    </a:lnTo>
                    <a:lnTo>
                      <a:pt x="487" y="469"/>
                    </a:lnTo>
                    <a:lnTo>
                      <a:pt x="487" y="468"/>
                    </a:lnTo>
                    <a:lnTo>
                      <a:pt x="485" y="464"/>
                    </a:lnTo>
                    <a:lnTo>
                      <a:pt x="482" y="457"/>
                    </a:lnTo>
                    <a:lnTo>
                      <a:pt x="480" y="449"/>
                    </a:lnTo>
                    <a:lnTo>
                      <a:pt x="480" y="446"/>
                    </a:lnTo>
                    <a:lnTo>
                      <a:pt x="480" y="444"/>
                    </a:lnTo>
                    <a:lnTo>
                      <a:pt x="482" y="444"/>
                    </a:lnTo>
                    <a:lnTo>
                      <a:pt x="485" y="446"/>
                    </a:lnTo>
                    <a:lnTo>
                      <a:pt x="487" y="449"/>
                    </a:lnTo>
                    <a:lnTo>
                      <a:pt x="489" y="451"/>
                    </a:lnTo>
                    <a:lnTo>
                      <a:pt x="489" y="432"/>
                    </a:lnTo>
                    <a:lnTo>
                      <a:pt x="485" y="425"/>
                    </a:lnTo>
                    <a:lnTo>
                      <a:pt x="487" y="427"/>
                    </a:lnTo>
                    <a:lnTo>
                      <a:pt x="489" y="427"/>
                    </a:lnTo>
                    <a:lnTo>
                      <a:pt x="490" y="427"/>
                    </a:lnTo>
                    <a:lnTo>
                      <a:pt x="494" y="427"/>
                    </a:lnTo>
                    <a:lnTo>
                      <a:pt x="496" y="427"/>
                    </a:lnTo>
                    <a:lnTo>
                      <a:pt x="497" y="427"/>
                    </a:lnTo>
                    <a:lnTo>
                      <a:pt x="497" y="418"/>
                    </a:lnTo>
                    <a:lnTo>
                      <a:pt x="497" y="412"/>
                    </a:lnTo>
                    <a:lnTo>
                      <a:pt x="497" y="407"/>
                    </a:lnTo>
                    <a:lnTo>
                      <a:pt x="497" y="403"/>
                    </a:lnTo>
                    <a:lnTo>
                      <a:pt x="497" y="400"/>
                    </a:lnTo>
                    <a:lnTo>
                      <a:pt x="499" y="398"/>
                    </a:lnTo>
                    <a:lnTo>
                      <a:pt x="504" y="398"/>
                    </a:lnTo>
                    <a:lnTo>
                      <a:pt x="506" y="396"/>
                    </a:lnTo>
                    <a:lnTo>
                      <a:pt x="507" y="395"/>
                    </a:lnTo>
                    <a:lnTo>
                      <a:pt x="507" y="393"/>
                    </a:lnTo>
                    <a:lnTo>
                      <a:pt x="507" y="391"/>
                    </a:lnTo>
                    <a:lnTo>
                      <a:pt x="506" y="391"/>
                    </a:lnTo>
                    <a:lnTo>
                      <a:pt x="506" y="390"/>
                    </a:lnTo>
                    <a:lnTo>
                      <a:pt x="504" y="390"/>
                    </a:lnTo>
                    <a:lnTo>
                      <a:pt x="499" y="386"/>
                    </a:lnTo>
                    <a:lnTo>
                      <a:pt x="497" y="385"/>
                    </a:lnTo>
                    <a:lnTo>
                      <a:pt x="496" y="383"/>
                    </a:lnTo>
                    <a:lnTo>
                      <a:pt x="497" y="381"/>
                    </a:lnTo>
                    <a:lnTo>
                      <a:pt x="499" y="380"/>
                    </a:lnTo>
                    <a:lnTo>
                      <a:pt x="501" y="380"/>
                    </a:lnTo>
                    <a:lnTo>
                      <a:pt x="502" y="380"/>
                    </a:lnTo>
                    <a:lnTo>
                      <a:pt x="504" y="378"/>
                    </a:lnTo>
                    <a:lnTo>
                      <a:pt x="501" y="371"/>
                    </a:lnTo>
                    <a:lnTo>
                      <a:pt x="501" y="364"/>
                    </a:lnTo>
                    <a:lnTo>
                      <a:pt x="502" y="361"/>
                    </a:lnTo>
                    <a:lnTo>
                      <a:pt x="504" y="356"/>
                    </a:lnTo>
                    <a:lnTo>
                      <a:pt x="506" y="354"/>
                    </a:lnTo>
                    <a:lnTo>
                      <a:pt x="507" y="352"/>
                    </a:lnTo>
                    <a:lnTo>
                      <a:pt x="509" y="352"/>
                    </a:lnTo>
                    <a:lnTo>
                      <a:pt x="509" y="351"/>
                    </a:lnTo>
                    <a:lnTo>
                      <a:pt x="509" y="344"/>
                    </a:lnTo>
                    <a:lnTo>
                      <a:pt x="516" y="339"/>
                    </a:lnTo>
                    <a:lnTo>
                      <a:pt x="514" y="330"/>
                    </a:lnTo>
                    <a:lnTo>
                      <a:pt x="506" y="329"/>
                    </a:lnTo>
                    <a:lnTo>
                      <a:pt x="502" y="324"/>
                    </a:lnTo>
                    <a:lnTo>
                      <a:pt x="504" y="324"/>
                    </a:lnTo>
                    <a:lnTo>
                      <a:pt x="504" y="322"/>
                    </a:lnTo>
                    <a:lnTo>
                      <a:pt x="502" y="320"/>
                    </a:lnTo>
                    <a:lnTo>
                      <a:pt x="502" y="319"/>
                    </a:lnTo>
                    <a:lnTo>
                      <a:pt x="502" y="317"/>
                    </a:lnTo>
                    <a:lnTo>
                      <a:pt x="502" y="315"/>
                    </a:lnTo>
                    <a:lnTo>
                      <a:pt x="502" y="314"/>
                    </a:lnTo>
                    <a:lnTo>
                      <a:pt x="502" y="312"/>
                    </a:lnTo>
                    <a:lnTo>
                      <a:pt x="501" y="298"/>
                    </a:lnTo>
                    <a:lnTo>
                      <a:pt x="496" y="288"/>
                    </a:lnTo>
                    <a:lnTo>
                      <a:pt x="490" y="280"/>
                    </a:lnTo>
                    <a:lnTo>
                      <a:pt x="484" y="271"/>
                    </a:lnTo>
                    <a:lnTo>
                      <a:pt x="477" y="266"/>
                    </a:lnTo>
                    <a:lnTo>
                      <a:pt x="470" y="263"/>
                    </a:lnTo>
                    <a:lnTo>
                      <a:pt x="467" y="259"/>
                    </a:lnTo>
                    <a:lnTo>
                      <a:pt x="465" y="258"/>
                    </a:lnTo>
                    <a:lnTo>
                      <a:pt x="463" y="242"/>
                    </a:lnTo>
                    <a:lnTo>
                      <a:pt x="460" y="232"/>
                    </a:lnTo>
                    <a:lnTo>
                      <a:pt x="453" y="224"/>
                    </a:lnTo>
                    <a:lnTo>
                      <a:pt x="446" y="219"/>
                    </a:lnTo>
                    <a:lnTo>
                      <a:pt x="440" y="215"/>
                    </a:lnTo>
                    <a:lnTo>
                      <a:pt x="435" y="214"/>
                    </a:lnTo>
                    <a:lnTo>
                      <a:pt x="430" y="212"/>
                    </a:lnTo>
                    <a:lnTo>
                      <a:pt x="428" y="212"/>
                    </a:lnTo>
                    <a:lnTo>
                      <a:pt x="428" y="210"/>
                    </a:lnTo>
                    <a:lnTo>
                      <a:pt x="424" y="209"/>
                    </a:lnTo>
                    <a:lnTo>
                      <a:pt x="419" y="204"/>
                    </a:lnTo>
                    <a:lnTo>
                      <a:pt x="414" y="200"/>
                    </a:lnTo>
                    <a:lnTo>
                      <a:pt x="409" y="195"/>
                    </a:lnTo>
                    <a:lnTo>
                      <a:pt x="406" y="190"/>
                    </a:lnTo>
                    <a:lnTo>
                      <a:pt x="402" y="187"/>
                    </a:lnTo>
                    <a:lnTo>
                      <a:pt x="401" y="183"/>
                    </a:lnTo>
                    <a:lnTo>
                      <a:pt x="397" y="175"/>
                    </a:lnTo>
                    <a:lnTo>
                      <a:pt x="392" y="168"/>
                    </a:lnTo>
                    <a:lnTo>
                      <a:pt x="389" y="163"/>
                    </a:lnTo>
                    <a:lnTo>
                      <a:pt x="384" y="161"/>
                    </a:lnTo>
                    <a:lnTo>
                      <a:pt x="380" y="160"/>
                    </a:lnTo>
                    <a:lnTo>
                      <a:pt x="377" y="160"/>
                    </a:lnTo>
                    <a:lnTo>
                      <a:pt x="374" y="160"/>
                    </a:lnTo>
                    <a:lnTo>
                      <a:pt x="372" y="158"/>
                    </a:lnTo>
                    <a:lnTo>
                      <a:pt x="370" y="154"/>
                    </a:lnTo>
                    <a:lnTo>
                      <a:pt x="367" y="153"/>
                    </a:lnTo>
                    <a:lnTo>
                      <a:pt x="365" y="149"/>
                    </a:lnTo>
                    <a:lnTo>
                      <a:pt x="362" y="143"/>
                    </a:lnTo>
                    <a:lnTo>
                      <a:pt x="358" y="138"/>
                    </a:lnTo>
                    <a:lnTo>
                      <a:pt x="355" y="134"/>
                    </a:lnTo>
                    <a:lnTo>
                      <a:pt x="352" y="132"/>
                    </a:lnTo>
                    <a:lnTo>
                      <a:pt x="348" y="131"/>
                    </a:lnTo>
                    <a:lnTo>
                      <a:pt x="347" y="132"/>
                    </a:lnTo>
                    <a:lnTo>
                      <a:pt x="343" y="132"/>
                    </a:lnTo>
                    <a:lnTo>
                      <a:pt x="336" y="131"/>
                    </a:lnTo>
                    <a:lnTo>
                      <a:pt x="331" y="129"/>
                    </a:lnTo>
                    <a:lnTo>
                      <a:pt x="328" y="124"/>
                    </a:lnTo>
                    <a:lnTo>
                      <a:pt x="325" y="119"/>
                    </a:lnTo>
                    <a:lnTo>
                      <a:pt x="321" y="114"/>
                    </a:lnTo>
                    <a:lnTo>
                      <a:pt x="320" y="110"/>
                    </a:lnTo>
                    <a:lnTo>
                      <a:pt x="318" y="107"/>
                    </a:lnTo>
                    <a:lnTo>
                      <a:pt x="318" y="105"/>
                    </a:lnTo>
                    <a:lnTo>
                      <a:pt x="313" y="102"/>
                    </a:lnTo>
                    <a:lnTo>
                      <a:pt x="306" y="95"/>
                    </a:lnTo>
                    <a:lnTo>
                      <a:pt x="301" y="88"/>
                    </a:lnTo>
                    <a:lnTo>
                      <a:pt x="296" y="82"/>
                    </a:lnTo>
                    <a:lnTo>
                      <a:pt x="292" y="75"/>
                    </a:lnTo>
                    <a:lnTo>
                      <a:pt x="291" y="68"/>
                    </a:lnTo>
                    <a:lnTo>
                      <a:pt x="287" y="65"/>
                    </a:lnTo>
                    <a:lnTo>
                      <a:pt x="287" y="63"/>
                    </a:lnTo>
                    <a:lnTo>
                      <a:pt x="287" y="61"/>
                    </a:lnTo>
                    <a:lnTo>
                      <a:pt x="284" y="61"/>
                    </a:lnTo>
                    <a:lnTo>
                      <a:pt x="282" y="61"/>
                    </a:lnTo>
                    <a:lnTo>
                      <a:pt x="281" y="60"/>
                    </a:lnTo>
                    <a:lnTo>
                      <a:pt x="274" y="60"/>
                    </a:lnTo>
                    <a:lnTo>
                      <a:pt x="267" y="58"/>
                    </a:lnTo>
                    <a:lnTo>
                      <a:pt x="262" y="56"/>
                    </a:lnTo>
                    <a:lnTo>
                      <a:pt x="259" y="55"/>
                    </a:lnTo>
                    <a:lnTo>
                      <a:pt x="255" y="53"/>
                    </a:lnTo>
                    <a:lnTo>
                      <a:pt x="254" y="51"/>
                    </a:lnTo>
                    <a:lnTo>
                      <a:pt x="252" y="50"/>
                    </a:lnTo>
                    <a:lnTo>
                      <a:pt x="240" y="48"/>
                    </a:lnTo>
                    <a:lnTo>
                      <a:pt x="235" y="43"/>
                    </a:lnTo>
                    <a:lnTo>
                      <a:pt x="235" y="34"/>
                    </a:lnTo>
                    <a:lnTo>
                      <a:pt x="237" y="24"/>
                    </a:lnTo>
                    <a:lnTo>
                      <a:pt x="242" y="16"/>
                    </a:lnTo>
                    <a:lnTo>
                      <a:pt x="248" y="7"/>
                    </a:lnTo>
                    <a:lnTo>
                      <a:pt x="252" y="2"/>
                    </a:lnTo>
                    <a:lnTo>
                      <a:pt x="254" y="0"/>
                    </a:lnTo>
                    <a:lnTo>
                      <a:pt x="130" y="19"/>
                    </a:lnTo>
                    <a:lnTo>
                      <a:pt x="0" y="33"/>
                    </a:lnTo>
                    <a:lnTo>
                      <a:pt x="73" y="290"/>
                    </a:lnTo>
                    <a:lnTo>
                      <a:pt x="89" y="327"/>
                    </a:lnTo>
                    <a:lnTo>
                      <a:pt x="91" y="329"/>
                    </a:lnTo>
                    <a:lnTo>
                      <a:pt x="93" y="330"/>
                    </a:lnTo>
                    <a:lnTo>
                      <a:pt x="95" y="334"/>
                    </a:lnTo>
                    <a:lnTo>
                      <a:pt x="96" y="337"/>
                    </a:lnTo>
                    <a:lnTo>
                      <a:pt x="100" y="341"/>
                    </a:lnTo>
                    <a:lnTo>
                      <a:pt x="100" y="347"/>
                    </a:lnTo>
                    <a:lnTo>
                      <a:pt x="100" y="352"/>
                    </a:lnTo>
                    <a:lnTo>
                      <a:pt x="101" y="354"/>
                    </a:lnTo>
                    <a:lnTo>
                      <a:pt x="103" y="356"/>
                    </a:lnTo>
                    <a:lnTo>
                      <a:pt x="105" y="356"/>
                    </a:lnTo>
                    <a:lnTo>
                      <a:pt x="108" y="358"/>
                    </a:lnTo>
                    <a:lnTo>
                      <a:pt x="108" y="361"/>
                    </a:lnTo>
                    <a:lnTo>
                      <a:pt x="108" y="364"/>
                    </a:lnTo>
                    <a:lnTo>
                      <a:pt x="105" y="369"/>
                    </a:lnTo>
                    <a:lnTo>
                      <a:pt x="98" y="376"/>
                    </a:lnTo>
                    <a:lnTo>
                      <a:pt x="98" y="378"/>
                    </a:lnTo>
                    <a:lnTo>
                      <a:pt x="96" y="378"/>
                    </a:lnTo>
                    <a:lnTo>
                      <a:pt x="96" y="381"/>
                    </a:lnTo>
                    <a:lnTo>
                      <a:pt x="96" y="383"/>
                    </a:lnTo>
                    <a:lnTo>
                      <a:pt x="95" y="388"/>
                    </a:lnTo>
                    <a:lnTo>
                      <a:pt x="95" y="393"/>
                    </a:lnTo>
                    <a:lnTo>
                      <a:pt x="95" y="400"/>
                    </a:lnTo>
                    <a:lnTo>
                      <a:pt x="95" y="407"/>
                    </a:lnTo>
                    <a:lnTo>
                      <a:pt x="95" y="410"/>
                    </a:lnTo>
                    <a:lnTo>
                      <a:pt x="93" y="413"/>
                    </a:lnTo>
                    <a:lnTo>
                      <a:pt x="93" y="418"/>
                    </a:lnTo>
                    <a:lnTo>
                      <a:pt x="93" y="424"/>
                    </a:lnTo>
                    <a:lnTo>
                      <a:pt x="93" y="432"/>
                    </a:lnTo>
                    <a:lnTo>
                      <a:pt x="95" y="439"/>
                    </a:lnTo>
                    <a:lnTo>
                      <a:pt x="98" y="446"/>
                    </a:lnTo>
                    <a:lnTo>
                      <a:pt x="103" y="451"/>
                    </a:lnTo>
                    <a:lnTo>
                      <a:pt x="103" y="454"/>
                    </a:lnTo>
                    <a:lnTo>
                      <a:pt x="103" y="457"/>
                    </a:lnTo>
                    <a:lnTo>
                      <a:pt x="105" y="464"/>
                    </a:lnTo>
                    <a:lnTo>
                      <a:pt x="105" y="471"/>
                    </a:lnTo>
                    <a:lnTo>
                      <a:pt x="105" y="478"/>
                    </a:lnTo>
                    <a:lnTo>
                      <a:pt x="105" y="483"/>
                    </a:lnTo>
                    <a:lnTo>
                      <a:pt x="105" y="488"/>
                    </a:lnTo>
                    <a:lnTo>
                      <a:pt x="105" y="490"/>
                    </a:lnTo>
                    <a:lnTo>
                      <a:pt x="122" y="522"/>
                    </a:lnTo>
                    <a:lnTo>
                      <a:pt x="139" y="554"/>
                    </a:lnTo>
                    <a:lnTo>
                      <a:pt x="418" y="535"/>
                    </a:lnTo>
                    <a:lnTo>
                      <a:pt x="428" y="557"/>
                    </a:lnTo>
                    <a:lnTo>
                      <a:pt x="443" y="557"/>
                    </a:lnTo>
                    <a:lnTo>
                      <a:pt x="443" y="556"/>
                    </a:lnTo>
                    <a:lnTo>
                      <a:pt x="441" y="552"/>
                    </a:lnTo>
                    <a:lnTo>
                      <a:pt x="441" y="549"/>
                    </a:lnTo>
                    <a:lnTo>
                      <a:pt x="441" y="544"/>
                    </a:lnTo>
                    <a:lnTo>
                      <a:pt x="440" y="539"/>
                    </a:lnTo>
                    <a:lnTo>
                      <a:pt x="440" y="534"/>
                    </a:lnTo>
                    <a:lnTo>
                      <a:pt x="440" y="530"/>
                    </a:lnTo>
                    <a:lnTo>
                      <a:pt x="440" y="528"/>
                    </a:lnTo>
                    <a:lnTo>
                      <a:pt x="435" y="520"/>
                    </a:lnTo>
                    <a:lnTo>
                      <a:pt x="435" y="512"/>
                    </a:lnTo>
                    <a:lnTo>
                      <a:pt x="435" y="506"/>
                    </a:lnTo>
                    <a:lnTo>
                      <a:pt x="438" y="503"/>
                    </a:lnTo>
                    <a:lnTo>
                      <a:pt x="441" y="500"/>
                    </a:lnTo>
                    <a:lnTo>
                      <a:pt x="443" y="498"/>
                    </a:lnTo>
                    <a:lnTo>
                      <a:pt x="446" y="498"/>
                    </a:lnTo>
                    <a:lnTo>
                      <a:pt x="448" y="498"/>
                    </a:lnTo>
                    <a:lnTo>
                      <a:pt x="453" y="501"/>
                    </a:lnTo>
                    <a:lnTo>
                      <a:pt x="462" y="503"/>
                    </a:lnTo>
                    <a:lnTo>
                      <a:pt x="468" y="505"/>
                    </a:lnTo>
                    <a:lnTo>
                      <a:pt x="475" y="506"/>
                    </a:lnTo>
                    <a:lnTo>
                      <a:pt x="482" y="506"/>
                    </a:lnTo>
                    <a:lnTo>
                      <a:pt x="485" y="506"/>
                    </a:lnTo>
                    <a:lnTo>
                      <a:pt x="489" y="506"/>
                    </a:lnTo>
                    <a:lnTo>
                      <a:pt x="490" y="506"/>
                    </a:lnTo>
                    <a:lnTo>
                      <a:pt x="492" y="49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14" name="Freeform 182"/>
              <p:cNvSpPr>
                <a:spLocks/>
              </p:cNvSpPr>
              <p:nvPr/>
            </p:nvSpPr>
            <p:spPr bwMode="auto">
              <a:xfrm>
                <a:off x="3976" y="2396"/>
                <a:ext cx="516" cy="557"/>
              </a:xfrm>
              <a:custGeom>
                <a:avLst/>
                <a:gdLst>
                  <a:gd name="T0" fmla="*/ 492 w 516"/>
                  <a:gd name="T1" fmla="*/ 474 h 557"/>
                  <a:gd name="T2" fmla="*/ 485 w 516"/>
                  <a:gd name="T3" fmla="*/ 462 h 557"/>
                  <a:gd name="T4" fmla="*/ 487 w 516"/>
                  <a:gd name="T5" fmla="*/ 469 h 557"/>
                  <a:gd name="T6" fmla="*/ 480 w 516"/>
                  <a:gd name="T7" fmla="*/ 449 h 557"/>
                  <a:gd name="T8" fmla="*/ 487 w 516"/>
                  <a:gd name="T9" fmla="*/ 449 h 557"/>
                  <a:gd name="T10" fmla="*/ 485 w 516"/>
                  <a:gd name="T11" fmla="*/ 425 h 557"/>
                  <a:gd name="T12" fmla="*/ 494 w 516"/>
                  <a:gd name="T13" fmla="*/ 427 h 557"/>
                  <a:gd name="T14" fmla="*/ 497 w 516"/>
                  <a:gd name="T15" fmla="*/ 418 h 557"/>
                  <a:gd name="T16" fmla="*/ 499 w 516"/>
                  <a:gd name="T17" fmla="*/ 398 h 557"/>
                  <a:gd name="T18" fmla="*/ 506 w 516"/>
                  <a:gd name="T19" fmla="*/ 396 h 557"/>
                  <a:gd name="T20" fmla="*/ 506 w 516"/>
                  <a:gd name="T21" fmla="*/ 390 h 557"/>
                  <a:gd name="T22" fmla="*/ 496 w 516"/>
                  <a:gd name="T23" fmla="*/ 383 h 557"/>
                  <a:gd name="T24" fmla="*/ 504 w 516"/>
                  <a:gd name="T25" fmla="*/ 378 h 557"/>
                  <a:gd name="T26" fmla="*/ 504 w 516"/>
                  <a:gd name="T27" fmla="*/ 356 h 557"/>
                  <a:gd name="T28" fmla="*/ 509 w 516"/>
                  <a:gd name="T29" fmla="*/ 344 h 557"/>
                  <a:gd name="T30" fmla="*/ 504 w 516"/>
                  <a:gd name="T31" fmla="*/ 324 h 557"/>
                  <a:gd name="T32" fmla="*/ 502 w 516"/>
                  <a:gd name="T33" fmla="*/ 317 h 557"/>
                  <a:gd name="T34" fmla="*/ 502 w 516"/>
                  <a:gd name="T35" fmla="*/ 312 h 557"/>
                  <a:gd name="T36" fmla="*/ 477 w 516"/>
                  <a:gd name="T37" fmla="*/ 266 h 557"/>
                  <a:gd name="T38" fmla="*/ 463 w 516"/>
                  <a:gd name="T39" fmla="*/ 242 h 557"/>
                  <a:gd name="T40" fmla="*/ 435 w 516"/>
                  <a:gd name="T41" fmla="*/ 214 h 557"/>
                  <a:gd name="T42" fmla="*/ 424 w 516"/>
                  <a:gd name="T43" fmla="*/ 209 h 557"/>
                  <a:gd name="T44" fmla="*/ 402 w 516"/>
                  <a:gd name="T45" fmla="*/ 187 h 557"/>
                  <a:gd name="T46" fmla="*/ 389 w 516"/>
                  <a:gd name="T47" fmla="*/ 163 h 557"/>
                  <a:gd name="T48" fmla="*/ 374 w 516"/>
                  <a:gd name="T49" fmla="*/ 160 h 557"/>
                  <a:gd name="T50" fmla="*/ 365 w 516"/>
                  <a:gd name="T51" fmla="*/ 149 h 557"/>
                  <a:gd name="T52" fmla="*/ 352 w 516"/>
                  <a:gd name="T53" fmla="*/ 132 h 557"/>
                  <a:gd name="T54" fmla="*/ 343 w 516"/>
                  <a:gd name="T55" fmla="*/ 132 h 557"/>
                  <a:gd name="T56" fmla="*/ 321 w 516"/>
                  <a:gd name="T57" fmla="*/ 114 h 557"/>
                  <a:gd name="T58" fmla="*/ 313 w 516"/>
                  <a:gd name="T59" fmla="*/ 102 h 557"/>
                  <a:gd name="T60" fmla="*/ 291 w 516"/>
                  <a:gd name="T61" fmla="*/ 68 h 557"/>
                  <a:gd name="T62" fmla="*/ 284 w 516"/>
                  <a:gd name="T63" fmla="*/ 61 h 557"/>
                  <a:gd name="T64" fmla="*/ 267 w 516"/>
                  <a:gd name="T65" fmla="*/ 58 h 557"/>
                  <a:gd name="T66" fmla="*/ 252 w 516"/>
                  <a:gd name="T67" fmla="*/ 50 h 557"/>
                  <a:gd name="T68" fmla="*/ 235 w 516"/>
                  <a:gd name="T69" fmla="*/ 34 h 557"/>
                  <a:gd name="T70" fmla="*/ 254 w 516"/>
                  <a:gd name="T71" fmla="*/ 0 h 557"/>
                  <a:gd name="T72" fmla="*/ 89 w 516"/>
                  <a:gd name="T73" fmla="*/ 327 h 557"/>
                  <a:gd name="T74" fmla="*/ 96 w 516"/>
                  <a:gd name="T75" fmla="*/ 337 h 557"/>
                  <a:gd name="T76" fmla="*/ 101 w 516"/>
                  <a:gd name="T77" fmla="*/ 354 h 557"/>
                  <a:gd name="T78" fmla="*/ 108 w 516"/>
                  <a:gd name="T79" fmla="*/ 364 h 557"/>
                  <a:gd name="T80" fmla="*/ 96 w 516"/>
                  <a:gd name="T81" fmla="*/ 378 h 557"/>
                  <a:gd name="T82" fmla="*/ 95 w 516"/>
                  <a:gd name="T83" fmla="*/ 400 h 557"/>
                  <a:gd name="T84" fmla="*/ 93 w 516"/>
                  <a:gd name="T85" fmla="*/ 418 h 557"/>
                  <a:gd name="T86" fmla="*/ 103 w 516"/>
                  <a:gd name="T87" fmla="*/ 451 h 557"/>
                  <a:gd name="T88" fmla="*/ 105 w 516"/>
                  <a:gd name="T89" fmla="*/ 471 h 557"/>
                  <a:gd name="T90" fmla="*/ 122 w 516"/>
                  <a:gd name="T91" fmla="*/ 522 h 557"/>
                  <a:gd name="T92" fmla="*/ 443 w 516"/>
                  <a:gd name="T93" fmla="*/ 557 h 557"/>
                  <a:gd name="T94" fmla="*/ 440 w 516"/>
                  <a:gd name="T95" fmla="*/ 539 h 557"/>
                  <a:gd name="T96" fmla="*/ 435 w 516"/>
                  <a:gd name="T97" fmla="*/ 520 h 557"/>
                  <a:gd name="T98" fmla="*/ 443 w 516"/>
                  <a:gd name="T99" fmla="*/ 498 h 557"/>
                  <a:gd name="T100" fmla="*/ 462 w 516"/>
                  <a:gd name="T101" fmla="*/ 503 h 557"/>
                  <a:gd name="T102" fmla="*/ 489 w 516"/>
                  <a:gd name="T103" fmla="*/ 506 h 557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w 516"/>
                  <a:gd name="T157" fmla="*/ 0 h 557"/>
                  <a:gd name="T158" fmla="*/ 516 w 516"/>
                  <a:gd name="T159" fmla="*/ 557 h 557"/>
                </a:gdLst>
                <a:ahLst/>
                <a:cxnLst>
                  <a:cxn ang="T104">
                    <a:pos x="T0" y="T1"/>
                  </a:cxn>
                  <a:cxn ang="T105">
                    <a:pos x="T2" y="T3"/>
                  </a:cxn>
                  <a:cxn ang="T106">
                    <a:pos x="T4" y="T5"/>
                  </a:cxn>
                  <a:cxn ang="T107">
                    <a:pos x="T6" y="T7"/>
                  </a:cxn>
                  <a:cxn ang="T108">
                    <a:pos x="T8" y="T9"/>
                  </a:cxn>
                  <a:cxn ang="T109">
                    <a:pos x="T10" y="T11"/>
                  </a:cxn>
                  <a:cxn ang="T110">
                    <a:pos x="T12" y="T13"/>
                  </a:cxn>
                  <a:cxn ang="T111">
                    <a:pos x="T14" y="T15"/>
                  </a:cxn>
                  <a:cxn ang="T112">
                    <a:pos x="T16" y="T17"/>
                  </a:cxn>
                  <a:cxn ang="T113">
                    <a:pos x="T18" y="T19"/>
                  </a:cxn>
                  <a:cxn ang="T114">
                    <a:pos x="T20" y="T21"/>
                  </a:cxn>
                  <a:cxn ang="T115">
                    <a:pos x="T22" y="T23"/>
                  </a:cxn>
                  <a:cxn ang="T116">
                    <a:pos x="T24" y="T25"/>
                  </a:cxn>
                  <a:cxn ang="T117">
                    <a:pos x="T26" y="T27"/>
                  </a:cxn>
                  <a:cxn ang="T118">
                    <a:pos x="T28" y="T29"/>
                  </a:cxn>
                  <a:cxn ang="T119">
                    <a:pos x="T30" y="T31"/>
                  </a:cxn>
                  <a:cxn ang="T120">
                    <a:pos x="T32" y="T33"/>
                  </a:cxn>
                  <a:cxn ang="T121">
                    <a:pos x="T34" y="T35"/>
                  </a:cxn>
                  <a:cxn ang="T122">
                    <a:pos x="T36" y="T37"/>
                  </a:cxn>
                  <a:cxn ang="T123">
                    <a:pos x="T38" y="T39"/>
                  </a:cxn>
                  <a:cxn ang="T124">
                    <a:pos x="T40" y="T41"/>
                  </a:cxn>
                  <a:cxn ang="T125">
                    <a:pos x="T42" y="T43"/>
                  </a:cxn>
                  <a:cxn ang="T126">
                    <a:pos x="T44" y="T45"/>
                  </a:cxn>
                  <a:cxn ang="T127">
                    <a:pos x="T46" y="T47"/>
                  </a:cxn>
                  <a:cxn ang="T128">
                    <a:pos x="T48" y="T49"/>
                  </a:cxn>
                  <a:cxn ang="T129">
                    <a:pos x="T50" y="T51"/>
                  </a:cxn>
                  <a:cxn ang="T130">
                    <a:pos x="T52" y="T53"/>
                  </a:cxn>
                  <a:cxn ang="T131">
                    <a:pos x="T54" y="T55"/>
                  </a:cxn>
                  <a:cxn ang="T132">
                    <a:pos x="T56" y="T57"/>
                  </a:cxn>
                  <a:cxn ang="T133">
                    <a:pos x="T58" y="T59"/>
                  </a:cxn>
                  <a:cxn ang="T134">
                    <a:pos x="T60" y="T61"/>
                  </a:cxn>
                  <a:cxn ang="T135">
                    <a:pos x="T62" y="T63"/>
                  </a:cxn>
                  <a:cxn ang="T136">
                    <a:pos x="T64" y="T65"/>
                  </a:cxn>
                  <a:cxn ang="T137">
                    <a:pos x="T66" y="T67"/>
                  </a:cxn>
                  <a:cxn ang="T138">
                    <a:pos x="T68" y="T69"/>
                  </a:cxn>
                  <a:cxn ang="T139">
                    <a:pos x="T70" y="T71"/>
                  </a:cxn>
                  <a:cxn ang="T140">
                    <a:pos x="T72" y="T73"/>
                  </a:cxn>
                  <a:cxn ang="T141">
                    <a:pos x="T74" y="T75"/>
                  </a:cxn>
                  <a:cxn ang="T142">
                    <a:pos x="T76" y="T77"/>
                  </a:cxn>
                  <a:cxn ang="T143">
                    <a:pos x="T78" y="T79"/>
                  </a:cxn>
                  <a:cxn ang="T144">
                    <a:pos x="T80" y="T81"/>
                  </a:cxn>
                  <a:cxn ang="T145">
                    <a:pos x="T82" y="T83"/>
                  </a:cxn>
                  <a:cxn ang="T146">
                    <a:pos x="T84" y="T85"/>
                  </a:cxn>
                  <a:cxn ang="T147">
                    <a:pos x="T86" y="T87"/>
                  </a:cxn>
                  <a:cxn ang="T148">
                    <a:pos x="T88" y="T89"/>
                  </a:cxn>
                  <a:cxn ang="T149">
                    <a:pos x="T90" y="T91"/>
                  </a:cxn>
                  <a:cxn ang="T150">
                    <a:pos x="T92" y="T93"/>
                  </a:cxn>
                  <a:cxn ang="T151">
                    <a:pos x="T94" y="T95"/>
                  </a:cxn>
                  <a:cxn ang="T152">
                    <a:pos x="T96" y="T97"/>
                  </a:cxn>
                  <a:cxn ang="T153">
                    <a:pos x="T98" y="T99"/>
                  </a:cxn>
                  <a:cxn ang="T154">
                    <a:pos x="T100" y="T101"/>
                  </a:cxn>
                  <a:cxn ang="T155">
                    <a:pos x="T102" y="T103"/>
                  </a:cxn>
                </a:cxnLst>
                <a:rect l="T156" t="T157" r="T158" b="T159"/>
                <a:pathLst>
                  <a:path w="516" h="557">
                    <a:moveTo>
                      <a:pt x="492" y="498"/>
                    </a:moveTo>
                    <a:lnTo>
                      <a:pt x="487" y="493"/>
                    </a:lnTo>
                    <a:lnTo>
                      <a:pt x="485" y="490"/>
                    </a:lnTo>
                    <a:lnTo>
                      <a:pt x="490" y="488"/>
                    </a:lnTo>
                    <a:lnTo>
                      <a:pt x="492" y="474"/>
                    </a:lnTo>
                    <a:lnTo>
                      <a:pt x="489" y="474"/>
                    </a:lnTo>
                    <a:lnTo>
                      <a:pt x="489" y="471"/>
                    </a:lnTo>
                    <a:lnTo>
                      <a:pt x="490" y="464"/>
                    </a:lnTo>
                    <a:lnTo>
                      <a:pt x="485" y="462"/>
                    </a:lnTo>
                    <a:lnTo>
                      <a:pt x="487" y="464"/>
                    </a:lnTo>
                    <a:lnTo>
                      <a:pt x="487" y="466"/>
                    </a:lnTo>
                    <a:lnTo>
                      <a:pt x="487" y="468"/>
                    </a:lnTo>
                    <a:lnTo>
                      <a:pt x="487" y="469"/>
                    </a:lnTo>
                    <a:lnTo>
                      <a:pt x="487" y="468"/>
                    </a:lnTo>
                    <a:lnTo>
                      <a:pt x="485" y="464"/>
                    </a:lnTo>
                    <a:lnTo>
                      <a:pt x="482" y="457"/>
                    </a:lnTo>
                    <a:lnTo>
                      <a:pt x="480" y="449"/>
                    </a:lnTo>
                    <a:lnTo>
                      <a:pt x="480" y="446"/>
                    </a:lnTo>
                    <a:lnTo>
                      <a:pt x="480" y="444"/>
                    </a:lnTo>
                    <a:lnTo>
                      <a:pt x="482" y="444"/>
                    </a:lnTo>
                    <a:lnTo>
                      <a:pt x="485" y="446"/>
                    </a:lnTo>
                    <a:lnTo>
                      <a:pt x="487" y="449"/>
                    </a:lnTo>
                    <a:lnTo>
                      <a:pt x="489" y="451"/>
                    </a:lnTo>
                    <a:lnTo>
                      <a:pt x="489" y="432"/>
                    </a:lnTo>
                    <a:lnTo>
                      <a:pt x="485" y="425"/>
                    </a:lnTo>
                    <a:lnTo>
                      <a:pt x="487" y="427"/>
                    </a:lnTo>
                    <a:lnTo>
                      <a:pt x="489" y="427"/>
                    </a:lnTo>
                    <a:lnTo>
                      <a:pt x="490" y="427"/>
                    </a:lnTo>
                    <a:lnTo>
                      <a:pt x="494" y="427"/>
                    </a:lnTo>
                    <a:lnTo>
                      <a:pt x="496" y="427"/>
                    </a:lnTo>
                    <a:lnTo>
                      <a:pt x="497" y="427"/>
                    </a:lnTo>
                    <a:lnTo>
                      <a:pt x="497" y="418"/>
                    </a:lnTo>
                    <a:lnTo>
                      <a:pt x="497" y="412"/>
                    </a:lnTo>
                    <a:lnTo>
                      <a:pt x="497" y="407"/>
                    </a:lnTo>
                    <a:lnTo>
                      <a:pt x="497" y="403"/>
                    </a:lnTo>
                    <a:lnTo>
                      <a:pt x="497" y="400"/>
                    </a:lnTo>
                    <a:lnTo>
                      <a:pt x="499" y="398"/>
                    </a:lnTo>
                    <a:lnTo>
                      <a:pt x="504" y="398"/>
                    </a:lnTo>
                    <a:lnTo>
                      <a:pt x="506" y="396"/>
                    </a:lnTo>
                    <a:lnTo>
                      <a:pt x="507" y="395"/>
                    </a:lnTo>
                    <a:lnTo>
                      <a:pt x="507" y="393"/>
                    </a:lnTo>
                    <a:lnTo>
                      <a:pt x="507" y="391"/>
                    </a:lnTo>
                    <a:lnTo>
                      <a:pt x="506" y="391"/>
                    </a:lnTo>
                    <a:lnTo>
                      <a:pt x="506" y="390"/>
                    </a:lnTo>
                    <a:lnTo>
                      <a:pt x="504" y="390"/>
                    </a:lnTo>
                    <a:lnTo>
                      <a:pt x="499" y="386"/>
                    </a:lnTo>
                    <a:lnTo>
                      <a:pt x="497" y="385"/>
                    </a:lnTo>
                    <a:lnTo>
                      <a:pt x="496" y="383"/>
                    </a:lnTo>
                    <a:lnTo>
                      <a:pt x="497" y="381"/>
                    </a:lnTo>
                    <a:lnTo>
                      <a:pt x="499" y="380"/>
                    </a:lnTo>
                    <a:lnTo>
                      <a:pt x="501" y="380"/>
                    </a:lnTo>
                    <a:lnTo>
                      <a:pt x="502" y="380"/>
                    </a:lnTo>
                    <a:lnTo>
                      <a:pt x="504" y="378"/>
                    </a:lnTo>
                    <a:lnTo>
                      <a:pt x="501" y="371"/>
                    </a:lnTo>
                    <a:lnTo>
                      <a:pt x="501" y="364"/>
                    </a:lnTo>
                    <a:lnTo>
                      <a:pt x="502" y="361"/>
                    </a:lnTo>
                    <a:lnTo>
                      <a:pt x="504" y="356"/>
                    </a:lnTo>
                    <a:lnTo>
                      <a:pt x="506" y="354"/>
                    </a:lnTo>
                    <a:lnTo>
                      <a:pt x="507" y="352"/>
                    </a:lnTo>
                    <a:lnTo>
                      <a:pt x="509" y="352"/>
                    </a:lnTo>
                    <a:lnTo>
                      <a:pt x="509" y="351"/>
                    </a:lnTo>
                    <a:lnTo>
                      <a:pt x="509" y="344"/>
                    </a:lnTo>
                    <a:lnTo>
                      <a:pt x="516" y="339"/>
                    </a:lnTo>
                    <a:lnTo>
                      <a:pt x="514" y="330"/>
                    </a:lnTo>
                    <a:lnTo>
                      <a:pt x="506" y="329"/>
                    </a:lnTo>
                    <a:lnTo>
                      <a:pt x="502" y="324"/>
                    </a:lnTo>
                    <a:lnTo>
                      <a:pt x="504" y="324"/>
                    </a:lnTo>
                    <a:lnTo>
                      <a:pt x="504" y="322"/>
                    </a:lnTo>
                    <a:lnTo>
                      <a:pt x="502" y="320"/>
                    </a:lnTo>
                    <a:lnTo>
                      <a:pt x="502" y="319"/>
                    </a:lnTo>
                    <a:lnTo>
                      <a:pt x="502" y="317"/>
                    </a:lnTo>
                    <a:lnTo>
                      <a:pt x="502" y="315"/>
                    </a:lnTo>
                    <a:lnTo>
                      <a:pt x="502" y="314"/>
                    </a:lnTo>
                    <a:lnTo>
                      <a:pt x="502" y="312"/>
                    </a:lnTo>
                    <a:lnTo>
                      <a:pt x="501" y="298"/>
                    </a:lnTo>
                    <a:lnTo>
                      <a:pt x="496" y="288"/>
                    </a:lnTo>
                    <a:lnTo>
                      <a:pt x="490" y="280"/>
                    </a:lnTo>
                    <a:lnTo>
                      <a:pt x="484" y="271"/>
                    </a:lnTo>
                    <a:lnTo>
                      <a:pt x="477" y="266"/>
                    </a:lnTo>
                    <a:lnTo>
                      <a:pt x="470" y="263"/>
                    </a:lnTo>
                    <a:lnTo>
                      <a:pt x="467" y="259"/>
                    </a:lnTo>
                    <a:lnTo>
                      <a:pt x="465" y="258"/>
                    </a:lnTo>
                    <a:lnTo>
                      <a:pt x="463" y="242"/>
                    </a:lnTo>
                    <a:lnTo>
                      <a:pt x="460" y="232"/>
                    </a:lnTo>
                    <a:lnTo>
                      <a:pt x="453" y="224"/>
                    </a:lnTo>
                    <a:lnTo>
                      <a:pt x="446" y="219"/>
                    </a:lnTo>
                    <a:lnTo>
                      <a:pt x="440" y="215"/>
                    </a:lnTo>
                    <a:lnTo>
                      <a:pt x="435" y="214"/>
                    </a:lnTo>
                    <a:lnTo>
                      <a:pt x="430" y="212"/>
                    </a:lnTo>
                    <a:lnTo>
                      <a:pt x="428" y="212"/>
                    </a:lnTo>
                    <a:lnTo>
                      <a:pt x="428" y="210"/>
                    </a:lnTo>
                    <a:lnTo>
                      <a:pt x="424" y="209"/>
                    </a:lnTo>
                    <a:lnTo>
                      <a:pt x="419" y="204"/>
                    </a:lnTo>
                    <a:lnTo>
                      <a:pt x="414" y="200"/>
                    </a:lnTo>
                    <a:lnTo>
                      <a:pt x="409" y="195"/>
                    </a:lnTo>
                    <a:lnTo>
                      <a:pt x="406" y="190"/>
                    </a:lnTo>
                    <a:lnTo>
                      <a:pt x="402" y="187"/>
                    </a:lnTo>
                    <a:lnTo>
                      <a:pt x="401" y="183"/>
                    </a:lnTo>
                    <a:lnTo>
                      <a:pt x="397" y="175"/>
                    </a:lnTo>
                    <a:lnTo>
                      <a:pt x="392" y="168"/>
                    </a:lnTo>
                    <a:lnTo>
                      <a:pt x="389" y="163"/>
                    </a:lnTo>
                    <a:lnTo>
                      <a:pt x="384" y="161"/>
                    </a:lnTo>
                    <a:lnTo>
                      <a:pt x="380" y="160"/>
                    </a:lnTo>
                    <a:lnTo>
                      <a:pt x="377" y="160"/>
                    </a:lnTo>
                    <a:lnTo>
                      <a:pt x="374" y="160"/>
                    </a:lnTo>
                    <a:lnTo>
                      <a:pt x="372" y="158"/>
                    </a:lnTo>
                    <a:lnTo>
                      <a:pt x="370" y="154"/>
                    </a:lnTo>
                    <a:lnTo>
                      <a:pt x="367" y="153"/>
                    </a:lnTo>
                    <a:lnTo>
                      <a:pt x="365" y="149"/>
                    </a:lnTo>
                    <a:lnTo>
                      <a:pt x="362" y="143"/>
                    </a:lnTo>
                    <a:lnTo>
                      <a:pt x="358" y="138"/>
                    </a:lnTo>
                    <a:lnTo>
                      <a:pt x="355" y="134"/>
                    </a:lnTo>
                    <a:lnTo>
                      <a:pt x="352" y="132"/>
                    </a:lnTo>
                    <a:lnTo>
                      <a:pt x="348" y="131"/>
                    </a:lnTo>
                    <a:lnTo>
                      <a:pt x="347" y="132"/>
                    </a:lnTo>
                    <a:lnTo>
                      <a:pt x="343" y="132"/>
                    </a:lnTo>
                    <a:lnTo>
                      <a:pt x="336" y="131"/>
                    </a:lnTo>
                    <a:lnTo>
                      <a:pt x="331" y="129"/>
                    </a:lnTo>
                    <a:lnTo>
                      <a:pt x="328" y="124"/>
                    </a:lnTo>
                    <a:lnTo>
                      <a:pt x="325" y="119"/>
                    </a:lnTo>
                    <a:lnTo>
                      <a:pt x="321" y="114"/>
                    </a:lnTo>
                    <a:lnTo>
                      <a:pt x="320" y="110"/>
                    </a:lnTo>
                    <a:lnTo>
                      <a:pt x="318" y="107"/>
                    </a:lnTo>
                    <a:lnTo>
                      <a:pt x="318" y="105"/>
                    </a:lnTo>
                    <a:lnTo>
                      <a:pt x="313" y="102"/>
                    </a:lnTo>
                    <a:lnTo>
                      <a:pt x="306" y="95"/>
                    </a:lnTo>
                    <a:lnTo>
                      <a:pt x="301" y="88"/>
                    </a:lnTo>
                    <a:lnTo>
                      <a:pt x="296" y="82"/>
                    </a:lnTo>
                    <a:lnTo>
                      <a:pt x="292" y="75"/>
                    </a:lnTo>
                    <a:lnTo>
                      <a:pt x="291" y="68"/>
                    </a:lnTo>
                    <a:lnTo>
                      <a:pt x="287" y="65"/>
                    </a:lnTo>
                    <a:lnTo>
                      <a:pt x="287" y="63"/>
                    </a:lnTo>
                    <a:lnTo>
                      <a:pt x="287" y="61"/>
                    </a:lnTo>
                    <a:lnTo>
                      <a:pt x="284" y="61"/>
                    </a:lnTo>
                    <a:lnTo>
                      <a:pt x="282" y="61"/>
                    </a:lnTo>
                    <a:lnTo>
                      <a:pt x="281" y="60"/>
                    </a:lnTo>
                    <a:lnTo>
                      <a:pt x="274" y="60"/>
                    </a:lnTo>
                    <a:lnTo>
                      <a:pt x="267" y="58"/>
                    </a:lnTo>
                    <a:lnTo>
                      <a:pt x="262" y="56"/>
                    </a:lnTo>
                    <a:lnTo>
                      <a:pt x="259" y="55"/>
                    </a:lnTo>
                    <a:lnTo>
                      <a:pt x="255" y="53"/>
                    </a:lnTo>
                    <a:lnTo>
                      <a:pt x="254" y="51"/>
                    </a:lnTo>
                    <a:lnTo>
                      <a:pt x="252" y="50"/>
                    </a:lnTo>
                    <a:lnTo>
                      <a:pt x="240" y="48"/>
                    </a:lnTo>
                    <a:lnTo>
                      <a:pt x="235" y="43"/>
                    </a:lnTo>
                    <a:lnTo>
                      <a:pt x="235" y="34"/>
                    </a:lnTo>
                    <a:lnTo>
                      <a:pt x="237" y="24"/>
                    </a:lnTo>
                    <a:lnTo>
                      <a:pt x="242" y="16"/>
                    </a:lnTo>
                    <a:lnTo>
                      <a:pt x="248" y="7"/>
                    </a:lnTo>
                    <a:lnTo>
                      <a:pt x="252" y="2"/>
                    </a:lnTo>
                    <a:lnTo>
                      <a:pt x="254" y="0"/>
                    </a:lnTo>
                    <a:lnTo>
                      <a:pt x="130" y="19"/>
                    </a:lnTo>
                    <a:lnTo>
                      <a:pt x="0" y="33"/>
                    </a:lnTo>
                    <a:lnTo>
                      <a:pt x="73" y="290"/>
                    </a:lnTo>
                    <a:lnTo>
                      <a:pt x="89" y="327"/>
                    </a:lnTo>
                    <a:lnTo>
                      <a:pt x="91" y="329"/>
                    </a:lnTo>
                    <a:lnTo>
                      <a:pt x="93" y="330"/>
                    </a:lnTo>
                    <a:lnTo>
                      <a:pt x="95" y="334"/>
                    </a:lnTo>
                    <a:lnTo>
                      <a:pt x="96" y="337"/>
                    </a:lnTo>
                    <a:lnTo>
                      <a:pt x="100" y="341"/>
                    </a:lnTo>
                    <a:lnTo>
                      <a:pt x="100" y="347"/>
                    </a:lnTo>
                    <a:lnTo>
                      <a:pt x="100" y="352"/>
                    </a:lnTo>
                    <a:lnTo>
                      <a:pt x="101" y="354"/>
                    </a:lnTo>
                    <a:lnTo>
                      <a:pt x="103" y="356"/>
                    </a:lnTo>
                    <a:lnTo>
                      <a:pt x="105" y="356"/>
                    </a:lnTo>
                    <a:lnTo>
                      <a:pt x="108" y="358"/>
                    </a:lnTo>
                    <a:lnTo>
                      <a:pt x="108" y="361"/>
                    </a:lnTo>
                    <a:lnTo>
                      <a:pt x="108" y="364"/>
                    </a:lnTo>
                    <a:lnTo>
                      <a:pt x="105" y="369"/>
                    </a:lnTo>
                    <a:lnTo>
                      <a:pt x="98" y="376"/>
                    </a:lnTo>
                    <a:lnTo>
                      <a:pt x="98" y="378"/>
                    </a:lnTo>
                    <a:lnTo>
                      <a:pt x="96" y="378"/>
                    </a:lnTo>
                    <a:lnTo>
                      <a:pt x="96" y="381"/>
                    </a:lnTo>
                    <a:lnTo>
                      <a:pt x="96" y="383"/>
                    </a:lnTo>
                    <a:lnTo>
                      <a:pt x="95" y="388"/>
                    </a:lnTo>
                    <a:lnTo>
                      <a:pt x="95" y="393"/>
                    </a:lnTo>
                    <a:lnTo>
                      <a:pt x="95" y="400"/>
                    </a:lnTo>
                    <a:lnTo>
                      <a:pt x="95" y="407"/>
                    </a:lnTo>
                    <a:lnTo>
                      <a:pt x="95" y="410"/>
                    </a:lnTo>
                    <a:lnTo>
                      <a:pt x="93" y="413"/>
                    </a:lnTo>
                    <a:lnTo>
                      <a:pt x="93" y="418"/>
                    </a:lnTo>
                    <a:lnTo>
                      <a:pt x="93" y="424"/>
                    </a:lnTo>
                    <a:lnTo>
                      <a:pt x="93" y="432"/>
                    </a:lnTo>
                    <a:lnTo>
                      <a:pt x="95" y="439"/>
                    </a:lnTo>
                    <a:lnTo>
                      <a:pt x="98" y="446"/>
                    </a:lnTo>
                    <a:lnTo>
                      <a:pt x="103" y="451"/>
                    </a:lnTo>
                    <a:lnTo>
                      <a:pt x="103" y="454"/>
                    </a:lnTo>
                    <a:lnTo>
                      <a:pt x="103" y="457"/>
                    </a:lnTo>
                    <a:lnTo>
                      <a:pt x="105" y="464"/>
                    </a:lnTo>
                    <a:lnTo>
                      <a:pt x="105" y="471"/>
                    </a:lnTo>
                    <a:lnTo>
                      <a:pt x="105" y="478"/>
                    </a:lnTo>
                    <a:lnTo>
                      <a:pt x="105" y="483"/>
                    </a:lnTo>
                    <a:lnTo>
                      <a:pt x="105" y="488"/>
                    </a:lnTo>
                    <a:lnTo>
                      <a:pt x="105" y="490"/>
                    </a:lnTo>
                    <a:lnTo>
                      <a:pt x="122" y="522"/>
                    </a:lnTo>
                    <a:lnTo>
                      <a:pt x="139" y="554"/>
                    </a:lnTo>
                    <a:lnTo>
                      <a:pt x="418" y="535"/>
                    </a:lnTo>
                    <a:lnTo>
                      <a:pt x="428" y="557"/>
                    </a:lnTo>
                    <a:lnTo>
                      <a:pt x="443" y="557"/>
                    </a:lnTo>
                    <a:lnTo>
                      <a:pt x="443" y="556"/>
                    </a:lnTo>
                    <a:lnTo>
                      <a:pt x="441" y="552"/>
                    </a:lnTo>
                    <a:lnTo>
                      <a:pt x="441" y="549"/>
                    </a:lnTo>
                    <a:lnTo>
                      <a:pt x="441" y="544"/>
                    </a:lnTo>
                    <a:lnTo>
                      <a:pt x="440" y="539"/>
                    </a:lnTo>
                    <a:lnTo>
                      <a:pt x="440" y="534"/>
                    </a:lnTo>
                    <a:lnTo>
                      <a:pt x="440" y="530"/>
                    </a:lnTo>
                    <a:lnTo>
                      <a:pt x="440" y="528"/>
                    </a:lnTo>
                    <a:lnTo>
                      <a:pt x="435" y="520"/>
                    </a:lnTo>
                    <a:lnTo>
                      <a:pt x="435" y="512"/>
                    </a:lnTo>
                    <a:lnTo>
                      <a:pt x="435" y="506"/>
                    </a:lnTo>
                    <a:lnTo>
                      <a:pt x="438" y="503"/>
                    </a:lnTo>
                    <a:lnTo>
                      <a:pt x="441" y="500"/>
                    </a:lnTo>
                    <a:lnTo>
                      <a:pt x="443" y="498"/>
                    </a:lnTo>
                    <a:lnTo>
                      <a:pt x="446" y="498"/>
                    </a:lnTo>
                    <a:lnTo>
                      <a:pt x="448" y="498"/>
                    </a:lnTo>
                    <a:lnTo>
                      <a:pt x="453" y="501"/>
                    </a:lnTo>
                    <a:lnTo>
                      <a:pt x="462" y="503"/>
                    </a:lnTo>
                    <a:lnTo>
                      <a:pt x="468" y="505"/>
                    </a:lnTo>
                    <a:lnTo>
                      <a:pt x="475" y="506"/>
                    </a:lnTo>
                    <a:lnTo>
                      <a:pt x="482" y="506"/>
                    </a:lnTo>
                    <a:lnTo>
                      <a:pt x="485" y="506"/>
                    </a:lnTo>
                    <a:lnTo>
                      <a:pt x="489" y="506"/>
                    </a:lnTo>
                    <a:lnTo>
                      <a:pt x="490" y="506"/>
                    </a:lnTo>
                    <a:lnTo>
                      <a:pt x="492" y="498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605" name="Group 183"/>
            <p:cNvGrpSpPr>
              <a:grpSpLocks/>
            </p:cNvGrpSpPr>
            <p:nvPr/>
          </p:nvGrpSpPr>
          <p:grpSpPr bwMode="auto">
            <a:xfrm>
              <a:off x="4720" y="1593"/>
              <a:ext cx="332" cy="182"/>
              <a:chOff x="4972" y="1195"/>
              <a:chExt cx="342" cy="188"/>
            </a:xfrm>
          </p:grpSpPr>
          <p:sp>
            <p:nvSpPr>
              <p:cNvPr id="608" name="Freeform 184"/>
              <p:cNvSpPr>
                <a:spLocks/>
              </p:cNvSpPr>
              <p:nvPr/>
            </p:nvSpPr>
            <p:spPr bwMode="auto">
              <a:xfrm>
                <a:off x="5289" y="1356"/>
                <a:ext cx="25" cy="17"/>
              </a:xfrm>
              <a:custGeom>
                <a:avLst/>
                <a:gdLst>
                  <a:gd name="T0" fmla="*/ 0 w 25"/>
                  <a:gd name="T1" fmla="*/ 17 h 17"/>
                  <a:gd name="T2" fmla="*/ 2 w 25"/>
                  <a:gd name="T3" fmla="*/ 17 h 17"/>
                  <a:gd name="T4" fmla="*/ 7 w 25"/>
                  <a:gd name="T5" fmla="*/ 17 h 17"/>
                  <a:gd name="T6" fmla="*/ 12 w 25"/>
                  <a:gd name="T7" fmla="*/ 17 h 17"/>
                  <a:gd name="T8" fmla="*/ 19 w 25"/>
                  <a:gd name="T9" fmla="*/ 15 h 17"/>
                  <a:gd name="T10" fmla="*/ 24 w 25"/>
                  <a:gd name="T11" fmla="*/ 13 h 17"/>
                  <a:gd name="T12" fmla="*/ 25 w 25"/>
                  <a:gd name="T13" fmla="*/ 10 h 17"/>
                  <a:gd name="T14" fmla="*/ 24 w 25"/>
                  <a:gd name="T15" fmla="*/ 6 h 17"/>
                  <a:gd name="T16" fmla="*/ 19 w 25"/>
                  <a:gd name="T17" fmla="*/ 1 h 17"/>
                  <a:gd name="T18" fmla="*/ 19 w 25"/>
                  <a:gd name="T19" fmla="*/ 0 h 17"/>
                  <a:gd name="T20" fmla="*/ 17 w 25"/>
                  <a:gd name="T21" fmla="*/ 0 h 17"/>
                  <a:gd name="T22" fmla="*/ 15 w 25"/>
                  <a:gd name="T23" fmla="*/ 3 h 17"/>
                  <a:gd name="T24" fmla="*/ 15 w 25"/>
                  <a:gd name="T25" fmla="*/ 8 h 17"/>
                  <a:gd name="T26" fmla="*/ 13 w 25"/>
                  <a:gd name="T27" fmla="*/ 8 h 17"/>
                  <a:gd name="T28" fmla="*/ 12 w 25"/>
                  <a:gd name="T29" fmla="*/ 8 h 17"/>
                  <a:gd name="T30" fmla="*/ 8 w 25"/>
                  <a:gd name="T31" fmla="*/ 8 h 17"/>
                  <a:gd name="T32" fmla="*/ 7 w 25"/>
                  <a:gd name="T33" fmla="*/ 8 h 17"/>
                  <a:gd name="T34" fmla="*/ 3 w 25"/>
                  <a:gd name="T35" fmla="*/ 10 h 17"/>
                  <a:gd name="T36" fmla="*/ 0 w 25"/>
                  <a:gd name="T37" fmla="*/ 12 h 17"/>
                  <a:gd name="T38" fmla="*/ 0 w 25"/>
                  <a:gd name="T39" fmla="*/ 13 h 17"/>
                  <a:gd name="T40" fmla="*/ 0 w 25"/>
                  <a:gd name="T41" fmla="*/ 17 h 17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25"/>
                  <a:gd name="T64" fmla="*/ 0 h 17"/>
                  <a:gd name="T65" fmla="*/ 25 w 25"/>
                  <a:gd name="T66" fmla="*/ 17 h 17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25" h="17">
                    <a:moveTo>
                      <a:pt x="0" y="17"/>
                    </a:moveTo>
                    <a:lnTo>
                      <a:pt x="2" y="17"/>
                    </a:lnTo>
                    <a:lnTo>
                      <a:pt x="7" y="17"/>
                    </a:lnTo>
                    <a:lnTo>
                      <a:pt x="12" y="17"/>
                    </a:lnTo>
                    <a:lnTo>
                      <a:pt x="19" y="15"/>
                    </a:lnTo>
                    <a:lnTo>
                      <a:pt x="24" y="13"/>
                    </a:lnTo>
                    <a:lnTo>
                      <a:pt x="25" y="10"/>
                    </a:lnTo>
                    <a:lnTo>
                      <a:pt x="24" y="6"/>
                    </a:lnTo>
                    <a:lnTo>
                      <a:pt x="19" y="1"/>
                    </a:lnTo>
                    <a:lnTo>
                      <a:pt x="19" y="0"/>
                    </a:lnTo>
                    <a:lnTo>
                      <a:pt x="17" y="0"/>
                    </a:lnTo>
                    <a:lnTo>
                      <a:pt x="15" y="3"/>
                    </a:lnTo>
                    <a:lnTo>
                      <a:pt x="15" y="8"/>
                    </a:lnTo>
                    <a:lnTo>
                      <a:pt x="13" y="8"/>
                    </a:lnTo>
                    <a:lnTo>
                      <a:pt x="12" y="8"/>
                    </a:lnTo>
                    <a:lnTo>
                      <a:pt x="8" y="8"/>
                    </a:lnTo>
                    <a:lnTo>
                      <a:pt x="7" y="8"/>
                    </a:lnTo>
                    <a:lnTo>
                      <a:pt x="3" y="10"/>
                    </a:lnTo>
                    <a:lnTo>
                      <a:pt x="0" y="12"/>
                    </a:lnTo>
                    <a:lnTo>
                      <a:pt x="0" y="13"/>
                    </a:lnTo>
                    <a:lnTo>
                      <a:pt x="0" y="1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09" name="Freeform 185"/>
              <p:cNvSpPr>
                <a:spLocks/>
              </p:cNvSpPr>
              <p:nvPr/>
            </p:nvSpPr>
            <p:spPr bwMode="auto">
              <a:xfrm>
                <a:off x="5289" y="1356"/>
                <a:ext cx="25" cy="17"/>
              </a:xfrm>
              <a:custGeom>
                <a:avLst/>
                <a:gdLst>
                  <a:gd name="T0" fmla="*/ 0 w 25"/>
                  <a:gd name="T1" fmla="*/ 17 h 17"/>
                  <a:gd name="T2" fmla="*/ 0 w 25"/>
                  <a:gd name="T3" fmla="*/ 17 h 17"/>
                  <a:gd name="T4" fmla="*/ 2 w 25"/>
                  <a:gd name="T5" fmla="*/ 17 h 17"/>
                  <a:gd name="T6" fmla="*/ 7 w 25"/>
                  <a:gd name="T7" fmla="*/ 17 h 17"/>
                  <a:gd name="T8" fmla="*/ 12 w 25"/>
                  <a:gd name="T9" fmla="*/ 17 h 17"/>
                  <a:gd name="T10" fmla="*/ 19 w 25"/>
                  <a:gd name="T11" fmla="*/ 15 h 17"/>
                  <a:gd name="T12" fmla="*/ 24 w 25"/>
                  <a:gd name="T13" fmla="*/ 13 h 17"/>
                  <a:gd name="T14" fmla="*/ 25 w 25"/>
                  <a:gd name="T15" fmla="*/ 10 h 17"/>
                  <a:gd name="T16" fmla="*/ 24 w 25"/>
                  <a:gd name="T17" fmla="*/ 6 h 17"/>
                  <a:gd name="T18" fmla="*/ 19 w 25"/>
                  <a:gd name="T19" fmla="*/ 1 h 17"/>
                  <a:gd name="T20" fmla="*/ 19 w 25"/>
                  <a:gd name="T21" fmla="*/ 1 h 17"/>
                  <a:gd name="T22" fmla="*/ 19 w 25"/>
                  <a:gd name="T23" fmla="*/ 0 h 17"/>
                  <a:gd name="T24" fmla="*/ 17 w 25"/>
                  <a:gd name="T25" fmla="*/ 0 h 17"/>
                  <a:gd name="T26" fmla="*/ 15 w 25"/>
                  <a:gd name="T27" fmla="*/ 3 h 17"/>
                  <a:gd name="T28" fmla="*/ 15 w 25"/>
                  <a:gd name="T29" fmla="*/ 8 h 17"/>
                  <a:gd name="T30" fmla="*/ 15 w 25"/>
                  <a:gd name="T31" fmla="*/ 8 h 17"/>
                  <a:gd name="T32" fmla="*/ 13 w 25"/>
                  <a:gd name="T33" fmla="*/ 8 h 17"/>
                  <a:gd name="T34" fmla="*/ 12 w 25"/>
                  <a:gd name="T35" fmla="*/ 8 h 17"/>
                  <a:gd name="T36" fmla="*/ 8 w 25"/>
                  <a:gd name="T37" fmla="*/ 8 h 17"/>
                  <a:gd name="T38" fmla="*/ 7 w 25"/>
                  <a:gd name="T39" fmla="*/ 8 h 17"/>
                  <a:gd name="T40" fmla="*/ 3 w 25"/>
                  <a:gd name="T41" fmla="*/ 10 h 17"/>
                  <a:gd name="T42" fmla="*/ 0 w 25"/>
                  <a:gd name="T43" fmla="*/ 12 h 17"/>
                  <a:gd name="T44" fmla="*/ 0 w 25"/>
                  <a:gd name="T45" fmla="*/ 13 h 17"/>
                  <a:gd name="T46" fmla="*/ 0 w 25"/>
                  <a:gd name="T47" fmla="*/ 17 h 17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25"/>
                  <a:gd name="T73" fmla="*/ 0 h 17"/>
                  <a:gd name="T74" fmla="*/ 25 w 25"/>
                  <a:gd name="T75" fmla="*/ 17 h 17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25" h="17">
                    <a:moveTo>
                      <a:pt x="0" y="17"/>
                    </a:moveTo>
                    <a:lnTo>
                      <a:pt x="0" y="17"/>
                    </a:lnTo>
                    <a:lnTo>
                      <a:pt x="2" y="17"/>
                    </a:lnTo>
                    <a:lnTo>
                      <a:pt x="7" y="17"/>
                    </a:lnTo>
                    <a:lnTo>
                      <a:pt x="12" y="17"/>
                    </a:lnTo>
                    <a:lnTo>
                      <a:pt x="19" y="15"/>
                    </a:lnTo>
                    <a:lnTo>
                      <a:pt x="24" y="13"/>
                    </a:lnTo>
                    <a:lnTo>
                      <a:pt x="25" y="10"/>
                    </a:lnTo>
                    <a:lnTo>
                      <a:pt x="24" y="6"/>
                    </a:lnTo>
                    <a:lnTo>
                      <a:pt x="19" y="1"/>
                    </a:lnTo>
                    <a:lnTo>
                      <a:pt x="19" y="0"/>
                    </a:lnTo>
                    <a:lnTo>
                      <a:pt x="17" y="0"/>
                    </a:lnTo>
                    <a:lnTo>
                      <a:pt x="15" y="3"/>
                    </a:lnTo>
                    <a:lnTo>
                      <a:pt x="15" y="8"/>
                    </a:lnTo>
                    <a:lnTo>
                      <a:pt x="13" y="8"/>
                    </a:lnTo>
                    <a:lnTo>
                      <a:pt x="12" y="8"/>
                    </a:lnTo>
                    <a:lnTo>
                      <a:pt x="8" y="8"/>
                    </a:lnTo>
                    <a:lnTo>
                      <a:pt x="7" y="8"/>
                    </a:lnTo>
                    <a:lnTo>
                      <a:pt x="3" y="10"/>
                    </a:lnTo>
                    <a:lnTo>
                      <a:pt x="0" y="12"/>
                    </a:lnTo>
                    <a:lnTo>
                      <a:pt x="0" y="13"/>
                    </a:lnTo>
                    <a:lnTo>
                      <a:pt x="0" y="1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10" name="Freeform 186"/>
              <p:cNvSpPr>
                <a:spLocks/>
              </p:cNvSpPr>
              <p:nvPr/>
            </p:nvSpPr>
            <p:spPr bwMode="auto">
              <a:xfrm>
                <a:off x="5235" y="1357"/>
                <a:ext cx="29" cy="26"/>
              </a:xfrm>
              <a:custGeom>
                <a:avLst/>
                <a:gdLst>
                  <a:gd name="T0" fmla="*/ 0 w 29"/>
                  <a:gd name="T1" fmla="*/ 19 h 26"/>
                  <a:gd name="T2" fmla="*/ 3 w 29"/>
                  <a:gd name="T3" fmla="*/ 26 h 26"/>
                  <a:gd name="T4" fmla="*/ 5 w 29"/>
                  <a:gd name="T5" fmla="*/ 26 h 26"/>
                  <a:gd name="T6" fmla="*/ 7 w 29"/>
                  <a:gd name="T7" fmla="*/ 24 h 26"/>
                  <a:gd name="T8" fmla="*/ 8 w 29"/>
                  <a:gd name="T9" fmla="*/ 21 h 26"/>
                  <a:gd name="T10" fmla="*/ 12 w 29"/>
                  <a:gd name="T11" fmla="*/ 19 h 26"/>
                  <a:gd name="T12" fmla="*/ 17 w 29"/>
                  <a:gd name="T13" fmla="*/ 16 h 26"/>
                  <a:gd name="T14" fmla="*/ 20 w 29"/>
                  <a:gd name="T15" fmla="*/ 12 h 26"/>
                  <a:gd name="T16" fmla="*/ 25 w 29"/>
                  <a:gd name="T17" fmla="*/ 12 h 26"/>
                  <a:gd name="T18" fmla="*/ 29 w 29"/>
                  <a:gd name="T19" fmla="*/ 11 h 26"/>
                  <a:gd name="T20" fmla="*/ 29 w 29"/>
                  <a:gd name="T21" fmla="*/ 9 h 26"/>
                  <a:gd name="T22" fmla="*/ 29 w 29"/>
                  <a:gd name="T23" fmla="*/ 5 h 26"/>
                  <a:gd name="T24" fmla="*/ 27 w 29"/>
                  <a:gd name="T25" fmla="*/ 4 h 26"/>
                  <a:gd name="T26" fmla="*/ 22 w 29"/>
                  <a:gd name="T27" fmla="*/ 4 h 26"/>
                  <a:gd name="T28" fmla="*/ 20 w 29"/>
                  <a:gd name="T29" fmla="*/ 4 h 26"/>
                  <a:gd name="T30" fmla="*/ 18 w 29"/>
                  <a:gd name="T31" fmla="*/ 2 h 26"/>
                  <a:gd name="T32" fmla="*/ 15 w 29"/>
                  <a:gd name="T33" fmla="*/ 0 h 26"/>
                  <a:gd name="T34" fmla="*/ 13 w 29"/>
                  <a:gd name="T35" fmla="*/ 0 h 26"/>
                  <a:gd name="T36" fmla="*/ 10 w 29"/>
                  <a:gd name="T37" fmla="*/ 4 h 26"/>
                  <a:gd name="T38" fmla="*/ 10 w 29"/>
                  <a:gd name="T39" fmla="*/ 7 h 26"/>
                  <a:gd name="T40" fmla="*/ 8 w 29"/>
                  <a:gd name="T41" fmla="*/ 11 h 26"/>
                  <a:gd name="T42" fmla="*/ 8 w 29"/>
                  <a:gd name="T43" fmla="*/ 14 h 26"/>
                  <a:gd name="T44" fmla="*/ 3 w 29"/>
                  <a:gd name="T45" fmla="*/ 17 h 26"/>
                  <a:gd name="T46" fmla="*/ 0 w 29"/>
                  <a:gd name="T47" fmla="*/ 19 h 2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29"/>
                  <a:gd name="T73" fmla="*/ 0 h 26"/>
                  <a:gd name="T74" fmla="*/ 29 w 29"/>
                  <a:gd name="T75" fmla="*/ 26 h 26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29" h="26">
                    <a:moveTo>
                      <a:pt x="0" y="19"/>
                    </a:moveTo>
                    <a:lnTo>
                      <a:pt x="3" y="26"/>
                    </a:lnTo>
                    <a:lnTo>
                      <a:pt x="5" y="26"/>
                    </a:lnTo>
                    <a:lnTo>
                      <a:pt x="7" y="24"/>
                    </a:lnTo>
                    <a:lnTo>
                      <a:pt x="8" y="21"/>
                    </a:lnTo>
                    <a:lnTo>
                      <a:pt x="12" y="19"/>
                    </a:lnTo>
                    <a:lnTo>
                      <a:pt x="17" y="16"/>
                    </a:lnTo>
                    <a:lnTo>
                      <a:pt x="20" y="12"/>
                    </a:lnTo>
                    <a:lnTo>
                      <a:pt x="25" y="12"/>
                    </a:lnTo>
                    <a:lnTo>
                      <a:pt x="29" y="11"/>
                    </a:lnTo>
                    <a:lnTo>
                      <a:pt x="29" y="9"/>
                    </a:lnTo>
                    <a:lnTo>
                      <a:pt x="29" y="5"/>
                    </a:lnTo>
                    <a:lnTo>
                      <a:pt x="27" y="4"/>
                    </a:lnTo>
                    <a:lnTo>
                      <a:pt x="22" y="4"/>
                    </a:lnTo>
                    <a:lnTo>
                      <a:pt x="20" y="4"/>
                    </a:lnTo>
                    <a:lnTo>
                      <a:pt x="18" y="2"/>
                    </a:lnTo>
                    <a:lnTo>
                      <a:pt x="15" y="0"/>
                    </a:lnTo>
                    <a:lnTo>
                      <a:pt x="13" y="0"/>
                    </a:lnTo>
                    <a:lnTo>
                      <a:pt x="10" y="4"/>
                    </a:lnTo>
                    <a:lnTo>
                      <a:pt x="10" y="7"/>
                    </a:lnTo>
                    <a:lnTo>
                      <a:pt x="8" y="11"/>
                    </a:lnTo>
                    <a:lnTo>
                      <a:pt x="8" y="14"/>
                    </a:lnTo>
                    <a:lnTo>
                      <a:pt x="3" y="17"/>
                    </a:lnTo>
                    <a:lnTo>
                      <a:pt x="0" y="1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11" name="Freeform 187"/>
              <p:cNvSpPr>
                <a:spLocks/>
              </p:cNvSpPr>
              <p:nvPr/>
            </p:nvSpPr>
            <p:spPr bwMode="auto">
              <a:xfrm>
                <a:off x="5235" y="1357"/>
                <a:ext cx="29" cy="26"/>
              </a:xfrm>
              <a:custGeom>
                <a:avLst/>
                <a:gdLst>
                  <a:gd name="T0" fmla="*/ 0 w 29"/>
                  <a:gd name="T1" fmla="*/ 19 h 26"/>
                  <a:gd name="T2" fmla="*/ 3 w 29"/>
                  <a:gd name="T3" fmla="*/ 26 h 26"/>
                  <a:gd name="T4" fmla="*/ 3 w 29"/>
                  <a:gd name="T5" fmla="*/ 26 h 26"/>
                  <a:gd name="T6" fmla="*/ 5 w 29"/>
                  <a:gd name="T7" fmla="*/ 26 h 26"/>
                  <a:gd name="T8" fmla="*/ 7 w 29"/>
                  <a:gd name="T9" fmla="*/ 24 h 26"/>
                  <a:gd name="T10" fmla="*/ 8 w 29"/>
                  <a:gd name="T11" fmla="*/ 21 h 26"/>
                  <a:gd name="T12" fmla="*/ 12 w 29"/>
                  <a:gd name="T13" fmla="*/ 19 h 26"/>
                  <a:gd name="T14" fmla="*/ 17 w 29"/>
                  <a:gd name="T15" fmla="*/ 16 h 26"/>
                  <a:gd name="T16" fmla="*/ 20 w 29"/>
                  <a:gd name="T17" fmla="*/ 12 h 26"/>
                  <a:gd name="T18" fmla="*/ 25 w 29"/>
                  <a:gd name="T19" fmla="*/ 12 h 26"/>
                  <a:gd name="T20" fmla="*/ 29 w 29"/>
                  <a:gd name="T21" fmla="*/ 11 h 26"/>
                  <a:gd name="T22" fmla="*/ 29 w 29"/>
                  <a:gd name="T23" fmla="*/ 11 h 26"/>
                  <a:gd name="T24" fmla="*/ 29 w 29"/>
                  <a:gd name="T25" fmla="*/ 9 h 26"/>
                  <a:gd name="T26" fmla="*/ 29 w 29"/>
                  <a:gd name="T27" fmla="*/ 5 h 26"/>
                  <a:gd name="T28" fmla="*/ 27 w 29"/>
                  <a:gd name="T29" fmla="*/ 4 h 26"/>
                  <a:gd name="T30" fmla="*/ 22 w 29"/>
                  <a:gd name="T31" fmla="*/ 4 h 26"/>
                  <a:gd name="T32" fmla="*/ 22 w 29"/>
                  <a:gd name="T33" fmla="*/ 4 h 26"/>
                  <a:gd name="T34" fmla="*/ 20 w 29"/>
                  <a:gd name="T35" fmla="*/ 4 h 26"/>
                  <a:gd name="T36" fmla="*/ 18 w 29"/>
                  <a:gd name="T37" fmla="*/ 2 h 26"/>
                  <a:gd name="T38" fmla="*/ 15 w 29"/>
                  <a:gd name="T39" fmla="*/ 0 h 26"/>
                  <a:gd name="T40" fmla="*/ 13 w 29"/>
                  <a:gd name="T41" fmla="*/ 0 h 26"/>
                  <a:gd name="T42" fmla="*/ 10 w 29"/>
                  <a:gd name="T43" fmla="*/ 4 h 26"/>
                  <a:gd name="T44" fmla="*/ 10 w 29"/>
                  <a:gd name="T45" fmla="*/ 7 h 26"/>
                  <a:gd name="T46" fmla="*/ 8 w 29"/>
                  <a:gd name="T47" fmla="*/ 11 h 26"/>
                  <a:gd name="T48" fmla="*/ 8 w 29"/>
                  <a:gd name="T49" fmla="*/ 14 h 26"/>
                  <a:gd name="T50" fmla="*/ 3 w 29"/>
                  <a:gd name="T51" fmla="*/ 17 h 26"/>
                  <a:gd name="T52" fmla="*/ 0 w 29"/>
                  <a:gd name="T53" fmla="*/ 19 h 2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w 29"/>
                  <a:gd name="T82" fmla="*/ 0 h 26"/>
                  <a:gd name="T83" fmla="*/ 29 w 29"/>
                  <a:gd name="T84" fmla="*/ 26 h 2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T81" t="T82" r="T83" b="T84"/>
                <a:pathLst>
                  <a:path w="29" h="26">
                    <a:moveTo>
                      <a:pt x="0" y="19"/>
                    </a:moveTo>
                    <a:lnTo>
                      <a:pt x="3" y="26"/>
                    </a:lnTo>
                    <a:lnTo>
                      <a:pt x="5" y="26"/>
                    </a:lnTo>
                    <a:lnTo>
                      <a:pt x="7" y="24"/>
                    </a:lnTo>
                    <a:lnTo>
                      <a:pt x="8" y="21"/>
                    </a:lnTo>
                    <a:lnTo>
                      <a:pt x="12" y="19"/>
                    </a:lnTo>
                    <a:lnTo>
                      <a:pt x="17" y="16"/>
                    </a:lnTo>
                    <a:lnTo>
                      <a:pt x="20" y="12"/>
                    </a:lnTo>
                    <a:lnTo>
                      <a:pt x="25" y="12"/>
                    </a:lnTo>
                    <a:lnTo>
                      <a:pt x="29" y="11"/>
                    </a:lnTo>
                    <a:lnTo>
                      <a:pt x="29" y="9"/>
                    </a:lnTo>
                    <a:lnTo>
                      <a:pt x="29" y="5"/>
                    </a:lnTo>
                    <a:lnTo>
                      <a:pt x="27" y="4"/>
                    </a:lnTo>
                    <a:lnTo>
                      <a:pt x="22" y="4"/>
                    </a:lnTo>
                    <a:lnTo>
                      <a:pt x="20" y="4"/>
                    </a:lnTo>
                    <a:lnTo>
                      <a:pt x="18" y="2"/>
                    </a:lnTo>
                    <a:lnTo>
                      <a:pt x="15" y="0"/>
                    </a:lnTo>
                    <a:lnTo>
                      <a:pt x="13" y="0"/>
                    </a:lnTo>
                    <a:lnTo>
                      <a:pt x="10" y="4"/>
                    </a:lnTo>
                    <a:lnTo>
                      <a:pt x="10" y="7"/>
                    </a:lnTo>
                    <a:lnTo>
                      <a:pt x="8" y="11"/>
                    </a:lnTo>
                    <a:lnTo>
                      <a:pt x="8" y="14"/>
                    </a:lnTo>
                    <a:lnTo>
                      <a:pt x="3" y="17"/>
                    </a:lnTo>
                    <a:lnTo>
                      <a:pt x="0" y="19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612" name="Freeform 188"/>
              <p:cNvSpPr>
                <a:spLocks/>
              </p:cNvSpPr>
              <p:nvPr/>
            </p:nvSpPr>
            <p:spPr bwMode="auto">
              <a:xfrm>
                <a:off x="4972" y="1195"/>
                <a:ext cx="329" cy="167"/>
              </a:xfrm>
              <a:custGeom>
                <a:avLst/>
                <a:gdLst>
                  <a:gd name="T0" fmla="*/ 2 w 329"/>
                  <a:gd name="T1" fmla="*/ 69 h 167"/>
                  <a:gd name="T2" fmla="*/ 17 w 329"/>
                  <a:gd name="T3" fmla="*/ 68 h 167"/>
                  <a:gd name="T4" fmla="*/ 43 w 329"/>
                  <a:gd name="T5" fmla="*/ 61 h 167"/>
                  <a:gd name="T6" fmla="*/ 63 w 329"/>
                  <a:gd name="T7" fmla="*/ 56 h 167"/>
                  <a:gd name="T8" fmla="*/ 171 w 329"/>
                  <a:gd name="T9" fmla="*/ 32 h 167"/>
                  <a:gd name="T10" fmla="*/ 182 w 329"/>
                  <a:gd name="T11" fmla="*/ 20 h 167"/>
                  <a:gd name="T12" fmla="*/ 197 w 329"/>
                  <a:gd name="T13" fmla="*/ 3 h 167"/>
                  <a:gd name="T14" fmla="*/ 210 w 329"/>
                  <a:gd name="T15" fmla="*/ 0 h 167"/>
                  <a:gd name="T16" fmla="*/ 210 w 329"/>
                  <a:gd name="T17" fmla="*/ 2 h 167"/>
                  <a:gd name="T18" fmla="*/ 215 w 329"/>
                  <a:gd name="T19" fmla="*/ 13 h 167"/>
                  <a:gd name="T20" fmla="*/ 227 w 329"/>
                  <a:gd name="T21" fmla="*/ 22 h 167"/>
                  <a:gd name="T22" fmla="*/ 232 w 329"/>
                  <a:gd name="T23" fmla="*/ 27 h 167"/>
                  <a:gd name="T24" fmla="*/ 220 w 329"/>
                  <a:gd name="T25" fmla="*/ 41 h 167"/>
                  <a:gd name="T26" fmla="*/ 217 w 329"/>
                  <a:gd name="T27" fmla="*/ 52 h 167"/>
                  <a:gd name="T28" fmla="*/ 214 w 329"/>
                  <a:gd name="T29" fmla="*/ 73 h 167"/>
                  <a:gd name="T30" fmla="*/ 242 w 329"/>
                  <a:gd name="T31" fmla="*/ 78 h 167"/>
                  <a:gd name="T32" fmla="*/ 254 w 329"/>
                  <a:gd name="T33" fmla="*/ 91 h 167"/>
                  <a:gd name="T34" fmla="*/ 259 w 329"/>
                  <a:gd name="T35" fmla="*/ 107 h 167"/>
                  <a:gd name="T36" fmla="*/ 268 w 329"/>
                  <a:gd name="T37" fmla="*/ 107 h 167"/>
                  <a:gd name="T38" fmla="*/ 268 w 329"/>
                  <a:gd name="T39" fmla="*/ 112 h 167"/>
                  <a:gd name="T40" fmla="*/ 280 w 329"/>
                  <a:gd name="T41" fmla="*/ 120 h 167"/>
                  <a:gd name="T42" fmla="*/ 305 w 329"/>
                  <a:gd name="T43" fmla="*/ 120 h 167"/>
                  <a:gd name="T44" fmla="*/ 319 w 329"/>
                  <a:gd name="T45" fmla="*/ 105 h 167"/>
                  <a:gd name="T46" fmla="*/ 312 w 329"/>
                  <a:gd name="T47" fmla="*/ 91 h 167"/>
                  <a:gd name="T48" fmla="*/ 298 w 329"/>
                  <a:gd name="T49" fmla="*/ 81 h 167"/>
                  <a:gd name="T50" fmla="*/ 293 w 329"/>
                  <a:gd name="T51" fmla="*/ 85 h 167"/>
                  <a:gd name="T52" fmla="*/ 292 w 329"/>
                  <a:gd name="T53" fmla="*/ 78 h 167"/>
                  <a:gd name="T54" fmla="*/ 310 w 329"/>
                  <a:gd name="T55" fmla="*/ 81 h 167"/>
                  <a:gd name="T56" fmla="*/ 329 w 329"/>
                  <a:gd name="T57" fmla="*/ 113 h 167"/>
                  <a:gd name="T58" fmla="*/ 329 w 329"/>
                  <a:gd name="T59" fmla="*/ 122 h 167"/>
                  <a:gd name="T60" fmla="*/ 329 w 329"/>
                  <a:gd name="T61" fmla="*/ 125 h 167"/>
                  <a:gd name="T62" fmla="*/ 322 w 329"/>
                  <a:gd name="T63" fmla="*/ 123 h 167"/>
                  <a:gd name="T64" fmla="*/ 308 w 329"/>
                  <a:gd name="T65" fmla="*/ 132 h 167"/>
                  <a:gd name="T66" fmla="*/ 297 w 329"/>
                  <a:gd name="T67" fmla="*/ 135 h 167"/>
                  <a:gd name="T68" fmla="*/ 286 w 329"/>
                  <a:gd name="T69" fmla="*/ 147 h 167"/>
                  <a:gd name="T70" fmla="*/ 273 w 329"/>
                  <a:gd name="T71" fmla="*/ 157 h 167"/>
                  <a:gd name="T72" fmla="*/ 270 w 329"/>
                  <a:gd name="T73" fmla="*/ 134 h 167"/>
                  <a:gd name="T74" fmla="*/ 259 w 329"/>
                  <a:gd name="T75" fmla="*/ 130 h 167"/>
                  <a:gd name="T76" fmla="*/ 258 w 329"/>
                  <a:gd name="T77" fmla="*/ 152 h 167"/>
                  <a:gd name="T78" fmla="*/ 258 w 329"/>
                  <a:gd name="T79" fmla="*/ 145 h 167"/>
                  <a:gd name="T80" fmla="*/ 246 w 329"/>
                  <a:gd name="T81" fmla="*/ 151 h 167"/>
                  <a:gd name="T82" fmla="*/ 246 w 329"/>
                  <a:gd name="T83" fmla="*/ 159 h 167"/>
                  <a:gd name="T84" fmla="*/ 232 w 329"/>
                  <a:gd name="T85" fmla="*/ 167 h 167"/>
                  <a:gd name="T86" fmla="*/ 229 w 329"/>
                  <a:gd name="T87" fmla="*/ 161 h 167"/>
                  <a:gd name="T88" fmla="*/ 227 w 329"/>
                  <a:gd name="T89" fmla="*/ 156 h 167"/>
                  <a:gd name="T90" fmla="*/ 200 w 329"/>
                  <a:gd name="T91" fmla="*/ 129 h 167"/>
                  <a:gd name="T92" fmla="*/ 154 w 329"/>
                  <a:gd name="T93" fmla="*/ 122 h 167"/>
                  <a:gd name="T94" fmla="*/ 66 w 329"/>
                  <a:gd name="T95" fmla="*/ 144 h 167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w 329"/>
                  <a:gd name="T145" fmla="*/ 0 h 167"/>
                  <a:gd name="T146" fmla="*/ 329 w 329"/>
                  <a:gd name="T147" fmla="*/ 167 h 167"/>
                </a:gdLst>
                <a:ahLst/>
                <a:cxnLst>
                  <a:cxn ang="T96">
                    <a:pos x="T0" y="T1"/>
                  </a:cxn>
                  <a:cxn ang="T97">
                    <a:pos x="T2" y="T3"/>
                  </a:cxn>
                  <a:cxn ang="T98">
                    <a:pos x="T4" y="T5"/>
                  </a:cxn>
                  <a:cxn ang="T99">
                    <a:pos x="T6" y="T7"/>
                  </a:cxn>
                  <a:cxn ang="T100">
                    <a:pos x="T8" y="T9"/>
                  </a:cxn>
                  <a:cxn ang="T101">
                    <a:pos x="T10" y="T11"/>
                  </a:cxn>
                  <a:cxn ang="T102">
                    <a:pos x="T12" y="T13"/>
                  </a:cxn>
                  <a:cxn ang="T103">
                    <a:pos x="T14" y="T15"/>
                  </a:cxn>
                  <a:cxn ang="T104">
                    <a:pos x="T16" y="T17"/>
                  </a:cxn>
                  <a:cxn ang="T105">
                    <a:pos x="T18" y="T19"/>
                  </a:cxn>
                  <a:cxn ang="T106">
                    <a:pos x="T20" y="T21"/>
                  </a:cxn>
                  <a:cxn ang="T107">
                    <a:pos x="T22" y="T23"/>
                  </a:cxn>
                  <a:cxn ang="T108">
                    <a:pos x="T24" y="T25"/>
                  </a:cxn>
                  <a:cxn ang="T109">
                    <a:pos x="T26" y="T27"/>
                  </a:cxn>
                  <a:cxn ang="T110">
                    <a:pos x="T28" y="T29"/>
                  </a:cxn>
                  <a:cxn ang="T111">
                    <a:pos x="T30" y="T31"/>
                  </a:cxn>
                  <a:cxn ang="T112">
                    <a:pos x="T32" y="T33"/>
                  </a:cxn>
                  <a:cxn ang="T113">
                    <a:pos x="T34" y="T35"/>
                  </a:cxn>
                  <a:cxn ang="T114">
                    <a:pos x="T36" y="T37"/>
                  </a:cxn>
                  <a:cxn ang="T115">
                    <a:pos x="T38" y="T39"/>
                  </a:cxn>
                  <a:cxn ang="T116">
                    <a:pos x="T40" y="T41"/>
                  </a:cxn>
                  <a:cxn ang="T117">
                    <a:pos x="T42" y="T43"/>
                  </a:cxn>
                  <a:cxn ang="T118">
                    <a:pos x="T44" y="T45"/>
                  </a:cxn>
                  <a:cxn ang="T119">
                    <a:pos x="T46" y="T47"/>
                  </a:cxn>
                  <a:cxn ang="T120">
                    <a:pos x="T48" y="T49"/>
                  </a:cxn>
                  <a:cxn ang="T121">
                    <a:pos x="T50" y="T51"/>
                  </a:cxn>
                  <a:cxn ang="T122">
                    <a:pos x="T52" y="T53"/>
                  </a:cxn>
                  <a:cxn ang="T123">
                    <a:pos x="T54" y="T55"/>
                  </a:cxn>
                  <a:cxn ang="T124">
                    <a:pos x="T56" y="T57"/>
                  </a:cxn>
                  <a:cxn ang="T125">
                    <a:pos x="T58" y="T59"/>
                  </a:cxn>
                  <a:cxn ang="T126">
                    <a:pos x="T60" y="T61"/>
                  </a:cxn>
                  <a:cxn ang="T127">
                    <a:pos x="T62" y="T63"/>
                  </a:cxn>
                  <a:cxn ang="T128">
                    <a:pos x="T64" y="T65"/>
                  </a:cxn>
                  <a:cxn ang="T129">
                    <a:pos x="T66" y="T67"/>
                  </a:cxn>
                  <a:cxn ang="T130">
                    <a:pos x="T68" y="T69"/>
                  </a:cxn>
                  <a:cxn ang="T131">
                    <a:pos x="T70" y="T71"/>
                  </a:cxn>
                  <a:cxn ang="T132">
                    <a:pos x="T72" y="T73"/>
                  </a:cxn>
                  <a:cxn ang="T133">
                    <a:pos x="T74" y="T75"/>
                  </a:cxn>
                  <a:cxn ang="T134">
                    <a:pos x="T76" y="T77"/>
                  </a:cxn>
                  <a:cxn ang="T135">
                    <a:pos x="T78" y="T79"/>
                  </a:cxn>
                  <a:cxn ang="T136">
                    <a:pos x="T80" y="T81"/>
                  </a:cxn>
                  <a:cxn ang="T137">
                    <a:pos x="T82" y="T83"/>
                  </a:cxn>
                  <a:cxn ang="T138">
                    <a:pos x="T84" y="T85"/>
                  </a:cxn>
                  <a:cxn ang="T139">
                    <a:pos x="T86" y="T87"/>
                  </a:cxn>
                  <a:cxn ang="T140">
                    <a:pos x="T88" y="T89"/>
                  </a:cxn>
                  <a:cxn ang="T141">
                    <a:pos x="T90" y="T91"/>
                  </a:cxn>
                  <a:cxn ang="T142">
                    <a:pos x="T92" y="T93"/>
                  </a:cxn>
                  <a:cxn ang="T143">
                    <a:pos x="T94" y="T95"/>
                  </a:cxn>
                </a:cxnLst>
                <a:rect l="T144" t="T145" r="T146" b="T147"/>
                <a:pathLst>
                  <a:path w="329" h="167">
                    <a:moveTo>
                      <a:pt x="6" y="157"/>
                    </a:moveTo>
                    <a:lnTo>
                      <a:pt x="0" y="157"/>
                    </a:lnTo>
                    <a:lnTo>
                      <a:pt x="2" y="71"/>
                    </a:lnTo>
                    <a:lnTo>
                      <a:pt x="2" y="69"/>
                    </a:lnTo>
                    <a:lnTo>
                      <a:pt x="6" y="69"/>
                    </a:lnTo>
                    <a:lnTo>
                      <a:pt x="9" y="69"/>
                    </a:lnTo>
                    <a:lnTo>
                      <a:pt x="12" y="68"/>
                    </a:lnTo>
                    <a:lnTo>
                      <a:pt x="17" y="68"/>
                    </a:lnTo>
                    <a:lnTo>
                      <a:pt x="24" y="66"/>
                    </a:lnTo>
                    <a:lnTo>
                      <a:pt x="29" y="64"/>
                    </a:lnTo>
                    <a:lnTo>
                      <a:pt x="36" y="63"/>
                    </a:lnTo>
                    <a:lnTo>
                      <a:pt x="43" y="61"/>
                    </a:lnTo>
                    <a:lnTo>
                      <a:pt x="48" y="59"/>
                    </a:lnTo>
                    <a:lnTo>
                      <a:pt x="55" y="57"/>
                    </a:lnTo>
                    <a:lnTo>
                      <a:pt x="60" y="56"/>
                    </a:lnTo>
                    <a:lnTo>
                      <a:pt x="63" y="56"/>
                    </a:lnTo>
                    <a:lnTo>
                      <a:pt x="66" y="54"/>
                    </a:lnTo>
                    <a:lnTo>
                      <a:pt x="68" y="54"/>
                    </a:lnTo>
                    <a:lnTo>
                      <a:pt x="70" y="54"/>
                    </a:lnTo>
                    <a:lnTo>
                      <a:pt x="171" y="32"/>
                    </a:lnTo>
                    <a:lnTo>
                      <a:pt x="178" y="25"/>
                    </a:lnTo>
                    <a:lnTo>
                      <a:pt x="180" y="25"/>
                    </a:lnTo>
                    <a:lnTo>
                      <a:pt x="180" y="22"/>
                    </a:lnTo>
                    <a:lnTo>
                      <a:pt x="182" y="20"/>
                    </a:lnTo>
                    <a:lnTo>
                      <a:pt x="183" y="19"/>
                    </a:lnTo>
                    <a:lnTo>
                      <a:pt x="187" y="12"/>
                    </a:lnTo>
                    <a:lnTo>
                      <a:pt x="192" y="7"/>
                    </a:lnTo>
                    <a:lnTo>
                      <a:pt x="197" y="3"/>
                    </a:lnTo>
                    <a:lnTo>
                      <a:pt x="202" y="0"/>
                    </a:lnTo>
                    <a:lnTo>
                      <a:pt x="205" y="0"/>
                    </a:lnTo>
                    <a:lnTo>
                      <a:pt x="209" y="0"/>
                    </a:lnTo>
                    <a:lnTo>
                      <a:pt x="210" y="0"/>
                    </a:lnTo>
                    <a:lnTo>
                      <a:pt x="212" y="0"/>
                    </a:lnTo>
                    <a:lnTo>
                      <a:pt x="210" y="0"/>
                    </a:lnTo>
                    <a:lnTo>
                      <a:pt x="210" y="2"/>
                    </a:lnTo>
                    <a:lnTo>
                      <a:pt x="210" y="3"/>
                    </a:lnTo>
                    <a:lnTo>
                      <a:pt x="212" y="7"/>
                    </a:lnTo>
                    <a:lnTo>
                      <a:pt x="214" y="10"/>
                    </a:lnTo>
                    <a:lnTo>
                      <a:pt x="215" y="13"/>
                    </a:lnTo>
                    <a:lnTo>
                      <a:pt x="220" y="17"/>
                    </a:lnTo>
                    <a:lnTo>
                      <a:pt x="226" y="22"/>
                    </a:lnTo>
                    <a:lnTo>
                      <a:pt x="227" y="22"/>
                    </a:lnTo>
                    <a:lnTo>
                      <a:pt x="231" y="22"/>
                    </a:lnTo>
                    <a:lnTo>
                      <a:pt x="232" y="24"/>
                    </a:lnTo>
                    <a:lnTo>
                      <a:pt x="234" y="24"/>
                    </a:lnTo>
                    <a:lnTo>
                      <a:pt x="232" y="27"/>
                    </a:lnTo>
                    <a:lnTo>
                      <a:pt x="229" y="30"/>
                    </a:lnTo>
                    <a:lnTo>
                      <a:pt x="220" y="35"/>
                    </a:lnTo>
                    <a:lnTo>
                      <a:pt x="220" y="37"/>
                    </a:lnTo>
                    <a:lnTo>
                      <a:pt x="220" y="41"/>
                    </a:lnTo>
                    <a:lnTo>
                      <a:pt x="220" y="46"/>
                    </a:lnTo>
                    <a:lnTo>
                      <a:pt x="219" y="47"/>
                    </a:lnTo>
                    <a:lnTo>
                      <a:pt x="217" y="52"/>
                    </a:lnTo>
                    <a:lnTo>
                      <a:pt x="214" y="57"/>
                    </a:lnTo>
                    <a:lnTo>
                      <a:pt x="212" y="64"/>
                    </a:lnTo>
                    <a:lnTo>
                      <a:pt x="212" y="69"/>
                    </a:lnTo>
                    <a:lnTo>
                      <a:pt x="214" y="73"/>
                    </a:lnTo>
                    <a:lnTo>
                      <a:pt x="219" y="73"/>
                    </a:lnTo>
                    <a:lnTo>
                      <a:pt x="227" y="71"/>
                    </a:lnTo>
                    <a:lnTo>
                      <a:pt x="234" y="73"/>
                    </a:lnTo>
                    <a:lnTo>
                      <a:pt x="242" y="78"/>
                    </a:lnTo>
                    <a:lnTo>
                      <a:pt x="248" y="86"/>
                    </a:lnTo>
                    <a:lnTo>
                      <a:pt x="253" y="86"/>
                    </a:lnTo>
                    <a:lnTo>
                      <a:pt x="253" y="88"/>
                    </a:lnTo>
                    <a:lnTo>
                      <a:pt x="254" y="91"/>
                    </a:lnTo>
                    <a:lnTo>
                      <a:pt x="254" y="95"/>
                    </a:lnTo>
                    <a:lnTo>
                      <a:pt x="256" y="100"/>
                    </a:lnTo>
                    <a:lnTo>
                      <a:pt x="258" y="103"/>
                    </a:lnTo>
                    <a:lnTo>
                      <a:pt x="259" y="107"/>
                    </a:lnTo>
                    <a:lnTo>
                      <a:pt x="261" y="107"/>
                    </a:lnTo>
                    <a:lnTo>
                      <a:pt x="264" y="105"/>
                    </a:lnTo>
                    <a:lnTo>
                      <a:pt x="266" y="105"/>
                    </a:lnTo>
                    <a:lnTo>
                      <a:pt x="268" y="107"/>
                    </a:lnTo>
                    <a:lnTo>
                      <a:pt x="268" y="108"/>
                    </a:lnTo>
                    <a:lnTo>
                      <a:pt x="268" y="110"/>
                    </a:lnTo>
                    <a:lnTo>
                      <a:pt x="268" y="112"/>
                    </a:lnTo>
                    <a:lnTo>
                      <a:pt x="270" y="113"/>
                    </a:lnTo>
                    <a:lnTo>
                      <a:pt x="271" y="115"/>
                    </a:lnTo>
                    <a:lnTo>
                      <a:pt x="275" y="118"/>
                    </a:lnTo>
                    <a:lnTo>
                      <a:pt x="280" y="120"/>
                    </a:lnTo>
                    <a:lnTo>
                      <a:pt x="288" y="122"/>
                    </a:lnTo>
                    <a:lnTo>
                      <a:pt x="298" y="122"/>
                    </a:lnTo>
                    <a:lnTo>
                      <a:pt x="302" y="120"/>
                    </a:lnTo>
                    <a:lnTo>
                      <a:pt x="305" y="120"/>
                    </a:lnTo>
                    <a:lnTo>
                      <a:pt x="308" y="117"/>
                    </a:lnTo>
                    <a:lnTo>
                      <a:pt x="314" y="113"/>
                    </a:lnTo>
                    <a:lnTo>
                      <a:pt x="317" y="110"/>
                    </a:lnTo>
                    <a:lnTo>
                      <a:pt x="319" y="105"/>
                    </a:lnTo>
                    <a:lnTo>
                      <a:pt x="319" y="101"/>
                    </a:lnTo>
                    <a:lnTo>
                      <a:pt x="315" y="96"/>
                    </a:lnTo>
                    <a:lnTo>
                      <a:pt x="314" y="95"/>
                    </a:lnTo>
                    <a:lnTo>
                      <a:pt x="312" y="91"/>
                    </a:lnTo>
                    <a:lnTo>
                      <a:pt x="308" y="90"/>
                    </a:lnTo>
                    <a:lnTo>
                      <a:pt x="305" y="85"/>
                    </a:lnTo>
                    <a:lnTo>
                      <a:pt x="302" y="83"/>
                    </a:lnTo>
                    <a:lnTo>
                      <a:pt x="298" y="81"/>
                    </a:lnTo>
                    <a:lnTo>
                      <a:pt x="297" y="81"/>
                    </a:lnTo>
                    <a:lnTo>
                      <a:pt x="293" y="85"/>
                    </a:lnTo>
                    <a:lnTo>
                      <a:pt x="292" y="86"/>
                    </a:lnTo>
                    <a:lnTo>
                      <a:pt x="292" y="78"/>
                    </a:lnTo>
                    <a:lnTo>
                      <a:pt x="295" y="76"/>
                    </a:lnTo>
                    <a:lnTo>
                      <a:pt x="298" y="76"/>
                    </a:lnTo>
                    <a:lnTo>
                      <a:pt x="305" y="78"/>
                    </a:lnTo>
                    <a:lnTo>
                      <a:pt x="310" y="81"/>
                    </a:lnTo>
                    <a:lnTo>
                      <a:pt x="317" y="88"/>
                    </a:lnTo>
                    <a:lnTo>
                      <a:pt x="324" y="98"/>
                    </a:lnTo>
                    <a:lnTo>
                      <a:pt x="329" y="113"/>
                    </a:lnTo>
                    <a:lnTo>
                      <a:pt x="329" y="115"/>
                    </a:lnTo>
                    <a:lnTo>
                      <a:pt x="329" y="117"/>
                    </a:lnTo>
                    <a:lnTo>
                      <a:pt x="329" y="120"/>
                    </a:lnTo>
                    <a:lnTo>
                      <a:pt x="329" y="122"/>
                    </a:lnTo>
                    <a:lnTo>
                      <a:pt x="329" y="123"/>
                    </a:lnTo>
                    <a:lnTo>
                      <a:pt x="329" y="125"/>
                    </a:lnTo>
                    <a:lnTo>
                      <a:pt x="327" y="125"/>
                    </a:lnTo>
                    <a:lnTo>
                      <a:pt x="325" y="123"/>
                    </a:lnTo>
                    <a:lnTo>
                      <a:pt x="324" y="123"/>
                    </a:lnTo>
                    <a:lnTo>
                      <a:pt x="322" y="123"/>
                    </a:lnTo>
                    <a:lnTo>
                      <a:pt x="319" y="125"/>
                    </a:lnTo>
                    <a:lnTo>
                      <a:pt x="314" y="127"/>
                    </a:lnTo>
                    <a:lnTo>
                      <a:pt x="310" y="130"/>
                    </a:lnTo>
                    <a:lnTo>
                      <a:pt x="308" y="132"/>
                    </a:lnTo>
                    <a:lnTo>
                      <a:pt x="307" y="132"/>
                    </a:lnTo>
                    <a:lnTo>
                      <a:pt x="303" y="132"/>
                    </a:lnTo>
                    <a:lnTo>
                      <a:pt x="300" y="134"/>
                    </a:lnTo>
                    <a:lnTo>
                      <a:pt x="297" y="135"/>
                    </a:lnTo>
                    <a:lnTo>
                      <a:pt x="293" y="139"/>
                    </a:lnTo>
                    <a:lnTo>
                      <a:pt x="290" y="142"/>
                    </a:lnTo>
                    <a:lnTo>
                      <a:pt x="286" y="145"/>
                    </a:lnTo>
                    <a:lnTo>
                      <a:pt x="286" y="147"/>
                    </a:lnTo>
                    <a:lnTo>
                      <a:pt x="285" y="147"/>
                    </a:lnTo>
                    <a:lnTo>
                      <a:pt x="283" y="147"/>
                    </a:lnTo>
                    <a:lnTo>
                      <a:pt x="283" y="149"/>
                    </a:lnTo>
                    <a:lnTo>
                      <a:pt x="273" y="157"/>
                    </a:lnTo>
                    <a:lnTo>
                      <a:pt x="268" y="154"/>
                    </a:lnTo>
                    <a:lnTo>
                      <a:pt x="270" y="140"/>
                    </a:lnTo>
                    <a:lnTo>
                      <a:pt x="270" y="137"/>
                    </a:lnTo>
                    <a:lnTo>
                      <a:pt x="270" y="134"/>
                    </a:lnTo>
                    <a:lnTo>
                      <a:pt x="268" y="132"/>
                    </a:lnTo>
                    <a:lnTo>
                      <a:pt x="264" y="129"/>
                    </a:lnTo>
                    <a:lnTo>
                      <a:pt x="263" y="129"/>
                    </a:lnTo>
                    <a:lnTo>
                      <a:pt x="259" y="130"/>
                    </a:lnTo>
                    <a:lnTo>
                      <a:pt x="258" y="135"/>
                    </a:lnTo>
                    <a:lnTo>
                      <a:pt x="258" y="142"/>
                    </a:lnTo>
                    <a:lnTo>
                      <a:pt x="258" y="151"/>
                    </a:lnTo>
                    <a:lnTo>
                      <a:pt x="258" y="152"/>
                    </a:lnTo>
                    <a:lnTo>
                      <a:pt x="258" y="154"/>
                    </a:lnTo>
                    <a:lnTo>
                      <a:pt x="258" y="152"/>
                    </a:lnTo>
                    <a:lnTo>
                      <a:pt x="258" y="149"/>
                    </a:lnTo>
                    <a:lnTo>
                      <a:pt x="258" y="145"/>
                    </a:lnTo>
                    <a:lnTo>
                      <a:pt x="258" y="144"/>
                    </a:lnTo>
                    <a:lnTo>
                      <a:pt x="258" y="142"/>
                    </a:lnTo>
                    <a:lnTo>
                      <a:pt x="249" y="151"/>
                    </a:lnTo>
                    <a:lnTo>
                      <a:pt x="246" y="151"/>
                    </a:lnTo>
                    <a:lnTo>
                      <a:pt x="246" y="152"/>
                    </a:lnTo>
                    <a:lnTo>
                      <a:pt x="246" y="156"/>
                    </a:lnTo>
                    <a:lnTo>
                      <a:pt x="246" y="159"/>
                    </a:lnTo>
                    <a:lnTo>
                      <a:pt x="244" y="162"/>
                    </a:lnTo>
                    <a:lnTo>
                      <a:pt x="241" y="166"/>
                    </a:lnTo>
                    <a:lnTo>
                      <a:pt x="237" y="167"/>
                    </a:lnTo>
                    <a:lnTo>
                      <a:pt x="232" y="167"/>
                    </a:lnTo>
                    <a:lnTo>
                      <a:pt x="231" y="167"/>
                    </a:lnTo>
                    <a:lnTo>
                      <a:pt x="231" y="166"/>
                    </a:lnTo>
                    <a:lnTo>
                      <a:pt x="231" y="164"/>
                    </a:lnTo>
                    <a:lnTo>
                      <a:pt x="229" y="161"/>
                    </a:lnTo>
                    <a:lnTo>
                      <a:pt x="227" y="159"/>
                    </a:lnTo>
                    <a:lnTo>
                      <a:pt x="227" y="157"/>
                    </a:lnTo>
                    <a:lnTo>
                      <a:pt x="227" y="156"/>
                    </a:lnTo>
                    <a:lnTo>
                      <a:pt x="220" y="151"/>
                    </a:lnTo>
                    <a:lnTo>
                      <a:pt x="212" y="145"/>
                    </a:lnTo>
                    <a:lnTo>
                      <a:pt x="205" y="144"/>
                    </a:lnTo>
                    <a:lnTo>
                      <a:pt x="200" y="129"/>
                    </a:lnTo>
                    <a:lnTo>
                      <a:pt x="193" y="129"/>
                    </a:lnTo>
                    <a:lnTo>
                      <a:pt x="188" y="115"/>
                    </a:lnTo>
                    <a:lnTo>
                      <a:pt x="154" y="123"/>
                    </a:lnTo>
                    <a:lnTo>
                      <a:pt x="154" y="122"/>
                    </a:lnTo>
                    <a:lnTo>
                      <a:pt x="70" y="144"/>
                    </a:lnTo>
                    <a:lnTo>
                      <a:pt x="72" y="147"/>
                    </a:lnTo>
                    <a:lnTo>
                      <a:pt x="66" y="149"/>
                    </a:lnTo>
                    <a:lnTo>
                      <a:pt x="66" y="144"/>
                    </a:lnTo>
                    <a:lnTo>
                      <a:pt x="6" y="157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606" name="Freeform 189"/>
            <p:cNvSpPr>
              <a:spLocks/>
            </p:cNvSpPr>
            <p:nvPr/>
          </p:nvSpPr>
          <p:spPr bwMode="auto">
            <a:xfrm>
              <a:off x="4725" y="1711"/>
              <a:ext cx="165" cy="162"/>
            </a:xfrm>
            <a:custGeom>
              <a:avLst/>
              <a:gdLst>
                <a:gd name="T0" fmla="*/ 114 w 169"/>
                <a:gd name="T1" fmla="*/ 57 h 167"/>
                <a:gd name="T2" fmla="*/ 112 w 169"/>
                <a:gd name="T3" fmla="*/ 58 h 167"/>
                <a:gd name="T4" fmla="*/ 110 w 169"/>
                <a:gd name="T5" fmla="*/ 59 h 167"/>
                <a:gd name="T6" fmla="*/ 105 w 169"/>
                <a:gd name="T7" fmla="*/ 60 h 167"/>
                <a:gd name="T8" fmla="*/ 101 w 169"/>
                <a:gd name="T9" fmla="*/ 63 h 167"/>
                <a:gd name="T10" fmla="*/ 97 w 169"/>
                <a:gd name="T11" fmla="*/ 65 h 167"/>
                <a:gd name="T12" fmla="*/ 93 w 169"/>
                <a:gd name="T13" fmla="*/ 66 h 167"/>
                <a:gd name="T14" fmla="*/ 90 w 169"/>
                <a:gd name="T15" fmla="*/ 68 h 167"/>
                <a:gd name="T16" fmla="*/ 89 w 169"/>
                <a:gd name="T17" fmla="*/ 68 h 167"/>
                <a:gd name="T18" fmla="*/ 82 w 169"/>
                <a:gd name="T19" fmla="*/ 71 h 167"/>
                <a:gd name="T20" fmla="*/ 75 w 169"/>
                <a:gd name="T21" fmla="*/ 73 h 167"/>
                <a:gd name="T22" fmla="*/ 66 w 169"/>
                <a:gd name="T23" fmla="*/ 76 h 167"/>
                <a:gd name="T24" fmla="*/ 60 w 169"/>
                <a:gd name="T25" fmla="*/ 77 h 167"/>
                <a:gd name="T26" fmla="*/ 57 w 169"/>
                <a:gd name="T27" fmla="*/ 77 h 167"/>
                <a:gd name="T28" fmla="*/ 54 w 169"/>
                <a:gd name="T29" fmla="*/ 79 h 167"/>
                <a:gd name="T30" fmla="*/ 53 w 169"/>
                <a:gd name="T31" fmla="*/ 79 h 167"/>
                <a:gd name="T32" fmla="*/ 53 w 169"/>
                <a:gd name="T33" fmla="*/ 79 h 167"/>
                <a:gd name="T34" fmla="*/ 30 w 169"/>
                <a:gd name="T35" fmla="*/ 93 h 167"/>
                <a:gd name="T36" fmla="*/ 28 w 169"/>
                <a:gd name="T37" fmla="*/ 93 h 167"/>
                <a:gd name="T38" fmla="*/ 20 w 169"/>
                <a:gd name="T39" fmla="*/ 106 h 167"/>
                <a:gd name="T40" fmla="*/ 13 w 169"/>
                <a:gd name="T41" fmla="*/ 109 h 167"/>
                <a:gd name="T42" fmla="*/ 13 w 169"/>
                <a:gd name="T43" fmla="*/ 109 h 167"/>
                <a:gd name="T44" fmla="*/ 6 w 169"/>
                <a:gd name="T45" fmla="*/ 102 h 167"/>
                <a:gd name="T46" fmla="*/ 20 w 169"/>
                <a:gd name="T47" fmla="*/ 91 h 167"/>
                <a:gd name="T48" fmla="*/ 13 w 169"/>
                <a:gd name="T49" fmla="*/ 84 h 167"/>
                <a:gd name="T50" fmla="*/ 0 w 169"/>
                <a:gd name="T51" fmla="*/ 21 h 167"/>
                <a:gd name="T52" fmla="*/ 46 w 169"/>
                <a:gd name="T53" fmla="*/ 16 h 167"/>
                <a:gd name="T54" fmla="*/ 46 w 169"/>
                <a:gd name="T55" fmla="*/ 16 h 167"/>
                <a:gd name="T56" fmla="*/ 50 w 169"/>
                <a:gd name="T57" fmla="*/ 16 h 167"/>
                <a:gd name="T58" fmla="*/ 49 w 169"/>
                <a:gd name="T59" fmla="*/ 16 h 167"/>
                <a:gd name="T60" fmla="*/ 105 w 169"/>
                <a:gd name="T61" fmla="*/ 0 h 167"/>
                <a:gd name="T62" fmla="*/ 105 w 169"/>
                <a:gd name="T63" fmla="*/ 1 h 167"/>
                <a:gd name="T64" fmla="*/ 121 w 169"/>
                <a:gd name="T65" fmla="*/ 47 h 167"/>
                <a:gd name="T66" fmla="*/ 117 w 169"/>
                <a:gd name="T67" fmla="*/ 49 h 167"/>
                <a:gd name="T68" fmla="*/ 117 w 169"/>
                <a:gd name="T69" fmla="*/ 49 h 167"/>
                <a:gd name="T70" fmla="*/ 117 w 169"/>
                <a:gd name="T71" fmla="*/ 50 h 167"/>
                <a:gd name="T72" fmla="*/ 117 w 169"/>
                <a:gd name="T73" fmla="*/ 51 h 167"/>
                <a:gd name="T74" fmla="*/ 117 w 169"/>
                <a:gd name="T75" fmla="*/ 53 h 167"/>
                <a:gd name="T76" fmla="*/ 117 w 169"/>
                <a:gd name="T77" fmla="*/ 55 h 167"/>
                <a:gd name="T78" fmla="*/ 117 w 169"/>
                <a:gd name="T79" fmla="*/ 57 h 167"/>
                <a:gd name="T80" fmla="*/ 117 w 169"/>
                <a:gd name="T81" fmla="*/ 57 h 167"/>
                <a:gd name="T82" fmla="*/ 118 w 169"/>
                <a:gd name="T83" fmla="*/ 58 h 167"/>
                <a:gd name="T84" fmla="*/ 114 w 169"/>
                <a:gd name="T85" fmla="*/ 57 h 167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169"/>
                <a:gd name="T130" fmla="*/ 0 h 167"/>
                <a:gd name="T131" fmla="*/ 169 w 169"/>
                <a:gd name="T132" fmla="*/ 167 h 167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169" h="167">
                  <a:moveTo>
                    <a:pt x="159" y="86"/>
                  </a:moveTo>
                  <a:lnTo>
                    <a:pt x="157" y="88"/>
                  </a:lnTo>
                  <a:lnTo>
                    <a:pt x="154" y="89"/>
                  </a:lnTo>
                  <a:lnTo>
                    <a:pt x="148" y="91"/>
                  </a:lnTo>
                  <a:lnTo>
                    <a:pt x="142" y="95"/>
                  </a:lnTo>
                  <a:lnTo>
                    <a:pt x="135" y="98"/>
                  </a:lnTo>
                  <a:lnTo>
                    <a:pt x="130" y="100"/>
                  </a:lnTo>
                  <a:lnTo>
                    <a:pt x="125" y="103"/>
                  </a:lnTo>
                  <a:lnTo>
                    <a:pt x="123" y="103"/>
                  </a:lnTo>
                  <a:lnTo>
                    <a:pt x="113" y="108"/>
                  </a:lnTo>
                  <a:lnTo>
                    <a:pt x="103" y="111"/>
                  </a:lnTo>
                  <a:lnTo>
                    <a:pt x="94" y="115"/>
                  </a:lnTo>
                  <a:lnTo>
                    <a:pt x="86" y="117"/>
                  </a:lnTo>
                  <a:lnTo>
                    <a:pt x="79" y="118"/>
                  </a:lnTo>
                  <a:lnTo>
                    <a:pt x="74" y="120"/>
                  </a:lnTo>
                  <a:lnTo>
                    <a:pt x="72" y="120"/>
                  </a:lnTo>
                  <a:lnTo>
                    <a:pt x="71" y="120"/>
                  </a:lnTo>
                  <a:lnTo>
                    <a:pt x="44" y="142"/>
                  </a:lnTo>
                  <a:lnTo>
                    <a:pt x="42" y="142"/>
                  </a:lnTo>
                  <a:lnTo>
                    <a:pt x="20" y="162"/>
                  </a:lnTo>
                  <a:lnTo>
                    <a:pt x="13" y="167"/>
                  </a:lnTo>
                  <a:lnTo>
                    <a:pt x="6" y="155"/>
                  </a:lnTo>
                  <a:lnTo>
                    <a:pt x="20" y="139"/>
                  </a:lnTo>
                  <a:lnTo>
                    <a:pt x="13" y="130"/>
                  </a:lnTo>
                  <a:lnTo>
                    <a:pt x="0" y="35"/>
                  </a:lnTo>
                  <a:lnTo>
                    <a:pt x="60" y="22"/>
                  </a:lnTo>
                  <a:lnTo>
                    <a:pt x="60" y="27"/>
                  </a:lnTo>
                  <a:lnTo>
                    <a:pt x="66" y="25"/>
                  </a:lnTo>
                  <a:lnTo>
                    <a:pt x="64" y="22"/>
                  </a:lnTo>
                  <a:lnTo>
                    <a:pt x="148" y="0"/>
                  </a:lnTo>
                  <a:lnTo>
                    <a:pt x="148" y="1"/>
                  </a:lnTo>
                  <a:lnTo>
                    <a:pt x="169" y="73"/>
                  </a:lnTo>
                  <a:lnTo>
                    <a:pt x="164" y="76"/>
                  </a:lnTo>
                  <a:lnTo>
                    <a:pt x="164" y="78"/>
                  </a:lnTo>
                  <a:lnTo>
                    <a:pt x="164" y="79"/>
                  </a:lnTo>
                  <a:lnTo>
                    <a:pt x="164" y="81"/>
                  </a:lnTo>
                  <a:lnTo>
                    <a:pt x="164" y="83"/>
                  </a:lnTo>
                  <a:lnTo>
                    <a:pt x="164" y="86"/>
                  </a:lnTo>
                  <a:lnTo>
                    <a:pt x="165" y="88"/>
                  </a:lnTo>
                  <a:lnTo>
                    <a:pt x="159" y="86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607" name="Freeform 190"/>
            <p:cNvSpPr>
              <a:spLocks/>
            </p:cNvSpPr>
            <p:nvPr/>
          </p:nvSpPr>
          <p:spPr bwMode="auto">
            <a:xfrm>
              <a:off x="4869" y="1704"/>
              <a:ext cx="76" cy="93"/>
            </a:xfrm>
            <a:custGeom>
              <a:avLst/>
              <a:gdLst>
                <a:gd name="T0" fmla="*/ 19 w 78"/>
                <a:gd name="T1" fmla="*/ 61 h 95"/>
                <a:gd name="T2" fmla="*/ 16 w 78"/>
                <a:gd name="T3" fmla="*/ 63 h 95"/>
                <a:gd name="T4" fmla="*/ 16 w 78"/>
                <a:gd name="T5" fmla="*/ 63 h 95"/>
                <a:gd name="T6" fmla="*/ 16 w 78"/>
                <a:gd name="T7" fmla="*/ 63 h 95"/>
                <a:gd name="T8" fmla="*/ 16 w 78"/>
                <a:gd name="T9" fmla="*/ 64 h 95"/>
                <a:gd name="T10" fmla="*/ 16 w 78"/>
                <a:gd name="T11" fmla="*/ 64 h 95"/>
                <a:gd name="T12" fmla="*/ 16 w 78"/>
                <a:gd name="T13" fmla="*/ 65 h 95"/>
                <a:gd name="T14" fmla="*/ 16 w 78"/>
                <a:gd name="T15" fmla="*/ 66 h 95"/>
                <a:gd name="T16" fmla="*/ 16 w 78"/>
                <a:gd name="T17" fmla="*/ 68 h 95"/>
                <a:gd name="T18" fmla="*/ 16 w 78"/>
                <a:gd name="T19" fmla="*/ 68 h 95"/>
                <a:gd name="T20" fmla="*/ 17 w 78"/>
                <a:gd name="T21" fmla="*/ 69 h 95"/>
                <a:gd name="T22" fmla="*/ 17 w 78"/>
                <a:gd name="T23" fmla="*/ 69 h 95"/>
                <a:gd name="T24" fmla="*/ 19 w 78"/>
                <a:gd name="T25" fmla="*/ 69 h 95"/>
                <a:gd name="T26" fmla="*/ 19 w 78"/>
                <a:gd name="T27" fmla="*/ 68 h 95"/>
                <a:gd name="T28" fmla="*/ 19 w 78"/>
                <a:gd name="T29" fmla="*/ 66 h 95"/>
                <a:gd name="T30" fmla="*/ 22 w 78"/>
                <a:gd name="T31" fmla="*/ 64 h 95"/>
                <a:gd name="T32" fmla="*/ 25 w 78"/>
                <a:gd name="T33" fmla="*/ 63 h 95"/>
                <a:gd name="T34" fmla="*/ 27 w 78"/>
                <a:gd name="T35" fmla="*/ 61 h 95"/>
                <a:gd name="T36" fmla="*/ 29 w 78"/>
                <a:gd name="T37" fmla="*/ 60 h 95"/>
                <a:gd name="T38" fmla="*/ 30 w 78"/>
                <a:gd name="T39" fmla="*/ 59 h 95"/>
                <a:gd name="T40" fmla="*/ 36 w 78"/>
                <a:gd name="T41" fmla="*/ 59 h 95"/>
                <a:gd name="T42" fmla="*/ 36 w 78"/>
                <a:gd name="T43" fmla="*/ 50 h 95"/>
                <a:gd name="T44" fmla="*/ 25 w 78"/>
                <a:gd name="T45" fmla="*/ 23 h 95"/>
                <a:gd name="T46" fmla="*/ 34 w 78"/>
                <a:gd name="T47" fmla="*/ 23 h 95"/>
                <a:gd name="T48" fmla="*/ 41 w 78"/>
                <a:gd name="T49" fmla="*/ 23 h 95"/>
                <a:gd name="T50" fmla="*/ 44 w 78"/>
                <a:gd name="T51" fmla="*/ 23 h 95"/>
                <a:gd name="T52" fmla="*/ 44 w 78"/>
                <a:gd name="T53" fmla="*/ 23 h 95"/>
                <a:gd name="T54" fmla="*/ 45 w 78"/>
                <a:gd name="T55" fmla="*/ 23 h 95"/>
                <a:gd name="T56" fmla="*/ 45 w 78"/>
                <a:gd name="T57" fmla="*/ 23 h 95"/>
                <a:gd name="T58" fmla="*/ 47 w 78"/>
                <a:gd name="T59" fmla="*/ 25 h 95"/>
                <a:gd name="T60" fmla="*/ 48 w 78"/>
                <a:gd name="T61" fmla="*/ 28 h 95"/>
                <a:gd name="T62" fmla="*/ 48 w 78"/>
                <a:gd name="T63" fmla="*/ 28 h 95"/>
                <a:gd name="T64" fmla="*/ 49 w 78"/>
                <a:gd name="T65" fmla="*/ 38 h 95"/>
                <a:gd name="T66" fmla="*/ 51 w 78"/>
                <a:gd name="T67" fmla="*/ 44 h 95"/>
                <a:gd name="T68" fmla="*/ 51 w 78"/>
                <a:gd name="T69" fmla="*/ 47 h 95"/>
                <a:gd name="T70" fmla="*/ 52 w 78"/>
                <a:gd name="T71" fmla="*/ 45 h 95"/>
                <a:gd name="T72" fmla="*/ 53 w 78"/>
                <a:gd name="T73" fmla="*/ 44 h 95"/>
                <a:gd name="T74" fmla="*/ 53 w 78"/>
                <a:gd name="T75" fmla="*/ 40 h 95"/>
                <a:gd name="T76" fmla="*/ 54 w 78"/>
                <a:gd name="T77" fmla="*/ 38 h 95"/>
                <a:gd name="T78" fmla="*/ 54 w 78"/>
                <a:gd name="T79" fmla="*/ 37 h 95"/>
                <a:gd name="T80" fmla="*/ 54 w 78"/>
                <a:gd name="T81" fmla="*/ 38 h 95"/>
                <a:gd name="T82" fmla="*/ 54 w 78"/>
                <a:gd name="T83" fmla="*/ 38 h 95"/>
                <a:gd name="T84" fmla="*/ 53 w 78"/>
                <a:gd name="T85" fmla="*/ 38 h 95"/>
                <a:gd name="T86" fmla="*/ 53 w 78"/>
                <a:gd name="T87" fmla="*/ 37 h 95"/>
                <a:gd name="T88" fmla="*/ 53 w 78"/>
                <a:gd name="T89" fmla="*/ 35 h 95"/>
                <a:gd name="T90" fmla="*/ 52 w 78"/>
                <a:gd name="T91" fmla="*/ 32 h 95"/>
                <a:gd name="T92" fmla="*/ 51 w 78"/>
                <a:gd name="T93" fmla="*/ 30 h 95"/>
                <a:gd name="T94" fmla="*/ 51 w 78"/>
                <a:gd name="T95" fmla="*/ 28 h 95"/>
                <a:gd name="T96" fmla="*/ 51 w 78"/>
                <a:gd name="T97" fmla="*/ 27 h 95"/>
                <a:gd name="T98" fmla="*/ 51 w 78"/>
                <a:gd name="T99" fmla="*/ 27 h 95"/>
                <a:gd name="T100" fmla="*/ 48 w 78"/>
                <a:gd name="T101" fmla="*/ 23 h 95"/>
                <a:gd name="T102" fmla="*/ 44 w 78"/>
                <a:gd name="T103" fmla="*/ 23 h 95"/>
                <a:gd name="T104" fmla="*/ 37 w 78"/>
                <a:gd name="T105" fmla="*/ 23 h 95"/>
                <a:gd name="T106" fmla="*/ 32 w 78"/>
                <a:gd name="T107" fmla="*/ 14 h 95"/>
                <a:gd name="T108" fmla="*/ 25 w 78"/>
                <a:gd name="T109" fmla="*/ 14 h 95"/>
                <a:gd name="T110" fmla="*/ 20 w 78"/>
                <a:gd name="T111" fmla="*/ 0 h 95"/>
                <a:gd name="T112" fmla="*/ 0 w 78"/>
                <a:gd name="T113" fmla="*/ 8 h 95"/>
                <a:gd name="T114" fmla="*/ 19 w 78"/>
                <a:gd name="T115" fmla="*/ 61 h 95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78"/>
                <a:gd name="T175" fmla="*/ 0 h 95"/>
                <a:gd name="T176" fmla="*/ 78 w 78"/>
                <a:gd name="T177" fmla="*/ 95 h 95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78" h="95">
                  <a:moveTo>
                    <a:pt x="21" y="80"/>
                  </a:moveTo>
                  <a:lnTo>
                    <a:pt x="16" y="83"/>
                  </a:lnTo>
                  <a:lnTo>
                    <a:pt x="16" y="85"/>
                  </a:lnTo>
                  <a:lnTo>
                    <a:pt x="16" y="86"/>
                  </a:lnTo>
                  <a:lnTo>
                    <a:pt x="16" y="88"/>
                  </a:lnTo>
                  <a:lnTo>
                    <a:pt x="16" y="90"/>
                  </a:lnTo>
                  <a:lnTo>
                    <a:pt x="16" y="93"/>
                  </a:lnTo>
                  <a:lnTo>
                    <a:pt x="17" y="95"/>
                  </a:lnTo>
                  <a:lnTo>
                    <a:pt x="22" y="95"/>
                  </a:lnTo>
                  <a:lnTo>
                    <a:pt x="28" y="93"/>
                  </a:lnTo>
                  <a:lnTo>
                    <a:pt x="31" y="90"/>
                  </a:lnTo>
                  <a:lnTo>
                    <a:pt x="36" y="86"/>
                  </a:lnTo>
                  <a:lnTo>
                    <a:pt x="39" y="83"/>
                  </a:lnTo>
                  <a:lnTo>
                    <a:pt x="41" y="80"/>
                  </a:lnTo>
                  <a:lnTo>
                    <a:pt x="43" y="78"/>
                  </a:lnTo>
                  <a:lnTo>
                    <a:pt x="44" y="76"/>
                  </a:lnTo>
                  <a:lnTo>
                    <a:pt x="50" y="76"/>
                  </a:lnTo>
                  <a:lnTo>
                    <a:pt x="50" y="64"/>
                  </a:lnTo>
                  <a:lnTo>
                    <a:pt x="39" y="30"/>
                  </a:lnTo>
                  <a:lnTo>
                    <a:pt x="48" y="29"/>
                  </a:lnTo>
                  <a:lnTo>
                    <a:pt x="55" y="36"/>
                  </a:lnTo>
                  <a:lnTo>
                    <a:pt x="58" y="36"/>
                  </a:lnTo>
                  <a:lnTo>
                    <a:pt x="60" y="36"/>
                  </a:lnTo>
                  <a:lnTo>
                    <a:pt x="61" y="37"/>
                  </a:lnTo>
                  <a:lnTo>
                    <a:pt x="65" y="39"/>
                  </a:lnTo>
                  <a:lnTo>
                    <a:pt x="66" y="42"/>
                  </a:lnTo>
                  <a:lnTo>
                    <a:pt x="68" y="52"/>
                  </a:lnTo>
                  <a:lnTo>
                    <a:pt x="72" y="58"/>
                  </a:lnTo>
                  <a:lnTo>
                    <a:pt x="73" y="61"/>
                  </a:lnTo>
                  <a:lnTo>
                    <a:pt x="75" y="59"/>
                  </a:lnTo>
                  <a:lnTo>
                    <a:pt x="77" y="58"/>
                  </a:lnTo>
                  <a:lnTo>
                    <a:pt x="77" y="54"/>
                  </a:lnTo>
                  <a:lnTo>
                    <a:pt x="78" y="52"/>
                  </a:lnTo>
                  <a:lnTo>
                    <a:pt x="78" y="51"/>
                  </a:lnTo>
                  <a:lnTo>
                    <a:pt x="78" y="52"/>
                  </a:lnTo>
                  <a:lnTo>
                    <a:pt x="77" y="52"/>
                  </a:lnTo>
                  <a:lnTo>
                    <a:pt x="77" y="51"/>
                  </a:lnTo>
                  <a:lnTo>
                    <a:pt x="77" y="49"/>
                  </a:lnTo>
                  <a:lnTo>
                    <a:pt x="75" y="46"/>
                  </a:lnTo>
                  <a:lnTo>
                    <a:pt x="73" y="44"/>
                  </a:lnTo>
                  <a:lnTo>
                    <a:pt x="73" y="42"/>
                  </a:lnTo>
                  <a:lnTo>
                    <a:pt x="73" y="41"/>
                  </a:lnTo>
                  <a:lnTo>
                    <a:pt x="66" y="36"/>
                  </a:lnTo>
                  <a:lnTo>
                    <a:pt x="58" y="30"/>
                  </a:lnTo>
                  <a:lnTo>
                    <a:pt x="51" y="29"/>
                  </a:lnTo>
                  <a:lnTo>
                    <a:pt x="46" y="14"/>
                  </a:lnTo>
                  <a:lnTo>
                    <a:pt x="39" y="14"/>
                  </a:lnTo>
                  <a:lnTo>
                    <a:pt x="34" y="0"/>
                  </a:lnTo>
                  <a:lnTo>
                    <a:pt x="0" y="8"/>
                  </a:lnTo>
                  <a:lnTo>
                    <a:pt x="21" y="80"/>
                  </a:lnTo>
                </a:path>
              </a:pathLst>
            </a:custGeom>
            <a:solidFill>
              <a:srgbClr val="DDDDDD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</p:grpSp>
      <p:grpSp>
        <p:nvGrpSpPr>
          <p:cNvPr id="736" name="Group 5" descr="Map of the US showing the three Public Reporting States in 2004. "/>
          <p:cNvGrpSpPr>
            <a:grpSpLocks noChangeAspect="1"/>
          </p:cNvGrpSpPr>
          <p:nvPr/>
        </p:nvGrpSpPr>
        <p:grpSpPr bwMode="auto">
          <a:xfrm>
            <a:off x="2787029" y="4594379"/>
            <a:ext cx="2171700" cy="1461681"/>
            <a:chOff x="192" y="850"/>
            <a:chExt cx="4988" cy="3134"/>
          </a:xfrm>
        </p:grpSpPr>
        <p:sp>
          <p:nvSpPr>
            <p:cNvPr id="737" name="Freeform 9"/>
            <p:cNvSpPr>
              <a:spLocks/>
            </p:cNvSpPr>
            <p:nvPr/>
          </p:nvSpPr>
          <p:spPr bwMode="auto">
            <a:xfrm>
              <a:off x="4479" y="2181"/>
              <a:ext cx="22" cy="24"/>
            </a:xfrm>
            <a:custGeom>
              <a:avLst/>
              <a:gdLst>
                <a:gd name="T0" fmla="*/ 0 w 22"/>
                <a:gd name="T1" fmla="*/ 7 h 25"/>
                <a:gd name="T2" fmla="*/ 9 w 22"/>
                <a:gd name="T3" fmla="*/ 0 h 25"/>
                <a:gd name="T4" fmla="*/ 22 w 22"/>
                <a:gd name="T5" fmla="*/ 10 h 25"/>
                <a:gd name="T6" fmla="*/ 12 w 22"/>
                <a:gd name="T7" fmla="*/ 12 h 25"/>
                <a:gd name="T8" fmla="*/ 12 w 22"/>
                <a:gd name="T9" fmla="*/ 12 h 25"/>
                <a:gd name="T10" fmla="*/ 12 w 22"/>
                <a:gd name="T11" fmla="*/ 12 h 25"/>
                <a:gd name="T12" fmla="*/ 12 w 22"/>
                <a:gd name="T13" fmla="*/ 12 h 25"/>
                <a:gd name="T14" fmla="*/ 12 w 22"/>
                <a:gd name="T15" fmla="*/ 12 h 25"/>
                <a:gd name="T16" fmla="*/ 11 w 22"/>
                <a:gd name="T17" fmla="*/ 12 h 25"/>
                <a:gd name="T18" fmla="*/ 9 w 22"/>
                <a:gd name="T19" fmla="*/ 12 h 25"/>
                <a:gd name="T20" fmla="*/ 7 w 22"/>
                <a:gd name="T21" fmla="*/ 12 h 25"/>
                <a:gd name="T22" fmla="*/ 2 w 22"/>
                <a:gd name="T23" fmla="*/ 8 h 25"/>
                <a:gd name="T24" fmla="*/ 2 w 22"/>
                <a:gd name="T25" fmla="*/ 8 h 25"/>
                <a:gd name="T26" fmla="*/ 0 w 22"/>
                <a:gd name="T27" fmla="*/ 8 h 25"/>
                <a:gd name="T28" fmla="*/ 0 w 22"/>
                <a:gd name="T29" fmla="*/ 7 h 25"/>
                <a:gd name="T30" fmla="*/ 0 w 22"/>
                <a:gd name="T31" fmla="*/ 7 h 25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w 22"/>
                <a:gd name="T49" fmla="*/ 0 h 25"/>
                <a:gd name="T50" fmla="*/ 22 w 22"/>
                <a:gd name="T51" fmla="*/ 25 h 25"/>
              </a:gdLst>
              <a:ahLst/>
              <a:cxnLst>
                <a:cxn ang="T32">
                  <a:pos x="T0" y="T1"/>
                </a:cxn>
                <a:cxn ang="T33">
                  <a:pos x="T2" y="T3"/>
                </a:cxn>
                <a:cxn ang="T34">
                  <a:pos x="T4" y="T5"/>
                </a:cxn>
                <a:cxn ang="T35">
                  <a:pos x="T6" y="T7"/>
                </a:cxn>
                <a:cxn ang="T36">
                  <a:pos x="T8" y="T9"/>
                </a:cxn>
                <a:cxn ang="T37">
                  <a:pos x="T10" y="T11"/>
                </a:cxn>
                <a:cxn ang="T38">
                  <a:pos x="T12" y="T13"/>
                </a:cxn>
                <a:cxn ang="T39">
                  <a:pos x="T14" y="T15"/>
                </a:cxn>
                <a:cxn ang="T40">
                  <a:pos x="T16" y="T17"/>
                </a:cxn>
                <a:cxn ang="T41">
                  <a:pos x="T18" y="T19"/>
                </a:cxn>
                <a:cxn ang="T42">
                  <a:pos x="T20" y="T21"/>
                </a:cxn>
                <a:cxn ang="T43">
                  <a:pos x="T22" y="T23"/>
                </a:cxn>
                <a:cxn ang="T44">
                  <a:pos x="T24" y="T25"/>
                </a:cxn>
                <a:cxn ang="T45">
                  <a:pos x="T26" y="T27"/>
                </a:cxn>
                <a:cxn ang="T46">
                  <a:pos x="T28" y="T29"/>
                </a:cxn>
                <a:cxn ang="T47">
                  <a:pos x="T30" y="T31"/>
                </a:cxn>
              </a:cxnLst>
              <a:rect l="T48" t="T49" r="T50" b="T51"/>
              <a:pathLst>
                <a:path w="22" h="25">
                  <a:moveTo>
                    <a:pt x="0" y="7"/>
                  </a:moveTo>
                  <a:lnTo>
                    <a:pt x="9" y="0"/>
                  </a:lnTo>
                  <a:lnTo>
                    <a:pt x="22" y="10"/>
                  </a:lnTo>
                  <a:lnTo>
                    <a:pt x="12" y="25"/>
                  </a:lnTo>
                  <a:lnTo>
                    <a:pt x="12" y="23"/>
                  </a:lnTo>
                  <a:lnTo>
                    <a:pt x="12" y="22"/>
                  </a:lnTo>
                  <a:lnTo>
                    <a:pt x="12" y="20"/>
                  </a:lnTo>
                  <a:lnTo>
                    <a:pt x="12" y="18"/>
                  </a:lnTo>
                  <a:lnTo>
                    <a:pt x="11" y="17"/>
                  </a:lnTo>
                  <a:lnTo>
                    <a:pt x="9" y="13"/>
                  </a:lnTo>
                  <a:lnTo>
                    <a:pt x="7" y="12"/>
                  </a:lnTo>
                  <a:lnTo>
                    <a:pt x="2" y="8"/>
                  </a:lnTo>
                  <a:lnTo>
                    <a:pt x="0" y="8"/>
                  </a:lnTo>
                  <a:lnTo>
                    <a:pt x="0" y="7"/>
                  </a:lnTo>
                  <a:close/>
                </a:path>
              </a:pathLst>
            </a:custGeom>
            <a:solidFill>
              <a:sysClr val="windowText" lastClr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738" name="Group 10"/>
            <p:cNvGrpSpPr>
              <a:grpSpLocks/>
            </p:cNvGrpSpPr>
            <p:nvPr/>
          </p:nvGrpSpPr>
          <p:grpSpPr bwMode="auto">
            <a:xfrm>
              <a:off x="4431" y="2166"/>
              <a:ext cx="169" cy="106"/>
              <a:chOff x="4655" y="1801"/>
              <a:chExt cx="172" cy="109"/>
            </a:xfrm>
          </p:grpSpPr>
          <p:sp>
            <p:nvSpPr>
              <p:cNvPr id="916" name="Freeform 11"/>
              <p:cNvSpPr>
                <a:spLocks/>
              </p:cNvSpPr>
              <p:nvPr/>
            </p:nvSpPr>
            <p:spPr bwMode="auto">
              <a:xfrm>
                <a:off x="4725" y="1801"/>
                <a:ext cx="22" cy="25"/>
              </a:xfrm>
              <a:custGeom>
                <a:avLst/>
                <a:gdLst>
                  <a:gd name="T0" fmla="*/ 0 w 22"/>
                  <a:gd name="T1" fmla="*/ 7 h 25"/>
                  <a:gd name="T2" fmla="*/ 9 w 22"/>
                  <a:gd name="T3" fmla="*/ 0 h 25"/>
                  <a:gd name="T4" fmla="*/ 22 w 22"/>
                  <a:gd name="T5" fmla="*/ 10 h 25"/>
                  <a:gd name="T6" fmla="*/ 12 w 22"/>
                  <a:gd name="T7" fmla="*/ 25 h 25"/>
                  <a:gd name="T8" fmla="*/ 12 w 22"/>
                  <a:gd name="T9" fmla="*/ 25 h 25"/>
                  <a:gd name="T10" fmla="*/ 12 w 22"/>
                  <a:gd name="T11" fmla="*/ 23 h 25"/>
                  <a:gd name="T12" fmla="*/ 12 w 22"/>
                  <a:gd name="T13" fmla="*/ 22 h 25"/>
                  <a:gd name="T14" fmla="*/ 12 w 22"/>
                  <a:gd name="T15" fmla="*/ 20 h 25"/>
                  <a:gd name="T16" fmla="*/ 12 w 22"/>
                  <a:gd name="T17" fmla="*/ 18 h 25"/>
                  <a:gd name="T18" fmla="*/ 11 w 22"/>
                  <a:gd name="T19" fmla="*/ 17 h 25"/>
                  <a:gd name="T20" fmla="*/ 9 w 22"/>
                  <a:gd name="T21" fmla="*/ 13 h 25"/>
                  <a:gd name="T22" fmla="*/ 7 w 22"/>
                  <a:gd name="T23" fmla="*/ 12 h 25"/>
                  <a:gd name="T24" fmla="*/ 2 w 22"/>
                  <a:gd name="T25" fmla="*/ 8 h 25"/>
                  <a:gd name="T26" fmla="*/ 2 w 22"/>
                  <a:gd name="T27" fmla="*/ 8 h 25"/>
                  <a:gd name="T28" fmla="*/ 2 w 22"/>
                  <a:gd name="T29" fmla="*/ 8 h 25"/>
                  <a:gd name="T30" fmla="*/ 0 w 22"/>
                  <a:gd name="T31" fmla="*/ 8 h 25"/>
                  <a:gd name="T32" fmla="*/ 0 w 22"/>
                  <a:gd name="T33" fmla="*/ 7 h 25"/>
                  <a:gd name="T34" fmla="*/ 0 w 22"/>
                  <a:gd name="T35" fmla="*/ 7 h 25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w 22"/>
                  <a:gd name="T55" fmla="*/ 0 h 25"/>
                  <a:gd name="T56" fmla="*/ 22 w 22"/>
                  <a:gd name="T57" fmla="*/ 25 h 25"/>
                </a:gdLst>
                <a:ahLst/>
                <a:cxnLst>
                  <a:cxn ang="T36">
                    <a:pos x="T0" y="T1"/>
                  </a:cxn>
                  <a:cxn ang="T37">
                    <a:pos x="T2" y="T3"/>
                  </a:cxn>
                  <a:cxn ang="T38">
                    <a:pos x="T4" y="T5"/>
                  </a:cxn>
                  <a:cxn ang="T39">
                    <a:pos x="T6" y="T7"/>
                  </a:cxn>
                  <a:cxn ang="T40">
                    <a:pos x="T8" y="T9"/>
                  </a:cxn>
                  <a:cxn ang="T41">
                    <a:pos x="T10" y="T11"/>
                  </a:cxn>
                  <a:cxn ang="T42">
                    <a:pos x="T12" y="T13"/>
                  </a:cxn>
                  <a:cxn ang="T43">
                    <a:pos x="T14" y="T15"/>
                  </a:cxn>
                  <a:cxn ang="T44">
                    <a:pos x="T16" y="T17"/>
                  </a:cxn>
                  <a:cxn ang="T45">
                    <a:pos x="T18" y="T19"/>
                  </a:cxn>
                  <a:cxn ang="T46">
                    <a:pos x="T20" y="T21"/>
                  </a:cxn>
                  <a:cxn ang="T47">
                    <a:pos x="T22" y="T23"/>
                  </a:cxn>
                  <a:cxn ang="T48">
                    <a:pos x="T24" y="T25"/>
                  </a:cxn>
                  <a:cxn ang="T49">
                    <a:pos x="T26" y="T27"/>
                  </a:cxn>
                  <a:cxn ang="T50">
                    <a:pos x="T28" y="T29"/>
                  </a:cxn>
                  <a:cxn ang="T51">
                    <a:pos x="T30" y="T31"/>
                  </a:cxn>
                  <a:cxn ang="T52">
                    <a:pos x="T32" y="T33"/>
                  </a:cxn>
                  <a:cxn ang="T53">
                    <a:pos x="T34" y="T35"/>
                  </a:cxn>
                </a:cxnLst>
                <a:rect l="T54" t="T55" r="T56" b="T57"/>
                <a:pathLst>
                  <a:path w="22" h="25">
                    <a:moveTo>
                      <a:pt x="0" y="7"/>
                    </a:moveTo>
                    <a:lnTo>
                      <a:pt x="9" y="0"/>
                    </a:lnTo>
                    <a:lnTo>
                      <a:pt x="22" y="10"/>
                    </a:lnTo>
                    <a:lnTo>
                      <a:pt x="12" y="25"/>
                    </a:lnTo>
                    <a:lnTo>
                      <a:pt x="12" y="23"/>
                    </a:lnTo>
                    <a:lnTo>
                      <a:pt x="12" y="22"/>
                    </a:lnTo>
                    <a:lnTo>
                      <a:pt x="12" y="20"/>
                    </a:lnTo>
                    <a:lnTo>
                      <a:pt x="12" y="18"/>
                    </a:lnTo>
                    <a:lnTo>
                      <a:pt x="11" y="17"/>
                    </a:lnTo>
                    <a:lnTo>
                      <a:pt x="9" y="13"/>
                    </a:lnTo>
                    <a:lnTo>
                      <a:pt x="7" y="12"/>
                    </a:lnTo>
                    <a:lnTo>
                      <a:pt x="2" y="8"/>
                    </a:lnTo>
                    <a:lnTo>
                      <a:pt x="0" y="8"/>
                    </a:lnTo>
                    <a:lnTo>
                      <a:pt x="0" y="7"/>
                    </a:lnTo>
                  </a:path>
                </a:pathLst>
              </a:custGeom>
              <a:solidFill>
                <a:sysClr val="windowText" lastClr="000000"/>
              </a:solidFill>
              <a:ln w="3175">
                <a:solidFill>
                  <a:srgbClr val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17" name="Rectangle 12"/>
              <p:cNvSpPr>
                <a:spLocks noChangeArrowheads="1"/>
              </p:cNvSpPr>
              <p:nvPr/>
            </p:nvSpPr>
            <p:spPr bwMode="auto">
              <a:xfrm>
                <a:off x="4655" y="1804"/>
                <a:ext cx="172" cy="106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wrap="none" lIns="0" tIns="0" rIns="0" bIns="0">
                <a:spAutoFit/>
              </a:bodyPr>
              <a:lstStyle/>
              <a:p>
                <a:pPr defTabSz="571486">
                  <a:defRPr/>
                </a:pPr>
                <a:r>
                  <a:rPr lang="en-US" sz="313" b="1" kern="0" dirty="0">
                    <a:solidFill>
                      <a:srgbClr val="FFFFFF"/>
                    </a:solidFill>
                    <a:latin typeface="Helvetica" pitchFamily="34" charset="0"/>
                  </a:rPr>
                  <a:t>DC*</a:t>
                </a:r>
                <a:endParaRPr lang="en-US" sz="313" b="1" kern="0" dirty="0">
                  <a:solidFill>
                    <a:srgbClr val="FFFFFF"/>
                  </a:solidFill>
                  <a:latin typeface="Times New Roman" pitchFamily="18" charset="0"/>
                </a:endParaRPr>
              </a:p>
            </p:txBody>
          </p:sp>
        </p:grpSp>
        <p:sp>
          <p:nvSpPr>
            <p:cNvPr id="739" name="Freeform 13"/>
            <p:cNvSpPr>
              <a:spLocks/>
            </p:cNvSpPr>
            <p:nvPr/>
          </p:nvSpPr>
          <p:spPr bwMode="auto">
            <a:xfrm>
              <a:off x="3980" y="2710"/>
              <a:ext cx="478" cy="363"/>
            </a:xfrm>
            <a:custGeom>
              <a:avLst/>
              <a:gdLst>
                <a:gd name="T0" fmla="*/ 178 w 492"/>
                <a:gd name="T1" fmla="*/ 243 h 374"/>
                <a:gd name="T2" fmla="*/ 178 w 492"/>
                <a:gd name="T3" fmla="*/ 240 h 374"/>
                <a:gd name="T4" fmla="*/ 178 w 492"/>
                <a:gd name="T5" fmla="*/ 239 h 374"/>
                <a:gd name="T6" fmla="*/ 171 w 492"/>
                <a:gd name="T7" fmla="*/ 217 h 374"/>
                <a:gd name="T8" fmla="*/ 157 w 492"/>
                <a:gd name="T9" fmla="*/ 207 h 374"/>
                <a:gd name="T10" fmla="*/ 153 w 492"/>
                <a:gd name="T11" fmla="*/ 192 h 374"/>
                <a:gd name="T12" fmla="*/ 142 w 492"/>
                <a:gd name="T13" fmla="*/ 177 h 374"/>
                <a:gd name="T14" fmla="*/ 130 w 492"/>
                <a:gd name="T15" fmla="*/ 173 h 374"/>
                <a:gd name="T16" fmla="*/ 126 w 492"/>
                <a:gd name="T17" fmla="*/ 171 h 374"/>
                <a:gd name="T18" fmla="*/ 116 w 492"/>
                <a:gd name="T19" fmla="*/ 162 h 374"/>
                <a:gd name="T20" fmla="*/ 111 w 492"/>
                <a:gd name="T21" fmla="*/ 153 h 374"/>
                <a:gd name="T22" fmla="*/ 104 w 492"/>
                <a:gd name="T23" fmla="*/ 141 h 374"/>
                <a:gd name="T24" fmla="*/ 95 w 492"/>
                <a:gd name="T25" fmla="*/ 139 h 374"/>
                <a:gd name="T26" fmla="*/ 91 w 492"/>
                <a:gd name="T27" fmla="*/ 137 h 374"/>
                <a:gd name="T28" fmla="*/ 86 w 492"/>
                <a:gd name="T29" fmla="*/ 132 h 374"/>
                <a:gd name="T30" fmla="*/ 81 w 492"/>
                <a:gd name="T31" fmla="*/ 121 h 374"/>
                <a:gd name="T32" fmla="*/ 75 w 492"/>
                <a:gd name="T33" fmla="*/ 120 h 374"/>
                <a:gd name="T34" fmla="*/ 68 w 492"/>
                <a:gd name="T35" fmla="*/ 119 h 374"/>
                <a:gd name="T36" fmla="*/ 61 w 492"/>
                <a:gd name="T37" fmla="*/ 111 h 374"/>
                <a:gd name="T38" fmla="*/ 55 w 492"/>
                <a:gd name="T39" fmla="*/ 104 h 374"/>
                <a:gd name="T40" fmla="*/ 47 w 492"/>
                <a:gd name="T41" fmla="*/ 96 h 374"/>
                <a:gd name="T42" fmla="*/ 40 w 492"/>
                <a:gd name="T43" fmla="*/ 82 h 374"/>
                <a:gd name="T44" fmla="*/ 38 w 492"/>
                <a:gd name="T45" fmla="*/ 75 h 374"/>
                <a:gd name="T46" fmla="*/ 33 w 492"/>
                <a:gd name="T47" fmla="*/ 74 h 374"/>
                <a:gd name="T48" fmla="*/ 18 w 492"/>
                <a:gd name="T49" fmla="*/ 72 h 374"/>
                <a:gd name="T50" fmla="*/ 17 w 492"/>
                <a:gd name="T51" fmla="*/ 69 h 374"/>
                <a:gd name="T52" fmla="*/ 17 w 492"/>
                <a:gd name="T53" fmla="*/ 67 h 374"/>
                <a:gd name="T54" fmla="*/ 0 w 492"/>
                <a:gd name="T55" fmla="*/ 56 h 374"/>
                <a:gd name="T56" fmla="*/ 13 w 492"/>
                <a:gd name="T57" fmla="*/ 39 h 374"/>
                <a:gd name="T58" fmla="*/ 17 w 492"/>
                <a:gd name="T59" fmla="*/ 37 h 374"/>
                <a:gd name="T60" fmla="*/ 17 w 492"/>
                <a:gd name="T61" fmla="*/ 35 h 374"/>
                <a:gd name="T62" fmla="*/ 21 w 492"/>
                <a:gd name="T63" fmla="*/ 25 h 374"/>
                <a:gd name="T64" fmla="*/ 38 w 492"/>
                <a:gd name="T65" fmla="*/ 17 h 374"/>
                <a:gd name="T66" fmla="*/ 50 w 492"/>
                <a:gd name="T67" fmla="*/ 17 h 374"/>
                <a:gd name="T68" fmla="*/ 71 w 492"/>
                <a:gd name="T69" fmla="*/ 10 h 374"/>
                <a:gd name="T70" fmla="*/ 139 w 492"/>
                <a:gd name="T71" fmla="*/ 1 h 374"/>
                <a:gd name="T72" fmla="*/ 149 w 492"/>
                <a:gd name="T73" fmla="*/ 0 h 374"/>
                <a:gd name="T74" fmla="*/ 162 w 492"/>
                <a:gd name="T75" fmla="*/ 12 h 374"/>
                <a:gd name="T76" fmla="*/ 242 w 492"/>
                <a:gd name="T77" fmla="*/ 17 h 374"/>
                <a:gd name="T78" fmla="*/ 328 w 492"/>
                <a:gd name="T79" fmla="*/ 77 h 374"/>
                <a:gd name="T80" fmla="*/ 323 w 492"/>
                <a:gd name="T81" fmla="*/ 81 h 374"/>
                <a:gd name="T82" fmla="*/ 315 w 492"/>
                <a:gd name="T83" fmla="*/ 87 h 374"/>
                <a:gd name="T84" fmla="*/ 306 w 492"/>
                <a:gd name="T85" fmla="*/ 100 h 374"/>
                <a:gd name="T86" fmla="*/ 298 w 492"/>
                <a:gd name="T87" fmla="*/ 114 h 374"/>
                <a:gd name="T88" fmla="*/ 293 w 492"/>
                <a:gd name="T89" fmla="*/ 126 h 374"/>
                <a:gd name="T90" fmla="*/ 290 w 492"/>
                <a:gd name="T91" fmla="*/ 123 h 374"/>
                <a:gd name="T92" fmla="*/ 288 w 492"/>
                <a:gd name="T93" fmla="*/ 126 h 374"/>
                <a:gd name="T94" fmla="*/ 289 w 492"/>
                <a:gd name="T95" fmla="*/ 132 h 374"/>
                <a:gd name="T96" fmla="*/ 294 w 492"/>
                <a:gd name="T97" fmla="*/ 134 h 374"/>
                <a:gd name="T98" fmla="*/ 295 w 492"/>
                <a:gd name="T99" fmla="*/ 139 h 374"/>
                <a:gd name="T100" fmla="*/ 292 w 492"/>
                <a:gd name="T101" fmla="*/ 145 h 374"/>
                <a:gd name="T102" fmla="*/ 286 w 492"/>
                <a:gd name="T103" fmla="*/ 148 h 374"/>
                <a:gd name="T104" fmla="*/ 276 w 492"/>
                <a:gd name="T105" fmla="*/ 154 h 374"/>
                <a:gd name="T106" fmla="*/ 266 w 492"/>
                <a:gd name="T107" fmla="*/ 171 h 374"/>
                <a:gd name="T108" fmla="*/ 263 w 492"/>
                <a:gd name="T109" fmla="*/ 173 h 374"/>
                <a:gd name="T110" fmla="*/ 259 w 492"/>
                <a:gd name="T111" fmla="*/ 177 h 374"/>
                <a:gd name="T112" fmla="*/ 251 w 492"/>
                <a:gd name="T113" fmla="*/ 179 h 374"/>
                <a:gd name="T114" fmla="*/ 240 w 492"/>
                <a:gd name="T115" fmla="*/ 196 h 374"/>
                <a:gd name="T116" fmla="*/ 236 w 492"/>
                <a:gd name="T117" fmla="*/ 201 h 374"/>
                <a:gd name="T118" fmla="*/ 214 w 492"/>
                <a:gd name="T119" fmla="*/ 207 h 374"/>
                <a:gd name="T120" fmla="*/ 194 w 492"/>
                <a:gd name="T121" fmla="*/ 221 h 374"/>
                <a:gd name="T122" fmla="*/ 187 w 492"/>
                <a:gd name="T123" fmla="*/ 245 h 374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w 492"/>
                <a:gd name="T187" fmla="*/ 0 h 374"/>
                <a:gd name="T188" fmla="*/ 492 w 492"/>
                <a:gd name="T189" fmla="*/ 374 h 374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T186" t="T187" r="T188" b="T189"/>
              <a:pathLst>
                <a:path w="492" h="374">
                  <a:moveTo>
                    <a:pt x="269" y="374"/>
                  </a:moveTo>
                  <a:lnTo>
                    <a:pt x="269" y="372"/>
                  </a:lnTo>
                  <a:lnTo>
                    <a:pt x="267" y="370"/>
                  </a:lnTo>
                  <a:lnTo>
                    <a:pt x="267" y="369"/>
                  </a:lnTo>
                  <a:lnTo>
                    <a:pt x="267" y="367"/>
                  </a:lnTo>
                  <a:lnTo>
                    <a:pt x="267" y="365"/>
                  </a:lnTo>
                  <a:lnTo>
                    <a:pt x="267" y="364"/>
                  </a:lnTo>
                  <a:lnTo>
                    <a:pt x="267" y="362"/>
                  </a:lnTo>
                  <a:lnTo>
                    <a:pt x="266" y="348"/>
                  </a:lnTo>
                  <a:lnTo>
                    <a:pt x="261" y="338"/>
                  </a:lnTo>
                  <a:lnTo>
                    <a:pt x="255" y="330"/>
                  </a:lnTo>
                  <a:lnTo>
                    <a:pt x="249" y="321"/>
                  </a:lnTo>
                  <a:lnTo>
                    <a:pt x="242" y="316"/>
                  </a:lnTo>
                  <a:lnTo>
                    <a:pt x="235" y="313"/>
                  </a:lnTo>
                  <a:lnTo>
                    <a:pt x="232" y="309"/>
                  </a:lnTo>
                  <a:lnTo>
                    <a:pt x="230" y="308"/>
                  </a:lnTo>
                  <a:lnTo>
                    <a:pt x="228" y="292"/>
                  </a:lnTo>
                  <a:lnTo>
                    <a:pt x="225" y="282"/>
                  </a:lnTo>
                  <a:lnTo>
                    <a:pt x="218" y="274"/>
                  </a:lnTo>
                  <a:lnTo>
                    <a:pt x="211" y="269"/>
                  </a:lnTo>
                  <a:lnTo>
                    <a:pt x="205" y="265"/>
                  </a:lnTo>
                  <a:lnTo>
                    <a:pt x="200" y="264"/>
                  </a:lnTo>
                  <a:lnTo>
                    <a:pt x="195" y="262"/>
                  </a:lnTo>
                  <a:lnTo>
                    <a:pt x="193" y="262"/>
                  </a:lnTo>
                  <a:lnTo>
                    <a:pt x="193" y="260"/>
                  </a:lnTo>
                  <a:lnTo>
                    <a:pt x="189" y="259"/>
                  </a:lnTo>
                  <a:lnTo>
                    <a:pt x="184" y="254"/>
                  </a:lnTo>
                  <a:lnTo>
                    <a:pt x="179" y="250"/>
                  </a:lnTo>
                  <a:lnTo>
                    <a:pt x="174" y="245"/>
                  </a:lnTo>
                  <a:lnTo>
                    <a:pt x="171" y="240"/>
                  </a:lnTo>
                  <a:lnTo>
                    <a:pt x="167" y="237"/>
                  </a:lnTo>
                  <a:lnTo>
                    <a:pt x="166" y="233"/>
                  </a:lnTo>
                  <a:lnTo>
                    <a:pt x="162" y="225"/>
                  </a:lnTo>
                  <a:lnTo>
                    <a:pt x="157" y="218"/>
                  </a:lnTo>
                  <a:lnTo>
                    <a:pt x="154" y="213"/>
                  </a:lnTo>
                  <a:lnTo>
                    <a:pt x="149" y="211"/>
                  </a:lnTo>
                  <a:lnTo>
                    <a:pt x="145" y="210"/>
                  </a:lnTo>
                  <a:lnTo>
                    <a:pt x="142" y="210"/>
                  </a:lnTo>
                  <a:lnTo>
                    <a:pt x="139" y="210"/>
                  </a:lnTo>
                  <a:lnTo>
                    <a:pt x="137" y="208"/>
                  </a:lnTo>
                  <a:lnTo>
                    <a:pt x="135" y="204"/>
                  </a:lnTo>
                  <a:lnTo>
                    <a:pt x="132" y="203"/>
                  </a:lnTo>
                  <a:lnTo>
                    <a:pt x="130" y="199"/>
                  </a:lnTo>
                  <a:lnTo>
                    <a:pt x="127" y="193"/>
                  </a:lnTo>
                  <a:lnTo>
                    <a:pt x="123" y="188"/>
                  </a:lnTo>
                  <a:lnTo>
                    <a:pt x="120" y="184"/>
                  </a:lnTo>
                  <a:lnTo>
                    <a:pt x="117" y="182"/>
                  </a:lnTo>
                  <a:lnTo>
                    <a:pt x="113" y="181"/>
                  </a:lnTo>
                  <a:lnTo>
                    <a:pt x="112" y="182"/>
                  </a:lnTo>
                  <a:lnTo>
                    <a:pt x="108" y="182"/>
                  </a:lnTo>
                  <a:lnTo>
                    <a:pt x="101" y="181"/>
                  </a:lnTo>
                  <a:lnTo>
                    <a:pt x="96" y="179"/>
                  </a:lnTo>
                  <a:lnTo>
                    <a:pt x="93" y="174"/>
                  </a:lnTo>
                  <a:lnTo>
                    <a:pt x="90" y="169"/>
                  </a:lnTo>
                  <a:lnTo>
                    <a:pt x="86" y="164"/>
                  </a:lnTo>
                  <a:lnTo>
                    <a:pt x="85" y="160"/>
                  </a:lnTo>
                  <a:lnTo>
                    <a:pt x="83" y="157"/>
                  </a:lnTo>
                  <a:lnTo>
                    <a:pt x="83" y="155"/>
                  </a:lnTo>
                  <a:lnTo>
                    <a:pt x="78" y="152"/>
                  </a:lnTo>
                  <a:lnTo>
                    <a:pt x="71" y="145"/>
                  </a:lnTo>
                  <a:lnTo>
                    <a:pt x="66" y="138"/>
                  </a:lnTo>
                  <a:lnTo>
                    <a:pt x="61" y="132"/>
                  </a:lnTo>
                  <a:lnTo>
                    <a:pt x="57" y="125"/>
                  </a:lnTo>
                  <a:lnTo>
                    <a:pt x="56" y="118"/>
                  </a:lnTo>
                  <a:lnTo>
                    <a:pt x="52" y="115"/>
                  </a:lnTo>
                  <a:lnTo>
                    <a:pt x="52" y="113"/>
                  </a:lnTo>
                  <a:lnTo>
                    <a:pt x="52" y="111"/>
                  </a:lnTo>
                  <a:lnTo>
                    <a:pt x="49" y="111"/>
                  </a:lnTo>
                  <a:lnTo>
                    <a:pt x="47" y="111"/>
                  </a:lnTo>
                  <a:lnTo>
                    <a:pt x="46" y="110"/>
                  </a:lnTo>
                  <a:lnTo>
                    <a:pt x="39" y="110"/>
                  </a:lnTo>
                  <a:lnTo>
                    <a:pt x="32" y="108"/>
                  </a:lnTo>
                  <a:lnTo>
                    <a:pt x="27" y="106"/>
                  </a:lnTo>
                  <a:lnTo>
                    <a:pt x="24" y="105"/>
                  </a:lnTo>
                  <a:lnTo>
                    <a:pt x="20" y="103"/>
                  </a:lnTo>
                  <a:lnTo>
                    <a:pt x="19" y="101"/>
                  </a:lnTo>
                  <a:lnTo>
                    <a:pt x="17" y="100"/>
                  </a:lnTo>
                  <a:lnTo>
                    <a:pt x="5" y="98"/>
                  </a:lnTo>
                  <a:lnTo>
                    <a:pt x="0" y="93"/>
                  </a:lnTo>
                  <a:lnTo>
                    <a:pt x="0" y="84"/>
                  </a:lnTo>
                  <a:lnTo>
                    <a:pt x="2" y="74"/>
                  </a:lnTo>
                  <a:lnTo>
                    <a:pt x="7" y="66"/>
                  </a:lnTo>
                  <a:lnTo>
                    <a:pt x="13" y="57"/>
                  </a:lnTo>
                  <a:lnTo>
                    <a:pt x="17" y="52"/>
                  </a:lnTo>
                  <a:lnTo>
                    <a:pt x="19" y="50"/>
                  </a:lnTo>
                  <a:lnTo>
                    <a:pt x="20" y="52"/>
                  </a:lnTo>
                  <a:lnTo>
                    <a:pt x="22" y="50"/>
                  </a:lnTo>
                  <a:lnTo>
                    <a:pt x="24" y="49"/>
                  </a:lnTo>
                  <a:lnTo>
                    <a:pt x="27" y="45"/>
                  </a:lnTo>
                  <a:lnTo>
                    <a:pt x="30" y="42"/>
                  </a:lnTo>
                  <a:lnTo>
                    <a:pt x="35" y="39"/>
                  </a:lnTo>
                  <a:lnTo>
                    <a:pt x="41" y="35"/>
                  </a:lnTo>
                  <a:lnTo>
                    <a:pt x="47" y="32"/>
                  </a:lnTo>
                  <a:lnTo>
                    <a:pt x="52" y="28"/>
                  </a:lnTo>
                  <a:lnTo>
                    <a:pt x="61" y="23"/>
                  </a:lnTo>
                  <a:lnTo>
                    <a:pt x="68" y="20"/>
                  </a:lnTo>
                  <a:lnTo>
                    <a:pt x="76" y="17"/>
                  </a:lnTo>
                  <a:lnTo>
                    <a:pt x="85" y="15"/>
                  </a:lnTo>
                  <a:lnTo>
                    <a:pt x="95" y="13"/>
                  </a:lnTo>
                  <a:lnTo>
                    <a:pt x="105" y="10"/>
                  </a:lnTo>
                  <a:lnTo>
                    <a:pt x="113" y="10"/>
                  </a:lnTo>
                  <a:lnTo>
                    <a:pt x="206" y="1"/>
                  </a:lnTo>
                  <a:lnTo>
                    <a:pt x="208" y="1"/>
                  </a:lnTo>
                  <a:lnTo>
                    <a:pt x="210" y="0"/>
                  </a:lnTo>
                  <a:lnTo>
                    <a:pt x="215" y="0"/>
                  </a:lnTo>
                  <a:lnTo>
                    <a:pt x="222" y="0"/>
                  </a:lnTo>
                  <a:lnTo>
                    <a:pt x="228" y="1"/>
                  </a:lnTo>
                  <a:lnTo>
                    <a:pt x="235" y="5"/>
                  </a:lnTo>
                  <a:lnTo>
                    <a:pt x="242" y="12"/>
                  </a:lnTo>
                  <a:lnTo>
                    <a:pt x="250" y="23"/>
                  </a:lnTo>
                  <a:lnTo>
                    <a:pt x="254" y="37"/>
                  </a:lnTo>
                  <a:lnTo>
                    <a:pt x="362" y="20"/>
                  </a:lnTo>
                  <a:lnTo>
                    <a:pt x="492" y="115"/>
                  </a:lnTo>
                  <a:lnTo>
                    <a:pt x="491" y="115"/>
                  </a:lnTo>
                  <a:lnTo>
                    <a:pt x="489" y="118"/>
                  </a:lnTo>
                  <a:lnTo>
                    <a:pt x="486" y="120"/>
                  </a:lnTo>
                  <a:lnTo>
                    <a:pt x="484" y="122"/>
                  </a:lnTo>
                  <a:lnTo>
                    <a:pt x="481" y="125"/>
                  </a:lnTo>
                  <a:lnTo>
                    <a:pt x="475" y="130"/>
                  </a:lnTo>
                  <a:lnTo>
                    <a:pt x="472" y="133"/>
                  </a:lnTo>
                  <a:lnTo>
                    <a:pt x="467" y="140"/>
                  </a:lnTo>
                  <a:lnTo>
                    <a:pt x="464" y="145"/>
                  </a:lnTo>
                  <a:lnTo>
                    <a:pt x="459" y="150"/>
                  </a:lnTo>
                  <a:lnTo>
                    <a:pt x="455" y="159"/>
                  </a:lnTo>
                  <a:lnTo>
                    <a:pt x="450" y="166"/>
                  </a:lnTo>
                  <a:lnTo>
                    <a:pt x="447" y="174"/>
                  </a:lnTo>
                  <a:lnTo>
                    <a:pt x="443" y="182"/>
                  </a:lnTo>
                  <a:lnTo>
                    <a:pt x="440" y="191"/>
                  </a:lnTo>
                  <a:lnTo>
                    <a:pt x="437" y="189"/>
                  </a:lnTo>
                  <a:lnTo>
                    <a:pt x="435" y="188"/>
                  </a:lnTo>
                  <a:lnTo>
                    <a:pt x="435" y="186"/>
                  </a:lnTo>
                  <a:lnTo>
                    <a:pt x="433" y="186"/>
                  </a:lnTo>
                  <a:lnTo>
                    <a:pt x="433" y="188"/>
                  </a:lnTo>
                  <a:lnTo>
                    <a:pt x="431" y="191"/>
                  </a:lnTo>
                  <a:lnTo>
                    <a:pt x="431" y="194"/>
                  </a:lnTo>
                  <a:lnTo>
                    <a:pt x="431" y="198"/>
                  </a:lnTo>
                  <a:lnTo>
                    <a:pt x="433" y="199"/>
                  </a:lnTo>
                  <a:lnTo>
                    <a:pt x="435" y="201"/>
                  </a:lnTo>
                  <a:lnTo>
                    <a:pt x="440" y="203"/>
                  </a:lnTo>
                  <a:lnTo>
                    <a:pt x="442" y="203"/>
                  </a:lnTo>
                  <a:lnTo>
                    <a:pt x="442" y="204"/>
                  </a:lnTo>
                  <a:lnTo>
                    <a:pt x="443" y="206"/>
                  </a:lnTo>
                  <a:lnTo>
                    <a:pt x="443" y="210"/>
                  </a:lnTo>
                  <a:lnTo>
                    <a:pt x="443" y="213"/>
                  </a:lnTo>
                  <a:lnTo>
                    <a:pt x="440" y="216"/>
                  </a:lnTo>
                  <a:lnTo>
                    <a:pt x="437" y="221"/>
                  </a:lnTo>
                  <a:lnTo>
                    <a:pt x="431" y="225"/>
                  </a:lnTo>
                  <a:lnTo>
                    <a:pt x="430" y="225"/>
                  </a:lnTo>
                  <a:lnTo>
                    <a:pt x="428" y="225"/>
                  </a:lnTo>
                  <a:lnTo>
                    <a:pt x="423" y="228"/>
                  </a:lnTo>
                  <a:lnTo>
                    <a:pt x="418" y="230"/>
                  </a:lnTo>
                  <a:lnTo>
                    <a:pt x="413" y="235"/>
                  </a:lnTo>
                  <a:lnTo>
                    <a:pt x="408" y="240"/>
                  </a:lnTo>
                  <a:lnTo>
                    <a:pt x="403" y="248"/>
                  </a:lnTo>
                  <a:lnTo>
                    <a:pt x="398" y="259"/>
                  </a:lnTo>
                  <a:lnTo>
                    <a:pt x="396" y="260"/>
                  </a:lnTo>
                  <a:lnTo>
                    <a:pt x="394" y="262"/>
                  </a:lnTo>
                  <a:lnTo>
                    <a:pt x="393" y="265"/>
                  </a:lnTo>
                  <a:lnTo>
                    <a:pt x="391" y="267"/>
                  </a:lnTo>
                  <a:lnTo>
                    <a:pt x="389" y="269"/>
                  </a:lnTo>
                  <a:lnTo>
                    <a:pt x="387" y="270"/>
                  </a:lnTo>
                  <a:lnTo>
                    <a:pt x="376" y="272"/>
                  </a:lnTo>
                  <a:lnTo>
                    <a:pt x="376" y="277"/>
                  </a:lnTo>
                  <a:lnTo>
                    <a:pt x="384" y="279"/>
                  </a:lnTo>
                  <a:lnTo>
                    <a:pt x="359" y="299"/>
                  </a:lnTo>
                  <a:lnTo>
                    <a:pt x="354" y="291"/>
                  </a:lnTo>
                  <a:lnTo>
                    <a:pt x="349" y="299"/>
                  </a:lnTo>
                  <a:lnTo>
                    <a:pt x="354" y="304"/>
                  </a:lnTo>
                  <a:lnTo>
                    <a:pt x="343" y="316"/>
                  </a:lnTo>
                  <a:lnTo>
                    <a:pt x="335" y="314"/>
                  </a:lnTo>
                  <a:lnTo>
                    <a:pt x="320" y="314"/>
                  </a:lnTo>
                  <a:lnTo>
                    <a:pt x="305" y="316"/>
                  </a:lnTo>
                  <a:lnTo>
                    <a:pt x="296" y="320"/>
                  </a:lnTo>
                  <a:lnTo>
                    <a:pt x="291" y="336"/>
                  </a:lnTo>
                  <a:lnTo>
                    <a:pt x="303" y="348"/>
                  </a:lnTo>
                  <a:lnTo>
                    <a:pt x="289" y="374"/>
                  </a:lnTo>
                  <a:lnTo>
                    <a:pt x="281" y="372"/>
                  </a:lnTo>
                  <a:lnTo>
                    <a:pt x="269" y="374"/>
                  </a:lnTo>
                  <a:close/>
                </a:path>
              </a:pathLst>
            </a:custGeom>
            <a:solidFill>
              <a:srgbClr val="0033CC"/>
            </a:solidFill>
            <a:ln w="9525">
              <a:solidFill>
                <a:sysClr val="window" lastClr="FFFFFF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40" name="Freeform 14"/>
            <p:cNvSpPr>
              <a:spLocks/>
            </p:cNvSpPr>
            <p:nvPr/>
          </p:nvSpPr>
          <p:spPr bwMode="auto">
            <a:xfrm>
              <a:off x="4869" y="1704"/>
              <a:ext cx="76" cy="93"/>
            </a:xfrm>
            <a:custGeom>
              <a:avLst/>
              <a:gdLst>
                <a:gd name="T0" fmla="*/ 19 w 78"/>
                <a:gd name="T1" fmla="*/ 61 h 95"/>
                <a:gd name="T2" fmla="*/ 16 w 78"/>
                <a:gd name="T3" fmla="*/ 63 h 95"/>
                <a:gd name="T4" fmla="*/ 16 w 78"/>
                <a:gd name="T5" fmla="*/ 63 h 95"/>
                <a:gd name="T6" fmla="*/ 16 w 78"/>
                <a:gd name="T7" fmla="*/ 64 h 95"/>
                <a:gd name="T8" fmla="*/ 16 w 78"/>
                <a:gd name="T9" fmla="*/ 64 h 95"/>
                <a:gd name="T10" fmla="*/ 16 w 78"/>
                <a:gd name="T11" fmla="*/ 65 h 95"/>
                <a:gd name="T12" fmla="*/ 16 w 78"/>
                <a:gd name="T13" fmla="*/ 66 h 95"/>
                <a:gd name="T14" fmla="*/ 16 w 78"/>
                <a:gd name="T15" fmla="*/ 68 h 95"/>
                <a:gd name="T16" fmla="*/ 16 w 78"/>
                <a:gd name="T17" fmla="*/ 68 h 95"/>
                <a:gd name="T18" fmla="*/ 17 w 78"/>
                <a:gd name="T19" fmla="*/ 69 h 95"/>
                <a:gd name="T20" fmla="*/ 19 w 78"/>
                <a:gd name="T21" fmla="*/ 69 h 95"/>
                <a:gd name="T22" fmla="*/ 19 w 78"/>
                <a:gd name="T23" fmla="*/ 68 h 95"/>
                <a:gd name="T24" fmla="*/ 19 w 78"/>
                <a:gd name="T25" fmla="*/ 66 h 95"/>
                <a:gd name="T26" fmla="*/ 22 w 78"/>
                <a:gd name="T27" fmla="*/ 64 h 95"/>
                <a:gd name="T28" fmla="*/ 25 w 78"/>
                <a:gd name="T29" fmla="*/ 63 h 95"/>
                <a:gd name="T30" fmla="*/ 27 w 78"/>
                <a:gd name="T31" fmla="*/ 61 h 95"/>
                <a:gd name="T32" fmla="*/ 29 w 78"/>
                <a:gd name="T33" fmla="*/ 60 h 95"/>
                <a:gd name="T34" fmla="*/ 30 w 78"/>
                <a:gd name="T35" fmla="*/ 59 h 95"/>
                <a:gd name="T36" fmla="*/ 36 w 78"/>
                <a:gd name="T37" fmla="*/ 59 h 95"/>
                <a:gd name="T38" fmla="*/ 36 w 78"/>
                <a:gd name="T39" fmla="*/ 50 h 95"/>
                <a:gd name="T40" fmla="*/ 25 w 78"/>
                <a:gd name="T41" fmla="*/ 23 h 95"/>
                <a:gd name="T42" fmla="*/ 34 w 78"/>
                <a:gd name="T43" fmla="*/ 23 h 95"/>
                <a:gd name="T44" fmla="*/ 41 w 78"/>
                <a:gd name="T45" fmla="*/ 23 h 95"/>
                <a:gd name="T46" fmla="*/ 44 w 78"/>
                <a:gd name="T47" fmla="*/ 23 h 95"/>
                <a:gd name="T48" fmla="*/ 45 w 78"/>
                <a:gd name="T49" fmla="*/ 23 h 95"/>
                <a:gd name="T50" fmla="*/ 45 w 78"/>
                <a:gd name="T51" fmla="*/ 23 h 95"/>
                <a:gd name="T52" fmla="*/ 47 w 78"/>
                <a:gd name="T53" fmla="*/ 25 h 95"/>
                <a:gd name="T54" fmla="*/ 48 w 78"/>
                <a:gd name="T55" fmla="*/ 28 h 95"/>
                <a:gd name="T56" fmla="*/ 49 w 78"/>
                <a:gd name="T57" fmla="*/ 38 h 95"/>
                <a:gd name="T58" fmla="*/ 51 w 78"/>
                <a:gd name="T59" fmla="*/ 44 h 95"/>
                <a:gd name="T60" fmla="*/ 51 w 78"/>
                <a:gd name="T61" fmla="*/ 47 h 95"/>
                <a:gd name="T62" fmla="*/ 52 w 78"/>
                <a:gd name="T63" fmla="*/ 45 h 95"/>
                <a:gd name="T64" fmla="*/ 53 w 78"/>
                <a:gd name="T65" fmla="*/ 44 h 95"/>
                <a:gd name="T66" fmla="*/ 53 w 78"/>
                <a:gd name="T67" fmla="*/ 40 h 95"/>
                <a:gd name="T68" fmla="*/ 54 w 78"/>
                <a:gd name="T69" fmla="*/ 38 h 95"/>
                <a:gd name="T70" fmla="*/ 54 w 78"/>
                <a:gd name="T71" fmla="*/ 37 h 95"/>
                <a:gd name="T72" fmla="*/ 54 w 78"/>
                <a:gd name="T73" fmla="*/ 38 h 95"/>
                <a:gd name="T74" fmla="*/ 53 w 78"/>
                <a:gd name="T75" fmla="*/ 38 h 95"/>
                <a:gd name="T76" fmla="*/ 53 w 78"/>
                <a:gd name="T77" fmla="*/ 37 h 95"/>
                <a:gd name="T78" fmla="*/ 53 w 78"/>
                <a:gd name="T79" fmla="*/ 35 h 95"/>
                <a:gd name="T80" fmla="*/ 52 w 78"/>
                <a:gd name="T81" fmla="*/ 32 h 95"/>
                <a:gd name="T82" fmla="*/ 51 w 78"/>
                <a:gd name="T83" fmla="*/ 30 h 95"/>
                <a:gd name="T84" fmla="*/ 51 w 78"/>
                <a:gd name="T85" fmla="*/ 28 h 95"/>
                <a:gd name="T86" fmla="*/ 51 w 78"/>
                <a:gd name="T87" fmla="*/ 27 h 95"/>
                <a:gd name="T88" fmla="*/ 51 w 78"/>
                <a:gd name="T89" fmla="*/ 27 h 95"/>
                <a:gd name="T90" fmla="*/ 48 w 78"/>
                <a:gd name="T91" fmla="*/ 23 h 95"/>
                <a:gd name="T92" fmla="*/ 44 w 78"/>
                <a:gd name="T93" fmla="*/ 23 h 95"/>
                <a:gd name="T94" fmla="*/ 37 w 78"/>
                <a:gd name="T95" fmla="*/ 23 h 95"/>
                <a:gd name="T96" fmla="*/ 32 w 78"/>
                <a:gd name="T97" fmla="*/ 14 h 95"/>
                <a:gd name="T98" fmla="*/ 25 w 78"/>
                <a:gd name="T99" fmla="*/ 14 h 95"/>
                <a:gd name="T100" fmla="*/ 20 w 78"/>
                <a:gd name="T101" fmla="*/ 0 h 95"/>
                <a:gd name="T102" fmla="*/ 0 w 78"/>
                <a:gd name="T103" fmla="*/ 8 h 95"/>
                <a:gd name="T104" fmla="*/ 19 w 78"/>
                <a:gd name="T105" fmla="*/ 61 h 95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w 78"/>
                <a:gd name="T160" fmla="*/ 0 h 95"/>
                <a:gd name="T161" fmla="*/ 78 w 78"/>
                <a:gd name="T162" fmla="*/ 95 h 95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T159" t="T160" r="T161" b="T162"/>
              <a:pathLst>
                <a:path w="78" h="95">
                  <a:moveTo>
                    <a:pt x="21" y="80"/>
                  </a:moveTo>
                  <a:lnTo>
                    <a:pt x="16" y="83"/>
                  </a:lnTo>
                  <a:lnTo>
                    <a:pt x="16" y="85"/>
                  </a:lnTo>
                  <a:lnTo>
                    <a:pt x="16" y="86"/>
                  </a:lnTo>
                  <a:lnTo>
                    <a:pt x="16" y="88"/>
                  </a:lnTo>
                  <a:lnTo>
                    <a:pt x="16" y="90"/>
                  </a:lnTo>
                  <a:lnTo>
                    <a:pt x="16" y="93"/>
                  </a:lnTo>
                  <a:lnTo>
                    <a:pt x="17" y="95"/>
                  </a:lnTo>
                  <a:lnTo>
                    <a:pt x="22" y="95"/>
                  </a:lnTo>
                  <a:lnTo>
                    <a:pt x="28" y="93"/>
                  </a:lnTo>
                  <a:lnTo>
                    <a:pt x="31" y="90"/>
                  </a:lnTo>
                  <a:lnTo>
                    <a:pt x="36" y="86"/>
                  </a:lnTo>
                  <a:lnTo>
                    <a:pt x="39" y="83"/>
                  </a:lnTo>
                  <a:lnTo>
                    <a:pt x="41" y="80"/>
                  </a:lnTo>
                  <a:lnTo>
                    <a:pt x="43" y="78"/>
                  </a:lnTo>
                  <a:lnTo>
                    <a:pt x="44" y="76"/>
                  </a:lnTo>
                  <a:lnTo>
                    <a:pt x="50" y="76"/>
                  </a:lnTo>
                  <a:lnTo>
                    <a:pt x="50" y="64"/>
                  </a:lnTo>
                  <a:lnTo>
                    <a:pt x="39" y="30"/>
                  </a:lnTo>
                  <a:lnTo>
                    <a:pt x="48" y="29"/>
                  </a:lnTo>
                  <a:lnTo>
                    <a:pt x="55" y="36"/>
                  </a:lnTo>
                  <a:lnTo>
                    <a:pt x="58" y="36"/>
                  </a:lnTo>
                  <a:lnTo>
                    <a:pt x="60" y="36"/>
                  </a:lnTo>
                  <a:lnTo>
                    <a:pt x="61" y="37"/>
                  </a:lnTo>
                  <a:lnTo>
                    <a:pt x="65" y="39"/>
                  </a:lnTo>
                  <a:lnTo>
                    <a:pt x="66" y="42"/>
                  </a:lnTo>
                  <a:lnTo>
                    <a:pt x="68" y="52"/>
                  </a:lnTo>
                  <a:lnTo>
                    <a:pt x="72" y="58"/>
                  </a:lnTo>
                  <a:lnTo>
                    <a:pt x="73" y="61"/>
                  </a:lnTo>
                  <a:lnTo>
                    <a:pt x="75" y="59"/>
                  </a:lnTo>
                  <a:lnTo>
                    <a:pt x="77" y="58"/>
                  </a:lnTo>
                  <a:lnTo>
                    <a:pt x="77" y="54"/>
                  </a:lnTo>
                  <a:lnTo>
                    <a:pt x="78" y="52"/>
                  </a:lnTo>
                  <a:lnTo>
                    <a:pt x="78" y="51"/>
                  </a:lnTo>
                  <a:lnTo>
                    <a:pt x="78" y="52"/>
                  </a:lnTo>
                  <a:lnTo>
                    <a:pt x="77" y="52"/>
                  </a:lnTo>
                  <a:lnTo>
                    <a:pt x="77" y="51"/>
                  </a:lnTo>
                  <a:lnTo>
                    <a:pt x="77" y="49"/>
                  </a:lnTo>
                  <a:lnTo>
                    <a:pt x="75" y="46"/>
                  </a:lnTo>
                  <a:lnTo>
                    <a:pt x="73" y="44"/>
                  </a:lnTo>
                  <a:lnTo>
                    <a:pt x="73" y="42"/>
                  </a:lnTo>
                  <a:lnTo>
                    <a:pt x="73" y="41"/>
                  </a:lnTo>
                  <a:lnTo>
                    <a:pt x="66" y="36"/>
                  </a:lnTo>
                  <a:lnTo>
                    <a:pt x="58" y="30"/>
                  </a:lnTo>
                  <a:lnTo>
                    <a:pt x="51" y="29"/>
                  </a:lnTo>
                  <a:lnTo>
                    <a:pt x="46" y="14"/>
                  </a:lnTo>
                  <a:lnTo>
                    <a:pt x="39" y="14"/>
                  </a:lnTo>
                  <a:lnTo>
                    <a:pt x="34" y="0"/>
                  </a:lnTo>
                  <a:lnTo>
                    <a:pt x="0" y="8"/>
                  </a:lnTo>
                  <a:lnTo>
                    <a:pt x="21" y="80"/>
                  </a:lnTo>
                  <a:close/>
                </a:path>
              </a:pathLst>
            </a:custGeom>
            <a:solidFill>
              <a:srgbClr val="00FF00"/>
            </a:solidFill>
            <a:ln w="9525">
              <a:solidFill>
                <a:sysClr val="window" lastClr="FFFFFF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741" name="Group 15"/>
            <p:cNvGrpSpPr>
              <a:grpSpLocks/>
            </p:cNvGrpSpPr>
            <p:nvPr/>
          </p:nvGrpSpPr>
          <p:grpSpPr bwMode="auto">
            <a:xfrm>
              <a:off x="2752" y="1791"/>
              <a:ext cx="1909" cy="2193"/>
              <a:chOff x="2691" y="1840"/>
              <a:chExt cx="1909" cy="2193"/>
            </a:xfrm>
          </p:grpSpPr>
          <p:grpSp>
            <p:nvGrpSpPr>
              <p:cNvPr id="882" name="Group 16"/>
              <p:cNvGrpSpPr>
                <a:grpSpLocks/>
              </p:cNvGrpSpPr>
              <p:nvPr/>
            </p:nvGrpSpPr>
            <p:grpSpPr bwMode="auto">
              <a:xfrm>
                <a:off x="3537" y="3290"/>
                <a:ext cx="873" cy="743"/>
                <a:chOff x="3822" y="2894"/>
                <a:chExt cx="897" cy="765"/>
              </a:xfrm>
            </p:grpSpPr>
            <p:sp>
              <p:nvSpPr>
                <p:cNvPr id="888" name="Freeform 17"/>
                <p:cNvSpPr>
                  <a:spLocks/>
                </p:cNvSpPr>
                <p:nvPr/>
              </p:nvSpPr>
              <p:spPr bwMode="auto">
                <a:xfrm>
                  <a:off x="3822" y="2894"/>
                  <a:ext cx="890" cy="684"/>
                </a:xfrm>
                <a:custGeom>
                  <a:avLst/>
                  <a:gdLst>
                    <a:gd name="T0" fmla="*/ 641 w 890"/>
                    <a:gd name="T1" fmla="*/ 49 h 684"/>
                    <a:gd name="T2" fmla="*/ 641 w 890"/>
                    <a:gd name="T3" fmla="*/ 69 h 684"/>
                    <a:gd name="T4" fmla="*/ 682 w 890"/>
                    <a:gd name="T5" fmla="*/ 112 h 684"/>
                    <a:gd name="T6" fmla="*/ 717 w 890"/>
                    <a:gd name="T7" fmla="*/ 161 h 684"/>
                    <a:gd name="T8" fmla="*/ 732 w 890"/>
                    <a:gd name="T9" fmla="*/ 190 h 684"/>
                    <a:gd name="T10" fmla="*/ 721 w 890"/>
                    <a:gd name="T11" fmla="*/ 183 h 684"/>
                    <a:gd name="T12" fmla="*/ 758 w 890"/>
                    <a:gd name="T13" fmla="*/ 235 h 684"/>
                    <a:gd name="T14" fmla="*/ 773 w 890"/>
                    <a:gd name="T15" fmla="*/ 279 h 684"/>
                    <a:gd name="T16" fmla="*/ 832 w 890"/>
                    <a:gd name="T17" fmla="*/ 381 h 684"/>
                    <a:gd name="T18" fmla="*/ 856 w 890"/>
                    <a:gd name="T19" fmla="*/ 420 h 684"/>
                    <a:gd name="T20" fmla="*/ 875 w 890"/>
                    <a:gd name="T21" fmla="*/ 450 h 684"/>
                    <a:gd name="T22" fmla="*/ 888 w 890"/>
                    <a:gd name="T23" fmla="*/ 479 h 684"/>
                    <a:gd name="T24" fmla="*/ 890 w 890"/>
                    <a:gd name="T25" fmla="*/ 564 h 684"/>
                    <a:gd name="T26" fmla="*/ 876 w 890"/>
                    <a:gd name="T27" fmla="*/ 609 h 684"/>
                    <a:gd name="T28" fmla="*/ 878 w 890"/>
                    <a:gd name="T29" fmla="*/ 641 h 684"/>
                    <a:gd name="T30" fmla="*/ 842 w 890"/>
                    <a:gd name="T31" fmla="*/ 674 h 684"/>
                    <a:gd name="T32" fmla="*/ 800 w 890"/>
                    <a:gd name="T33" fmla="*/ 684 h 684"/>
                    <a:gd name="T34" fmla="*/ 798 w 890"/>
                    <a:gd name="T35" fmla="*/ 668 h 684"/>
                    <a:gd name="T36" fmla="*/ 807 w 890"/>
                    <a:gd name="T37" fmla="*/ 635 h 684"/>
                    <a:gd name="T38" fmla="*/ 797 w 890"/>
                    <a:gd name="T39" fmla="*/ 653 h 684"/>
                    <a:gd name="T40" fmla="*/ 749 w 890"/>
                    <a:gd name="T41" fmla="*/ 606 h 684"/>
                    <a:gd name="T42" fmla="*/ 714 w 890"/>
                    <a:gd name="T43" fmla="*/ 597 h 684"/>
                    <a:gd name="T44" fmla="*/ 697 w 890"/>
                    <a:gd name="T45" fmla="*/ 564 h 684"/>
                    <a:gd name="T46" fmla="*/ 661 w 890"/>
                    <a:gd name="T47" fmla="*/ 498 h 684"/>
                    <a:gd name="T48" fmla="*/ 633 w 890"/>
                    <a:gd name="T49" fmla="*/ 472 h 684"/>
                    <a:gd name="T50" fmla="*/ 631 w 890"/>
                    <a:gd name="T51" fmla="*/ 491 h 684"/>
                    <a:gd name="T52" fmla="*/ 584 w 890"/>
                    <a:gd name="T53" fmla="*/ 425 h 684"/>
                    <a:gd name="T54" fmla="*/ 587 w 890"/>
                    <a:gd name="T55" fmla="*/ 408 h 684"/>
                    <a:gd name="T56" fmla="*/ 578 w 890"/>
                    <a:gd name="T57" fmla="*/ 359 h 684"/>
                    <a:gd name="T58" fmla="*/ 575 w 890"/>
                    <a:gd name="T59" fmla="*/ 399 h 684"/>
                    <a:gd name="T60" fmla="*/ 556 w 890"/>
                    <a:gd name="T61" fmla="*/ 374 h 684"/>
                    <a:gd name="T62" fmla="*/ 562 w 890"/>
                    <a:gd name="T63" fmla="*/ 316 h 684"/>
                    <a:gd name="T64" fmla="*/ 560 w 890"/>
                    <a:gd name="T65" fmla="*/ 267 h 684"/>
                    <a:gd name="T66" fmla="*/ 555 w 890"/>
                    <a:gd name="T67" fmla="*/ 247 h 684"/>
                    <a:gd name="T68" fmla="*/ 521 w 890"/>
                    <a:gd name="T69" fmla="*/ 222 h 684"/>
                    <a:gd name="T70" fmla="*/ 467 w 890"/>
                    <a:gd name="T71" fmla="*/ 179 h 684"/>
                    <a:gd name="T72" fmla="*/ 424 w 890"/>
                    <a:gd name="T73" fmla="*/ 139 h 684"/>
                    <a:gd name="T74" fmla="*/ 355 w 890"/>
                    <a:gd name="T75" fmla="*/ 132 h 684"/>
                    <a:gd name="T76" fmla="*/ 320 w 890"/>
                    <a:gd name="T77" fmla="*/ 164 h 684"/>
                    <a:gd name="T78" fmla="*/ 308 w 890"/>
                    <a:gd name="T79" fmla="*/ 168 h 684"/>
                    <a:gd name="T80" fmla="*/ 277 w 890"/>
                    <a:gd name="T81" fmla="*/ 181 h 684"/>
                    <a:gd name="T82" fmla="*/ 245 w 890"/>
                    <a:gd name="T83" fmla="*/ 179 h 684"/>
                    <a:gd name="T84" fmla="*/ 238 w 890"/>
                    <a:gd name="T85" fmla="*/ 142 h 684"/>
                    <a:gd name="T86" fmla="*/ 206 w 890"/>
                    <a:gd name="T87" fmla="*/ 125 h 684"/>
                    <a:gd name="T88" fmla="*/ 172 w 890"/>
                    <a:gd name="T89" fmla="*/ 118 h 684"/>
                    <a:gd name="T90" fmla="*/ 127 w 890"/>
                    <a:gd name="T91" fmla="*/ 113 h 684"/>
                    <a:gd name="T92" fmla="*/ 157 w 890"/>
                    <a:gd name="T93" fmla="*/ 110 h 684"/>
                    <a:gd name="T94" fmla="*/ 101 w 890"/>
                    <a:gd name="T95" fmla="*/ 113 h 684"/>
                    <a:gd name="T96" fmla="*/ 52 w 890"/>
                    <a:gd name="T97" fmla="*/ 125 h 684"/>
                    <a:gd name="T98" fmla="*/ 67 w 890"/>
                    <a:gd name="T99" fmla="*/ 105 h 684"/>
                    <a:gd name="T100" fmla="*/ 51 w 890"/>
                    <a:gd name="T101" fmla="*/ 113 h 684"/>
                    <a:gd name="T102" fmla="*/ 22 w 890"/>
                    <a:gd name="T103" fmla="*/ 137 h 684"/>
                    <a:gd name="T104" fmla="*/ 23 w 890"/>
                    <a:gd name="T105" fmla="*/ 117 h 684"/>
                    <a:gd name="T106" fmla="*/ 25 w 890"/>
                    <a:gd name="T107" fmla="*/ 93 h 684"/>
                    <a:gd name="T108" fmla="*/ 572 w 890"/>
                    <a:gd name="T109" fmla="*/ 37 h 684"/>
                    <a:gd name="T110" fmla="*/ 594 w 890"/>
                    <a:gd name="T111" fmla="*/ 30 h 684"/>
                    <a:gd name="T112" fmla="*/ 616 w 890"/>
                    <a:gd name="T113" fmla="*/ 5 h 684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w 890"/>
                    <a:gd name="T172" fmla="*/ 0 h 684"/>
                    <a:gd name="T173" fmla="*/ 890 w 890"/>
                    <a:gd name="T174" fmla="*/ 684 h 684"/>
                  </a:gdLst>
                  <a:ahLst/>
                  <a:cxnLst>
                    <a:cxn ang="T114">
                      <a:pos x="T0" y="T1"/>
                    </a:cxn>
                    <a:cxn ang="T115">
                      <a:pos x="T2" y="T3"/>
                    </a:cxn>
                    <a:cxn ang="T116">
                      <a:pos x="T4" y="T5"/>
                    </a:cxn>
                    <a:cxn ang="T117">
                      <a:pos x="T6" y="T7"/>
                    </a:cxn>
                    <a:cxn ang="T118">
                      <a:pos x="T8" y="T9"/>
                    </a:cxn>
                    <a:cxn ang="T119">
                      <a:pos x="T10" y="T11"/>
                    </a:cxn>
                    <a:cxn ang="T120">
                      <a:pos x="T12" y="T13"/>
                    </a:cxn>
                    <a:cxn ang="T121">
                      <a:pos x="T14" y="T15"/>
                    </a:cxn>
                    <a:cxn ang="T122">
                      <a:pos x="T16" y="T17"/>
                    </a:cxn>
                    <a:cxn ang="T123">
                      <a:pos x="T18" y="T19"/>
                    </a:cxn>
                    <a:cxn ang="T124">
                      <a:pos x="T20" y="T21"/>
                    </a:cxn>
                    <a:cxn ang="T125">
                      <a:pos x="T22" y="T23"/>
                    </a:cxn>
                    <a:cxn ang="T126">
                      <a:pos x="T24" y="T25"/>
                    </a:cxn>
                    <a:cxn ang="T127">
                      <a:pos x="T26" y="T27"/>
                    </a:cxn>
                    <a:cxn ang="T128">
                      <a:pos x="T28" y="T29"/>
                    </a:cxn>
                    <a:cxn ang="T129">
                      <a:pos x="T30" y="T31"/>
                    </a:cxn>
                    <a:cxn ang="T130">
                      <a:pos x="T32" y="T33"/>
                    </a:cxn>
                    <a:cxn ang="T131">
                      <a:pos x="T34" y="T35"/>
                    </a:cxn>
                    <a:cxn ang="T132">
                      <a:pos x="T36" y="T37"/>
                    </a:cxn>
                    <a:cxn ang="T133">
                      <a:pos x="T38" y="T39"/>
                    </a:cxn>
                    <a:cxn ang="T134">
                      <a:pos x="T40" y="T41"/>
                    </a:cxn>
                    <a:cxn ang="T135">
                      <a:pos x="T42" y="T43"/>
                    </a:cxn>
                    <a:cxn ang="T136">
                      <a:pos x="T44" y="T45"/>
                    </a:cxn>
                    <a:cxn ang="T137">
                      <a:pos x="T46" y="T47"/>
                    </a:cxn>
                    <a:cxn ang="T138">
                      <a:pos x="T48" y="T49"/>
                    </a:cxn>
                    <a:cxn ang="T139">
                      <a:pos x="T50" y="T51"/>
                    </a:cxn>
                    <a:cxn ang="T140">
                      <a:pos x="T52" y="T53"/>
                    </a:cxn>
                    <a:cxn ang="T141">
                      <a:pos x="T54" y="T55"/>
                    </a:cxn>
                    <a:cxn ang="T142">
                      <a:pos x="T56" y="T57"/>
                    </a:cxn>
                    <a:cxn ang="T143">
                      <a:pos x="T58" y="T59"/>
                    </a:cxn>
                    <a:cxn ang="T144">
                      <a:pos x="T60" y="T61"/>
                    </a:cxn>
                    <a:cxn ang="T145">
                      <a:pos x="T62" y="T63"/>
                    </a:cxn>
                    <a:cxn ang="T146">
                      <a:pos x="T64" y="T65"/>
                    </a:cxn>
                    <a:cxn ang="T147">
                      <a:pos x="T66" y="T67"/>
                    </a:cxn>
                    <a:cxn ang="T148">
                      <a:pos x="T68" y="T69"/>
                    </a:cxn>
                    <a:cxn ang="T149">
                      <a:pos x="T70" y="T71"/>
                    </a:cxn>
                    <a:cxn ang="T150">
                      <a:pos x="T72" y="T73"/>
                    </a:cxn>
                    <a:cxn ang="T151">
                      <a:pos x="T74" y="T75"/>
                    </a:cxn>
                    <a:cxn ang="T152">
                      <a:pos x="T76" y="T77"/>
                    </a:cxn>
                    <a:cxn ang="T153">
                      <a:pos x="T78" y="T79"/>
                    </a:cxn>
                    <a:cxn ang="T154">
                      <a:pos x="T80" y="T81"/>
                    </a:cxn>
                    <a:cxn ang="T155">
                      <a:pos x="T82" y="T83"/>
                    </a:cxn>
                    <a:cxn ang="T156">
                      <a:pos x="T84" y="T85"/>
                    </a:cxn>
                    <a:cxn ang="T157">
                      <a:pos x="T86" y="T87"/>
                    </a:cxn>
                    <a:cxn ang="T158">
                      <a:pos x="T88" y="T89"/>
                    </a:cxn>
                    <a:cxn ang="T159">
                      <a:pos x="T90" y="T91"/>
                    </a:cxn>
                    <a:cxn ang="T160">
                      <a:pos x="T92" y="T93"/>
                    </a:cxn>
                    <a:cxn ang="T161">
                      <a:pos x="T94" y="T95"/>
                    </a:cxn>
                    <a:cxn ang="T162">
                      <a:pos x="T96" y="T97"/>
                    </a:cxn>
                    <a:cxn ang="T163">
                      <a:pos x="T98" y="T99"/>
                    </a:cxn>
                    <a:cxn ang="T164">
                      <a:pos x="T100" y="T101"/>
                    </a:cxn>
                    <a:cxn ang="T165">
                      <a:pos x="T102" y="T103"/>
                    </a:cxn>
                    <a:cxn ang="T166">
                      <a:pos x="T104" y="T105"/>
                    </a:cxn>
                    <a:cxn ang="T167">
                      <a:pos x="T106" y="T107"/>
                    </a:cxn>
                    <a:cxn ang="T168">
                      <a:pos x="T108" y="T109"/>
                    </a:cxn>
                    <a:cxn ang="T169">
                      <a:pos x="T110" y="T111"/>
                    </a:cxn>
                    <a:cxn ang="T170">
                      <a:pos x="T112" y="T113"/>
                    </a:cxn>
                  </a:cxnLst>
                  <a:rect l="T171" t="T172" r="T173" b="T174"/>
                  <a:pathLst>
                    <a:path w="890" h="684">
                      <a:moveTo>
                        <a:pt x="650" y="14"/>
                      </a:moveTo>
                      <a:lnTo>
                        <a:pt x="650" y="32"/>
                      </a:lnTo>
                      <a:lnTo>
                        <a:pt x="655" y="32"/>
                      </a:lnTo>
                      <a:lnTo>
                        <a:pt x="656" y="42"/>
                      </a:lnTo>
                      <a:lnTo>
                        <a:pt x="655" y="42"/>
                      </a:lnTo>
                      <a:lnTo>
                        <a:pt x="653" y="44"/>
                      </a:lnTo>
                      <a:lnTo>
                        <a:pt x="651" y="44"/>
                      </a:lnTo>
                      <a:lnTo>
                        <a:pt x="648" y="46"/>
                      </a:lnTo>
                      <a:lnTo>
                        <a:pt x="643" y="46"/>
                      </a:lnTo>
                      <a:lnTo>
                        <a:pt x="641" y="49"/>
                      </a:lnTo>
                      <a:lnTo>
                        <a:pt x="638" y="52"/>
                      </a:lnTo>
                      <a:lnTo>
                        <a:pt x="636" y="58"/>
                      </a:lnTo>
                      <a:lnTo>
                        <a:pt x="636" y="63"/>
                      </a:lnTo>
                      <a:lnTo>
                        <a:pt x="636" y="68"/>
                      </a:lnTo>
                      <a:lnTo>
                        <a:pt x="636" y="69"/>
                      </a:lnTo>
                      <a:lnTo>
                        <a:pt x="636" y="71"/>
                      </a:lnTo>
                      <a:lnTo>
                        <a:pt x="638" y="71"/>
                      </a:lnTo>
                      <a:lnTo>
                        <a:pt x="641" y="71"/>
                      </a:lnTo>
                      <a:lnTo>
                        <a:pt x="641" y="69"/>
                      </a:lnTo>
                      <a:lnTo>
                        <a:pt x="643" y="61"/>
                      </a:lnTo>
                      <a:lnTo>
                        <a:pt x="644" y="54"/>
                      </a:lnTo>
                      <a:lnTo>
                        <a:pt x="648" y="51"/>
                      </a:lnTo>
                      <a:lnTo>
                        <a:pt x="651" y="47"/>
                      </a:lnTo>
                      <a:lnTo>
                        <a:pt x="656" y="47"/>
                      </a:lnTo>
                      <a:lnTo>
                        <a:pt x="660" y="47"/>
                      </a:lnTo>
                      <a:lnTo>
                        <a:pt x="661" y="47"/>
                      </a:lnTo>
                      <a:lnTo>
                        <a:pt x="663" y="49"/>
                      </a:lnTo>
                      <a:lnTo>
                        <a:pt x="683" y="95"/>
                      </a:lnTo>
                      <a:lnTo>
                        <a:pt x="682" y="112"/>
                      </a:lnTo>
                      <a:lnTo>
                        <a:pt x="692" y="132"/>
                      </a:lnTo>
                      <a:lnTo>
                        <a:pt x="697" y="127"/>
                      </a:lnTo>
                      <a:lnTo>
                        <a:pt x="699" y="129"/>
                      </a:lnTo>
                      <a:lnTo>
                        <a:pt x="700" y="132"/>
                      </a:lnTo>
                      <a:lnTo>
                        <a:pt x="704" y="137"/>
                      </a:lnTo>
                      <a:lnTo>
                        <a:pt x="707" y="144"/>
                      </a:lnTo>
                      <a:lnTo>
                        <a:pt x="710" y="149"/>
                      </a:lnTo>
                      <a:lnTo>
                        <a:pt x="714" y="154"/>
                      </a:lnTo>
                      <a:lnTo>
                        <a:pt x="716" y="159"/>
                      </a:lnTo>
                      <a:lnTo>
                        <a:pt x="717" y="161"/>
                      </a:lnTo>
                      <a:lnTo>
                        <a:pt x="726" y="174"/>
                      </a:lnTo>
                      <a:lnTo>
                        <a:pt x="732" y="184"/>
                      </a:lnTo>
                      <a:lnTo>
                        <a:pt x="738" y="191"/>
                      </a:lnTo>
                      <a:lnTo>
                        <a:pt x="741" y="196"/>
                      </a:lnTo>
                      <a:lnTo>
                        <a:pt x="741" y="200"/>
                      </a:lnTo>
                      <a:lnTo>
                        <a:pt x="738" y="196"/>
                      </a:lnTo>
                      <a:lnTo>
                        <a:pt x="736" y="193"/>
                      </a:lnTo>
                      <a:lnTo>
                        <a:pt x="732" y="190"/>
                      </a:lnTo>
                      <a:lnTo>
                        <a:pt x="729" y="186"/>
                      </a:lnTo>
                      <a:lnTo>
                        <a:pt x="726" y="181"/>
                      </a:lnTo>
                      <a:lnTo>
                        <a:pt x="722" y="178"/>
                      </a:lnTo>
                      <a:lnTo>
                        <a:pt x="721" y="174"/>
                      </a:lnTo>
                      <a:lnTo>
                        <a:pt x="719" y="173"/>
                      </a:lnTo>
                      <a:lnTo>
                        <a:pt x="714" y="174"/>
                      </a:lnTo>
                      <a:lnTo>
                        <a:pt x="716" y="174"/>
                      </a:lnTo>
                      <a:lnTo>
                        <a:pt x="717" y="178"/>
                      </a:lnTo>
                      <a:lnTo>
                        <a:pt x="721" y="183"/>
                      </a:lnTo>
                      <a:lnTo>
                        <a:pt x="724" y="188"/>
                      </a:lnTo>
                      <a:lnTo>
                        <a:pt x="729" y="195"/>
                      </a:lnTo>
                      <a:lnTo>
                        <a:pt x="732" y="200"/>
                      </a:lnTo>
                      <a:lnTo>
                        <a:pt x="734" y="203"/>
                      </a:lnTo>
                      <a:lnTo>
                        <a:pt x="736" y="205"/>
                      </a:lnTo>
                      <a:lnTo>
                        <a:pt x="748" y="217"/>
                      </a:lnTo>
                      <a:lnTo>
                        <a:pt x="754" y="225"/>
                      </a:lnTo>
                      <a:lnTo>
                        <a:pt x="760" y="232"/>
                      </a:lnTo>
                      <a:lnTo>
                        <a:pt x="760" y="235"/>
                      </a:lnTo>
                      <a:lnTo>
                        <a:pt x="758" y="235"/>
                      </a:lnTo>
                      <a:lnTo>
                        <a:pt x="756" y="235"/>
                      </a:lnTo>
                      <a:lnTo>
                        <a:pt x="754" y="235"/>
                      </a:lnTo>
                      <a:lnTo>
                        <a:pt x="753" y="235"/>
                      </a:lnTo>
                      <a:lnTo>
                        <a:pt x="754" y="235"/>
                      </a:lnTo>
                      <a:lnTo>
                        <a:pt x="760" y="250"/>
                      </a:lnTo>
                      <a:lnTo>
                        <a:pt x="766" y="266"/>
                      </a:lnTo>
                      <a:lnTo>
                        <a:pt x="773" y="279"/>
                      </a:lnTo>
                      <a:lnTo>
                        <a:pt x="780" y="293"/>
                      </a:lnTo>
                      <a:lnTo>
                        <a:pt x="787" y="305"/>
                      </a:lnTo>
                      <a:lnTo>
                        <a:pt x="793" y="318"/>
                      </a:lnTo>
                      <a:lnTo>
                        <a:pt x="800" y="328"/>
                      </a:lnTo>
                      <a:lnTo>
                        <a:pt x="805" y="338"/>
                      </a:lnTo>
                      <a:lnTo>
                        <a:pt x="812" y="349"/>
                      </a:lnTo>
                      <a:lnTo>
                        <a:pt x="817" y="357"/>
                      </a:lnTo>
                      <a:lnTo>
                        <a:pt x="822" y="366"/>
                      </a:lnTo>
                      <a:lnTo>
                        <a:pt x="827" y="374"/>
                      </a:lnTo>
                      <a:lnTo>
                        <a:pt x="832" y="381"/>
                      </a:lnTo>
                      <a:lnTo>
                        <a:pt x="836" y="386"/>
                      </a:lnTo>
                      <a:lnTo>
                        <a:pt x="837" y="391"/>
                      </a:lnTo>
                      <a:lnTo>
                        <a:pt x="839" y="394"/>
                      </a:lnTo>
                      <a:lnTo>
                        <a:pt x="842" y="398"/>
                      </a:lnTo>
                      <a:lnTo>
                        <a:pt x="846" y="403"/>
                      </a:lnTo>
                      <a:lnTo>
                        <a:pt x="849" y="406"/>
                      </a:lnTo>
                      <a:lnTo>
                        <a:pt x="851" y="411"/>
                      </a:lnTo>
                      <a:lnTo>
                        <a:pt x="853" y="415"/>
                      </a:lnTo>
                      <a:lnTo>
                        <a:pt x="854" y="418"/>
                      </a:lnTo>
                      <a:lnTo>
                        <a:pt x="856" y="420"/>
                      </a:lnTo>
                      <a:lnTo>
                        <a:pt x="858" y="420"/>
                      </a:lnTo>
                      <a:lnTo>
                        <a:pt x="863" y="425"/>
                      </a:lnTo>
                      <a:lnTo>
                        <a:pt x="868" y="428"/>
                      </a:lnTo>
                      <a:lnTo>
                        <a:pt x="870" y="432"/>
                      </a:lnTo>
                      <a:lnTo>
                        <a:pt x="871" y="435"/>
                      </a:lnTo>
                      <a:lnTo>
                        <a:pt x="871" y="438"/>
                      </a:lnTo>
                      <a:lnTo>
                        <a:pt x="870" y="442"/>
                      </a:lnTo>
                      <a:lnTo>
                        <a:pt x="870" y="443"/>
                      </a:lnTo>
                      <a:lnTo>
                        <a:pt x="870" y="445"/>
                      </a:lnTo>
                      <a:lnTo>
                        <a:pt x="875" y="450"/>
                      </a:lnTo>
                      <a:lnTo>
                        <a:pt x="878" y="454"/>
                      </a:lnTo>
                      <a:lnTo>
                        <a:pt x="880" y="457"/>
                      </a:lnTo>
                      <a:lnTo>
                        <a:pt x="880" y="460"/>
                      </a:lnTo>
                      <a:lnTo>
                        <a:pt x="880" y="462"/>
                      </a:lnTo>
                      <a:lnTo>
                        <a:pt x="880" y="464"/>
                      </a:lnTo>
                      <a:lnTo>
                        <a:pt x="878" y="464"/>
                      </a:lnTo>
                      <a:lnTo>
                        <a:pt x="888" y="474"/>
                      </a:lnTo>
                      <a:lnTo>
                        <a:pt x="888" y="476"/>
                      </a:lnTo>
                      <a:lnTo>
                        <a:pt x="888" y="479"/>
                      </a:lnTo>
                      <a:lnTo>
                        <a:pt x="890" y="484"/>
                      </a:lnTo>
                      <a:lnTo>
                        <a:pt x="890" y="491"/>
                      </a:lnTo>
                      <a:lnTo>
                        <a:pt x="890" y="498"/>
                      </a:lnTo>
                      <a:lnTo>
                        <a:pt x="890" y="508"/>
                      </a:lnTo>
                      <a:lnTo>
                        <a:pt x="890" y="518"/>
                      </a:lnTo>
                      <a:lnTo>
                        <a:pt x="890" y="526"/>
                      </a:lnTo>
                      <a:lnTo>
                        <a:pt x="890" y="536"/>
                      </a:lnTo>
                      <a:lnTo>
                        <a:pt x="890" y="547"/>
                      </a:lnTo>
                      <a:lnTo>
                        <a:pt x="890" y="555"/>
                      </a:lnTo>
                      <a:lnTo>
                        <a:pt x="890" y="564"/>
                      </a:lnTo>
                      <a:lnTo>
                        <a:pt x="890" y="570"/>
                      </a:lnTo>
                      <a:lnTo>
                        <a:pt x="890" y="575"/>
                      </a:lnTo>
                      <a:lnTo>
                        <a:pt x="890" y="580"/>
                      </a:lnTo>
                      <a:lnTo>
                        <a:pt x="886" y="586"/>
                      </a:lnTo>
                      <a:lnTo>
                        <a:pt x="883" y="589"/>
                      </a:lnTo>
                      <a:lnTo>
                        <a:pt x="881" y="594"/>
                      </a:lnTo>
                      <a:lnTo>
                        <a:pt x="880" y="599"/>
                      </a:lnTo>
                      <a:lnTo>
                        <a:pt x="878" y="604"/>
                      </a:lnTo>
                      <a:lnTo>
                        <a:pt x="876" y="609"/>
                      </a:lnTo>
                      <a:lnTo>
                        <a:pt x="876" y="614"/>
                      </a:lnTo>
                      <a:lnTo>
                        <a:pt x="876" y="619"/>
                      </a:lnTo>
                      <a:lnTo>
                        <a:pt x="876" y="623"/>
                      </a:lnTo>
                      <a:lnTo>
                        <a:pt x="876" y="628"/>
                      </a:lnTo>
                      <a:lnTo>
                        <a:pt x="876" y="631"/>
                      </a:lnTo>
                      <a:lnTo>
                        <a:pt x="876" y="635"/>
                      </a:lnTo>
                      <a:lnTo>
                        <a:pt x="876" y="638"/>
                      </a:lnTo>
                      <a:lnTo>
                        <a:pt x="876" y="640"/>
                      </a:lnTo>
                      <a:lnTo>
                        <a:pt x="878" y="641"/>
                      </a:lnTo>
                      <a:lnTo>
                        <a:pt x="876" y="650"/>
                      </a:lnTo>
                      <a:lnTo>
                        <a:pt x="875" y="657"/>
                      </a:lnTo>
                      <a:lnTo>
                        <a:pt x="871" y="660"/>
                      </a:lnTo>
                      <a:lnTo>
                        <a:pt x="868" y="662"/>
                      </a:lnTo>
                      <a:lnTo>
                        <a:pt x="864" y="663"/>
                      </a:lnTo>
                      <a:lnTo>
                        <a:pt x="861" y="663"/>
                      </a:lnTo>
                      <a:lnTo>
                        <a:pt x="858" y="663"/>
                      </a:lnTo>
                      <a:lnTo>
                        <a:pt x="856" y="663"/>
                      </a:lnTo>
                      <a:lnTo>
                        <a:pt x="849" y="668"/>
                      </a:lnTo>
                      <a:lnTo>
                        <a:pt x="842" y="674"/>
                      </a:lnTo>
                      <a:lnTo>
                        <a:pt x="837" y="675"/>
                      </a:lnTo>
                      <a:lnTo>
                        <a:pt x="834" y="675"/>
                      </a:lnTo>
                      <a:lnTo>
                        <a:pt x="831" y="675"/>
                      </a:lnTo>
                      <a:lnTo>
                        <a:pt x="827" y="674"/>
                      </a:lnTo>
                      <a:lnTo>
                        <a:pt x="826" y="674"/>
                      </a:lnTo>
                      <a:lnTo>
                        <a:pt x="817" y="680"/>
                      </a:lnTo>
                      <a:lnTo>
                        <a:pt x="810" y="684"/>
                      </a:lnTo>
                      <a:lnTo>
                        <a:pt x="805" y="684"/>
                      </a:lnTo>
                      <a:lnTo>
                        <a:pt x="800" y="684"/>
                      </a:lnTo>
                      <a:lnTo>
                        <a:pt x="797" y="684"/>
                      </a:lnTo>
                      <a:lnTo>
                        <a:pt x="793" y="680"/>
                      </a:lnTo>
                      <a:lnTo>
                        <a:pt x="792" y="680"/>
                      </a:lnTo>
                      <a:lnTo>
                        <a:pt x="792" y="679"/>
                      </a:lnTo>
                      <a:lnTo>
                        <a:pt x="787" y="670"/>
                      </a:lnTo>
                      <a:lnTo>
                        <a:pt x="787" y="667"/>
                      </a:lnTo>
                      <a:lnTo>
                        <a:pt x="788" y="663"/>
                      </a:lnTo>
                      <a:lnTo>
                        <a:pt x="790" y="665"/>
                      </a:lnTo>
                      <a:lnTo>
                        <a:pt x="795" y="667"/>
                      </a:lnTo>
                      <a:lnTo>
                        <a:pt x="798" y="668"/>
                      </a:lnTo>
                      <a:lnTo>
                        <a:pt x="802" y="670"/>
                      </a:lnTo>
                      <a:lnTo>
                        <a:pt x="802" y="672"/>
                      </a:lnTo>
                      <a:lnTo>
                        <a:pt x="820" y="665"/>
                      </a:lnTo>
                      <a:lnTo>
                        <a:pt x="810" y="653"/>
                      </a:lnTo>
                      <a:lnTo>
                        <a:pt x="812" y="652"/>
                      </a:lnTo>
                      <a:lnTo>
                        <a:pt x="814" y="650"/>
                      </a:lnTo>
                      <a:lnTo>
                        <a:pt x="815" y="648"/>
                      </a:lnTo>
                      <a:lnTo>
                        <a:pt x="810" y="640"/>
                      </a:lnTo>
                      <a:lnTo>
                        <a:pt x="807" y="635"/>
                      </a:lnTo>
                      <a:lnTo>
                        <a:pt x="804" y="633"/>
                      </a:lnTo>
                      <a:lnTo>
                        <a:pt x="802" y="631"/>
                      </a:lnTo>
                      <a:lnTo>
                        <a:pt x="800" y="633"/>
                      </a:lnTo>
                      <a:lnTo>
                        <a:pt x="798" y="635"/>
                      </a:lnTo>
                      <a:lnTo>
                        <a:pt x="798" y="636"/>
                      </a:lnTo>
                      <a:lnTo>
                        <a:pt x="798" y="638"/>
                      </a:lnTo>
                      <a:lnTo>
                        <a:pt x="802" y="645"/>
                      </a:lnTo>
                      <a:lnTo>
                        <a:pt x="802" y="650"/>
                      </a:lnTo>
                      <a:lnTo>
                        <a:pt x="800" y="652"/>
                      </a:lnTo>
                      <a:lnTo>
                        <a:pt x="797" y="653"/>
                      </a:lnTo>
                      <a:lnTo>
                        <a:pt x="793" y="653"/>
                      </a:lnTo>
                      <a:lnTo>
                        <a:pt x="790" y="653"/>
                      </a:lnTo>
                      <a:lnTo>
                        <a:pt x="788" y="652"/>
                      </a:lnTo>
                      <a:lnTo>
                        <a:pt x="787" y="652"/>
                      </a:lnTo>
                      <a:lnTo>
                        <a:pt x="780" y="640"/>
                      </a:lnTo>
                      <a:lnTo>
                        <a:pt x="775" y="630"/>
                      </a:lnTo>
                      <a:lnTo>
                        <a:pt x="768" y="621"/>
                      </a:lnTo>
                      <a:lnTo>
                        <a:pt x="763" y="614"/>
                      </a:lnTo>
                      <a:lnTo>
                        <a:pt x="756" y="609"/>
                      </a:lnTo>
                      <a:lnTo>
                        <a:pt x="749" y="606"/>
                      </a:lnTo>
                      <a:lnTo>
                        <a:pt x="744" y="602"/>
                      </a:lnTo>
                      <a:lnTo>
                        <a:pt x="739" y="599"/>
                      </a:lnTo>
                      <a:lnTo>
                        <a:pt x="734" y="597"/>
                      </a:lnTo>
                      <a:lnTo>
                        <a:pt x="729" y="597"/>
                      </a:lnTo>
                      <a:lnTo>
                        <a:pt x="724" y="597"/>
                      </a:lnTo>
                      <a:lnTo>
                        <a:pt x="721" y="597"/>
                      </a:lnTo>
                      <a:lnTo>
                        <a:pt x="719" y="597"/>
                      </a:lnTo>
                      <a:lnTo>
                        <a:pt x="716" y="597"/>
                      </a:lnTo>
                      <a:lnTo>
                        <a:pt x="714" y="597"/>
                      </a:lnTo>
                      <a:lnTo>
                        <a:pt x="714" y="599"/>
                      </a:lnTo>
                      <a:lnTo>
                        <a:pt x="712" y="597"/>
                      </a:lnTo>
                      <a:lnTo>
                        <a:pt x="710" y="594"/>
                      </a:lnTo>
                      <a:lnTo>
                        <a:pt x="707" y="592"/>
                      </a:lnTo>
                      <a:lnTo>
                        <a:pt x="705" y="589"/>
                      </a:lnTo>
                      <a:lnTo>
                        <a:pt x="704" y="586"/>
                      </a:lnTo>
                      <a:lnTo>
                        <a:pt x="702" y="584"/>
                      </a:lnTo>
                      <a:lnTo>
                        <a:pt x="700" y="580"/>
                      </a:lnTo>
                      <a:lnTo>
                        <a:pt x="697" y="564"/>
                      </a:lnTo>
                      <a:lnTo>
                        <a:pt x="692" y="550"/>
                      </a:lnTo>
                      <a:lnTo>
                        <a:pt x="687" y="542"/>
                      </a:lnTo>
                      <a:lnTo>
                        <a:pt x="683" y="536"/>
                      </a:lnTo>
                      <a:lnTo>
                        <a:pt x="680" y="535"/>
                      </a:lnTo>
                      <a:lnTo>
                        <a:pt x="677" y="535"/>
                      </a:lnTo>
                      <a:lnTo>
                        <a:pt x="675" y="535"/>
                      </a:lnTo>
                      <a:lnTo>
                        <a:pt x="666" y="526"/>
                      </a:lnTo>
                      <a:lnTo>
                        <a:pt x="661" y="514"/>
                      </a:lnTo>
                      <a:lnTo>
                        <a:pt x="661" y="498"/>
                      </a:lnTo>
                      <a:lnTo>
                        <a:pt x="653" y="486"/>
                      </a:lnTo>
                      <a:lnTo>
                        <a:pt x="661" y="472"/>
                      </a:lnTo>
                      <a:lnTo>
                        <a:pt x="646" y="481"/>
                      </a:lnTo>
                      <a:lnTo>
                        <a:pt x="646" y="479"/>
                      </a:lnTo>
                      <a:lnTo>
                        <a:pt x="644" y="479"/>
                      </a:lnTo>
                      <a:lnTo>
                        <a:pt x="641" y="477"/>
                      </a:lnTo>
                      <a:lnTo>
                        <a:pt x="639" y="476"/>
                      </a:lnTo>
                      <a:lnTo>
                        <a:pt x="636" y="474"/>
                      </a:lnTo>
                      <a:lnTo>
                        <a:pt x="634" y="474"/>
                      </a:lnTo>
                      <a:lnTo>
                        <a:pt x="633" y="472"/>
                      </a:lnTo>
                      <a:lnTo>
                        <a:pt x="633" y="474"/>
                      </a:lnTo>
                      <a:lnTo>
                        <a:pt x="638" y="482"/>
                      </a:lnTo>
                      <a:lnTo>
                        <a:pt x="643" y="489"/>
                      </a:lnTo>
                      <a:lnTo>
                        <a:pt x="644" y="494"/>
                      </a:lnTo>
                      <a:lnTo>
                        <a:pt x="644" y="498"/>
                      </a:lnTo>
                      <a:lnTo>
                        <a:pt x="643" y="498"/>
                      </a:lnTo>
                      <a:lnTo>
                        <a:pt x="641" y="498"/>
                      </a:lnTo>
                      <a:lnTo>
                        <a:pt x="638" y="496"/>
                      </a:lnTo>
                      <a:lnTo>
                        <a:pt x="636" y="494"/>
                      </a:lnTo>
                      <a:lnTo>
                        <a:pt x="631" y="491"/>
                      </a:lnTo>
                      <a:lnTo>
                        <a:pt x="628" y="487"/>
                      </a:lnTo>
                      <a:lnTo>
                        <a:pt x="622" y="484"/>
                      </a:lnTo>
                      <a:lnTo>
                        <a:pt x="619" y="481"/>
                      </a:lnTo>
                      <a:lnTo>
                        <a:pt x="616" y="477"/>
                      </a:lnTo>
                      <a:lnTo>
                        <a:pt x="612" y="474"/>
                      </a:lnTo>
                      <a:lnTo>
                        <a:pt x="611" y="472"/>
                      </a:lnTo>
                      <a:lnTo>
                        <a:pt x="607" y="457"/>
                      </a:lnTo>
                      <a:lnTo>
                        <a:pt x="582" y="425"/>
                      </a:lnTo>
                      <a:lnTo>
                        <a:pt x="584" y="425"/>
                      </a:lnTo>
                      <a:lnTo>
                        <a:pt x="585" y="423"/>
                      </a:lnTo>
                      <a:lnTo>
                        <a:pt x="587" y="423"/>
                      </a:lnTo>
                      <a:lnTo>
                        <a:pt x="589" y="421"/>
                      </a:lnTo>
                      <a:lnTo>
                        <a:pt x="590" y="421"/>
                      </a:lnTo>
                      <a:lnTo>
                        <a:pt x="592" y="420"/>
                      </a:lnTo>
                      <a:lnTo>
                        <a:pt x="594" y="420"/>
                      </a:lnTo>
                      <a:lnTo>
                        <a:pt x="589" y="418"/>
                      </a:lnTo>
                      <a:lnTo>
                        <a:pt x="587" y="413"/>
                      </a:lnTo>
                      <a:lnTo>
                        <a:pt x="587" y="408"/>
                      </a:lnTo>
                      <a:lnTo>
                        <a:pt x="587" y="401"/>
                      </a:lnTo>
                      <a:lnTo>
                        <a:pt x="589" y="394"/>
                      </a:lnTo>
                      <a:lnTo>
                        <a:pt x="590" y="388"/>
                      </a:lnTo>
                      <a:lnTo>
                        <a:pt x="590" y="382"/>
                      </a:lnTo>
                      <a:lnTo>
                        <a:pt x="590" y="379"/>
                      </a:lnTo>
                      <a:lnTo>
                        <a:pt x="587" y="371"/>
                      </a:lnTo>
                      <a:lnTo>
                        <a:pt x="585" y="364"/>
                      </a:lnTo>
                      <a:lnTo>
                        <a:pt x="582" y="360"/>
                      </a:lnTo>
                      <a:lnTo>
                        <a:pt x="580" y="359"/>
                      </a:lnTo>
                      <a:lnTo>
                        <a:pt x="578" y="359"/>
                      </a:lnTo>
                      <a:lnTo>
                        <a:pt x="577" y="360"/>
                      </a:lnTo>
                      <a:lnTo>
                        <a:pt x="577" y="364"/>
                      </a:lnTo>
                      <a:lnTo>
                        <a:pt x="575" y="367"/>
                      </a:lnTo>
                      <a:lnTo>
                        <a:pt x="575" y="372"/>
                      </a:lnTo>
                      <a:lnTo>
                        <a:pt x="575" y="377"/>
                      </a:lnTo>
                      <a:lnTo>
                        <a:pt x="575" y="382"/>
                      </a:lnTo>
                      <a:lnTo>
                        <a:pt x="575" y="388"/>
                      </a:lnTo>
                      <a:lnTo>
                        <a:pt x="575" y="393"/>
                      </a:lnTo>
                      <a:lnTo>
                        <a:pt x="575" y="396"/>
                      </a:lnTo>
                      <a:lnTo>
                        <a:pt x="575" y="399"/>
                      </a:lnTo>
                      <a:lnTo>
                        <a:pt x="572" y="398"/>
                      </a:lnTo>
                      <a:lnTo>
                        <a:pt x="568" y="394"/>
                      </a:lnTo>
                      <a:lnTo>
                        <a:pt x="565" y="391"/>
                      </a:lnTo>
                      <a:lnTo>
                        <a:pt x="560" y="388"/>
                      </a:lnTo>
                      <a:lnTo>
                        <a:pt x="558" y="384"/>
                      </a:lnTo>
                      <a:lnTo>
                        <a:pt x="555" y="382"/>
                      </a:lnTo>
                      <a:lnTo>
                        <a:pt x="555" y="381"/>
                      </a:lnTo>
                      <a:lnTo>
                        <a:pt x="556" y="374"/>
                      </a:lnTo>
                      <a:lnTo>
                        <a:pt x="558" y="366"/>
                      </a:lnTo>
                      <a:lnTo>
                        <a:pt x="558" y="359"/>
                      </a:lnTo>
                      <a:lnTo>
                        <a:pt x="558" y="352"/>
                      </a:lnTo>
                      <a:lnTo>
                        <a:pt x="556" y="345"/>
                      </a:lnTo>
                      <a:lnTo>
                        <a:pt x="556" y="340"/>
                      </a:lnTo>
                      <a:lnTo>
                        <a:pt x="555" y="337"/>
                      </a:lnTo>
                      <a:lnTo>
                        <a:pt x="555" y="335"/>
                      </a:lnTo>
                      <a:lnTo>
                        <a:pt x="558" y="328"/>
                      </a:lnTo>
                      <a:lnTo>
                        <a:pt x="560" y="323"/>
                      </a:lnTo>
                      <a:lnTo>
                        <a:pt x="562" y="316"/>
                      </a:lnTo>
                      <a:lnTo>
                        <a:pt x="562" y="311"/>
                      </a:lnTo>
                      <a:lnTo>
                        <a:pt x="563" y="305"/>
                      </a:lnTo>
                      <a:lnTo>
                        <a:pt x="563" y="300"/>
                      </a:lnTo>
                      <a:lnTo>
                        <a:pt x="563" y="293"/>
                      </a:lnTo>
                      <a:lnTo>
                        <a:pt x="563" y="288"/>
                      </a:lnTo>
                      <a:lnTo>
                        <a:pt x="562" y="283"/>
                      </a:lnTo>
                      <a:lnTo>
                        <a:pt x="562" y="278"/>
                      </a:lnTo>
                      <a:lnTo>
                        <a:pt x="560" y="274"/>
                      </a:lnTo>
                      <a:lnTo>
                        <a:pt x="560" y="269"/>
                      </a:lnTo>
                      <a:lnTo>
                        <a:pt x="560" y="267"/>
                      </a:lnTo>
                      <a:lnTo>
                        <a:pt x="558" y="264"/>
                      </a:lnTo>
                      <a:lnTo>
                        <a:pt x="558" y="262"/>
                      </a:lnTo>
                      <a:lnTo>
                        <a:pt x="558" y="261"/>
                      </a:lnTo>
                      <a:lnTo>
                        <a:pt x="558" y="257"/>
                      </a:lnTo>
                      <a:lnTo>
                        <a:pt x="558" y="256"/>
                      </a:lnTo>
                      <a:lnTo>
                        <a:pt x="556" y="252"/>
                      </a:lnTo>
                      <a:lnTo>
                        <a:pt x="556" y="249"/>
                      </a:lnTo>
                      <a:lnTo>
                        <a:pt x="555" y="247"/>
                      </a:lnTo>
                      <a:lnTo>
                        <a:pt x="551" y="245"/>
                      </a:lnTo>
                      <a:lnTo>
                        <a:pt x="548" y="242"/>
                      </a:lnTo>
                      <a:lnTo>
                        <a:pt x="545" y="239"/>
                      </a:lnTo>
                      <a:lnTo>
                        <a:pt x="541" y="232"/>
                      </a:lnTo>
                      <a:lnTo>
                        <a:pt x="538" y="227"/>
                      </a:lnTo>
                      <a:lnTo>
                        <a:pt x="534" y="223"/>
                      </a:lnTo>
                      <a:lnTo>
                        <a:pt x="533" y="220"/>
                      </a:lnTo>
                      <a:lnTo>
                        <a:pt x="533" y="218"/>
                      </a:lnTo>
                      <a:lnTo>
                        <a:pt x="521" y="222"/>
                      </a:lnTo>
                      <a:lnTo>
                        <a:pt x="514" y="222"/>
                      </a:lnTo>
                      <a:lnTo>
                        <a:pt x="509" y="222"/>
                      </a:lnTo>
                      <a:lnTo>
                        <a:pt x="507" y="220"/>
                      </a:lnTo>
                      <a:lnTo>
                        <a:pt x="506" y="217"/>
                      </a:lnTo>
                      <a:lnTo>
                        <a:pt x="506" y="215"/>
                      </a:lnTo>
                      <a:lnTo>
                        <a:pt x="507" y="215"/>
                      </a:lnTo>
                      <a:lnTo>
                        <a:pt x="507" y="213"/>
                      </a:lnTo>
                      <a:lnTo>
                        <a:pt x="497" y="206"/>
                      </a:lnTo>
                      <a:lnTo>
                        <a:pt x="484" y="191"/>
                      </a:lnTo>
                      <a:lnTo>
                        <a:pt x="467" y="179"/>
                      </a:lnTo>
                      <a:lnTo>
                        <a:pt x="465" y="179"/>
                      </a:lnTo>
                      <a:lnTo>
                        <a:pt x="463" y="176"/>
                      </a:lnTo>
                      <a:lnTo>
                        <a:pt x="458" y="173"/>
                      </a:lnTo>
                      <a:lnTo>
                        <a:pt x="455" y="168"/>
                      </a:lnTo>
                      <a:lnTo>
                        <a:pt x="450" y="162"/>
                      </a:lnTo>
                      <a:lnTo>
                        <a:pt x="446" y="157"/>
                      </a:lnTo>
                      <a:lnTo>
                        <a:pt x="445" y="154"/>
                      </a:lnTo>
                      <a:lnTo>
                        <a:pt x="443" y="152"/>
                      </a:lnTo>
                      <a:lnTo>
                        <a:pt x="433" y="144"/>
                      </a:lnTo>
                      <a:lnTo>
                        <a:pt x="424" y="139"/>
                      </a:lnTo>
                      <a:lnTo>
                        <a:pt x="418" y="132"/>
                      </a:lnTo>
                      <a:lnTo>
                        <a:pt x="411" y="129"/>
                      </a:lnTo>
                      <a:lnTo>
                        <a:pt x="404" y="125"/>
                      </a:lnTo>
                      <a:lnTo>
                        <a:pt x="399" y="124"/>
                      </a:lnTo>
                      <a:lnTo>
                        <a:pt x="396" y="124"/>
                      </a:lnTo>
                      <a:lnTo>
                        <a:pt x="394" y="122"/>
                      </a:lnTo>
                      <a:lnTo>
                        <a:pt x="377" y="122"/>
                      </a:lnTo>
                      <a:lnTo>
                        <a:pt x="367" y="122"/>
                      </a:lnTo>
                      <a:lnTo>
                        <a:pt x="360" y="127"/>
                      </a:lnTo>
                      <a:lnTo>
                        <a:pt x="355" y="132"/>
                      </a:lnTo>
                      <a:lnTo>
                        <a:pt x="355" y="139"/>
                      </a:lnTo>
                      <a:lnTo>
                        <a:pt x="355" y="144"/>
                      </a:lnTo>
                      <a:lnTo>
                        <a:pt x="357" y="147"/>
                      </a:lnTo>
                      <a:lnTo>
                        <a:pt x="357" y="149"/>
                      </a:lnTo>
                      <a:lnTo>
                        <a:pt x="350" y="147"/>
                      </a:lnTo>
                      <a:lnTo>
                        <a:pt x="342" y="149"/>
                      </a:lnTo>
                      <a:lnTo>
                        <a:pt x="335" y="152"/>
                      </a:lnTo>
                      <a:lnTo>
                        <a:pt x="330" y="156"/>
                      </a:lnTo>
                      <a:lnTo>
                        <a:pt x="325" y="161"/>
                      </a:lnTo>
                      <a:lnTo>
                        <a:pt x="320" y="164"/>
                      </a:lnTo>
                      <a:lnTo>
                        <a:pt x="316" y="168"/>
                      </a:lnTo>
                      <a:lnTo>
                        <a:pt x="316" y="169"/>
                      </a:lnTo>
                      <a:lnTo>
                        <a:pt x="309" y="176"/>
                      </a:lnTo>
                      <a:lnTo>
                        <a:pt x="306" y="178"/>
                      </a:lnTo>
                      <a:lnTo>
                        <a:pt x="304" y="178"/>
                      </a:lnTo>
                      <a:lnTo>
                        <a:pt x="304" y="176"/>
                      </a:lnTo>
                      <a:lnTo>
                        <a:pt x="304" y="174"/>
                      </a:lnTo>
                      <a:lnTo>
                        <a:pt x="306" y="171"/>
                      </a:lnTo>
                      <a:lnTo>
                        <a:pt x="308" y="169"/>
                      </a:lnTo>
                      <a:lnTo>
                        <a:pt x="308" y="168"/>
                      </a:lnTo>
                      <a:lnTo>
                        <a:pt x="306" y="168"/>
                      </a:lnTo>
                      <a:lnTo>
                        <a:pt x="306" y="169"/>
                      </a:lnTo>
                      <a:lnTo>
                        <a:pt x="303" y="173"/>
                      </a:lnTo>
                      <a:lnTo>
                        <a:pt x="299" y="174"/>
                      </a:lnTo>
                      <a:lnTo>
                        <a:pt x="298" y="178"/>
                      </a:lnTo>
                      <a:lnTo>
                        <a:pt x="294" y="179"/>
                      </a:lnTo>
                      <a:lnTo>
                        <a:pt x="293" y="181"/>
                      </a:lnTo>
                      <a:lnTo>
                        <a:pt x="291" y="183"/>
                      </a:lnTo>
                      <a:lnTo>
                        <a:pt x="284" y="181"/>
                      </a:lnTo>
                      <a:lnTo>
                        <a:pt x="277" y="181"/>
                      </a:lnTo>
                      <a:lnTo>
                        <a:pt x="271" y="183"/>
                      </a:lnTo>
                      <a:lnTo>
                        <a:pt x="265" y="186"/>
                      </a:lnTo>
                      <a:lnTo>
                        <a:pt x="260" y="188"/>
                      </a:lnTo>
                      <a:lnTo>
                        <a:pt x="257" y="190"/>
                      </a:lnTo>
                      <a:lnTo>
                        <a:pt x="254" y="191"/>
                      </a:lnTo>
                      <a:lnTo>
                        <a:pt x="247" y="184"/>
                      </a:lnTo>
                      <a:lnTo>
                        <a:pt x="243" y="179"/>
                      </a:lnTo>
                      <a:lnTo>
                        <a:pt x="245" y="179"/>
                      </a:lnTo>
                      <a:lnTo>
                        <a:pt x="249" y="181"/>
                      </a:lnTo>
                      <a:lnTo>
                        <a:pt x="252" y="184"/>
                      </a:lnTo>
                      <a:lnTo>
                        <a:pt x="255" y="186"/>
                      </a:lnTo>
                      <a:lnTo>
                        <a:pt x="257" y="186"/>
                      </a:lnTo>
                      <a:lnTo>
                        <a:pt x="257" y="176"/>
                      </a:lnTo>
                      <a:lnTo>
                        <a:pt x="247" y="162"/>
                      </a:lnTo>
                      <a:lnTo>
                        <a:pt x="218" y="140"/>
                      </a:lnTo>
                      <a:lnTo>
                        <a:pt x="232" y="142"/>
                      </a:lnTo>
                      <a:lnTo>
                        <a:pt x="238" y="144"/>
                      </a:lnTo>
                      <a:lnTo>
                        <a:pt x="238" y="142"/>
                      </a:lnTo>
                      <a:lnTo>
                        <a:pt x="235" y="140"/>
                      </a:lnTo>
                      <a:lnTo>
                        <a:pt x="230" y="137"/>
                      </a:lnTo>
                      <a:lnTo>
                        <a:pt x="223" y="135"/>
                      </a:lnTo>
                      <a:lnTo>
                        <a:pt x="218" y="132"/>
                      </a:lnTo>
                      <a:lnTo>
                        <a:pt x="216" y="132"/>
                      </a:lnTo>
                      <a:lnTo>
                        <a:pt x="223" y="117"/>
                      </a:lnTo>
                      <a:lnTo>
                        <a:pt x="205" y="120"/>
                      </a:lnTo>
                      <a:lnTo>
                        <a:pt x="205" y="122"/>
                      </a:lnTo>
                      <a:lnTo>
                        <a:pt x="206" y="125"/>
                      </a:lnTo>
                      <a:lnTo>
                        <a:pt x="206" y="127"/>
                      </a:lnTo>
                      <a:lnTo>
                        <a:pt x="206" y="130"/>
                      </a:lnTo>
                      <a:lnTo>
                        <a:pt x="208" y="134"/>
                      </a:lnTo>
                      <a:lnTo>
                        <a:pt x="208" y="135"/>
                      </a:lnTo>
                      <a:lnTo>
                        <a:pt x="201" y="130"/>
                      </a:lnTo>
                      <a:lnTo>
                        <a:pt x="193" y="127"/>
                      </a:lnTo>
                      <a:lnTo>
                        <a:pt x="186" y="124"/>
                      </a:lnTo>
                      <a:lnTo>
                        <a:pt x="179" y="122"/>
                      </a:lnTo>
                      <a:lnTo>
                        <a:pt x="172" y="118"/>
                      </a:lnTo>
                      <a:lnTo>
                        <a:pt x="164" y="117"/>
                      </a:lnTo>
                      <a:lnTo>
                        <a:pt x="159" y="115"/>
                      </a:lnTo>
                      <a:lnTo>
                        <a:pt x="152" y="115"/>
                      </a:lnTo>
                      <a:lnTo>
                        <a:pt x="147" y="113"/>
                      </a:lnTo>
                      <a:lnTo>
                        <a:pt x="142" y="113"/>
                      </a:lnTo>
                      <a:lnTo>
                        <a:pt x="137" y="113"/>
                      </a:lnTo>
                      <a:lnTo>
                        <a:pt x="133" y="113"/>
                      </a:lnTo>
                      <a:lnTo>
                        <a:pt x="130" y="113"/>
                      </a:lnTo>
                      <a:lnTo>
                        <a:pt x="128" y="113"/>
                      </a:lnTo>
                      <a:lnTo>
                        <a:pt x="127" y="113"/>
                      </a:lnTo>
                      <a:lnTo>
                        <a:pt x="128" y="113"/>
                      </a:lnTo>
                      <a:lnTo>
                        <a:pt x="130" y="112"/>
                      </a:lnTo>
                      <a:lnTo>
                        <a:pt x="133" y="112"/>
                      </a:lnTo>
                      <a:lnTo>
                        <a:pt x="137" y="112"/>
                      </a:lnTo>
                      <a:lnTo>
                        <a:pt x="140" y="110"/>
                      </a:lnTo>
                      <a:lnTo>
                        <a:pt x="142" y="110"/>
                      </a:lnTo>
                      <a:lnTo>
                        <a:pt x="144" y="110"/>
                      </a:lnTo>
                      <a:lnTo>
                        <a:pt x="157" y="110"/>
                      </a:lnTo>
                      <a:lnTo>
                        <a:pt x="164" y="108"/>
                      </a:lnTo>
                      <a:lnTo>
                        <a:pt x="162" y="105"/>
                      </a:lnTo>
                      <a:lnTo>
                        <a:pt x="155" y="105"/>
                      </a:lnTo>
                      <a:lnTo>
                        <a:pt x="149" y="103"/>
                      </a:lnTo>
                      <a:lnTo>
                        <a:pt x="145" y="102"/>
                      </a:lnTo>
                      <a:lnTo>
                        <a:pt x="142" y="102"/>
                      </a:lnTo>
                      <a:lnTo>
                        <a:pt x="111" y="108"/>
                      </a:lnTo>
                      <a:lnTo>
                        <a:pt x="101" y="113"/>
                      </a:lnTo>
                      <a:lnTo>
                        <a:pt x="98" y="115"/>
                      </a:lnTo>
                      <a:lnTo>
                        <a:pt x="95" y="115"/>
                      </a:lnTo>
                      <a:lnTo>
                        <a:pt x="89" y="115"/>
                      </a:lnTo>
                      <a:lnTo>
                        <a:pt x="86" y="115"/>
                      </a:lnTo>
                      <a:lnTo>
                        <a:pt x="81" y="115"/>
                      </a:lnTo>
                      <a:lnTo>
                        <a:pt x="79" y="117"/>
                      </a:lnTo>
                      <a:lnTo>
                        <a:pt x="78" y="117"/>
                      </a:lnTo>
                      <a:lnTo>
                        <a:pt x="64" y="122"/>
                      </a:lnTo>
                      <a:lnTo>
                        <a:pt x="56" y="125"/>
                      </a:lnTo>
                      <a:lnTo>
                        <a:pt x="52" y="125"/>
                      </a:lnTo>
                      <a:lnTo>
                        <a:pt x="54" y="124"/>
                      </a:lnTo>
                      <a:lnTo>
                        <a:pt x="57" y="122"/>
                      </a:lnTo>
                      <a:lnTo>
                        <a:pt x="62" y="118"/>
                      </a:lnTo>
                      <a:lnTo>
                        <a:pt x="66" y="117"/>
                      </a:lnTo>
                      <a:lnTo>
                        <a:pt x="67" y="115"/>
                      </a:lnTo>
                      <a:lnTo>
                        <a:pt x="73" y="110"/>
                      </a:lnTo>
                      <a:lnTo>
                        <a:pt x="74" y="107"/>
                      </a:lnTo>
                      <a:lnTo>
                        <a:pt x="74" y="105"/>
                      </a:lnTo>
                      <a:lnTo>
                        <a:pt x="71" y="105"/>
                      </a:lnTo>
                      <a:lnTo>
                        <a:pt x="67" y="105"/>
                      </a:lnTo>
                      <a:lnTo>
                        <a:pt x="64" y="107"/>
                      </a:lnTo>
                      <a:lnTo>
                        <a:pt x="61" y="107"/>
                      </a:lnTo>
                      <a:lnTo>
                        <a:pt x="59" y="107"/>
                      </a:lnTo>
                      <a:lnTo>
                        <a:pt x="51" y="100"/>
                      </a:lnTo>
                      <a:lnTo>
                        <a:pt x="45" y="96"/>
                      </a:lnTo>
                      <a:lnTo>
                        <a:pt x="44" y="98"/>
                      </a:lnTo>
                      <a:lnTo>
                        <a:pt x="44" y="102"/>
                      </a:lnTo>
                      <a:lnTo>
                        <a:pt x="45" y="105"/>
                      </a:lnTo>
                      <a:lnTo>
                        <a:pt x="49" y="110"/>
                      </a:lnTo>
                      <a:lnTo>
                        <a:pt x="51" y="113"/>
                      </a:lnTo>
                      <a:lnTo>
                        <a:pt x="51" y="115"/>
                      </a:lnTo>
                      <a:lnTo>
                        <a:pt x="44" y="122"/>
                      </a:lnTo>
                      <a:lnTo>
                        <a:pt x="37" y="130"/>
                      </a:lnTo>
                      <a:lnTo>
                        <a:pt x="35" y="132"/>
                      </a:lnTo>
                      <a:lnTo>
                        <a:pt x="32" y="132"/>
                      </a:lnTo>
                      <a:lnTo>
                        <a:pt x="29" y="134"/>
                      </a:lnTo>
                      <a:lnTo>
                        <a:pt x="27" y="135"/>
                      </a:lnTo>
                      <a:lnTo>
                        <a:pt x="23" y="137"/>
                      </a:lnTo>
                      <a:lnTo>
                        <a:pt x="22" y="137"/>
                      </a:lnTo>
                      <a:lnTo>
                        <a:pt x="27" y="130"/>
                      </a:lnTo>
                      <a:lnTo>
                        <a:pt x="29" y="127"/>
                      </a:lnTo>
                      <a:lnTo>
                        <a:pt x="30" y="122"/>
                      </a:lnTo>
                      <a:lnTo>
                        <a:pt x="29" y="120"/>
                      </a:lnTo>
                      <a:lnTo>
                        <a:pt x="27" y="117"/>
                      </a:lnTo>
                      <a:lnTo>
                        <a:pt x="25" y="117"/>
                      </a:lnTo>
                      <a:lnTo>
                        <a:pt x="23" y="115"/>
                      </a:lnTo>
                      <a:lnTo>
                        <a:pt x="23" y="117"/>
                      </a:lnTo>
                      <a:lnTo>
                        <a:pt x="23" y="115"/>
                      </a:lnTo>
                      <a:lnTo>
                        <a:pt x="23" y="113"/>
                      </a:lnTo>
                      <a:lnTo>
                        <a:pt x="23" y="112"/>
                      </a:lnTo>
                      <a:lnTo>
                        <a:pt x="22" y="108"/>
                      </a:lnTo>
                      <a:lnTo>
                        <a:pt x="22" y="107"/>
                      </a:lnTo>
                      <a:lnTo>
                        <a:pt x="22" y="105"/>
                      </a:lnTo>
                      <a:lnTo>
                        <a:pt x="25" y="100"/>
                      </a:lnTo>
                      <a:lnTo>
                        <a:pt x="25" y="93"/>
                      </a:lnTo>
                      <a:lnTo>
                        <a:pt x="22" y="88"/>
                      </a:lnTo>
                      <a:lnTo>
                        <a:pt x="17" y="83"/>
                      </a:lnTo>
                      <a:lnTo>
                        <a:pt x="12" y="80"/>
                      </a:lnTo>
                      <a:lnTo>
                        <a:pt x="7" y="74"/>
                      </a:lnTo>
                      <a:lnTo>
                        <a:pt x="3" y="73"/>
                      </a:lnTo>
                      <a:lnTo>
                        <a:pt x="1" y="73"/>
                      </a:lnTo>
                      <a:lnTo>
                        <a:pt x="0" y="51"/>
                      </a:lnTo>
                      <a:lnTo>
                        <a:pt x="276" y="24"/>
                      </a:lnTo>
                      <a:lnTo>
                        <a:pt x="293" y="56"/>
                      </a:lnTo>
                      <a:lnTo>
                        <a:pt x="572" y="37"/>
                      </a:lnTo>
                      <a:lnTo>
                        <a:pt x="582" y="59"/>
                      </a:lnTo>
                      <a:lnTo>
                        <a:pt x="597" y="59"/>
                      </a:lnTo>
                      <a:lnTo>
                        <a:pt x="597" y="58"/>
                      </a:lnTo>
                      <a:lnTo>
                        <a:pt x="595" y="54"/>
                      </a:lnTo>
                      <a:lnTo>
                        <a:pt x="595" y="51"/>
                      </a:lnTo>
                      <a:lnTo>
                        <a:pt x="595" y="46"/>
                      </a:lnTo>
                      <a:lnTo>
                        <a:pt x="594" y="41"/>
                      </a:lnTo>
                      <a:lnTo>
                        <a:pt x="594" y="36"/>
                      </a:lnTo>
                      <a:lnTo>
                        <a:pt x="594" y="32"/>
                      </a:lnTo>
                      <a:lnTo>
                        <a:pt x="594" y="30"/>
                      </a:lnTo>
                      <a:lnTo>
                        <a:pt x="589" y="22"/>
                      </a:lnTo>
                      <a:lnTo>
                        <a:pt x="589" y="14"/>
                      </a:lnTo>
                      <a:lnTo>
                        <a:pt x="589" y="8"/>
                      </a:lnTo>
                      <a:lnTo>
                        <a:pt x="592" y="5"/>
                      </a:lnTo>
                      <a:lnTo>
                        <a:pt x="595" y="2"/>
                      </a:lnTo>
                      <a:lnTo>
                        <a:pt x="597" y="0"/>
                      </a:lnTo>
                      <a:lnTo>
                        <a:pt x="600" y="0"/>
                      </a:lnTo>
                      <a:lnTo>
                        <a:pt x="602" y="0"/>
                      </a:lnTo>
                      <a:lnTo>
                        <a:pt x="607" y="3"/>
                      </a:lnTo>
                      <a:lnTo>
                        <a:pt x="616" y="5"/>
                      </a:lnTo>
                      <a:lnTo>
                        <a:pt x="622" y="7"/>
                      </a:lnTo>
                      <a:lnTo>
                        <a:pt x="629" y="8"/>
                      </a:lnTo>
                      <a:lnTo>
                        <a:pt x="636" y="8"/>
                      </a:lnTo>
                      <a:lnTo>
                        <a:pt x="639" y="8"/>
                      </a:lnTo>
                      <a:lnTo>
                        <a:pt x="643" y="8"/>
                      </a:lnTo>
                      <a:lnTo>
                        <a:pt x="644" y="8"/>
                      </a:lnTo>
                      <a:lnTo>
                        <a:pt x="650" y="14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889" name="Freeform 18"/>
                <p:cNvSpPr>
                  <a:spLocks/>
                </p:cNvSpPr>
                <p:nvPr/>
              </p:nvSpPr>
              <p:spPr bwMode="auto">
                <a:xfrm>
                  <a:off x="3822" y="2894"/>
                  <a:ext cx="890" cy="684"/>
                </a:xfrm>
                <a:custGeom>
                  <a:avLst/>
                  <a:gdLst>
                    <a:gd name="T0" fmla="*/ 648 w 890"/>
                    <a:gd name="T1" fmla="*/ 46 h 684"/>
                    <a:gd name="T2" fmla="*/ 636 w 890"/>
                    <a:gd name="T3" fmla="*/ 71 h 684"/>
                    <a:gd name="T4" fmla="*/ 660 w 890"/>
                    <a:gd name="T5" fmla="*/ 47 h 684"/>
                    <a:gd name="T6" fmla="*/ 704 w 890"/>
                    <a:gd name="T7" fmla="*/ 137 h 684"/>
                    <a:gd name="T8" fmla="*/ 741 w 890"/>
                    <a:gd name="T9" fmla="*/ 196 h 684"/>
                    <a:gd name="T10" fmla="*/ 721 w 890"/>
                    <a:gd name="T11" fmla="*/ 174 h 684"/>
                    <a:gd name="T12" fmla="*/ 732 w 890"/>
                    <a:gd name="T13" fmla="*/ 200 h 684"/>
                    <a:gd name="T14" fmla="*/ 754 w 890"/>
                    <a:gd name="T15" fmla="*/ 235 h 684"/>
                    <a:gd name="T16" fmla="*/ 773 w 890"/>
                    <a:gd name="T17" fmla="*/ 279 h 684"/>
                    <a:gd name="T18" fmla="*/ 832 w 890"/>
                    <a:gd name="T19" fmla="*/ 381 h 684"/>
                    <a:gd name="T20" fmla="*/ 854 w 890"/>
                    <a:gd name="T21" fmla="*/ 418 h 684"/>
                    <a:gd name="T22" fmla="*/ 870 w 890"/>
                    <a:gd name="T23" fmla="*/ 443 h 684"/>
                    <a:gd name="T24" fmla="*/ 878 w 890"/>
                    <a:gd name="T25" fmla="*/ 464 h 684"/>
                    <a:gd name="T26" fmla="*/ 890 w 890"/>
                    <a:gd name="T27" fmla="*/ 526 h 684"/>
                    <a:gd name="T28" fmla="*/ 886 w 890"/>
                    <a:gd name="T29" fmla="*/ 586 h 684"/>
                    <a:gd name="T30" fmla="*/ 876 w 890"/>
                    <a:gd name="T31" fmla="*/ 631 h 684"/>
                    <a:gd name="T32" fmla="*/ 868 w 890"/>
                    <a:gd name="T33" fmla="*/ 662 h 684"/>
                    <a:gd name="T34" fmla="*/ 831 w 890"/>
                    <a:gd name="T35" fmla="*/ 675 h 684"/>
                    <a:gd name="T36" fmla="*/ 793 w 890"/>
                    <a:gd name="T37" fmla="*/ 680 h 684"/>
                    <a:gd name="T38" fmla="*/ 802 w 890"/>
                    <a:gd name="T39" fmla="*/ 670 h 684"/>
                    <a:gd name="T40" fmla="*/ 810 w 890"/>
                    <a:gd name="T41" fmla="*/ 640 h 684"/>
                    <a:gd name="T42" fmla="*/ 802 w 890"/>
                    <a:gd name="T43" fmla="*/ 650 h 684"/>
                    <a:gd name="T44" fmla="*/ 768 w 890"/>
                    <a:gd name="T45" fmla="*/ 621 h 684"/>
                    <a:gd name="T46" fmla="*/ 719 w 890"/>
                    <a:gd name="T47" fmla="*/ 597 h 684"/>
                    <a:gd name="T48" fmla="*/ 705 w 890"/>
                    <a:gd name="T49" fmla="*/ 589 h 684"/>
                    <a:gd name="T50" fmla="*/ 677 w 890"/>
                    <a:gd name="T51" fmla="*/ 535 h 684"/>
                    <a:gd name="T52" fmla="*/ 646 w 890"/>
                    <a:gd name="T53" fmla="*/ 479 h 684"/>
                    <a:gd name="T54" fmla="*/ 643 w 890"/>
                    <a:gd name="T55" fmla="*/ 489 h 684"/>
                    <a:gd name="T56" fmla="*/ 619 w 890"/>
                    <a:gd name="T57" fmla="*/ 481 h 684"/>
                    <a:gd name="T58" fmla="*/ 587 w 890"/>
                    <a:gd name="T59" fmla="*/ 423 h 684"/>
                    <a:gd name="T60" fmla="*/ 587 w 890"/>
                    <a:gd name="T61" fmla="*/ 401 h 684"/>
                    <a:gd name="T62" fmla="*/ 578 w 890"/>
                    <a:gd name="T63" fmla="*/ 359 h 684"/>
                    <a:gd name="T64" fmla="*/ 575 w 890"/>
                    <a:gd name="T65" fmla="*/ 399 h 684"/>
                    <a:gd name="T66" fmla="*/ 555 w 890"/>
                    <a:gd name="T67" fmla="*/ 381 h 684"/>
                    <a:gd name="T68" fmla="*/ 555 w 890"/>
                    <a:gd name="T69" fmla="*/ 335 h 684"/>
                    <a:gd name="T70" fmla="*/ 562 w 890"/>
                    <a:gd name="T71" fmla="*/ 278 h 684"/>
                    <a:gd name="T72" fmla="*/ 558 w 890"/>
                    <a:gd name="T73" fmla="*/ 257 h 684"/>
                    <a:gd name="T74" fmla="*/ 541 w 890"/>
                    <a:gd name="T75" fmla="*/ 232 h 684"/>
                    <a:gd name="T76" fmla="*/ 506 w 890"/>
                    <a:gd name="T77" fmla="*/ 217 h 684"/>
                    <a:gd name="T78" fmla="*/ 458 w 890"/>
                    <a:gd name="T79" fmla="*/ 173 h 684"/>
                    <a:gd name="T80" fmla="*/ 411 w 890"/>
                    <a:gd name="T81" fmla="*/ 129 h 684"/>
                    <a:gd name="T82" fmla="*/ 355 w 890"/>
                    <a:gd name="T83" fmla="*/ 139 h 684"/>
                    <a:gd name="T84" fmla="*/ 320 w 890"/>
                    <a:gd name="T85" fmla="*/ 164 h 684"/>
                    <a:gd name="T86" fmla="*/ 308 w 890"/>
                    <a:gd name="T87" fmla="*/ 169 h 684"/>
                    <a:gd name="T88" fmla="*/ 291 w 890"/>
                    <a:gd name="T89" fmla="*/ 183 h 684"/>
                    <a:gd name="T90" fmla="*/ 254 w 890"/>
                    <a:gd name="T91" fmla="*/ 191 h 684"/>
                    <a:gd name="T92" fmla="*/ 247 w 890"/>
                    <a:gd name="T93" fmla="*/ 162 h 684"/>
                    <a:gd name="T94" fmla="*/ 216 w 890"/>
                    <a:gd name="T95" fmla="*/ 132 h 684"/>
                    <a:gd name="T96" fmla="*/ 208 w 890"/>
                    <a:gd name="T97" fmla="*/ 135 h 684"/>
                    <a:gd name="T98" fmla="*/ 152 w 890"/>
                    <a:gd name="T99" fmla="*/ 115 h 684"/>
                    <a:gd name="T100" fmla="*/ 127 w 890"/>
                    <a:gd name="T101" fmla="*/ 113 h 684"/>
                    <a:gd name="T102" fmla="*/ 164 w 890"/>
                    <a:gd name="T103" fmla="*/ 108 h 684"/>
                    <a:gd name="T104" fmla="*/ 101 w 890"/>
                    <a:gd name="T105" fmla="*/ 113 h 684"/>
                    <a:gd name="T106" fmla="*/ 56 w 890"/>
                    <a:gd name="T107" fmla="*/ 125 h 684"/>
                    <a:gd name="T108" fmla="*/ 74 w 890"/>
                    <a:gd name="T109" fmla="*/ 105 h 684"/>
                    <a:gd name="T110" fmla="*/ 44 w 890"/>
                    <a:gd name="T111" fmla="*/ 102 h 684"/>
                    <a:gd name="T112" fmla="*/ 32 w 890"/>
                    <a:gd name="T113" fmla="*/ 132 h 684"/>
                    <a:gd name="T114" fmla="*/ 29 w 890"/>
                    <a:gd name="T115" fmla="*/ 120 h 684"/>
                    <a:gd name="T116" fmla="*/ 23 w 890"/>
                    <a:gd name="T117" fmla="*/ 112 h 684"/>
                    <a:gd name="T118" fmla="*/ 12 w 890"/>
                    <a:gd name="T119" fmla="*/ 80 h 684"/>
                    <a:gd name="T120" fmla="*/ 597 w 890"/>
                    <a:gd name="T121" fmla="*/ 59 h 684"/>
                    <a:gd name="T122" fmla="*/ 589 w 890"/>
                    <a:gd name="T123" fmla="*/ 22 h 684"/>
                    <a:gd name="T124" fmla="*/ 616 w 890"/>
                    <a:gd name="T125" fmla="*/ 5 h 684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60000 65536"/>
                    <a:gd name="T187" fmla="*/ 0 60000 65536"/>
                    <a:gd name="T188" fmla="*/ 0 60000 65536"/>
                    <a:gd name="T189" fmla="*/ 0 w 890"/>
                    <a:gd name="T190" fmla="*/ 0 h 684"/>
                    <a:gd name="T191" fmla="*/ 890 w 890"/>
                    <a:gd name="T192" fmla="*/ 684 h 684"/>
                  </a:gdLst>
                  <a:ahLst/>
                  <a:cxnLst>
                    <a:cxn ang="T126">
                      <a:pos x="T0" y="T1"/>
                    </a:cxn>
                    <a:cxn ang="T127">
                      <a:pos x="T2" y="T3"/>
                    </a:cxn>
                    <a:cxn ang="T128">
                      <a:pos x="T4" y="T5"/>
                    </a:cxn>
                    <a:cxn ang="T129">
                      <a:pos x="T6" y="T7"/>
                    </a:cxn>
                    <a:cxn ang="T130">
                      <a:pos x="T8" y="T9"/>
                    </a:cxn>
                    <a:cxn ang="T131">
                      <a:pos x="T10" y="T11"/>
                    </a:cxn>
                    <a:cxn ang="T132">
                      <a:pos x="T12" y="T13"/>
                    </a:cxn>
                    <a:cxn ang="T133">
                      <a:pos x="T14" y="T15"/>
                    </a:cxn>
                    <a:cxn ang="T134">
                      <a:pos x="T16" y="T17"/>
                    </a:cxn>
                    <a:cxn ang="T135">
                      <a:pos x="T18" y="T19"/>
                    </a:cxn>
                    <a:cxn ang="T136">
                      <a:pos x="T20" y="T21"/>
                    </a:cxn>
                    <a:cxn ang="T137">
                      <a:pos x="T22" y="T23"/>
                    </a:cxn>
                    <a:cxn ang="T138">
                      <a:pos x="T24" y="T25"/>
                    </a:cxn>
                    <a:cxn ang="T139">
                      <a:pos x="T26" y="T27"/>
                    </a:cxn>
                    <a:cxn ang="T140">
                      <a:pos x="T28" y="T29"/>
                    </a:cxn>
                    <a:cxn ang="T141">
                      <a:pos x="T30" y="T31"/>
                    </a:cxn>
                    <a:cxn ang="T142">
                      <a:pos x="T32" y="T33"/>
                    </a:cxn>
                    <a:cxn ang="T143">
                      <a:pos x="T34" y="T35"/>
                    </a:cxn>
                    <a:cxn ang="T144">
                      <a:pos x="T36" y="T37"/>
                    </a:cxn>
                    <a:cxn ang="T145">
                      <a:pos x="T38" y="T39"/>
                    </a:cxn>
                    <a:cxn ang="T146">
                      <a:pos x="T40" y="T41"/>
                    </a:cxn>
                    <a:cxn ang="T147">
                      <a:pos x="T42" y="T43"/>
                    </a:cxn>
                    <a:cxn ang="T148">
                      <a:pos x="T44" y="T45"/>
                    </a:cxn>
                    <a:cxn ang="T149">
                      <a:pos x="T46" y="T47"/>
                    </a:cxn>
                    <a:cxn ang="T150">
                      <a:pos x="T48" y="T49"/>
                    </a:cxn>
                    <a:cxn ang="T151">
                      <a:pos x="T50" y="T51"/>
                    </a:cxn>
                    <a:cxn ang="T152">
                      <a:pos x="T52" y="T53"/>
                    </a:cxn>
                    <a:cxn ang="T153">
                      <a:pos x="T54" y="T55"/>
                    </a:cxn>
                    <a:cxn ang="T154">
                      <a:pos x="T56" y="T57"/>
                    </a:cxn>
                    <a:cxn ang="T155">
                      <a:pos x="T58" y="T59"/>
                    </a:cxn>
                    <a:cxn ang="T156">
                      <a:pos x="T60" y="T61"/>
                    </a:cxn>
                    <a:cxn ang="T157">
                      <a:pos x="T62" y="T63"/>
                    </a:cxn>
                    <a:cxn ang="T158">
                      <a:pos x="T64" y="T65"/>
                    </a:cxn>
                    <a:cxn ang="T159">
                      <a:pos x="T66" y="T67"/>
                    </a:cxn>
                    <a:cxn ang="T160">
                      <a:pos x="T68" y="T69"/>
                    </a:cxn>
                    <a:cxn ang="T161">
                      <a:pos x="T70" y="T71"/>
                    </a:cxn>
                    <a:cxn ang="T162">
                      <a:pos x="T72" y="T73"/>
                    </a:cxn>
                    <a:cxn ang="T163">
                      <a:pos x="T74" y="T75"/>
                    </a:cxn>
                    <a:cxn ang="T164">
                      <a:pos x="T76" y="T77"/>
                    </a:cxn>
                    <a:cxn ang="T165">
                      <a:pos x="T78" y="T79"/>
                    </a:cxn>
                    <a:cxn ang="T166">
                      <a:pos x="T80" y="T81"/>
                    </a:cxn>
                    <a:cxn ang="T167">
                      <a:pos x="T82" y="T83"/>
                    </a:cxn>
                    <a:cxn ang="T168">
                      <a:pos x="T84" y="T85"/>
                    </a:cxn>
                    <a:cxn ang="T169">
                      <a:pos x="T86" y="T87"/>
                    </a:cxn>
                    <a:cxn ang="T170">
                      <a:pos x="T88" y="T89"/>
                    </a:cxn>
                    <a:cxn ang="T171">
                      <a:pos x="T90" y="T91"/>
                    </a:cxn>
                    <a:cxn ang="T172">
                      <a:pos x="T92" y="T93"/>
                    </a:cxn>
                    <a:cxn ang="T173">
                      <a:pos x="T94" y="T95"/>
                    </a:cxn>
                    <a:cxn ang="T174">
                      <a:pos x="T96" y="T97"/>
                    </a:cxn>
                    <a:cxn ang="T175">
                      <a:pos x="T98" y="T99"/>
                    </a:cxn>
                    <a:cxn ang="T176">
                      <a:pos x="T100" y="T101"/>
                    </a:cxn>
                    <a:cxn ang="T177">
                      <a:pos x="T102" y="T103"/>
                    </a:cxn>
                    <a:cxn ang="T178">
                      <a:pos x="T104" y="T105"/>
                    </a:cxn>
                    <a:cxn ang="T179">
                      <a:pos x="T106" y="T107"/>
                    </a:cxn>
                    <a:cxn ang="T180">
                      <a:pos x="T108" y="T109"/>
                    </a:cxn>
                    <a:cxn ang="T181">
                      <a:pos x="T110" y="T111"/>
                    </a:cxn>
                    <a:cxn ang="T182">
                      <a:pos x="T112" y="T113"/>
                    </a:cxn>
                    <a:cxn ang="T183">
                      <a:pos x="T114" y="T115"/>
                    </a:cxn>
                    <a:cxn ang="T184">
                      <a:pos x="T116" y="T117"/>
                    </a:cxn>
                    <a:cxn ang="T185">
                      <a:pos x="T118" y="T119"/>
                    </a:cxn>
                    <a:cxn ang="T186">
                      <a:pos x="T120" y="T121"/>
                    </a:cxn>
                    <a:cxn ang="T187">
                      <a:pos x="T122" y="T123"/>
                    </a:cxn>
                    <a:cxn ang="T188">
                      <a:pos x="T124" y="T125"/>
                    </a:cxn>
                  </a:cxnLst>
                  <a:rect l="T189" t="T190" r="T191" b="T192"/>
                  <a:pathLst>
                    <a:path w="890" h="684">
                      <a:moveTo>
                        <a:pt x="650" y="14"/>
                      </a:moveTo>
                      <a:lnTo>
                        <a:pt x="650" y="32"/>
                      </a:lnTo>
                      <a:lnTo>
                        <a:pt x="655" y="32"/>
                      </a:lnTo>
                      <a:lnTo>
                        <a:pt x="656" y="42"/>
                      </a:lnTo>
                      <a:lnTo>
                        <a:pt x="655" y="42"/>
                      </a:lnTo>
                      <a:lnTo>
                        <a:pt x="653" y="44"/>
                      </a:lnTo>
                      <a:lnTo>
                        <a:pt x="651" y="44"/>
                      </a:lnTo>
                      <a:lnTo>
                        <a:pt x="648" y="46"/>
                      </a:lnTo>
                      <a:lnTo>
                        <a:pt x="643" y="46"/>
                      </a:lnTo>
                      <a:lnTo>
                        <a:pt x="641" y="49"/>
                      </a:lnTo>
                      <a:lnTo>
                        <a:pt x="638" y="52"/>
                      </a:lnTo>
                      <a:lnTo>
                        <a:pt x="636" y="58"/>
                      </a:lnTo>
                      <a:lnTo>
                        <a:pt x="636" y="63"/>
                      </a:lnTo>
                      <a:lnTo>
                        <a:pt x="636" y="68"/>
                      </a:lnTo>
                      <a:lnTo>
                        <a:pt x="636" y="69"/>
                      </a:lnTo>
                      <a:lnTo>
                        <a:pt x="636" y="71"/>
                      </a:lnTo>
                      <a:lnTo>
                        <a:pt x="638" y="71"/>
                      </a:lnTo>
                      <a:lnTo>
                        <a:pt x="641" y="71"/>
                      </a:lnTo>
                      <a:lnTo>
                        <a:pt x="641" y="69"/>
                      </a:lnTo>
                      <a:lnTo>
                        <a:pt x="643" y="61"/>
                      </a:lnTo>
                      <a:lnTo>
                        <a:pt x="644" y="54"/>
                      </a:lnTo>
                      <a:lnTo>
                        <a:pt x="648" y="51"/>
                      </a:lnTo>
                      <a:lnTo>
                        <a:pt x="651" y="47"/>
                      </a:lnTo>
                      <a:lnTo>
                        <a:pt x="656" y="47"/>
                      </a:lnTo>
                      <a:lnTo>
                        <a:pt x="660" y="47"/>
                      </a:lnTo>
                      <a:lnTo>
                        <a:pt x="661" y="47"/>
                      </a:lnTo>
                      <a:lnTo>
                        <a:pt x="663" y="49"/>
                      </a:lnTo>
                      <a:lnTo>
                        <a:pt x="683" y="95"/>
                      </a:lnTo>
                      <a:lnTo>
                        <a:pt x="682" y="112"/>
                      </a:lnTo>
                      <a:lnTo>
                        <a:pt x="692" y="132"/>
                      </a:lnTo>
                      <a:lnTo>
                        <a:pt x="697" y="127"/>
                      </a:lnTo>
                      <a:lnTo>
                        <a:pt x="699" y="129"/>
                      </a:lnTo>
                      <a:lnTo>
                        <a:pt x="700" y="132"/>
                      </a:lnTo>
                      <a:lnTo>
                        <a:pt x="704" y="137"/>
                      </a:lnTo>
                      <a:lnTo>
                        <a:pt x="707" y="144"/>
                      </a:lnTo>
                      <a:lnTo>
                        <a:pt x="710" y="149"/>
                      </a:lnTo>
                      <a:lnTo>
                        <a:pt x="714" y="154"/>
                      </a:lnTo>
                      <a:lnTo>
                        <a:pt x="716" y="159"/>
                      </a:lnTo>
                      <a:lnTo>
                        <a:pt x="717" y="161"/>
                      </a:lnTo>
                      <a:lnTo>
                        <a:pt x="726" y="174"/>
                      </a:lnTo>
                      <a:lnTo>
                        <a:pt x="732" y="184"/>
                      </a:lnTo>
                      <a:lnTo>
                        <a:pt x="738" y="191"/>
                      </a:lnTo>
                      <a:lnTo>
                        <a:pt x="741" y="196"/>
                      </a:lnTo>
                      <a:lnTo>
                        <a:pt x="741" y="200"/>
                      </a:lnTo>
                      <a:lnTo>
                        <a:pt x="738" y="196"/>
                      </a:lnTo>
                      <a:lnTo>
                        <a:pt x="736" y="193"/>
                      </a:lnTo>
                      <a:lnTo>
                        <a:pt x="732" y="190"/>
                      </a:lnTo>
                      <a:lnTo>
                        <a:pt x="729" y="186"/>
                      </a:lnTo>
                      <a:lnTo>
                        <a:pt x="726" y="181"/>
                      </a:lnTo>
                      <a:lnTo>
                        <a:pt x="722" y="178"/>
                      </a:lnTo>
                      <a:lnTo>
                        <a:pt x="721" y="174"/>
                      </a:lnTo>
                      <a:lnTo>
                        <a:pt x="719" y="173"/>
                      </a:lnTo>
                      <a:lnTo>
                        <a:pt x="714" y="174"/>
                      </a:lnTo>
                      <a:lnTo>
                        <a:pt x="716" y="174"/>
                      </a:lnTo>
                      <a:lnTo>
                        <a:pt x="717" y="178"/>
                      </a:lnTo>
                      <a:lnTo>
                        <a:pt x="721" y="183"/>
                      </a:lnTo>
                      <a:lnTo>
                        <a:pt x="724" y="188"/>
                      </a:lnTo>
                      <a:lnTo>
                        <a:pt x="729" y="195"/>
                      </a:lnTo>
                      <a:lnTo>
                        <a:pt x="732" y="200"/>
                      </a:lnTo>
                      <a:lnTo>
                        <a:pt x="734" y="203"/>
                      </a:lnTo>
                      <a:lnTo>
                        <a:pt x="736" y="205"/>
                      </a:lnTo>
                      <a:lnTo>
                        <a:pt x="748" y="217"/>
                      </a:lnTo>
                      <a:lnTo>
                        <a:pt x="754" y="225"/>
                      </a:lnTo>
                      <a:lnTo>
                        <a:pt x="760" y="232"/>
                      </a:lnTo>
                      <a:lnTo>
                        <a:pt x="760" y="235"/>
                      </a:lnTo>
                      <a:lnTo>
                        <a:pt x="758" y="235"/>
                      </a:lnTo>
                      <a:lnTo>
                        <a:pt x="756" y="235"/>
                      </a:lnTo>
                      <a:lnTo>
                        <a:pt x="754" y="235"/>
                      </a:lnTo>
                      <a:lnTo>
                        <a:pt x="753" y="235"/>
                      </a:lnTo>
                      <a:lnTo>
                        <a:pt x="754" y="235"/>
                      </a:lnTo>
                      <a:lnTo>
                        <a:pt x="760" y="250"/>
                      </a:lnTo>
                      <a:lnTo>
                        <a:pt x="766" y="266"/>
                      </a:lnTo>
                      <a:lnTo>
                        <a:pt x="773" y="279"/>
                      </a:lnTo>
                      <a:lnTo>
                        <a:pt x="780" y="293"/>
                      </a:lnTo>
                      <a:lnTo>
                        <a:pt x="787" y="305"/>
                      </a:lnTo>
                      <a:lnTo>
                        <a:pt x="793" y="318"/>
                      </a:lnTo>
                      <a:lnTo>
                        <a:pt x="800" y="328"/>
                      </a:lnTo>
                      <a:lnTo>
                        <a:pt x="805" y="338"/>
                      </a:lnTo>
                      <a:lnTo>
                        <a:pt x="812" y="349"/>
                      </a:lnTo>
                      <a:lnTo>
                        <a:pt x="817" y="357"/>
                      </a:lnTo>
                      <a:lnTo>
                        <a:pt x="822" y="366"/>
                      </a:lnTo>
                      <a:lnTo>
                        <a:pt x="827" y="374"/>
                      </a:lnTo>
                      <a:lnTo>
                        <a:pt x="832" y="381"/>
                      </a:lnTo>
                      <a:lnTo>
                        <a:pt x="836" y="386"/>
                      </a:lnTo>
                      <a:lnTo>
                        <a:pt x="837" y="391"/>
                      </a:lnTo>
                      <a:lnTo>
                        <a:pt x="839" y="394"/>
                      </a:lnTo>
                      <a:lnTo>
                        <a:pt x="842" y="398"/>
                      </a:lnTo>
                      <a:lnTo>
                        <a:pt x="846" y="403"/>
                      </a:lnTo>
                      <a:lnTo>
                        <a:pt x="849" y="406"/>
                      </a:lnTo>
                      <a:lnTo>
                        <a:pt x="851" y="411"/>
                      </a:lnTo>
                      <a:lnTo>
                        <a:pt x="853" y="415"/>
                      </a:lnTo>
                      <a:lnTo>
                        <a:pt x="854" y="418"/>
                      </a:lnTo>
                      <a:lnTo>
                        <a:pt x="856" y="420"/>
                      </a:lnTo>
                      <a:lnTo>
                        <a:pt x="858" y="420"/>
                      </a:lnTo>
                      <a:lnTo>
                        <a:pt x="863" y="425"/>
                      </a:lnTo>
                      <a:lnTo>
                        <a:pt x="868" y="428"/>
                      </a:lnTo>
                      <a:lnTo>
                        <a:pt x="870" y="432"/>
                      </a:lnTo>
                      <a:lnTo>
                        <a:pt x="871" y="435"/>
                      </a:lnTo>
                      <a:lnTo>
                        <a:pt x="871" y="438"/>
                      </a:lnTo>
                      <a:lnTo>
                        <a:pt x="870" y="442"/>
                      </a:lnTo>
                      <a:lnTo>
                        <a:pt x="870" y="443"/>
                      </a:lnTo>
                      <a:lnTo>
                        <a:pt x="870" y="445"/>
                      </a:lnTo>
                      <a:lnTo>
                        <a:pt x="875" y="450"/>
                      </a:lnTo>
                      <a:lnTo>
                        <a:pt x="878" y="454"/>
                      </a:lnTo>
                      <a:lnTo>
                        <a:pt x="880" y="457"/>
                      </a:lnTo>
                      <a:lnTo>
                        <a:pt x="880" y="460"/>
                      </a:lnTo>
                      <a:lnTo>
                        <a:pt x="880" y="462"/>
                      </a:lnTo>
                      <a:lnTo>
                        <a:pt x="880" y="464"/>
                      </a:lnTo>
                      <a:lnTo>
                        <a:pt x="878" y="464"/>
                      </a:lnTo>
                      <a:lnTo>
                        <a:pt x="888" y="474"/>
                      </a:lnTo>
                      <a:lnTo>
                        <a:pt x="888" y="476"/>
                      </a:lnTo>
                      <a:lnTo>
                        <a:pt x="888" y="479"/>
                      </a:lnTo>
                      <a:lnTo>
                        <a:pt x="890" y="484"/>
                      </a:lnTo>
                      <a:lnTo>
                        <a:pt x="890" y="491"/>
                      </a:lnTo>
                      <a:lnTo>
                        <a:pt x="890" y="498"/>
                      </a:lnTo>
                      <a:lnTo>
                        <a:pt x="890" y="508"/>
                      </a:lnTo>
                      <a:lnTo>
                        <a:pt x="890" y="518"/>
                      </a:lnTo>
                      <a:lnTo>
                        <a:pt x="890" y="526"/>
                      </a:lnTo>
                      <a:lnTo>
                        <a:pt x="890" y="536"/>
                      </a:lnTo>
                      <a:lnTo>
                        <a:pt x="890" y="547"/>
                      </a:lnTo>
                      <a:lnTo>
                        <a:pt x="890" y="555"/>
                      </a:lnTo>
                      <a:lnTo>
                        <a:pt x="890" y="564"/>
                      </a:lnTo>
                      <a:lnTo>
                        <a:pt x="890" y="570"/>
                      </a:lnTo>
                      <a:lnTo>
                        <a:pt x="890" y="575"/>
                      </a:lnTo>
                      <a:lnTo>
                        <a:pt x="890" y="580"/>
                      </a:lnTo>
                      <a:lnTo>
                        <a:pt x="886" y="586"/>
                      </a:lnTo>
                      <a:lnTo>
                        <a:pt x="883" y="589"/>
                      </a:lnTo>
                      <a:lnTo>
                        <a:pt x="881" y="594"/>
                      </a:lnTo>
                      <a:lnTo>
                        <a:pt x="880" y="599"/>
                      </a:lnTo>
                      <a:lnTo>
                        <a:pt x="878" y="604"/>
                      </a:lnTo>
                      <a:lnTo>
                        <a:pt x="876" y="609"/>
                      </a:lnTo>
                      <a:lnTo>
                        <a:pt x="876" y="614"/>
                      </a:lnTo>
                      <a:lnTo>
                        <a:pt x="876" y="619"/>
                      </a:lnTo>
                      <a:lnTo>
                        <a:pt x="876" y="623"/>
                      </a:lnTo>
                      <a:lnTo>
                        <a:pt x="876" y="628"/>
                      </a:lnTo>
                      <a:lnTo>
                        <a:pt x="876" y="631"/>
                      </a:lnTo>
                      <a:lnTo>
                        <a:pt x="876" y="635"/>
                      </a:lnTo>
                      <a:lnTo>
                        <a:pt x="876" y="638"/>
                      </a:lnTo>
                      <a:lnTo>
                        <a:pt x="876" y="640"/>
                      </a:lnTo>
                      <a:lnTo>
                        <a:pt x="878" y="641"/>
                      </a:lnTo>
                      <a:lnTo>
                        <a:pt x="876" y="650"/>
                      </a:lnTo>
                      <a:lnTo>
                        <a:pt x="875" y="657"/>
                      </a:lnTo>
                      <a:lnTo>
                        <a:pt x="871" y="660"/>
                      </a:lnTo>
                      <a:lnTo>
                        <a:pt x="868" y="662"/>
                      </a:lnTo>
                      <a:lnTo>
                        <a:pt x="864" y="663"/>
                      </a:lnTo>
                      <a:lnTo>
                        <a:pt x="861" y="663"/>
                      </a:lnTo>
                      <a:lnTo>
                        <a:pt x="858" y="663"/>
                      </a:lnTo>
                      <a:lnTo>
                        <a:pt x="856" y="663"/>
                      </a:lnTo>
                      <a:lnTo>
                        <a:pt x="849" y="668"/>
                      </a:lnTo>
                      <a:lnTo>
                        <a:pt x="842" y="674"/>
                      </a:lnTo>
                      <a:lnTo>
                        <a:pt x="837" y="675"/>
                      </a:lnTo>
                      <a:lnTo>
                        <a:pt x="834" y="675"/>
                      </a:lnTo>
                      <a:lnTo>
                        <a:pt x="831" y="675"/>
                      </a:lnTo>
                      <a:lnTo>
                        <a:pt x="827" y="674"/>
                      </a:lnTo>
                      <a:lnTo>
                        <a:pt x="826" y="674"/>
                      </a:lnTo>
                      <a:lnTo>
                        <a:pt x="817" y="680"/>
                      </a:lnTo>
                      <a:lnTo>
                        <a:pt x="810" y="684"/>
                      </a:lnTo>
                      <a:lnTo>
                        <a:pt x="805" y="684"/>
                      </a:lnTo>
                      <a:lnTo>
                        <a:pt x="800" y="684"/>
                      </a:lnTo>
                      <a:lnTo>
                        <a:pt x="797" y="684"/>
                      </a:lnTo>
                      <a:lnTo>
                        <a:pt x="793" y="680"/>
                      </a:lnTo>
                      <a:lnTo>
                        <a:pt x="792" y="680"/>
                      </a:lnTo>
                      <a:lnTo>
                        <a:pt x="792" y="679"/>
                      </a:lnTo>
                      <a:lnTo>
                        <a:pt x="787" y="670"/>
                      </a:lnTo>
                      <a:lnTo>
                        <a:pt x="787" y="667"/>
                      </a:lnTo>
                      <a:lnTo>
                        <a:pt x="788" y="663"/>
                      </a:lnTo>
                      <a:lnTo>
                        <a:pt x="790" y="665"/>
                      </a:lnTo>
                      <a:lnTo>
                        <a:pt x="795" y="667"/>
                      </a:lnTo>
                      <a:lnTo>
                        <a:pt x="798" y="668"/>
                      </a:lnTo>
                      <a:lnTo>
                        <a:pt x="802" y="670"/>
                      </a:lnTo>
                      <a:lnTo>
                        <a:pt x="802" y="672"/>
                      </a:lnTo>
                      <a:lnTo>
                        <a:pt x="820" y="665"/>
                      </a:lnTo>
                      <a:lnTo>
                        <a:pt x="810" y="653"/>
                      </a:lnTo>
                      <a:lnTo>
                        <a:pt x="812" y="652"/>
                      </a:lnTo>
                      <a:lnTo>
                        <a:pt x="814" y="650"/>
                      </a:lnTo>
                      <a:lnTo>
                        <a:pt x="815" y="648"/>
                      </a:lnTo>
                      <a:lnTo>
                        <a:pt x="810" y="640"/>
                      </a:lnTo>
                      <a:lnTo>
                        <a:pt x="807" y="635"/>
                      </a:lnTo>
                      <a:lnTo>
                        <a:pt x="804" y="633"/>
                      </a:lnTo>
                      <a:lnTo>
                        <a:pt x="802" y="631"/>
                      </a:lnTo>
                      <a:lnTo>
                        <a:pt x="800" y="633"/>
                      </a:lnTo>
                      <a:lnTo>
                        <a:pt x="798" y="635"/>
                      </a:lnTo>
                      <a:lnTo>
                        <a:pt x="798" y="636"/>
                      </a:lnTo>
                      <a:lnTo>
                        <a:pt x="798" y="638"/>
                      </a:lnTo>
                      <a:lnTo>
                        <a:pt x="802" y="645"/>
                      </a:lnTo>
                      <a:lnTo>
                        <a:pt x="802" y="650"/>
                      </a:lnTo>
                      <a:lnTo>
                        <a:pt x="800" y="652"/>
                      </a:lnTo>
                      <a:lnTo>
                        <a:pt x="797" y="653"/>
                      </a:lnTo>
                      <a:lnTo>
                        <a:pt x="793" y="653"/>
                      </a:lnTo>
                      <a:lnTo>
                        <a:pt x="790" y="653"/>
                      </a:lnTo>
                      <a:lnTo>
                        <a:pt x="788" y="652"/>
                      </a:lnTo>
                      <a:lnTo>
                        <a:pt x="787" y="652"/>
                      </a:lnTo>
                      <a:lnTo>
                        <a:pt x="780" y="640"/>
                      </a:lnTo>
                      <a:lnTo>
                        <a:pt x="775" y="630"/>
                      </a:lnTo>
                      <a:lnTo>
                        <a:pt x="768" y="621"/>
                      </a:lnTo>
                      <a:lnTo>
                        <a:pt x="763" y="614"/>
                      </a:lnTo>
                      <a:lnTo>
                        <a:pt x="756" y="609"/>
                      </a:lnTo>
                      <a:lnTo>
                        <a:pt x="749" y="606"/>
                      </a:lnTo>
                      <a:lnTo>
                        <a:pt x="744" y="602"/>
                      </a:lnTo>
                      <a:lnTo>
                        <a:pt x="739" y="599"/>
                      </a:lnTo>
                      <a:lnTo>
                        <a:pt x="734" y="597"/>
                      </a:lnTo>
                      <a:lnTo>
                        <a:pt x="729" y="597"/>
                      </a:lnTo>
                      <a:lnTo>
                        <a:pt x="724" y="597"/>
                      </a:lnTo>
                      <a:lnTo>
                        <a:pt x="721" y="597"/>
                      </a:lnTo>
                      <a:lnTo>
                        <a:pt x="719" y="597"/>
                      </a:lnTo>
                      <a:lnTo>
                        <a:pt x="716" y="597"/>
                      </a:lnTo>
                      <a:lnTo>
                        <a:pt x="714" y="597"/>
                      </a:lnTo>
                      <a:lnTo>
                        <a:pt x="714" y="599"/>
                      </a:lnTo>
                      <a:lnTo>
                        <a:pt x="712" y="597"/>
                      </a:lnTo>
                      <a:lnTo>
                        <a:pt x="710" y="594"/>
                      </a:lnTo>
                      <a:lnTo>
                        <a:pt x="707" y="592"/>
                      </a:lnTo>
                      <a:lnTo>
                        <a:pt x="705" y="589"/>
                      </a:lnTo>
                      <a:lnTo>
                        <a:pt x="704" y="586"/>
                      </a:lnTo>
                      <a:lnTo>
                        <a:pt x="702" y="584"/>
                      </a:lnTo>
                      <a:lnTo>
                        <a:pt x="700" y="580"/>
                      </a:lnTo>
                      <a:lnTo>
                        <a:pt x="697" y="564"/>
                      </a:lnTo>
                      <a:lnTo>
                        <a:pt x="692" y="550"/>
                      </a:lnTo>
                      <a:lnTo>
                        <a:pt x="687" y="542"/>
                      </a:lnTo>
                      <a:lnTo>
                        <a:pt x="683" y="536"/>
                      </a:lnTo>
                      <a:lnTo>
                        <a:pt x="680" y="535"/>
                      </a:lnTo>
                      <a:lnTo>
                        <a:pt x="677" y="535"/>
                      </a:lnTo>
                      <a:lnTo>
                        <a:pt x="675" y="535"/>
                      </a:lnTo>
                      <a:lnTo>
                        <a:pt x="666" y="526"/>
                      </a:lnTo>
                      <a:lnTo>
                        <a:pt x="661" y="514"/>
                      </a:lnTo>
                      <a:lnTo>
                        <a:pt x="661" y="498"/>
                      </a:lnTo>
                      <a:lnTo>
                        <a:pt x="653" y="486"/>
                      </a:lnTo>
                      <a:lnTo>
                        <a:pt x="661" y="472"/>
                      </a:lnTo>
                      <a:lnTo>
                        <a:pt x="646" y="481"/>
                      </a:lnTo>
                      <a:lnTo>
                        <a:pt x="646" y="479"/>
                      </a:lnTo>
                      <a:lnTo>
                        <a:pt x="644" y="479"/>
                      </a:lnTo>
                      <a:lnTo>
                        <a:pt x="641" y="477"/>
                      </a:lnTo>
                      <a:lnTo>
                        <a:pt x="639" y="476"/>
                      </a:lnTo>
                      <a:lnTo>
                        <a:pt x="636" y="474"/>
                      </a:lnTo>
                      <a:lnTo>
                        <a:pt x="634" y="474"/>
                      </a:lnTo>
                      <a:lnTo>
                        <a:pt x="633" y="472"/>
                      </a:lnTo>
                      <a:lnTo>
                        <a:pt x="633" y="474"/>
                      </a:lnTo>
                      <a:lnTo>
                        <a:pt x="638" y="482"/>
                      </a:lnTo>
                      <a:lnTo>
                        <a:pt x="643" y="489"/>
                      </a:lnTo>
                      <a:lnTo>
                        <a:pt x="644" y="494"/>
                      </a:lnTo>
                      <a:lnTo>
                        <a:pt x="644" y="498"/>
                      </a:lnTo>
                      <a:lnTo>
                        <a:pt x="643" y="498"/>
                      </a:lnTo>
                      <a:lnTo>
                        <a:pt x="641" y="498"/>
                      </a:lnTo>
                      <a:lnTo>
                        <a:pt x="638" y="496"/>
                      </a:lnTo>
                      <a:lnTo>
                        <a:pt x="636" y="494"/>
                      </a:lnTo>
                      <a:lnTo>
                        <a:pt x="631" y="491"/>
                      </a:lnTo>
                      <a:lnTo>
                        <a:pt x="628" y="487"/>
                      </a:lnTo>
                      <a:lnTo>
                        <a:pt x="622" y="484"/>
                      </a:lnTo>
                      <a:lnTo>
                        <a:pt x="619" y="481"/>
                      </a:lnTo>
                      <a:lnTo>
                        <a:pt x="616" y="477"/>
                      </a:lnTo>
                      <a:lnTo>
                        <a:pt x="612" y="474"/>
                      </a:lnTo>
                      <a:lnTo>
                        <a:pt x="611" y="472"/>
                      </a:lnTo>
                      <a:lnTo>
                        <a:pt x="607" y="457"/>
                      </a:lnTo>
                      <a:lnTo>
                        <a:pt x="582" y="425"/>
                      </a:lnTo>
                      <a:lnTo>
                        <a:pt x="584" y="425"/>
                      </a:lnTo>
                      <a:lnTo>
                        <a:pt x="585" y="423"/>
                      </a:lnTo>
                      <a:lnTo>
                        <a:pt x="587" y="423"/>
                      </a:lnTo>
                      <a:lnTo>
                        <a:pt x="589" y="421"/>
                      </a:lnTo>
                      <a:lnTo>
                        <a:pt x="590" y="421"/>
                      </a:lnTo>
                      <a:lnTo>
                        <a:pt x="592" y="420"/>
                      </a:lnTo>
                      <a:lnTo>
                        <a:pt x="594" y="420"/>
                      </a:lnTo>
                      <a:lnTo>
                        <a:pt x="589" y="418"/>
                      </a:lnTo>
                      <a:lnTo>
                        <a:pt x="587" y="413"/>
                      </a:lnTo>
                      <a:lnTo>
                        <a:pt x="587" y="408"/>
                      </a:lnTo>
                      <a:lnTo>
                        <a:pt x="587" y="401"/>
                      </a:lnTo>
                      <a:lnTo>
                        <a:pt x="589" y="394"/>
                      </a:lnTo>
                      <a:lnTo>
                        <a:pt x="590" y="388"/>
                      </a:lnTo>
                      <a:lnTo>
                        <a:pt x="590" y="382"/>
                      </a:lnTo>
                      <a:lnTo>
                        <a:pt x="590" y="379"/>
                      </a:lnTo>
                      <a:lnTo>
                        <a:pt x="587" y="371"/>
                      </a:lnTo>
                      <a:lnTo>
                        <a:pt x="585" y="364"/>
                      </a:lnTo>
                      <a:lnTo>
                        <a:pt x="582" y="360"/>
                      </a:lnTo>
                      <a:lnTo>
                        <a:pt x="580" y="359"/>
                      </a:lnTo>
                      <a:lnTo>
                        <a:pt x="578" y="359"/>
                      </a:lnTo>
                      <a:lnTo>
                        <a:pt x="577" y="360"/>
                      </a:lnTo>
                      <a:lnTo>
                        <a:pt x="577" y="364"/>
                      </a:lnTo>
                      <a:lnTo>
                        <a:pt x="575" y="367"/>
                      </a:lnTo>
                      <a:lnTo>
                        <a:pt x="575" y="372"/>
                      </a:lnTo>
                      <a:lnTo>
                        <a:pt x="575" y="377"/>
                      </a:lnTo>
                      <a:lnTo>
                        <a:pt x="575" y="382"/>
                      </a:lnTo>
                      <a:lnTo>
                        <a:pt x="575" y="388"/>
                      </a:lnTo>
                      <a:lnTo>
                        <a:pt x="575" y="393"/>
                      </a:lnTo>
                      <a:lnTo>
                        <a:pt x="575" y="396"/>
                      </a:lnTo>
                      <a:lnTo>
                        <a:pt x="575" y="399"/>
                      </a:lnTo>
                      <a:lnTo>
                        <a:pt x="572" y="398"/>
                      </a:lnTo>
                      <a:lnTo>
                        <a:pt x="568" y="394"/>
                      </a:lnTo>
                      <a:lnTo>
                        <a:pt x="565" y="391"/>
                      </a:lnTo>
                      <a:lnTo>
                        <a:pt x="560" y="388"/>
                      </a:lnTo>
                      <a:lnTo>
                        <a:pt x="558" y="384"/>
                      </a:lnTo>
                      <a:lnTo>
                        <a:pt x="555" y="382"/>
                      </a:lnTo>
                      <a:lnTo>
                        <a:pt x="555" y="381"/>
                      </a:lnTo>
                      <a:lnTo>
                        <a:pt x="556" y="374"/>
                      </a:lnTo>
                      <a:lnTo>
                        <a:pt x="558" y="366"/>
                      </a:lnTo>
                      <a:lnTo>
                        <a:pt x="558" y="359"/>
                      </a:lnTo>
                      <a:lnTo>
                        <a:pt x="558" y="352"/>
                      </a:lnTo>
                      <a:lnTo>
                        <a:pt x="556" y="345"/>
                      </a:lnTo>
                      <a:lnTo>
                        <a:pt x="556" y="340"/>
                      </a:lnTo>
                      <a:lnTo>
                        <a:pt x="555" y="337"/>
                      </a:lnTo>
                      <a:lnTo>
                        <a:pt x="555" y="335"/>
                      </a:lnTo>
                      <a:lnTo>
                        <a:pt x="558" y="328"/>
                      </a:lnTo>
                      <a:lnTo>
                        <a:pt x="560" y="323"/>
                      </a:lnTo>
                      <a:lnTo>
                        <a:pt x="562" y="316"/>
                      </a:lnTo>
                      <a:lnTo>
                        <a:pt x="562" y="311"/>
                      </a:lnTo>
                      <a:lnTo>
                        <a:pt x="563" y="305"/>
                      </a:lnTo>
                      <a:lnTo>
                        <a:pt x="563" y="300"/>
                      </a:lnTo>
                      <a:lnTo>
                        <a:pt x="563" y="293"/>
                      </a:lnTo>
                      <a:lnTo>
                        <a:pt x="563" y="288"/>
                      </a:lnTo>
                      <a:lnTo>
                        <a:pt x="562" y="283"/>
                      </a:lnTo>
                      <a:lnTo>
                        <a:pt x="562" y="278"/>
                      </a:lnTo>
                      <a:lnTo>
                        <a:pt x="560" y="274"/>
                      </a:lnTo>
                      <a:lnTo>
                        <a:pt x="560" y="269"/>
                      </a:lnTo>
                      <a:lnTo>
                        <a:pt x="560" y="267"/>
                      </a:lnTo>
                      <a:lnTo>
                        <a:pt x="558" y="264"/>
                      </a:lnTo>
                      <a:lnTo>
                        <a:pt x="558" y="262"/>
                      </a:lnTo>
                      <a:lnTo>
                        <a:pt x="558" y="261"/>
                      </a:lnTo>
                      <a:lnTo>
                        <a:pt x="558" y="257"/>
                      </a:lnTo>
                      <a:lnTo>
                        <a:pt x="558" y="256"/>
                      </a:lnTo>
                      <a:lnTo>
                        <a:pt x="556" y="252"/>
                      </a:lnTo>
                      <a:lnTo>
                        <a:pt x="556" y="249"/>
                      </a:lnTo>
                      <a:lnTo>
                        <a:pt x="555" y="247"/>
                      </a:lnTo>
                      <a:lnTo>
                        <a:pt x="551" y="245"/>
                      </a:lnTo>
                      <a:lnTo>
                        <a:pt x="548" y="242"/>
                      </a:lnTo>
                      <a:lnTo>
                        <a:pt x="545" y="239"/>
                      </a:lnTo>
                      <a:lnTo>
                        <a:pt x="541" y="232"/>
                      </a:lnTo>
                      <a:lnTo>
                        <a:pt x="538" y="227"/>
                      </a:lnTo>
                      <a:lnTo>
                        <a:pt x="534" y="223"/>
                      </a:lnTo>
                      <a:lnTo>
                        <a:pt x="533" y="220"/>
                      </a:lnTo>
                      <a:lnTo>
                        <a:pt x="533" y="218"/>
                      </a:lnTo>
                      <a:lnTo>
                        <a:pt x="521" y="222"/>
                      </a:lnTo>
                      <a:lnTo>
                        <a:pt x="514" y="222"/>
                      </a:lnTo>
                      <a:lnTo>
                        <a:pt x="509" y="222"/>
                      </a:lnTo>
                      <a:lnTo>
                        <a:pt x="507" y="220"/>
                      </a:lnTo>
                      <a:lnTo>
                        <a:pt x="506" y="217"/>
                      </a:lnTo>
                      <a:lnTo>
                        <a:pt x="506" y="215"/>
                      </a:lnTo>
                      <a:lnTo>
                        <a:pt x="507" y="215"/>
                      </a:lnTo>
                      <a:lnTo>
                        <a:pt x="507" y="213"/>
                      </a:lnTo>
                      <a:lnTo>
                        <a:pt x="497" y="206"/>
                      </a:lnTo>
                      <a:lnTo>
                        <a:pt x="484" y="191"/>
                      </a:lnTo>
                      <a:lnTo>
                        <a:pt x="467" y="179"/>
                      </a:lnTo>
                      <a:lnTo>
                        <a:pt x="465" y="179"/>
                      </a:lnTo>
                      <a:lnTo>
                        <a:pt x="463" y="176"/>
                      </a:lnTo>
                      <a:lnTo>
                        <a:pt x="458" y="173"/>
                      </a:lnTo>
                      <a:lnTo>
                        <a:pt x="455" y="168"/>
                      </a:lnTo>
                      <a:lnTo>
                        <a:pt x="450" y="162"/>
                      </a:lnTo>
                      <a:lnTo>
                        <a:pt x="446" y="157"/>
                      </a:lnTo>
                      <a:lnTo>
                        <a:pt x="445" y="154"/>
                      </a:lnTo>
                      <a:lnTo>
                        <a:pt x="443" y="152"/>
                      </a:lnTo>
                      <a:lnTo>
                        <a:pt x="433" y="144"/>
                      </a:lnTo>
                      <a:lnTo>
                        <a:pt x="424" y="139"/>
                      </a:lnTo>
                      <a:lnTo>
                        <a:pt x="418" y="132"/>
                      </a:lnTo>
                      <a:lnTo>
                        <a:pt x="411" y="129"/>
                      </a:lnTo>
                      <a:lnTo>
                        <a:pt x="404" y="125"/>
                      </a:lnTo>
                      <a:lnTo>
                        <a:pt x="399" y="124"/>
                      </a:lnTo>
                      <a:lnTo>
                        <a:pt x="396" y="124"/>
                      </a:lnTo>
                      <a:lnTo>
                        <a:pt x="394" y="122"/>
                      </a:lnTo>
                      <a:lnTo>
                        <a:pt x="377" y="122"/>
                      </a:lnTo>
                      <a:lnTo>
                        <a:pt x="367" y="122"/>
                      </a:lnTo>
                      <a:lnTo>
                        <a:pt x="360" y="127"/>
                      </a:lnTo>
                      <a:lnTo>
                        <a:pt x="355" y="132"/>
                      </a:lnTo>
                      <a:lnTo>
                        <a:pt x="355" y="139"/>
                      </a:lnTo>
                      <a:lnTo>
                        <a:pt x="355" y="144"/>
                      </a:lnTo>
                      <a:lnTo>
                        <a:pt x="357" y="147"/>
                      </a:lnTo>
                      <a:lnTo>
                        <a:pt x="357" y="149"/>
                      </a:lnTo>
                      <a:lnTo>
                        <a:pt x="350" y="147"/>
                      </a:lnTo>
                      <a:lnTo>
                        <a:pt x="342" y="149"/>
                      </a:lnTo>
                      <a:lnTo>
                        <a:pt x="335" y="152"/>
                      </a:lnTo>
                      <a:lnTo>
                        <a:pt x="330" y="156"/>
                      </a:lnTo>
                      <a:lnTo>
                        <a:pt x="325" y="161"/>
                      </a:lnTo>
                      <a:lnTo>
                        <a:pt x="320" y="164"/>
                      </a:lnTo>
                      <a:lnTo>
                        <a:pt x="316" y="168"/>
                      </a:lnTo>
                      <a:lnTo>
                        <a:pt x="316" y="169"/>
                      </a:lnTo>
                      <a:lnTo>
                        <a:pt x="309" y="176"/>
                      </a:lnTo>
                      <a:lnTo>
                        <a:pt x="306" y="178"/>
                      </a:lnTo>
                      <a:lnTo>
                        <a:pt x="304" y="178"/>
                      </a:lnTo>
                      <a:lnTo>
                        <a:pt x="304" y="176"/>
                      </a:lnTo>
                      <a:lnTo>
                        <a:pt x="304" y="174"/>
                      </a:lnTo>
                      <a:lnTo>
                        <a:pt x="306" y="171"/>
                      </a:lnTo>
                      <a:lnTo>
                        <a:pt x="308" y="169"/>
                      </a:lnTo>
                      <a:lnTo>
                        <a:pt x="308" y="168"/>
                      </a:lnTo>
                      <a:lnTo>
                        <a:pt x="306" y="168"/>
                      </a:lnTo>
                      <a:lnTo>
                        <a:pt x="306" y="169"/>
                      </a:lnTo>
                      <a:lnTo>
                        <a:pt x="303" y="173"/>
                      </a:lnTo>
                      <a:lnTo>
                        <a:pt x="299" y="174"/>
                      </a:lnTo>
                      <a:lnTo>
                        <a:pt x="298" y="178"/>
                      </a:lnTo>
                      <a:lnTo>
                        <a:pt x="294" y="179"/>
                      </a:lnTo>
                      <a:lnTo>
                        <a:pt x="293" y="181"/>
                      </a:lnTo>
                      <a:lnTo>
                        <a:pt x="291" y="183"/>
                      </a:lnTo>
                      <a:lnTo>
                        <a:pt x="284" y="181"/>
                      </a:lnTo>
                      <a:lnTo>
                        <a:pt x="277" y="181"/>
                      </a:lnTo>
                      <a:lnTo>
                        <a:pt x="271" y="183"/>
                      </a:lnTo>
                      <a:lnTo>
                        <a:pt x="265" y="186"/>
                      </a:lnTo>
                      <a:lnTo>
                        <a:pt x="260" y="188"/>
                      </a:lnTo>
                      <a:lnTo>
                        <a:pt x="257" y="190"/>
                      </a:lnTo>
                      <a:lnTo>
                        <a:pt x="254" y="191"/>
                      </a:lnTo>
                      <a:lnTo>
                        <a:pt x="247" y="184"/>
                      </a:lnTo>
                      <a:lnTo>
                        <a:pt x="243" y="179"/>
                      </a:lnTo>
                      <a:lnTo>
                        <a:pt x="245" y="179"/>
                      </a:lnTo>
                      <a:lnTo>
                        <a:pt x="249" y="181"/>
                      </a:lnTo>
                      <a:lnTo>
                        <a:pt x="252" y="184"/>
                      </a:lnTo>
                      <a:lnTo>
                        <a:pt x="255" y="186"/>
                      </a:lnTo>
                      <a:lnTo>
                        <a:pt x="257" y="186"/>
                      </a:lnTo>
                      <a:lnTo>
                        <a:pt x="257" y="176"/>
                      </a:lnTo>
                      <a:lnTo>
                        <a:pt x="247" y="162"/>
                      </a:lnTo>
                      <a:lnTo>
                        <a:pt x="218" y="140"/>
                      </a:lnTo>
                      <a:lnTo>
                        <a:pt x="232" y="142"/>
                      </a:lnTo>
                      <a:lnTo>
                        <a:pt x="238" y="144"/>
                      </a:lnTo>
                      <a:lnTo>
                        <a:pt x="238" y="142"/>
                      </a:lnTo>
                      <a:lnTo>
                        <a:pt x="235" y="140"/>
                      </a:lnTo>
                      <a:lnTo>
                        <a:pt x="230" y="137"/>
                      </a:lnTo>
                      <a:lnTo>
                        <a:pt x="223" y="135"/>
                      </a:lnTo>
                      <a:lnTo>
                        <a:pt x="218" y="132"/>
                      </a:lnTo>
                      <a:lnTo>
                        <a:pt x="216" y="132"/>
                      </a:lnTo>
                      <a:lnTo>
                        <a:pt x="223" y="117"/>
                      </a:lnTo>
                      <a:lnTo>
                        <a:pt x="205" y="120"/>
                      </a:lnTo>
                      <a:lnTo>
                        <a:pt x="205" y="122"/>
                      </a:lnTo>
                      <a:lnTo>
                        <a:pt x="206" y="125"/>
                      </a:lnTo>
                      <a:lnTo>
                        <a:pt x="206" y="127"/>
                      </a:lnTo>
                      <a:lnTo>
                        <a:pt x="206" y="130"/>
                      </a:lnTo>
                      <a:lnTo>
                        <a:pt x="208" y="134"/>
                      </a:lnTo>
                      <a:lnTo>
                        <a:pt x="208" y="135"/>
                      </a:lnTo>
                      <a:lnTo>
                        <a:pt x="201" y="130"/>
                      </a:lnTo>
                      <a:lnTo>
                        <a:pt x="193" y="127"/>
                      </a:lnTo>
                      <a:lnTo>
                        <a:pt x="186" y="124"/>
                      </a:lnTo>
                      <a:lnTo>
                        <a:pt x="179" y="122"/>
                      </a:lnTo>
                      <a:lnTo>
                        <a:pt x="172" y="118"/>
                      </a:lnTo>
                      <a:lnTo>
                        <a:pt x="164" y="117"/>
                      </a:lnTo>
                      <a:lnTo>
                        <a:pt x="159" y="115"/>
                      </a:lnTo>
                      <a:lnTo>
                        <a:pt x="152" y="115"/>
                      </a:lnTo>
                      <a:lnTo>
                        <a:pt x="147" y="113"/>
                      </a:lnTo>
                      <a:lnTo>
                        <a:pt x="142" y="113"/>
                      </a:lnTo>
                      <a:lnTo>
                        <a:pt x="137" y="113"/>
                      </a:lnTo>
                      <a:lnTo>
                        <a:pt x="133" y="113"/>
                      </a:lnTo>
                      <a:lnTo>
                        <a:pt x="130" y="113"/>
                      </a:lnTo>
                      <a:lnTo>
                        <a:pt x="128" y="113"/>
                      </a:lnTo>
                      <a:lnTo>
                        <a:pt x="127" y="113"/>
                      </a:lnTo>
                      <a:lnTo>
                        <a:pt x="128" y="113"/>
                      </a:lnTo>
                      <a:lnTo>
                        <a:pt x="130" y="112"/>
                      </a:lnTo>
                      <a:lnTo>
                        <a:pt x="133" y="112"/>
                      </a:lnTo>
                      <a:lnTo>
                        <a:pt x="137" y="112"/>
                      </a:lnTo>
                      <a:lnTo>
                        <a:pt x="140" y="110"/>
                      </a:lnTo>
                      <a:lnTo>
                        <a:pt x="142" y="110"/>
                      </a:lnTo>
                      <a:lnTo>
                        <a:pt x="144" y="110"/>
                      </a:lnTo>
                      <a:lnTo>
                        <a:pt x="157" y="110"/>
                      </a:lnTo>
                      <a:lnTo>
                        <a:pt x="164" y="108"/>
                      </a:lnTo>
                      <a:lnTo>
                        <a:pt x="162" y="105"/>
                      </a:lnTo>
                      <a:lnTo>
                        <a:pt x="155" y="105"/>
                      </a:lnTo>
                      <a:lnTo>
                        <a:pt x="149" y="103"/>
                      </a:lnTo>
                      <a:lnTo>
                        <a:pt x="145" y="102"/>
                      </a:lnTo>
                      <a:lnTo>
                        <a:pt x="142" y="102"/>
                      </a:lnTo>
                      <a:lnTo>
                        <a:pt x="111" y="108"/>
                      </a:lnTo>
                      <a:lnTo>
                        <a:pt x="101" y="113"/>
                      </a:lnTo>
                      <a:lnTo>
                        <a:pt x="98" y="115"/>
                      </a:lnTo>
                      <a:lnTo>
                        <a:pt x="95" y="115"/>
                      </a:lnTo>
                      <a:lnTo>
                        <a:pt x="89" y="115"/>
                      </a:lnTo>
                      <a:lnTo>
                        <a:pt x="86" y="115"/>
                      </a:lnTo>
                      <a:lnTo>
                        <a:pt x="81" y="115"/>
                      </a:lnTo>
                      <a:lnTo>
                        <a:pt x="79" y="117"/>
                      </a:lnTo>
                      <a:lnTo>
                        <a:pt x="78" y="117"/>
                      </a:lnTo>
                      <a:lnTo>
                        <a:pt x="64" y="122"/>
                      </a:lnTo>
                      <a:lnTo>
                        <a:pt x="56" y="125"/>
                      </a:lnTo>
                      <a:lnTo>
                        <a:pt x="52" y="125"/>
                      </a:lnTo>
                      <a:lnTo>
                        <a:pt x="54" y="124"/>
                      </a:lnTo>
                      <a:lnTo>
                        <a:pt x="57" y="122"/>
                      </a:lnTo>
                      <a:lnTo>
                        <a:pt x="62" y="118"/>
                      </a:lnTo>
                      <a:lnTo>
                        <a:pt x="66" y="117"/>
                      </a:lnTo>
                      <a:lnTo>
                        <a:pt x="67" y="115"/>
                      </a:lnTo>
                      <a:lnTo>
                        <a:pt x="73" y="110"/>
                      </a:lnTo>
                      <a:lnTo>
                        <a:pt x="74" y="107"/>
                      </a:lnTo>
                      <a:lnTo>
                        <a:pt x="74" y="105"/>
                      </a:lnTo>
                      <a:lnTo>
                        <a:pt x="71" y="105"/>
                      </a:lnTo>
                      <a:lnTo>
                        <a:pt x="67" y="105"/>
                      </a:lnTo>
                      <a:lnTo>
                        <a:pt x="64" y="107"/>
                      </a:lnTo>
                      <a:lnTo>
                        <a:pt x="61" y="107"/>
                      </a:lnTo>
                      <a:lnTo>
                        <a:pt x="59" y="107"/>
                      </a:lnTo>
                      <a:lnTo>
                        <a:pt x="51" y="100"/>
                      </a:lnTo>
                      <a:lnTo>
                        <a:pt x="45" y="96"/>
                      </a:lnTo>
                      <a:lnTo>
                        <a:pt x="44" y="98"/>
                      </a:lnTo>
                      <a:lnTo>
                        <a:pt x="44" y="102"/>
                      </a:lnTo>
                      <a:lnTo>
                        <a:pt x="45" y="105"/>
                      </a:lnTo>
                      <a:lnTo>
                        <a:pt x="49" y="110"/>
                      </a:lnTo>
                      <a:lnTo>
                        <a:pt x="51" y="113"/>
                      </a:lnTo>
                      <a:lnTo>
                        <a:pt x="51" y="115"/>
                      </a:lnTo>
                      <a:lnTo>
                        <a:pt x="44" y="122"/>
                      </a:lnTo>
                      <a:lnTo>
                        <a:pt x="37" y="130"/>
                      </a:lnTo>
                      <a:lnTo>
                        <a:pt x="35" y="132"/>
                      </a:lnTo>
                      <a:lnTo>
                        <a:pt x="32" y="132"/>
                      </a:lnTo>
                      <a:lnTo>
                        <a:pt x="29" y="134"/>
                      </a:lnTo>
                      <a:lnTo>
                        <a:pt x="27" y="135"/>
                      </a:lnTo>
                      <a:lnTo>
                        <a:pt x="23" y="137"/>
                      </a:lnTo>
                      <a:lnTo>
                        <a:pt x="22" y="137"/>
                      </a:lnTo>
                      <a:lnTo>
                        <a:pt x="27" y="130"/>
                      </a:lnTo>
                      <a:lnTo>
                        <a:pt x="29" y="127"/>
                      </a:lnTo>
                      <a:lnTo>
                        <a:pt x="30" y="122"/>
                      </a:lnTo>
                      <a:lnTo>
                        <a:pt x="29" y="120"/>
                      </a:lnTo>
                      <a:lnTo>
                        <a:pt x="27" y="117"/>
                      </a:lnTo>
                      <a:lnTo>
                        <a:pt x="25" y="117"/>
                      </a:lnTo>
                      <a:lnTo>
                        <a:pt x="23" y="115"/>
                      </a:lnTo>
                      <a:lnTo>
                        <a:pt x="23" y="117"/>
                      </a:lnTo>
                      <a:lnTo>
                        <a:pt x="23" y="115"/>
                      </a:lnTo>
                      <a:lnTo>
                        <a:pt x="23" y="113"/>
                      </a:lnTo>
                      <a:lnTo>
                        <a:pt x="23" y="112"/>
                      </a:lnTo>
                      <a:lnTo>
                        <a:pt x="22" y="108"/>
                      </a:lnTo>
                      <a:lnTo>
                        <a:pt x="22" y="107"/>
                      </a:lnTo>
                      <a:lnTo>
                        <a:pt x="22" y="105"/>
                      </a:lnTo>
                      <a:lnTo>
                        <a:pt x="25" y="100"/>
                      </a:lnTo>
                      <a:lnTo>
                        <a:pt x="25" y="93"/>
                      </a:lnTo>
                      <a:lnTo>
                        <a:pt x="22" y="88"/>
                      </a:lnTo>
                      <a:lnTo>
                        <a:pt x="17" y="83"/>
                      </a:lnTo>
                      <a:lnTo>
                        <a:pt x="12" y="80"/>
                      </a:lnTo>
                      <a:lnTo>
                        <a:pt x="7" y="74"/>
                      </a:lnTo>
                      <a:lnTo>
                        <a:pt x="3" y="73"/>
                      </a:lnTo>
                      <a:lnTo>
                        <a:pt x="1" y="73"/>
                      </a:lnTo>
                      <a:lnTo>
                        <a:pt x="0" y="51"/>
                      </a:lnTo>
                      <a:lnTo>
                        <a:pt x="276" y="24"/>
                      </a:lnTo>
                      <a:lnTo>
                        <a:pt x="293" y="56"/>
                      </a:lnTo>
                      <a:lnTo>
                        <a:pt x="572" y="37"/>
                      </a:lnTo>
                      <a:lnTo>
                        <a:pt x="582" y="59"/>
                      </a:lnTo>
                      <a:lnTo>
                        <a:pt x="597" y="59"/>
                      </a:lnTo>
                      <a:lnTo>
                        <a:pt x="597" y="58"/>
                      </a:lnTo>
                      <a:lnTo>
                        <a:pt x="595" y="54"/>
                      </a:lnTo>
                      <a:lnTo>
                        <a:pt x="595" y="51"/>
                      </a:lnTo>
                      <a:lnTo>
                        <a:pt x="595" y="46"/>
                      </a:lnTo>
                      <a:lnTo>
                        <a:pt x="594" y="41"/>
                      </a:lnTo>
                      <a:lnTo>
                        <a:pt x="594" y="36"/>
                      </a:lnTo>
                      <a:lnTo>
                        <a:pt x="594" y="32"/>
                      </a:lnTo>
                      <a:lnTo>
                        <a:pt x="594" y="30"/>
                      </a:lnTo>
                      <a:lnTo>
                        <a:pt x="589" y="22"/>
                      </a:lnTo>
                      <a:lnTo>
                        <a:pt x="589" y="14"/>
                      </a:lnTo>
                      <a:lnTo>
                        <a:pt x="589" y="8"/>
                      </a:lnTo>
                      <a:lnTo>
                        <a:pt x="592" y="5"/>
                      </a:lnTo>
                      <a:lnTo>
                        <a:pt x="595" y="2"/>
                      </a:lnTo>
                      <a:lnTo>
                        <a:pt x="597" y="0"/>
                      </a:lnTo>
                      <a:lnTo>
                        <a:pt x="600" y="0"/>
                      </a:lnTo>
                      <a:lnTo>
                        <a:pt x="602" y="0"/>
                      </a:lnTo>
                      <a:lnTo>
                        <a:pt x="607" y="3"/>
                      </a:lnTo>
                      <a:lnTo>
                        <a:pt x="616" y="5"/>
                      </a:lnTo>
                      <a:lnTo>
                        <a:pt x="622" y="7"/>
                      </a:lnTo>
                      <a:lnTo>
                        <a:pt x="629" y="8"/>
                      </a:lnTo>
                      <a:lnTo>
                        <a:pt x="636" y="8"/>
                      </a:lnTo>
                      <a:lnTo>
                        <a:pt x="639" y="8"/>
                      </a:lnTo>
                      <a:lnTo>
                        <a:pt x="643" y="8"/>
                      </a:lnTo>
                      <a:lnTo>
                        <a:pt x="644" y="8"/>
                      </a:lnTo>
                      <a:lnTo>
                        <a:pt x="650" y="14"/>
                      </a:lnTo>
                    </a:path>
                  </a:pathLst>
                </a:custGeom>
                <a:solidFill>
                  <a:srgbClr val="C0000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890" name="Freeform 19"/>
                <p:cNvSpPr>
                  <a:spLocks/>
                </p:cNvSpPr>
                <p:nvPr/>
              </p:nvSpPr>
              <p:spPr bwMode="auto">
                <a:xfrm>
                  <a:off x="4568" y="3099"/>
                  <a:ext cx="95" cy="174"/>
                </a:xfrm>
                <a:custGeom>
                  <a:avLst/>
                  <a:gdLst>
                    <a:gd name="T0" fmla="*/ 34 w 95"/>
                    <a:gd name="T1" fmla="*/ 32 h 174"/>
                    <a:gd name="T2" fmla="*/ 0 w 95"/>
                    <a:gd name="T3" fmla="*/ 0 h 174"/>
                    <a:gd name="T4" fmla="*/ 2 w 95"/>
                    <a:gd name="T5" fmla="*/ 7 h 174"/>
                    <a:gd name="T6" fmla="*/ 29 w 95"/>
                    <a:gd name="T7" fmla="*/ 37 h 174"/>
                    <a:gd name="T8" fmla="*/ 27 w 95"/>
                    <a:gd name="T9" fmla="*/ 40 h 174"/>
                    <a:gd name="T10" fmla="*/ 25 w 95"/>
                    <a:gd name="T11" fmla="*/ 40 h 174"/>
                    <a:gd name="T12" fmla="*/ 24 w 95"/>
                    <a:gd name="T13" fmla="*/ 39 h 174"/>
                    <a:gd name="T14" fmla="*/ 20 w 95"/>
                    <a:gd name="T15" fmla="*/ 39 h 174"/>
                    <a:gd name="T16" fmla="*/ 17 w 95"/>
                    <a:gd name="T17" fmla="*/ 37 h 174"/>
                    <a:gd name="T18" fmla="*/ 15 w 95"/>
                    <a:gd name="T19" fmla="*/ 37 h 174"/>
                    <a:gd name="T20" fmla="*/ 15 w 95"/>
                    <a:gd name="T21" fmla="*/ 39 h 174"/>
                    <a:gd name="T22" fmla="*/ 17 w 95"/>
                    <a:gd name="T23" fmla="*/ 42 h 174"/>
                    <a:gd name="T24" fmla="*/ 24 w 95"/>
                    <a:gd name="T25" fmla="*/ 49 h 174"/>
                    <a:gd name="T26" fmla="*/ 25 w 95"/>
                    <a:gd name="T27" fmla="*/ 49 h 174"/>
                    <a:gd name="T28" fmla="*/ 29 w 95"/>
                    <a:gd name="T29" fmla="*/ 49 h 174"/>
                    <a:gd name="T30" fmla="*/ 32 w 95"/>
                    <a:gd name="T31" fmla="*/ 47 h 174"/>
                    <a:gd name="T32" fmla="*/ 34 w 95"/>
                    <a:gd name="T33" fmla="*/ 45 h 174"/>
                    <a:gd name="T34" fmla="*/ 34 w 95"/>
                    <a:gd name="T35" fmla="*/ 45 h 174"/>
                    <a:gd name="T36" fmla="*/ 36 w 95"/>
                    <a:gd name="T37" fmla="*/ 45 h 174"/>
                    <a:gd name="T38" fmla="*/ 37 w 95"/>
                    <a:gd name="T39" fmla="*/ 47 h 174"/>
                    <a:gd name="T40" fmla="*/ 39 w 95"/>
                    <a:gd name="T41" fmla="*/ 49 h 174"/>
                    <a:gd name="T42" fmla="*/ 41 w 95"/>
                    <a:gd name="T43" fmla="*/ 54 h 174"/>
                    <a:gd name="T44" fmla="*/ 41 w 95"/>
                    <a:gd name="T45" fmla="*/ 61 h 174"/>
                    <a:gd name="T46" fmla="*/ 42 w 95"/>
                    <a:gd name="T47" fmla="*/ 73 h 174"/>
                    <a:gd name="T48" fmla="*/ 42 w 95"/>
                    <a:gd name="T49" fmla="*/ 89 h 174"/>
                    <a:gd name="T50" fmla="*/ 42 w 95"/>
                    <a:gd name="T51" fmla="*/ 91 h 174"/>
                    <a:gd name="T52" fmla="*/ 44 w 95"/>
                    <a:gd name="T53" fmla="*/ 93 h 174"/>
                    <a:gd name="T54" fmla="*/ 46 w 95"/>
                    <a:gd name="T55" fmla="*/ 96 h 174"/>
                    <a:gd name="T56" fmla="*/ 47 w 95"/>
                    <a:gd name="T57" fmla="*/ 101 h 174"/>
                    <a:gd name="T58" fmla="*/ 47 w 95"/>
                    <a:gd name="T59" fmla="*/ 105 h 174"/>
                    <a:gd name="T60" fmla="*/ 49 w 95"/>
                    <a:gd name="T61" fmla="*/ 108 h 174"/>
                    <a:gd name="T62" fmla="*/ 51 w 95"/>
                    <a:gd name="T63" fmla="*/ 110 h 174"/>
                    <a:gd name="T64" fmla="*/ 51 w 95"/>
                    <a:gd name="T65" fmla="*/ 111 h 174"/>
                    <a:gd name="T66" fmla="*/ 69 w 95"/>
                    <a:gd name="T67" fmla="*/ 135 h 174"/>
                    <a:gd name="T68" fmla="*/ 88 w 95"/>
                    <a:gd name="T69" fmla="*/ 174 h 174"/>
                    <a:gd name="T70" fmla="*/ 95 w 95"/>
                    <a:gd name="T71" fmla="*/ 171 h 174"/>
                    <a:gd name="T72" fmla="*/ 73 w 95"/>
                    <a:gd name="T73" fmla="*/ 133 h 174"/>
                    <a:gd name="T74" fmla="*/ 73 w 95"/>
                    <a:gd name="T75" fmla="*/ 132 h 174"/>
                    <a:gd name="T76" fmla="*/ 71 w 95"/>
                    <a:gd name="T77" fmla="*/ 132 h 174"/>
                    <a:gd name="T78" fmla="*/ 69 w 95"/>
                    <a:gd name="T79" fmla="*/ 130 h 174"/>
                    <a:gd name="T80" fmla="*/ 68 w 95"/>
                    <a:gd name="T81" fmla="*/ 127 h 174"/>
                    <a:gd name="T82" fmla="*/ 66 w 95"/>
                    <a:gd name="T83" fmla="*/ 123 h 174"/>
                    <a:gd name="T84" fmla="*/ 63 w 95"/>
                    <a:gd name="T85" fmla="*/ 120 h 174"/>
                    <a:gd name="T86" fmla="*/ 61 w 95"/>
                    <a:gd name="T87" fmla="*/ 117 h 174"/>
                    <a:gd name="T88" fmla="*/ 58 w 95"/>
                    <a:gd name="T89" fmla="*/ 111 h 174"/>
                    <a:gd name="T90" fmla="*/ 56 w 95"/>
                    <a:gd name="T91" fmla="*/ 106 h 174"/>
                    <a:gd name="T92" fmla="*/ 52 w 95"/>
                    <a:gd name="T93" fmla="*/ 101 h 174"/>
                    <a:gd name="T94" fmla="*/ 51 w 95"/>
                    <a:gd name="T95" fmla="*/ 96 h 174"/>
                    <a:gd name="T96" fmla="*/ 49 w 95"/>
                    <a:gd name="T97" fmla="*/ 89 h 174"/>
                    <a:gd name="T98" fmla="*/ 47 w 95"/>
                    <a:gd name="T99" fmla="*/ 83 h 174"/>
                    <a:gd name="T100" fmla="*/ 47 w 95"/>
                    <a:gd name="T101" fmla="*/ 78 h 174"/>
                    <a:gd name="T102" fmla="*/ 47 w 95"/>
                    <a:gd name="T103" fmla="*/ 71 h 174"/>
                    <a:gd name="T104" fmla="*/ 49 w 95"/>
                    <a:gd name="T105" fmla="*/ 64 h 174"/>
                    <a:gd name="T106" fmla="*/ 49 w 95"/>
                    <a:gd name="T107" fmla="*/ 62 h 174"/>
                    <a:gd name="T108" fmla="*/ 49 w 95"/>
                    <a:gd name="T109" fmla="*/ 61 h 174"/>
                    <a:gd name="T110" fmla="*/ 47 w 95"/>
                    <a:gd name="T111" fmla="*/ 57 h 174"/>
                    <a:gd name="T112" fmla="*/ 47 w 95"/>
                    <a:gd name="T113" fmla="*/ 54 h 174"/>
                    <a:gd name="T114" fmla="*/ 46 w 95"/>
                    <a:gd name="T115" fmla="*/ 52 h 174"/>
                    <a:gd name="T116" fmla="*/ 46 w 95"/>
                    <a:gd name="T117" fmla="*/ 49 h 174"/>
                    <a:gd name="T118" fmla="*/ 44 w 95"/>
                    <a:gd name="T119" fmla="*/ 47 h 174"/>
                    <a:gd name="T120" fmla="*/ 44 w 95"/>
                    <a:gd name="T121" fmla="*/ 47 h 174"/>
                    <a:gd name="T122" fmla="*/ 39 w 95"/>
                    <a:gd name="T123" fmla="*/ 39 h 174"/>
                    <a:gd name="T124" fmla="*/ 34 w 95"/>
                    <a:gd name="T125" fmla="*/ 32 h 174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60000 65536"/>
                    <a:gd name="T187" fmla="*/ 0 60000 65536"/>
                    <a:gd name="T188" fmla="*/ 0 60000 65536"/>
                    <a:gd name="T189" fmla="*/ 0 w 95"/>
                    <a:gd name="T190" fmla="*/ 0 h 174"/>
                    <a:gd name="T191" fmla="*/ 95 w 95"/>
                    <a:gd name="T192" fmla="*/ 174 h 174"/>
                  </a:gdLst>
                  <a:ahLst/>
                  <a:cxnLst>
                    <a:cxn ang="T126">
                      <a:pos x="T0" y="T1"/>
                    </a:cxn>
                    <a:cxn ang="T127">
                      <a:pos x="T2" y="T3"/>
                    </a:cxn>
                    <a:cxn ang="T128">
                      <a:pos x="T4" y="T5"/>
                    </a:cxn>
                    <a:cxn ang="T129">
                      <a:pos x="T6" y="T7"/>
                    </a:cxn>
                    <a:cxn ang="T130">
                      <a:pos x="T8" y="T9"/>
                    </a:cxn>
                    <a:cxn ang="T131">
                      <a:pos x="T10" y="T11"/>
                    </a:cxn>
                    <a:cxn ang="T132">
                      <a:pos x="T12" y="T13"/>
                    </a:cxn>
                    <a:cxn ang="T133">
                      <a:pos x="T14" y="T15"/>
                    </a:cxn>
                    <a:cxn ang="T134">
                      <a:pos x="T16" y="T17"/>
                    </a:cxn>
                    <a:cxn ang="T135">
                      <a:pos x="T18" y="T19"/>
                    </a:cxn>
                    <a:cxn ang="T136">
                      <a:pos x="T20" y="T21"/>
                    </a:cxn>
                    <a:cxn ang="T137">
                      <a:pos x="T22" y="T23"/>
                    </a:cxn>
                    <a:cxn ang="T138">
                      <a:pos x="T24" y="T25"/>
                    </a:cxn>
                    <a:cxn ang="T139">
                      <a:pos x="T26" y="T27"/>
                    </a:cxn>
                    <a:cxn ang="T140">
                      <a:pos x="T28" y="T29"/>
                    </a:cxn>
                    <a:cxn ang="T141">
                      <a:pos x="T30" y="T31"/>
                    </a:cxn>
                    <a:cxn ang="T142">
                      <a:pos x="T32" y="T33"/>
                    </a:cxn>
                    <a:cxn ang="T143">
                      <a:pos x="T34" y="T35"/>
                    </a:cxn>
                    <a:cxn ang="T144">
                      <a:pos x="T36" y="T37"/>
                    </a:cxn>
                    <a:cxn ang="T145">
                      <a:pos x="T38" y="T39"/>
                    </a:cxn>
                    <a:cxn ang="T146">
                      <a:pos x="T40" y="T41"/>
                    </a:cxn>
                    <a:cxn ang="T147">
                      <a:pos x="T42" y="T43"/>
                    </a:cxn>
                    <a:cxn ang="T148">
                      <a:pos x="T44" y="T45"/>
                    </a:cxn>
                    <a:cxn ang="T149">
                      <a:pos x="T46" y="T47"/>
                    </a:cxn>
                    <a:cxn ang="T150">
                      <a:pos x="T48" y="T49"/>
                    </a:cxn>
                    <a:cxn ang="T151">
                      <a:pos x="T50" y="T51"/>
                    </a:cxn>
                    <a:cxn ang="T152">
                      <a:pos x="T52" y="T53"/>
                    </a:cxn>
                    <a:cxn ang="T153">
                      <a:pos x="T54" y="T55"/>
                    </a:cxn>
                    <a:cxn ang="T154">
                      <a:pos x="T56" y="T57"/>
                    </a:cxn>
                    <a:cxn ang="T155">
                      <a:pos x="T58" y="T59"/>
                    </a:cxn>
                    <a:cxn ang="T156">
                      <a:pos x="T60" y="T61"/>
                    </a:cxn>
                    <a:cxn ang="T157">
                      <a:pos x="T62" y="T63"/>
                    </a:cxn>
                    <a:cxn ang="T158">
                      <a:pos x="T64" y="T65"/>
                    </a:cxn>
                    <a:cxn ang="T159">
                      <a:pos x="T66" y="T67"/>
                    </a:cxn>
                    <a:cxn ang="T160">
                      <a:pos x="T68" y="T69"/>
                    </a:cxn>
                    <a:cxn ang="T161">
                      <a:pos x="T70" y="T71"/>
                    </a:cxn>
                    <a:cxn ang="T162">
                      <a:pos x="T72" y="T73"/>
                    </a:cxn>
                    <a:cxn ang="T163">
                      <a:pos x="T74" y="T75"/>
                    </a:cxn>
                    <a:cxn ang="T164">
                      <a:pos x="T76" y="T77"/>
                    </a:cxn>
                    <a:cxn ang="T165">
                      <a:pos x="T78" y="T79"/>
                    </a:cxn>
                    <a:cxn ang="T166">
                      <a:pos x="T80" y="T81"/>
                    </a:cxn>
                    <a:cxn ang="T167">
                      <a:pos x="T82" y="T83"/>
                    </a:cxn>
                    <a:cxn ang="T168">
                      <a:pos x="T84" y="T85"/>
                    </a:cxn>
                    <a:cxn ang="T169">
                      <a:pos x="T86" y="T87"/>
                    </a:cxn>
                    <a:cxn ang="T170">
                      <a:pos x="T88" y="T89"/>
                    </a:cxn>
                    <a:cxn ang="T171">
                      <a:pos x="T90" y="T91"/>
                    </a:cxn>
                    <a:cxn ang="T172">
                      <a:pos x="T92" y="T93"/>
                    </a:cxn>
                    <a:cxn ang="T173">
                      <a:pos x="T94" y="T95"/>
                    </a:cxn>
                    <a:cxn ang="T174">
                      <a:pos x="T96" y="T97"/>
                    </a:cxn>
                    <a:cxn ang="T175">
                      <a:pos x="T98" y="T99"/>
                    </a:cxn>
                    <a:cxn ang="T176">
                      <a:pos x="T100" y="T101"/>
                    </a:cxn>
                    <a:cxn ang="T177">
                      <a:pos x="T102" y="T103"/>
                    </a:cxn>
                    <a:cxn ang="T178">
                      <a:pos x="T104" y="T105"/>
                    </a:cxn>
                    <a:cxn ang="T179">
                      <a:pos x="T106" y="T107"/>
                    </a:cxn>
                    <a:cxn ang="T180">
                      <a:pos x="T108" y="T109"/>
                    </a:cxn>
                    <a:cxn ang="T181">
                      <a:pos x="T110" y="T111"/>
                    </a:cxn>
                    <a:cxn ang="T182">
                      <a:pos x="T112" y="T113"/>
                    </a:cxn>
                    <a:cxn ang="T183">
                      <a:pos x="T114" y="T115"/>
                    </a:cxn>
                    <a:cxn ang="T184">
                      <a:pos x="T116" y="T117"/>
                    </a:cxn>
                    <a:cxn ang="T185">
                      <a:pos x="T118" y="T119"/>
                    </a:cxn>
                    <a:cxn ang="T186">
                      <a:pos x="T120" y="T121"/>
                    </a:cxn>
                    <a:cxn ang="T187">
                      <a:pos x="T122" y="T123"/>
                    </a:cxn>
                    <a:cxn ang="T188">
                      <a:pos x="T124" y="T125"/>
                    </a:cxn>
                  </a:cxnLst>
                  <a:rect l="T189" t="T190" r="T191" b="T192"/>
                  <a:pathLst>
                    <a:path w="95" h="174">
                      <a:moveTo>
                        <a:pt x="34" y="32"/>
                      </a:moveTo>
                      <a:lnTo>
                        <a:pt x="0" y="0"/>
                      </a:lnTo>
                      <a:lnTo>
                        <a:pt x="2" y="7"/>
                      </a:lnTo>
                      <a:lnTo>
                        <a:pt x="29" y="37"/>
                      </a:lnTo>
                      <a:lnTo>
                        <a:pt x="27" y="40"/>
                      </a:lnTo>
                      <a:lnTo>
                        <a:pt x="25" y="40"/>
                      </a:lnTo>
                      <a:lnTo>
                        <a:pt x="24" y="39"/>
                      </a:lnTo>
                      <a:lnTo>
                        <a:pt x="20" y="39"/>
                      </a:lnTo>
                      <a:lnTo>
                        <a:pt x="17" y="37"/>
                      </a:lnTo>
                      <a:lnTo>
                        <a:pt x="15" y="37"/>
                      </a:lnTo>
                      <a:lnTo>
                        <a:pt x="15" y="39"/>
                      </a:lnTo>
                      <a:lnTo>
                        <a:pt x="17" y="42"/>
                      </a:lnTo>
                      <a:lnTo>
                        <a:pt x="24" y="49"/>
                      </a:lnTo>
                      <a:lnTo>
                        <a:pt x="25" y="49"/>
                      </a:lnTo>
                      <a:lnTo>
                        <a:pt x="29" y="49"/>
                      </a:lnTo>
                      <a:lnTo>
                        <a:pt x="32" y="47"/>
                      </a:lnTo>
                      <a:lnTo>
                        <a:pt x="34" y="45"/>
                      </a:lnTo>
                      <a:lnTo>
                        <a:pt x="36" y="45"/>
                      </a:lnTo>
                      <a:lnTo>
                        <a:pt x="37" y="47"/>
                      </a:lnTo>
                      <a:lnTo>
                        <a:pt x="39" y="49"/>
                      </a:lnTo>
                      <a:lnTo>
                        <a:pt x="41" y="54"/>
                      </a:lnTo>
                      <a:lnTo>
                        <a:pt x="41" y="61"/>
                      </a:lnTo>
                      <a:lnTo>
                        <a:pt x="42" y="73"/>
                      </a:lnTo>
                      <a:lnTo>
                        <a:pt x="42" y="89"/>
                      </a:lnTo>
                      <a:lnTo>
                        <a:pt x="42" y="91"/>
                      </a:lnTo>
                      <a:lnTo>
                        <a:pt x="44" y="93"/>
                      </a:lnTo>
                      <a:lnTo>
                        <a:pt x="46" y="96"/>
                      </a:lnTo>
                      <a:lnTo>
                        <a:pt x="47" y="101"/>
                      </a:lnTo>
                      <a:lnTo>
                        <a:pt x="47" y="105"/>
                      </a:lnTo>
                      <a:lnTo>
                        <a:pt x="49" y="108"/>
                      </a:lnTo>
                      <a:lnTo>
                        <a:pt x="51" y="110"/>
                      </a:lnTo>
                      <a:lnTo>
                        <a:pt x="51" y="111"/>
                      </a:lnTo>
                      <a:lnTo>
                        <a:pt x="69" y="135"/>
                      </a:lnTo>
                      <a:lnTo>
                        <a:pt x="88" y="174"/>
                      </a:lnTo>
                      <a:lnTo>
                        <a:pt x="95" y="171"/>
                      </a:lnTo>
                      <a:lnTo>
                        <a:pt x="73" y="133"/>
                      </a:lnTo>
                      <a:lnTo>
                        <a:pt x="73" y="132"/>
                      </a:lnTo>
                      <a:lnTo>
                        <a:pt x="71" y="132"/>
                      </a:lnTo>
                      <a:lnTo>
                        <a:pt x="69" y="130"/>
                      </a:lnTo>
                      <a:lnTo>
                        <a:pt x="68" y="127"/>
                      </a:lnTo>
                      <a:lnTo>
                        <a:pt x="66" y="123"/>
                      </a:lnTo>
                      <a:lnTo>
                        <a:pt x="63" y="120"/>
                      </a:lnTo>
                      <a:lnTo>
                        <a:pt x="61" y="117"/>
                      </a:lnTo>
                      <a:lnTo>
                        <a:pt x="58" y="111"/>
                      </a:lnTo>
                      <a:lnTo>
                        <a:pt x="56" y="106"/>
                      </a:lnTo>
                      <a:lnTo>
                        <a:pt x="52" y="101"/>
                      </a:lnTo>
                      <a:lnTo>
                        <a:pt x="51" y="96"/>
                      </a:lnTo>
                      <a:lnTo>
                        <a:pt x="49" y="89"/>
                      </a:lnTo>
                      <a:lnTo>
                        <a:pt x="47" y="83"/>
                      </a:lnTo>
                      <a:lnTo>
                        <a:pt x="47" y="78"/>
                      </a:lnTo>
                      <a:lnTo>
                        <a:pt x="47" y="71"/>
                      </a:lnTo>
                      <a:lnTo>
                        <a:pt x="49" y="64"/>
                      </a:lnTo>
                      <a:lnTo>
                        <a:pt x="49" y="62"/>
                      </a:lnTo>
                      <a:lnTo>
                        <a:pt x="49" y="61"/>
                      </a:lnTo>
                      <a:lnTo>
                        <a:pt x="47" y="57"/>
                      </a:lnTo>
                      <a:lnTo>
                        <a:pt x="47" y="54"/>
                      </a:lnTo>
                      <a:lnTo>
                        <a:pt x="46" y="52"/>
                      </a:lnTo>
                      <a:lnTo>
                        <a:pt x="46" y="49"/>
                      </a:lnTo>
                      <a:lnTo>
                        <a:pt x="44" y="47"/>
                      </a:lnTo>
                      <a:lnTo>
                        <a:pt x="39" y="39"/>
                      </a:lnTo>
                      <a:lnTo>
                        <a:pt x="34" y="32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891" name="Freeform 20"/>
                <p:cNvSpPr>
                  <a:spLocks/>
                </p:cNvSpPr>
                <p:nvPr/>
              </p:nvSpPr>
              <p:spPr bwMode="auto">
                <a:xfrm>
                  <a:off x="4568" y="3099"/>
                  <a:ext cx="95" cy="174"/>
                </a:xfrm>
                <a:custGeom>
                  <a:avLst/>
                  <a:gdLst>
                    <a:gd name="T0" fmla="*/ 0 w 95"/>
                    <a:gd name="T1" fmla="*/ 0 h 174"/>
                    <a:gd name="T2" fmla="*/ 29 w 95"/>
                    <a:gd name="T3" fmla="*/ 37 h 174"/>
                    <a:gd name="T4" fmla="*/ 27 w 95"/>
                    <a:gd name="T5" fmla="*/ 40 h 174"/>
                    <a:gd name="T6" fmla="*/ 24 w 95"/>
                    <a:gd name="T7" fmla="*/ 39 h 174"/>
                    <a:gd name="T8" fmla="*/ 17 w 95"/>
                    <a:gd name="T9" fmla="*/ 37 h 174"/>
                    <a:gd name="T10" fmla="*/ 15 w 95"/>
                    <a:gd name="T11" fmla="*/ 39 h 174"/>
                    <a:gd name="T12" fmla="*/ 24 w 95"/>
                    <a:gd name="T13" fmla="*/ 49 h 174"/>
                    <a:gd name="T14" fmla="*/ 25 w 95"/>
                    <a:gd name="T15" fmla="*/ 49 h 174"/>
                    <a:gd name="T16" fmla="*/ 32 w 95"/>
                    <a:gd name="T17" fmla="*/ 47 h 174"/>
                    <a:gd name="T18" fmla="*/ 34 w 95"/>
                    <a:gd name="T19" fmla="*/ 45 h 174"/>
                    <a:gd name="T20" fmla="*/ 36 w 95"/>
                    <a:gd name="T21" fmla="*/ 45 h 174"/>
                    <a:gd name="T22" fmla="*/ 39 w 95"/>
                    <a:gd name="T23" fmla="*/ 49 h 174"/>
                    <a:gd name="T24" fmla="*/ 41 w 95"/>
                    <a:gd name="T25" fmla="*/ 61 h 174"/>
                    <a:gd name="T26" fmla="*/ 42 w 95"/>
                    <a:gd name="T27" fmla="*/ 89 h 174"/>
                    <a:gd name="T28" fmla="*/ 42 w 95"/>
                    <a:gd name="T29" fmla="*/ 91 h 174"/>
                    <a:gd name="T30" fmla="*/ 46 w 95"/>
                    <a:gd name="T31" fmla="*/ 96 h 174"/>
                    <a:gd name="T32" fmla="*/ 47 w 95"/>
                    <a:gd name="T33" fmla="*/ 105 h 174"/>
                    <a:gd name="T34" fmla="*/ 51 w 95"/>
                    <a:gd name="T35" fmla="*/ 110 h 174"/>
                    <a:gd name="T36" fmla="*/ 69 w 95"/>
                    <a:gd name="T37" fmla="*/ 135 h 174"/>
                    <a:gd name="T38" fmla="*/ 95 w 95"/>
                    <a:gd name="T39" fmla="*/ 171 h 174"/>
                    <a:gd name="T40" fmla="*/ 73 w 95"/>
                    <a:gd name="T41" fmla="*/ 133 h 174"/>
                    <a:gd name="T42" fmla="*/ 71 w 95"/>
                    <a:gd name="T43" fmla="*/ 132 h 174"/>
                    <a:gd name="T44" fmla="*/ 68 w 95"/>
                    <a:gd name="T45" fmla="*/ 127 h 174"/>
                    <a:gd name="T46" fmla="*/ 63 w 95"/>
                    <a:gd name="T47" fmla="*/ 120 h 174"/>
                    <a:gd name="T48" fmla="*/ 58 w 95"/>
                    <a:gd name="T49" fmla="*/ 111 h 174"/>
                    <a:gd name="T50" fmla="*/ 52 w 95"/>
                    <a:gd name="T51" fmla="*/ 101 h 174"/>
                    <a:gd name="T52" fmla="*/ 49 w 95"/>
                    <a:gd name="T53" fmla="*/ 89 h 174"/>
                    <a:gd name="T54" fmla="*/ 47 w 95"/>
                    <a:gd name="T55" fmla="*/ 78 h 174"/>
                    <a:gd name="T56" fmla="*/ 49 w 95"/>
                    <a:gd name="T57" fmla="*/ 64 h 174"/>
                    <a:gd name="T58" fmla="*/ 49 w 95"/>
                    <a:gd name="T59" fmla="*/ 62 h 174"/>
                    <a:gd name="T60" fmla="*/ 47 w 95"/>
                    <a:gd name="T61" fmla="*/ 57 h 174"/>
                    <a:gd name="T62" fmla="*/ 46 w 95"/>
                    <a:gd name="T63" fmla="*/ 52 h 174"/>
                    <a:gd name="T64" fmla="*/ 44 w 95"/>
                    <a:gd name="T65" fmla="*/ 47 h 174"/>
                    <a:gd name="T66" fmla="*/ 39 w 95"/>
                    <a:gd name="T67" fmla="*/ 39 h 174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w 95"/>
                    <a:gd name="T103" fmla="*/ 0 h 174"/>
                    <a:gd name="T104" fmla="*/ 95 w 95"/>
                    <a:gd name="T105" fmla="*/ 174 h 174"/>
                  </a:gdLst>
                  <a:ahLst/>
                  <a:cxnLst>
                    <a:cxn ang="T68">
                      <a:pos x="T0" y="T1"/>
                    </a:cxn>
                    <a:cxn ang="T69">
                      <a:pos x="T2" y="T3"/>
                    </a:cxn>
                    <a:cxn ang="T70">
                      <a:pos x="T4" y="T5"/>
                    </a:cxn>
                    <a:cxn ang="T71">
                      <a:pos x="T6" y="T7"/>
                    </a:cxn>
                    <a:cxn ang="T72">
                      <a:pos x="T8" y="T9"/>
                    </a:cxn>
                    <a:cxn ang="T73">
                      <a:pos x="T10" y="T11"/>
                    </a:cxn>
                    <a:cxn ang="T74">
                      <a:pos x="T12" y="T13"/>
                    </a:cxn>
                    <a:cxn ang="T75">
                      <a:pos x="T14" y="T15"/>
                    </a:cxn>
                    <a:cxn ang="T76">
                      <a:pos x="T16" y="T17"/>
                    </a:cxn>
                    <a:cxn ang="T77">
                      <a:pos x="T18" y="T19"/>
                    </a:cxn>
                    <a:cxn ang="T78">
                      <a:pos x="T20" y="T21"/>
                    </a:cxn>
                    <a:cxn ang="T79">
                      <a:pos x="T22" y="T23"/>
                    </a:cxn>
                    <a:cxn ang="T80">
                      <a:pos x="T24" y="T25"/>
                    </a:cxn>
                    <a:cxn ang="T81">
                      <a:pos x="T26" y="T27"/>
                    </a:cxn>
                    <a:cxn ang="T82">
                      <a:pos x="T28" y="T29"/>
                    </a:cxn>
                    <a:cxn ang="T83">
                      <a:pos x="T30" y="T31"/>
                    </a:cxn>
                    <a:cxn ang="T84">
                      <a:pos x="T32" y="T33"/>
                    </a:cxn>
                    <a:cxn ang="T85">
                      <a:pos x="T34" y="T35"/>
                    </a:cxn>
                    <a:cxn ang="T86">
                      <a:pos x="T36" y="T37"/>
                    </a:cxn>
                    <a:cxn ang="T87">
                      <a:pos x="T38" y="T39"/>
                    </a:cxn>
                    <a:cxn ang="T88">
                      <a:pos x="T40" y="T41"/>
                    </a:cxn>
                    <a:cxn ang="T89">
                      <a:pos x="T42" y="T43"/>
                    </a:cxn>
                    <a:cxn ang="T90">
                      <a:pos x="T44" y="T45"/>
                    </a:cxn>
                    <a:cxn ang="T91">
                      <a:pos x="T46" y="T47"/>
                    </a:cxn>
                    <a:cxn ang="T92">
                      <a:pos x="T48" y="T49"/>
                    </a:cxn>
                    <a:cxn ang="T93">
                      <a:pos x="T50" y="T51"/>
                    </a:cxn>
                    <a:cxn ang="T94">
                      <a:pos x="T52" y="T53"/>
                    </a:cxn>
                    <a:cxn ang="T95">
                      <a:pos x="T54" y="T55"/>
                    </a:cxn>
                    <a:cxn ang="T96">
                      <a:pos x="T56" y="T57"/>
                    </a:cxn>
                    <a:cxn ang="T97">
                      <a:pos x="T58" y="T59"/>
                    </a:cxn>
                    <a:cxn ang="T98">
                      <a:pos x="T60" y="T61"/>
                    </a:cxn>
                    <a:cxn ang="T99">
                      <a:pos x="T62" y="T63"/>
                    </a:cxn>
                    <a:cxn ang="T100">
                      <a:pos x="T64" y="T65"/>
                    </a:cxn>
                    <a:cxn ang="T101">
                      <a:pos x="T66" y="T67"/>
                    </a:cxn>
                  </a:cxnLst>
                  <a:rect l="T102" t="T103" r="T104" b="T105"/>
                  <a:pathLst>
                    <a:path w="95" h="174">
                      <a:moveTo>
                        <a:pt x="34" y="32"/>
                      </a:moveTo>
                      <a:lnTo>
                        <a:pt x="0" y="0"/>
                      </a:lnTo>
                      <a:lnTo>
                        <a:pt x="2" y="7"/>
                      </a:lnTo>
                      <a:lnTo>
                        <a:pt x="29" y="37"/>
                      </a:lnTo>
                      <a:lnTo>
                        <a:pt x="27" y="40"/>
                      </a:lnTo>
                      <a:lnTo>
                        <a:pt x="25" y="40"/>
                      </a:lnTo>
                      <a:lnTo>
                        <a:pt x="24" y="39"/>
                      </a:lnTo>
                      <a:lnTo>
                        <a:pt x="20" y="39"/>
                      </a:lnTo>
                      <a:lnTo>
                        <a:pt x="17" y="37"/>
                      </a:lnTo>
                      <a:lnTo>
                        <a:pt x="15" y="37"/>
                      </a:lnTo>
                      <a:lnTo>
                        <a:pt x="15" y="39"/>
                      </a:lnTo>
                      <a:lnTo>
                        <a:pt x="17" y="42"/>
                      </a:lnTo>
                      <a:lnTo>
                        <a:pt x="24" y="49"/>
                      </a:lnTo>
                      <a:lnTo>
                        <a:pt x="25" y="49"/>
                      </a:lnTo>
                      <a:lnTo>
                        <a:pt x="29" y="49"/>
                      </a:lnTo>
                      <a:lnTo>
                        <a:pt x="32" y="47"/>
                      </a:lnTo>
                      <a:lnTo>
                        <a:pt x="34" y="45"/>
                      </a:lnTo>
                      <a:lnTo>
                        <a:pt x="36" y="45"/>
                      </a:lnTo>
                      <a:lnTo>
                        <a:pt x="37" y="47"/>
                      </a:lnTo>
                      <a:lnTo>
                        <a:pt x="39" y="49"/>
                      </a:lnTo>
                      <a:lnTo>
                        <a:pt x="41" y="54"/>
                      </a:lnTo>
                      <a:lnTo>
                        <a:pt x="41" y="61"/>
                      </a:lnTo>
                      <a:lnTo>
                        <a:pt x="42" y="73"/>
                      </a:lnTo>
                      <a:lnTo>
                        <a:pt x="42" y="89"/>
                      </a:lnTo>
                      <a:lnTo>
                        <a:pt x="42" y="91"/>
                      </a:lnTo>
                      <a:lnTo>
                        <a:pt x="44" y="93"/>
                      </a:lnTo>
                      <a:lnTo>
                        <a:pt x="46" y="96"/>
                      </a:lnTo>
                      <a:lnTo>
                        <a:pt x="47" y="101"/>
                      </a:lnTo>
                      <a:lnTo>
                        <a:pt x="47" y="105"/>
                      </a:lnTo>
                      <a:lnTo>
                        <a:pt x="49" y="108"/>
                      </a:lnTo>
                      <a:lnTo>
                        <a:pt x="51" y="110"/>
                      </a:lnTo>
                      <a:lnTo>
                        <a:pt x="51" y="111"/>
                      </a:lnTo>
                      <a:lnTo>
                        <a:pt x="69" y="135"/>
                      </a:lnTo>
                      <a:lnTo>
                        <a:pt x="88" y="174"/>
                      </a:lnTo>
                      <a:lnTo>
                        <a:pt x="95" y="171"/>
                      </a:lnTo>
                      <a:lnTo>
                        <a:pt x="73" y="133"/>
                      </a:lnTo>
                      <a:lnTo>
                        <a:pt x="73" y="132"/>
                      </a:lnTo>
                      <a:lnTo>
                        <a:pt x="71" y="132"/>
                      </a:lnTo>
                      <a:lnTo>
                        <a:pt x="69" y="130"/>
                      </a:lnTo>
                      <a:lnTo>
                        <a:pt x="68" y="127"/>
                      </a:lnTo>
                      <a:lnTo>
                        <a:pt x="66" y="123"/>
                      </a:lnTo>
                      <a:lnTo>
                        <a:pt x="63" y="120"/>
                      </a:lnTo>
                      <a:lnTo>
                        <a:pt x="61" y="117"/>
                      </a:lnTo>
                      <a:lnTo>
                        <a:pt x="58" y="111"/>
                      </a:lnTo>
                      <a:lnTo>
                        <a:pt x="56" y="106"/>
                      </a:lnTo>
                      <a:lnTo>
                        <a:pt x="52" y="101"/>
                      </a:lnTo>
                      <a:lnTo>
                        <a:pt x="51" y="96"/>
                      </a:lnTo>
                      <a:lnTo>
                        <a:pt x="49" y="89"/>
                      </a:lnTo>
                      <a:lnTo>
                        <a:pt x="47" y="83"/>
                      </a:lnTo>
                      <a:lnTo>
                        <a:pt x="47" y="78"/>
                      </a:lnTo>
                      <a:lnTo>
                        <a:pt x="47" y="71"/>
                      </a:lnTo>
                      <a:lnTo>
                        <a:pt x="49" y="64"/>
                      </a:lnTo>
                      <a:lnTo>
                        <a:pt x="49" y="62"/>
                      </a:lnTo>
                      <a:lnTo>
                        <a:pt x="49" y="61"/>
                      </a:lnTo>
                      <a:lnTo>
                        <a:pt x="47" y="57"/>
                      </a:lnTo>
                      <a:lnTo>
                        <a:pt x="47" y="54"/>
                      </a:lnTo>
                      <a:lnTo>
                        <a:pt x="46" y="52"/>
                      </a:lnTo>
                      <a:lnTo>
                        <a:pt x="46" y="49"/>
                      </a:lnTo>
                      <a:lnTo>
                        <a:pt x="44" y="47"/>
                      </a:lnTo>
                      <a:lnTo>
                        <a:pt x="39" y="39"/>
                      </a:lnTo>
                      <a:lnTo>
                        <a:pt x="34" y="32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892" name="Freeform 21"/>
                <p:cNvSpPr>
                  <a:spLocks/>
                </p:cNvSpPr>
                <p:nvPr/>
              </p:nvSpPr>
              <p:spPr bwMode="auto">
                <a:xfrm>
                  <a:off x="4595" y="3150"/>
                  <a:ext cx="12" cy="37"/>
                </a:xfrm>
                <a:custGeom>
                  <a:avLst/>
                  <a:gdLst>
                    <a:gd name="T0" fmla="*/ 10 w 12"/>
                    <a:gd name="T1" fmla="*/ 10 h 37"/>
                    <a:gd name="T2" fmla="*/ 10 w 12"/>
                    <a:gd name="T3" fmla="*/ 8 h 37"/>
                    <a:gd name="T4" fmla="*/ 9 w 12"/>
                    <a:gd name="T5" fmla="*/ 6 h 37"/>
                    <a:gd name="T6" fmla="*/ 9 w 12"/>
                    <a:gd name="T7" fmla="*/ 3 h 37"/>
                    <a:gd name="T8" fmla="*/ 9 w 12"/>
                    <a:gd name="T9" fmla="*/ 1 h 37"/>
                    <a:gd name="T10" fmla="*/ 7 w 12"/>
                    <a:gd name="T11" fmla="*/ 0 h 37"/>
                    <a:gd name="T12" fmla="*/ 5 w 12"/>
                    <a:gd name="T13" fmla="*/ 0 h 37"/>
                    <a:gd name="T14" fmla="*/ 2 w 12"/>
                    <a:gd name="T15" fmla="*/ 3 h 37"/>
                    <a:gd name="T16" fmla="*/ 0 w 12"/>
                    <a:gd name="T17" fmla="*/ 10 h 37"/>
                    <a:gd name="T18" fmla="*/ 0 w 12"/>
                    <a:gd name="T19" fmla="*/ 11 h 37"/>
                    <a:gd name="T20" fmla="*/ 0 w 12"/>
                    <a:gd name="T21" fmla="*/ 13 h 37"/>
                    <a:gd name="T22" fmla="*/ 2 w 12"/>
                    <a:gd name="T23" fmla="*/ 15 h 37"/>
                    <a:gd name="T24" fmla="*/ 2 w 12"/>
                    <a:gd name="T25" fmla="*/ 18 h 37"/>
                    <a:gd name="T26" fmla="*/ 3 w 12"/>
                    <a:gd name="T27" fmla="*/ 20 h 37"/>
                    <a:gd name="T28" fmla="*/ 3 w 12"/>
                    <a:gd name="T29" fmla="*/ 22 h 37"/>
                    <a:gd name="T30" fmla="*/ 5 w 12"/>
                    <a:gd name="T31" fmla="*/ 23 h 37"/>
                    <a:gd name="T32" fmla="*/ 5 w 12"/>
                    <a:gd name="T33" fmla="*/ 25 h 37"/>
                    <a:gd name="T34" fmla="*/ 12 w 12"/>
                    <a:gd name="T35" fmla="*/ 37 h 37"/>
                    <a:gd name="T36" fmla="*/ 10 w 12"/>
                    <a:gd name="T37" fmla="*/ 10 h 37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w 12"/>
                    <a:gd name="T58" fmla="*/ 0 h 37"/>
                    <a:gd name="T59" fmla="*/ 12 w 12"/>
                    <a:gd name="T60" fmla="*/ 37 h 37"/>
                  </a:gdLst>
                  <a:ahLst/>
                  <a:cxnLst>
                    <a:cxn ang="T38">
                      <a:pos x="T0" y="T1"/>
                    </a:cxn>
                    <a:cxn ang="T39">
                      <a:pos x="T2" y="T3"/>
                    </a:cxn>
                    <a:cxn ang="T40">
                      <a:pos x="T4" y="T5"/>
                    </a:cxn>
                    <a:cxn ang="T41">
                      <a:pos x="T6" y="T7"/>
                    </a:cxn>
                    <a:cxn ang="T42">
                      <a:pos x="T8" y="T9"/>
                    </a:cxn>
                    <a:cxn ang="T43">
                      <a:pos x="T10" y="T11"/>
                    </a:cxn>
                    <a:cxn ang="T44">
                      <a:pos x="T12" y="T13"/>
                    </a:cxn>
                    <a:cxn ang="T45">
                      <a:pos x="T14" y="T15"/>
                    </a:cxn>
                    <a:cxn ang="T46">
                      <a:pos x="T16" y="T17"/>
                    </a:cxn>
                    <a:cxn ang="T47">
                      <a:pos x="T18" y="T19"/>
                    </a:cxn>
                    <a:cxn ang="T48">
                      <a:pos x="T20" y="T21"/>
                    </a:cxn>
                    <a:cxn ang="T49">
                      <a:pos x="T22" y="T23"/>
                    </a:cxn>
                    <a:cxn ang="T50">
                      <a:pos x="T24" y="T25"/>
                    </a:cxn>
                    <a:cxn ang="T51">
                      <a:pos x="T26" y="T27"/>
                    </a:cxn>
                    <a:cxn ang="T52">
                      <a:pos x="T28" y="T29"/>
                    </a:cxn>
                    <a:cxn ang="T53">
                      <a:pos x="T30" y="T31"/>
                    </a:cxn>
                    <a:cxn ang="T54">
                      <a:pos x="T32" y="T33"/>
                    </a:cxn>
                    <a:cxn ang="T55">
                      <a:pos x="T34" y="T35"/>
                    </a:cxn>
                    <a:cxn ang="T56">
                      <a:pos x="T36" y="T37"/>
                    </a:cxn>
                  </a:cxnLst>
                  <a:rect l="T57" t="T58" r="T59" b="T60"/>
                  <a:pathLst>
                    <a:path w="12" h="37">
                      <a:moveTo>
                        <a:pt x="10" y="10"/>
                      </a:moveTo>
                      <a:lnTo>
                        <a:pt x="10" y="8"/>
                      </a:lnTo>
                      <a:lnTo>
                        <a:pt x="9" y="6"/>
                      </a:lnTo>
                      <a:lnTo>
                        <a:pt x="9" y="3"/>
                      </a:lnTo>
                      <a:lnTo>
                        <a:pt x="9" y="1"/>
                      </a:lnTo>
                      <a:lnTo>
                        <a:pt x="7" y="0"/>
                      </a:lnTo>
                      <a:lnTo>
                        <a:pt x="5" y="0"/>
                      </a:lnTo>
                      <a:lnTo>
                        <a:pt x="2" y="3"/>
                      </a:lnTo>
                      <a:lnTo>
                        <a:pt x="0" y="10"/>
                      </a:lnTo>
                      <a:lnTo>
                        <a:pt x="0" y="11"/>
                      </a:lnTo>
                      <a:lnTo>
                        <a:pt x="0" y="13"/>
                      </a:lnTo>
                      <a:lnTo>
                        <a:pt x="2" y="15"/>
                      </a:lnTo>
                      <a:lnTo>
                        <a:pt x="2" y="18"/>
                      </a:lnTo>
                      <a:lnTo>
                        <a:pt x="3" y="20"/>
                      </a:lnTo>
                      <a:lnTo>
                        <a:pt x="3" y="22"/>
                      </a:lnTo>
                      <a:lnTo>
                        <a:pt x="5" y="23"/>
                      </a:lnTo>
                      <a:lnTo>
                        <a:pt x="5" y="25"/>
                      </a:lnTo>
                      <a:lnTo>
                        <a:pt x="12" y="37"/>
                      </a:lnTo>
                      <a:lnTo>
                        <a:pt x="10" y="10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893" name="Freeform 22"/>
                <p:cNvSpPr>
                  <a:spLocks/>
                </p:cNvSpPr>
                <p:nvPr/>
              </p:nvSpPr>
              <p:spPr bwMode="auto">
                <a:xfrm>
                  <a:off x="4595" y="3150"/>
                  <a:ext cx="12" cy="37"/>
                </a:xfrm>
                <a:custGeom>
                  <a:avLst/>
                  <a:gdLst>
                    <a:gd name="T0" fmla="*/ 10 w 12"/>
                    <a:gd name="T1" fmla="*/ 10 h 37"/>
                    <a:gd name="T2" fmla="*/ 10 w 12"/>
                    <a:gd name="T3" fmla="*/ 10 h 37"/>
                    <a:gd name="T4" fmla="*/ 10 w 12"/>
                    <a:gd name="T5" fmla="*/ 8 h 37"/>
                    <a:gd name="T6" fmla="*/ 9 w 12"/>
                    <a:gd name="T7" fmla="*/ 6 h 37"/>
                    <a:gd name="T8" fmla="*/ 9 w 12"/>
                    <a:gd name="T9" fmla="*/ 3 h 37"/>
                    <a:gd name="T10" fmla="*/ 9 w 12"/>
                    <a:gd name="T11" fmla="*/ 1 h 37"/>
                    <a:gd name="T12" fmla="*/ 7 w 12"/>
                    <a:gd name="T13" fmla="*/ 0 h 37"/>
                    <a:gd name="T14" fmla="*/ 5 w 12"/>
                    <a:gd name="T15" fmla="*/ 0 h 37"/>
                    <a:gd name="T16" fmla="*/ 2 w 12"/>
                    <a:gd name="T17" fmla="*/ 3 h 37"/>
                    <a:gd name="T18" fmla="*/ 0 w 12"/>
                    <a:gd name="T19" fmla="*/ 10 h 37"/>
                    <a:gd name="T20" fmla="*/ 0 w 12"/>
                    <a:gd name="T21" fmla="*/ 10 h 37"/>
                    <a:gd name="T22" fmla="*/ 0 w 12"/>
                    <a:gd name="T23" fmla="*/ 11 h 37"/>
                    <a:gd name="T24" fmla="*/ 0 w 12"/>
                    <a:gd name="T25" fmla="*/ 13 h 37"/>
                    <a:gd name="T26" fmla="*/ 2 w 12"/>
                    <a:gd name="T27" fmla="*/ 15 h 37"/>
                    <a:gd name="T28" fmla="*/ 2 w 12"/>
                    <a:gd name="T29" fmla="*/ 18 h 37"/>
                    <a:gd name="T30" fmla="*/ 3 w 12"/>
                    <a:gd name="T31" fmla="*/ 20 h 37"/>
                    <a:gd name="T32" fmla="*/ 3 w 12"/>
                    <a:gd name="T33" fmla="*/ 22 h 37"/>
                    <a:gd name="T34" fmla="*/ 5 w 12"/>
                    <a:gd name="T35" fmla="*/ 23 h 37"/>
                    <a:gd name="T36" fmla="*/ 5 w 12"/>
                    <a:gd name="T37" fmla="*/ 25 h 37"/>
                    <a:gd name="T38" fmla="*/ 12 w 12"/>
                    <a:gd name="T39" fmla="*/ 37 h 37"/>
                    <a:gd name="T40" fmla="*/ 10 w 12"/>
                    <a:gd name="T41" fmla="*/ 10 h 37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2"/>
                    <a:gd name="T64" fmla="*/ 0 h 37"/>
                    <a:gd name="T65" fmla="*/ 12 w 12"/>
                    <a:gd name="T66" fmla="*/ 37 h 37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2" h="37">
                      <a:moveTo>
                        <a:pt x="10" y="10"/>
                      </a:moveTo>
                      <a:lnTo>
                        <a:pt x="10" y="10"/>
                      </a:lnTo>
                      <a:lnTo>
                        <a:pt x="10" y="8"/>
                      </a:lnTo>
                      <a:lnTo>
                        <a:pt x="9" y="6"/>
                      </a:lnTo>
                      <a:lnTo>
                        <a:pt x="9" y="3"/>
                      </a:lnTo>
                      <a:lnTo>
                        <a:pt x="9" y="1"/>
                      </a:lnTo>
                      <a:lnTo>
                        <a:pt x="7" y="0"/>
                      </a:lnTo>
                      <a:lnTo>
                        <a:pt x="5" y="0"/>
                      </a:lnTo>
                      <a:lnTo>
                        <a:pt x="2" y="3"/>
                      </a:lnTo>
                      <a:lnTo>
                        <a:pt x="0" y="10"/>
                      </a:lnTo>
                      <a:lnTo>
                        <a:pt x="0" y="11"/>
                      </a:lnTo>
                      <a:lnTo>
                        <a:pt x="0" y="13"/>
                      </a:lnTo>
                      <a:lnTo>
                        <a:pt x="2" y="15"/>
                      </a:lnTo>
                      <a:lnTo>
                        <a:pt x="2" y="18"/>
                      </a:lnTo>
                      <a:lnTo>
                        <a:pt x="3" y="20"/>
                      </a:lnTo>
                      <a:lnTo>
                        <a:pt x="3" y="22"/>
                      </a:lnTo>
                      <a:lnTo>
                        <a:pt x="5" y="23"/>
                      </a:lnTo>
                      <a:lnTo>
                        <a:pt x="5" y="25"/>
                      </a:lnTo>
                      <a:lnTo>
                        <a:pt x="12" y="37"/>
                      </a:lnTo>
                      <a:lnTo>
                        <a:pt x="10" y="10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894" name="Freeform 23"/>
                <p:cNvSpPr>
                  <a:spLocks/>
                </p:cNvSpPr>
                <p:nvPr/>
              </p:nvSpPr>
              <p:spPr bwMode="auto">
                <a:xfrm>
                  <a:off x="4673" y="3539"/>
                  <a:ext cx="35" cy="61"/>
                </a:xfrm>
                <a:custGeom>
                  <a:avLst/>
                  <a:gdLst>
                    <a:gd name="T0" fmla="*/ 35 w 35"/>
                    <a:gd name="T1" fmla="*/ 0 h 61"/>
                    <a:gd name="T2" fmla="*/ 35 w 35"/>
                    <a:gd name="T3" fmla="*/ 0 h 61"/>
                    <a:gd name="T4" fmla="*/ 35 w 35"/>
                    <a:gd name="T5" fmla="*/ 1 h 61"/>
                    <a:gd name="T6" fmla="*/ 35 w 35"/>
                    <a:gd name="T7" fmla="*/ 3 h 61"/>
                    <a:gd name="T8" fmla="*/ 35 w 35"/>
                    <a:gd name="T9" fmla="*/ 5 h 61"/>
                    <a:gd name="T10" fmla="*/ 34 w 35"/>
                    <a:gd name="T11" fmla="*/ 8 h 61"/>
                    <a:gd name="T12" fmla="*/ 34 w 35"/>
                    <a:gd name="T13" fmla="*/ 12 h 61"/>
                    <a:gd name="T14" fmla="*/ 32 w 35"/>
                    <a:gd name="T15" fmla="*/ 15 h 61"/>
                    <a:gd name="T16" fmla="*/ 30 w 35"/>
                    <a:gd name="T17" fmla="*/ 20 h 61"/>
                    <a:gd name="T18" fmla="*/ 29 w 35"/>
                    <a:gd name="T19" fmla="*/ 23 h 61"/>
                    <a:gd name="T20" fmla="*/ 27 w 35"/>
                    <a:gd name="T21" fmla="*/ 29 h 61"/>
                    <a:gd name="T22" fmla="*/ 24 w 35"/>
                    <a:gd name="T23" fmla="*/ 34 h 61"/>
                    <a:gd name="T24" fmla="*/ 20 w 35"/>
                    <a:gd name="T25" fmla="*/ 39 h 61"/>
                    <a:gd name="T26" fmla="*/ 17 w 35"/>
                    <a:gd name="T27" fmla="*/ 44 h 61"/>
                    <a:gd name="T28" fmla="*/ 12 w 35"/>
                    <a:gd name="T29" fmla="*/ 49 h 61"/>
                    <a:gd name="T30" fmla="*/ 7 w 35"/>
                    <a:gd name="T31" fmla="*/ 56 h 61"/>
                    <a:gd name="T32" fmla="*/ 2 w 35"/>
                    <a:gd name="T33" fmla="*/ 61 h 61"/>
                    <a:gd name="T34" fmla="*/ 0 w 35"/>
                    <a:gd name="T35" fmla="*/ 61 h 61"/>
                    <a:gd name="T36" fmla="*/ 0 w 35"/>
                    <a:gd name="T37" fmla="*/ 59 h 61"/>
                    <a:gd name="T38" fmla="*/ 0 w 35"/>
                    <a:gd name="T39" fmla="*/ 57 h 61"/>
                    <a:gd name="T40" fmla="*/ 0 w 35"/>
                    <a:gd name="T41" fmla="*/ 56 h 61"/>
                    <a:gd name="T42" fmla="*/ 19 w 35"/>
                    <a:gd name="T43" fmla="*/ 35 h 61"/>
                    <a:gd name="T44" fmla="*/ 19 w 35"/>
                    <a:gd name="T45" fmla="*/ 27 h 61"/>
                    <a:gd name="T46" fmla="*/ 19 w 35"/>
                    <a:gd name="T47" fmla="*/ 25 h 61"/>
                    <a:gd name="T48" fmla="*/ 20 w 35"/>
                    <a:gd name="T49" fmla="*/ 25 h 61"/>
                    <a:gd name="T50" fmla="*/ 22 w 35"/>
                    <a:gd name="T51" fmla="*/ 23 h 61"/>
                    <a:gd name="T52" fmla="*/ 24 w 35"/>
                    <a:gd name="T53" fmla="*/ 22 h 61"/>
                    <a:gd name="T54" fmla="*/ 25 w 35"/>
                    <a:gd name="T55" fmla="*/ 18 h 61"/>
                    <a:gd name="T56" fmla="*/ 27 w 35"/>
                    <a:gd name="T57" fmla="*/ 15 h 61"/>
                    <a:gd name="T58" fmla="*/ 29 w 35"/>
                    <a:gd name="T59" fmla="*/ 12 h 61"/>
                    <a:gd name="T60" fmla="*/ 29 w 35"/>
                    <a:gd name="T61" fmla="*/ 5 h 61"/>
                    <a:gd name="T62" fmla="*/ 30 w 35"/>
                    <a:gd name="T63" fmla="*/ 3 h 61"/>
                    <a:gd name="T64" fmla="*/ 32 w 35"/>
                    <a:gd name="T65" fmla="*/ 1 h 61"/>
                    <a:gd name="T66" fmla="*/ 34 w 35"/>
                    <a:gd name="T67" fmla="*/ 0 h 61"/>
                    <a:gd name="T68" fmla="*/ 35 w 35"/>
                    <a:gd name="T69" fmla="*/ 0 h 61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w 35"/>
                    <a:gd name="T106" fmla="*/ 0 h 61"/>
                    <a:gd name="T107" fmla="*/ 35 w 35"/>
                    <a:gd name="T108" fmla="*/ 61 h 61"/>
                  </a:gdLst>
                  <a:ahLst/>
                  <a:cxnLst>
                    <a:cxn ang="T70">
                      <a:pos x="T0" y="T1"/>
                    </a:cxn>
                    <a:cxn ang="T71">
                      <a:pos x="T2" y="T3"/>
                    </a:cxn>
                    <a:cxn ang="T72">
                      <a:pos x="T4" y="T5"/>
                    </a:cxn>
                    <a:cxn ang="T73">
                      <a:pos x="T6" y="T7"/>
                    </a:cxn>
                    <a:cxn ang="T74">
                      <a:pos x="T8" y="T9"/>
                    </a:cxn>
                    <a:cxn ang="T75">
                      <a:pos x="T10" y="T11"/>
                    </a:cxn>
                    <a:cxn ang="T76">
                      <a:pos x="T12" y="T13"/>
                    </a:cxn>
                    <a:cxn ang="T77">
                      <a:pos x="T14" y="T15"/>
                    </a:cxn>
                    <a:cxn ang="T78">
                      <a:pos x="T16" y="T17"/>
                    </a:cxn>
                    <a:cxn ang="T79">
                      <a:pos x="T18" y="T19"/>
                    </a:cxn>
                    <a:cxn ang="T80">
                      <a:pos x="T20" y="T21"/>
                    </a:cxn>
                    <a:cxn ang="T81">
                      <a:pos x="T22" y="T23"/>
                    </a:cxn>
                    <a:cxn ang="T82">
                      <a:pos x="T24" y="T25"/>
                    </a:cxn>
                    <a:cxn ang="T83">
                      <a:pos x="T26" y="T27"/>
                    </a:cxn>
                    <a:cxn ang="T84">
                      <a:pos x="T28" y="T29"/>
                    </a:cxn>
                    <a:cxn ang="T85">
                      <a:pos x="T30" y="T31"/>
                    </a:cxn>
                    <a:cxn ang="T86">
                      <a:pos x="T32" y="T33"/>
                    </a:cxn>
                    <a:cxn ang="T87">
                      <a:pos x="T34" y="T35"/>
                    </a:cxn>
                    <a:cxn ang="T88">
                      <a:pos x="T36" y="T37"/>
                    </a:cxn>
                    <a:cxn ang="T89">
                      <a:pos x="T38" y="T39"/>
                    </a:cxn>
                    <a:cxn ang="T90">
                      <a:pos x="T40" y="T41"/>
                    </a:cxn>
                    <a:cxn ang="T91">
                      <a:pos x="T42" y="T43"/>
                    </a:cxn>
                    <a:cxn ang="T92">
                      <a:pos x="T44" y="T45"/>
                    </a:cxn>
                    <a:cxn ang="T93">
                      <a:pos x="T46" y="T47"/>
                    </a:cxn>
                    <a:cxn ang="T94">
                      <a:pos x="T48" y="T49"/>
                    </a:cxn>
                    <a:cxn ang="T95">
                      <a:pos x="T50" y="T51"/>
                    </a:cxn>
                    <a:cxn ang="T96">
                      <a:pos x="T52" y="T53"/>
                    </a:cxn>
                    <a:cxn ang="T97">
                      <a:pos x="T54" y="T55"/>
                    </a:cxn>
                    <a:cxn ang="T98">
                      <a:pos x="T56" y="T57"/>
                    </a:cxn>
                    <a:cxn ang="T99">
                      <a:pos x="T58" y="T59"/>
                    </a:cxn>
                    <a:cxn ang="T100">
                      <a:pos x="T60" y="T61"/>
                    </a:cxn>
                    <a:cxn ang="T101">
                      <a:pos x="T62" y="T63"/>
                    </a:cxn>
                    <a:cxn ang="T102">
                      <a:pos x="T64" y="T65"/>
                    </a:cxn>
                    <a:cxn ang="T103">
                      <a:pos x="T66" y="T67"/>
                    </a:cxn>
                    <a:cxn ang="T104">
                      <a:pos x="T68" y="T69"/>
                    </a:cxn>
                  </a:cxnLst>
                  <a:rect l="T105" t="T106" r="T107" b="T108"/>
                  <a:pathLst>
                    <a:path w="35" h="61">
                      <a:moveTo>
                        <a:pt x="35" y="0"/>
                      </a:moveTo>
                      <a:lnTo>
                        <a:pt x="35" y="0"/>
                      </a:lnTo>
                      <a:lnTo>
                        <a:pt x="35" y="1"/>
                      </a:lnTo>
                      <a:lnTo>
                        <a:pt x="35" y="3"/>
                      </a:lnTo>
                      <a:lnTo>
                        <a:pt x="35" y="5"/>
                      </a:lnTo>
                      <a:lnTo>
                        <a:pt x="34" y="8"/>
                      </a:lnTo>
                      <a:lnTo>
                        <a:pt x="34" y="12"/>
                      </a:lnTo>
                      <a:lnTo>
                        <a:pt x="32" y="15"/>
                      </a:lnTo>
                      <a:lnTo>
                        <a:pt x="30" y="20"/>
                      </a:lnTo>
                      <a:lnTo>
                        <a:pt x="29" y="23"/>
                      </a:lnTo>
                      <a:lnTo>
                        <a:pt x="27" y="29"/>
                      </a:lnTo>
                      <a:lnTo>
                        <a:pt x="24" y="34"/>
                      </a:lnTo>
                      <a:lnTo>
                        <a:pt x="20" y="39"/>
                      </a:lnTo>
                      <a:lnTo>
                        <a:pt x="17" y="44"/>
                      </a:lnTo>
                      <a:lnTo>
                        <a:pt x="12" y="49"/>
                      </a:lnTo>
                      <a:lnTo>
                        <a:pt x="7" y="56"/>
                      </a:lnTo>
                      <a:lnTo>
                        <a:pt x="2" y="61"/>
                      </a:lnTo>
                      <a:lnTo>
                        <a:pt x="0" y="61"/>
                      </a:lnTo>
                      <a:lnTo>
                        <a:pt x="0" y="59"/>
                      </a:lnTo>
                      <a:lnTo>
                        <a:pt x="0" y="57"/>
                      </a:lnTo>
                      <a:lnTo>
                        <a:pt x="0" y="56"/>
                      </a:lnTo>
                      <a:lnTo>
                        <a:pt x="19" y="35"/>
                      </a:lnTo>
                      <a:lnTo>
                        <a:pt x="19" y="27"/>
                      </a:lnTo>
                      <a:lnTo>
                        <a:pt x="19" y="25"/>
                      </a:lnTo>
                      <a:lnTo>
                        <a:pt x="20" y="25"/>
                      </a:lnTo>
                      <a:lnTo>
                        <a:pt x="22" y="23"/>
                      </a:lnTo>
                      <a:lnTo>
                        <a:pt x="24" y="22"/>
                      </a:lnTo>
                      <a:lnTo>
                        <a:pt x="25" y="18"/>
                      </a:lnTo>
                      <a:lnTo>
                        <a:pt x="27" y="15"/>
                      </a:lnTo>
                      <a:lnTo>
                        <a:pt x="29" y="12"/>
                      </a:lnTo>
                      <a:lnTo>
                        <a:pt x="29" y="5"/>
                      </a:lnTo>
                      <a:lnTo>
                        <a:pt x="30" y="3"/>
                      </a:lnTo>
                      <a:lnTo>
                        <a:pt x="32" y="1"/>
                      </a:lnTo>
                      <a:lnTo>
                        <a:pt x="34" y="0"/>
                      </a:lnTo>
                      <a:lnTo>
                        <a:pt x="35" y="0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895" name="Freeform 24"/>
                <p:cNvSpPr>
                  <a:spLocks/>
                </p:cNvSpPr>
                <p:nvPr/>
              </p:nvSpPr>
              <p:spPr bwMode="auto">
                <a:xfrm>
                  <a:off x="4673" y="3539"/>
                  <a:ext cx="35" cy="61"/>
                </a:xfrm>
                <a:custGeom>
                  <a:avLst/>
                  <a:gdLst>
                    <a:gd name="T0" fmla="*/ 35 w 35"/>
                    <a:gd name="T1" fmla="*/ 0 h 61"/>
                    <a:gd name="T2" fmla="*/ 35 w 35"/>
                    <a:gd name="T3" fmla="*/ 0 h 61"/>
                    <a:gd name="T4" fmla="*/ 35 w 35"/>
                    <a:gd name="T5" fmla="*/ 0 h 61"/>
                    <a:gd name="T6" fmla="*/ 35 w 35"/>
                    <a:gd name="T7" fmla="*/ 1 h 61"/>
                    <a:gd name="T8" fmla="*/ 35 w 35"/>
                    <a:gd name="T9" fmla="*/ 3 h 61"/>
                    <a:gd name="T10" fmla="*/ 35 w 35"/>
                    <a:gd name="T11" fmla="*/ 5 h 61"/>
                    <a:gd name="T12" fmla="*/ 34 w 35"/>
                    <a:gd name="T13" fmla="*/ 8 h 61"/>
                    <a:gd name="T14" fmla="*/ 34 w 35"/>
                    <a:gd name="T15" fmla="*/ 12 h 61"/>
                    <a:gd name="T16" fmla="*/ 32 w 35"/>
                    <a:gd name="T17" fmla="*/ 15 h 61"/>
                    <a:gd name="T18" fmla="*/ 30 w 35"/>
                    <a:gd name="T19" fmla="*/ 20 h 61"/>
                    <a:gd name="T20" fmla="*/ 29 w 35"/>
                    <a:gd name="T21" fmla="*/ 23 h 61"/>
                    <a:gd name="T22" fmla="*/ 27 w 35"/>
                    <a:gd name="T23" fmla="*/ 29 h 61"/>
                    <a:gd name="T24" fmla="*/ 24 w 35"/>
                    <a:gd name="T25" fmla="*/ 34 h 61"/>
                    <a:gd name="T26" fmla="*/ 20 w 35"/>
                    <a:gd name="T27" fmla="*/ 39 h 61"/>
                    <a:gd name="T28" fmla="*/ 17 w 35"/>
                    <a:gd name="T29" fmla="*/ 44 h 61"/>
                    <a:gd name="T30" fmla="*/ 12 w 35"/>
                    <a:gd name="T31" fmla="*/ 49 h 61"/>
                    <a:gd name="T32" fmla="*/ 7 w 35"/>
                    <a:gd name="T33" fmla="*/ 56 h 61"/>
                    <a:gd name="T34" fmla="*/ 2 w 35"/>
                    <a:gd name="T35" fmla="*/ 61 h 61"/>
                    <a:gd name="T36" fmla="*/ 2 w 35"/>
                    <a:gd name="T37" fmla="*/ 61 h 61"/>
                    <a:gd name="T38" fmla="*/ 0 w 35"/>
                    <a:gd name="T39" fmla="*/ 61 h 61"/>
                    <a:gd name="T40" fmla="*/ 0 w 35"/>
                    <a:gd name="T41" fmla="*/ 59 h 61"/>
                    <a:gd name="T42" fmla="*/ 0 w 35"/>
                    <a:gd name="T43" fmla="*/ 57 h 61"/>
                    <a:gd name="T44" fmla="*/ 0 w 35"/>
                    <a:gd name="T45" fmla="*/ 56 h 61"/>
                    <a:gd name="T46" fmla="*/ 19 w 35"/>
                    <a:gd name="T47" fmla="*/ 35 h 61"/>
                    <a:gd name="T48" fmla="*/ 19 w 35"/>
                    <a:gd name="T49" fmla="*/ 27 h 61"/>
                    <a:gd name="T50" fmla="*/ 19 w 35"/>
                    <a:gd name="T51" fmla="*/ 27 h 61"/>
                    <a:gd name="T52" fmla="*/ 19 w 35"/>
                    <a:gd name="T53" fmla="*/ 25 h 61"/>
                    <a:gd name="T54" fmla="*/ 20 w 35"/>
                    <a:gd name="T55" fmla="*/ 25 h 61"/>
                    <a:gd name="T56" fmla="*/ 22 w 35"/>
                    <a:gd name="T57" fmla="*/ 23 h 61"/>
                    <a:gd name="T58" fmla="*/ 24 w 35"/>
                    <a:gd name="T59" fmla="*/ 22 h 61"/>
                    <a:gd name="T60" fmla="*/ 25 w 35"/>
                    <a:gd name="T61" fmla="*/ 18 h 61"/>
                    <a:gd name="T62" fmla="*/ 27 w 35"/>
                    <a:gd name="T63" fmla="*/ 15 h 61"/>
                    <a:gd name="T64" fmla="*/ 29 w 35"/>
                    <a:gd name="T65" fmla="*/ 12 h 61"/>
                    <a:gd name="T66" fmla="*/ 29 w 35"/>
                    <a:gd name="T67" fmla="*/ 5 h 61"/>
                    <a:gd name="T68" fmla="*/ 29 w 35"/>
                    <a:gd name="T69" fmla="*/ 5 h 61"/>
                    <a:gd name="T70" fmla="*/ 30 w 35"/>
                    <a:gd name="T71" fmla="*/ 3 h 61"/>
                    <a:gd name="T72" fmla="*/ 32 w 35"/>
                    <a:gd name="T73" fmla="*/ 1 h 61"/>
                    <a:gd name="T74" fmla="*/ 34 w 35"/>
                    <a:gd name="T75" fmla="*/ 0 h 61"/>
                    <a:gd name="T76" fmla="*/ 35 w 35"/>
                    <a:gd name="T77" fmla="*/ 0 h 61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w 35"/>
                    <a:gd name="T118" fmla="*/ 0 h 61"/>
                    <a:gd name="T119" fmla="*/ 35 w 35"/>
                    <a:gd name="T120" fmla="*/ 61 h 61"/>
                  </a:gdLst>
                  <a:ahLst/>
                  <a:cxnLst>
                    <a:cxn ang="T78">
                      <a:pos x="T0" y="T1"/>
                    </a:cxn>
                    <a:cxn ang="T79">
                      <a:pos x="T2" y="T3"/>
                    </a:cxn>
                    <a:cxn ang="T80">
                      <a:pos x="T4" y="T5"/>
                    </a:cxn>
                    <a:cxn ang="T81">
                      <a:pos x="T6" y="T7"/>
                    </a:cxn>
                    <a:cxn ang="T82">
                      <a:pos x="T8" y="T9"/>
                    </a:cxn>
                    <a:cxn ang="T83">
                      <a:pos x="T10" y="T11"/>
                    </a:cxn>
                    <a:cxn ang="T84">
                      <a:pos x="T12" y="T13"/>
                    </a:cxn>
                    <a:cxn ang="T85">
                      <a:pos x="T14" y="T15"/>
                    </a:cxn>
                    <a:cxn ang="T86">
                      <a:pos x="T16" y="T17"/>
                    </a:cxn>
                    <a:cxn ang="T87">
                      <a:pos x="T18" y="T19"/>
                    </a:cxn>
                    <a:cxn ang="T88">
                      <a:pos x="T20" y="T21"/>
                    </a:cxn>
                    <a:cxn ang="T89">
                      <a:pos x="T22" y="T23"/>
                    </a:cxn>
                    <a:cxn ang="T90">
                      <a:pos x="T24" y="T25"/>
                    </a:cxn>
                    <a:cxn ang="T91">
                      <a:pos x="T26" y="T27"/>
                    </a:cxn>
                    <a:cxn ang="T92">
                      <a:pos x="T28" y="T29"/>
                    </a:cxn>
                    <a:cxn ang="T93">
                      <a:pos x="T30" y="T31"/>
                    </a:cxn>
                    <a:cxn ang="T94">
                      <a:pos x="T32" y="T33"/>
                    </a:cxn>
                    <a:cxn ang="T95">
                      <a:pos x="T34" y="T35"/>
                    </a:cxn>
                    <a:cxn ang="T96">
                      <a:pos x="T36" y="T37"/>
                    </a:cxn>
                    <a:cxn ang="T97">
                      <a:pos x="T38" y="T39"/>
                    </a:cxn>
                    <a:cxn ang="T98">
                      <a:pos x="T40" y="T41"/>
                    </a:cxn>
                    <a:cxn ang="T99">
                      <a:pos x="T42" y="T43"/>
                    </a:cxn>
                    <a:cxn ang="T100">
                      <a:pos x="T44" y="T45"/>
                    </a:cxn>
                    <a:cxn ang="T101">
                      <a:pos x="T46" y="T47"/>
                    </a:cxn>
                    <a:cxn ang="T102">
                      <a:pos x="T48" y="T49"/>
                    </a:cxn>
                    <a:cxn ang="T103">
                      <a:pos x="T50" y="T51"/>
                    </a:cxn>
                    <a:cxn ang="T104">
                      <a:pos x="T52" y="T53"/>
                    </a:cxn>
                    <a:cxn ang="T105">
                      <a:pos x="T54" y="T55"/>
                    </a:cxn>
                    <a:cxn ang="T106">
                      <a:pos x="T56" y="T57"/>
                    </a:cxn>
                    <a:cxn ang="T107">
                      <a:pos x="T58" y="T59"/>
                    </a:cxn>
                    <a:cxn ang="T108">
                      <a:pos x="T60" y="T61"/>
                    </a:cxn>
                    <a:cxn ang="T109">
                      <a:pos x="T62" y="T63"/>
                    </a:cxn>
                    <a:cxn ang="T110">
                      <a:pos x="T64" y="T65"/>
                    </a:cxn>
                    <a:cxn ang="T111">
                      <a:pos x="T66" y="T67"/>
                    </a:cxn>
                    <a:cxn ang="T112">
                      <a:pos x="T68" y="T69"/>
                    </a:cxn>
                    <a:cxn ang="T113">
                      <a:pos x="T70" y="T71"/>
                    </a:cxn>
                    <a:cxn ang="T114">
                      <a:pos x="T72" y="T73"/>
                    </a:cxn>
                    <a:cxn ang="T115">
                      <a:pos x="T74" y="T75"/>
                    </a:cxn>
                    <a:cxn ang="T116">
                      <a:pos x="T76" y="T77"/>
                    </a:cxn>
                  </a:cxnLst>
                  <a:rect l="T117" t="T118" r="T119" b="T120"/>
                  <a:pathLst>
                    <a:path w="35" h="61">
                      <a:moveTo>
                        <a:pt x="35" y="0"/>
                      </a:moveTo>
                      <a:lnTo>
                        <a:pt x="35" y="0"/>
                      </a:lnTo>
                      <a:lnTo>
                        <a:pt x="35" y="1"/>
                      </a:lnTo>
                      <a:lnTo>
                        <a:pt x="35" y="3"/>
                      </a:lnTo>
                      <a:lnTo>
                        <a:pt x="35" y="5"/>
                      </a:lnTo>
                      <a:lnTo>
                        <a:pt x="34" y="8"/>
                      </a:lnTo>
                      <a:lnTo>
                        <a:pt x="34" y="12"/>
                      </a:lnTo>
                      <a:lnTo>
                        <a:pt x="32" y="15"/>
                      </a:lnTo>
                      <a:lnTo>
                        <a:pt x="30" y="20"/>
                      </a:lnTo>
                      <a:lnTo>
                        <a:pt x="29" y="23"/>
                      </a:lnTo>
                      <a:lnTo>
                        <a:pt x="27" y="29"/>
                      </a:lnTo>
                      <a:lnTo>
                        <a:pt x="24" y="34"/>
                      </a:lnTo>
                      <a:lnTo>
                        <a:pt x="20" y="39"/>
                      </a:lnTo>
                      <a:lnTo>
                        <a:pt x="17" y="44"/>
                      </a:lnTo>
                      <a:lnTo>
                        <a:pt x="12" y="49"/>
                      </a:lnTo>
                      <a:lnTo>
                        <a:pt x="7" y="56"/>
                      </a:lnTo>
                      <a:lnTo>
                        <a:pt x="2" y="61"/>
                      </a:lnTo>
                      <a:lnTo>
                        <a:pt x="0" y="61"/>
                      </a:lnTo>
                      <a:lnTo>
                        <a:pt x="0" y="59"/>
                      </a:lnTo>
                      <a:lnTo>
                        <a:pt x="0" y="57"/>
                      </a:lnTo>
                      <a:lnTo>
                        <a:pt x="0" y="56"/>
                      </a:lnTo>
                      <a:lnTo>
                        <a:pt x="19" y="35"/>
                      </a:lnTo>
                      <a:lnTo>
                        <a:pt x="19" y="27"/>
                      </a:lnTo>
                      <a:lnTo>
                        <a:pt x="19" y="25"/>
                      </a:lnTo>
                      <a:lnTo>
                        <a:pt x="20" y="25"/>
                      </a:lnTo>
                      <a:lnTo>
                        <a:pt x="22" y="23"/>
                      </a:lnTo>
                      <a:lnTo>
                        <a:pt x="24" y="22"/>
                      </a:lnTo>
                      <a:lnTo>
                        <a:pt x="25" y="18"/>
                      </a:lnTo>
                      <a:lnTo>
                        <a:pt x="27" y="15"/>
                      </a:lnTo>
                      <a:lnTo>
                        <a:pt x="29" y="12"/>
                      </a:lnTo>
                      <a:lnTo>
                        <a:pt x="29" y="5"/>
                      </a:lnTo>
                      <a:lnTo>
                        <a:pt x="30" y="3"/>
                      </a:lnTo>
                      <a:lnTo>
                        <a:pt x="32" y="1"/>
                      </a:lnTo>
                      <a:lnTo>
                        <a:pt x="34" y="0"/>
                      </a:lnTo>
                      <a:lnTo>
                        <a:pt x="35" y="0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896" name="Freeform 25"/>
                <p:cNvSpPr>
                  <a:spLocks/>
                </p:cNvSpPr>
                <p:nvPr/>
              </p:nvSpPr>
              <p:spPr bwMode="auto">
                <a:xfrm>
                  <a:off x="4710" y="3513"/>
                  <a:ext cx="7" cy="19"/>
                </a:xfrm>
                <a:custGeom>
                  <a:avLst/>
                  <a:gdLst>
                    <a:gd name="T0" fmla="*/ 0 w 7"/>
                    <a:gd name="T1" fmla="*/ 11 h 19"/>
                    <a:gd name="T2" fmla="*/ 2 w 7"/>
                    <a:gd name="T3" fmla="*/ 5 h 19"/>
                    <a:gd name="T4" fmla="*/ 2 w 7"/>
                    <a:gd name="T5" fmla="*/ 4 h 19"/>
                    <a:gd name="T6" fmla="*/ 2 w 7"/>
                    <a:gd name="T7" fmla="*/ 0 h 19"/>
                    <a:gd name="T8" fmla="*/ 4 w 7"/>
                    <a:gd name="T9" fmla="*/ 0 h 19"/>
                    <a:gd name="T10" fmla="*/ 5 w 7"/>
                    <a:gd name="T11" fmla="*/ 0 h 19"/>
                    <a:gd name="T12" fmla="*/ 7 w 7"/>
                    <a:gd name="T13" fmla="*/ 4 h 19"/>
                    <a:gd name="T14" fmla="*/ 7 w 7"/>
                    <a:gd name="T15" fmla="*/ 5 h 19"/>
                    <a:gd name="T16" fmla="*/ 7 w 7"/>
                    <a:gd name="T17" fmla="*/ 11 h 19"/>
                    <a:gd name="T18" fmla="*/ 7 w 7"/>
                    <a:gd name="T19" fmla="*/ 14 h 19"/>
                    <a:gd name="T20" fmla="*/ 7 w 7"/>
                    <a:gd name="T21" fmla="*/ 17 h 19"/>
                    <a:gd name="T22" fmla="*/ 5 w 7"/>
                    <a:gd name="T23" fmla="*/ 19 h 19"/>
                    <a:gd name="T24" fmla="*/ 4 w 7"/>
                    <a:gd name="T25" fmla="*/ 19 h 19"/>
                    <a:gd name="T26" fmla="*/ 2 w 7"/>
                    <a:gd name="T27" fmla="*/ 19 h 19"/>
                    <a:gd name="T28" fmla="*/ 2 w 7"/>
                    <a:gd name="T29" fmla="*/ 17 h 19"/>
                    <a:gd name="T30" fmla="*/ 2 w 7"/>
                    <a:gd name="T31" fmla="*/ 14 h 19"/>
                    <a:gd name="T32" fmla="*/ 0 w 7"/>
                    <a:gd name="T33" fmla="*/ 11 h 19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7"/>
                    <a:gd name="T52" fmla="*/ 0 h 19"/>
                    <a:gd name="T53" fmla="*/ 7 w 7"/>
                    <a:gd name="T54" fmla="*/ 19 h 19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7" h="19">
                      <a:moveTo>
                        <a:pt x="0" y="11"/>
                      </a:moveTo>
                      <a:lnTo>
                        <a:pt x="2" y="5"/>
                      </a:lnTo>
                      <a:lnTo>
                        <a:pt x="2" y="4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7" y="4"/>
                      </a:lnTo>
                      <a:lnTo>
                        <a:pt x="7" y="5"/>
                      </a:lnTo>
                      <a:lnTo>
                        <a:pt x="7" y="11"/>
                      </a:lnTo>
                      <a:lnTo>
                        <a:pt x="7" y="14"/>
                      </a:lnTo>
                      <a:lnTo>
                        <a:pt x="7" y="17"/>
                      </a:lnTo>
                      <a:lnTo>
                        <a:pt x="5" y="19"/>
                      </a:lnTo>
                      <a:lnTo>
                        <a:pt x="4" y="19"/>
                      </a:lnTo>
                      <a:lnTo>
                        <a:pt x="2" y="19"/>
                      </a:lnTo>
                      <a:lnTo>
                        <a:pt x="2" y="17"/>
                      </a:lnTo>
                      <a:lnTo>
                        <a:pt x="2" y="14"/>
                      </a:lnTo>
                      <a:lnTo>
                        <a:pt x="0" y="1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897" name="Freeform 26"/>
                <p:cNvSpPr>
                  <a:spLocks/>
                </p:cNvSpPr>
                <p:nvPr/>
              </p:nvSpPr>
              <p:spPr bwMode="auto">
                <a:xfrm>
                  <a:off x="4710" y="3513"/>
                  <a:ext cx="7" cy="19"/>
                </a:xfrm>
                <a:custGeom>
                  <a:avLst/>
                  <a:gdLst>
                    <a:gd name="T0" fmla="*/ 0 w 7"/>
                    <a:gd name="T1" fmla="*/ 11 h 19"/>
                    <a:gd name="T2" fmla="*/ 0 w 7"/>
                    <a:gd name="T3" fmla="*/ 11 h 19"/>
                    <a:gd name="T4" fmla="*/ 2 w 7"/>
                    <a:gd name="T5" fmla="*/ 5 h 19"/>
                    <a:gd name="T6" fmla="*/ 2 w 7"/>
                    <a:gd name="T7" fmla="*/ 4 h 19"/>
                    <a:gd name="T8" fmla="*/ 2 w 7"/>
                    <a:gd name="T9" fmla="*/ 0 h 19"/>
                    <a:gd name="T10" fmla="*/ 4 w 7"/>
                    <a:gd name="T11" fmla="*/ 0 h 19"/>
                    <a:gd name="T12" fmla="*/ 4 w 7"/>
                    <a:gd name="T13" fmla="*/ 0 h 19"/>
                    <a:gd name="T14" fmla="*/ 5 w 7"/>
                    <a:gd name="T15" fmla="*/ 0 h 19"/>
                    <a:gd name="T16" fmla="*/ 7 w 7"/>
                    <a:gd name="T17" fmla="*/ 4 h 19"/>
                    <a:gd name="T18" fmla="*/ 7 w 7"/>
                    <a:gd name="T19" fmla="*/ 5 h 19"/>
                    <a:gd name="T20" fmla="*/ 7 w 7"/>
                    <a:gd name="T21" fmla="*/ 11 h 19"/>
                    <a:gd name="T22" fmla="*/ 7 w 7"/>
                    <a:gd name="T23" fmla="*/ 11 h 19"/>
                    <a:gd name="T24" fmla="*/ 7 w 7"/>
                    <a:gd name="T25" fmla="*/ 14 h 19"/>
                    <a:gd name="T26" fmla="*/ 7 w 7"/>
                    <a:gd name="T27" fmla="*/ 17 h 19"/>
                    <a:gd name="T28" fmla="*/ 5 w 7"/>
                    <a:gd name="T29" fmla="*/ 19 h 19"/>
                    <a:gd name="T30" fmla="*/ 4 w 7"/>
                    <a:gd name="T31" fmla="*/ 19 h 19"/>
                    <a:gd name="T32" fmla="*/ 4 w 7"/>
                    <a:gd name="T33" fmla="*/ 19 h 19"/>
                    <a:gd name="T34" fmla="*/ 2 w 7"/>
                    <a:gd name="T35" fmla="*/ 19 h 19"/>
                    <a:gd name="T36" fmla="*/ 2 w 7"/>
                    <a:gd name="T37" fmla="*/ 17 h 19"/>
                    <a:gd name="T38" fmla="*/ 2 w 7"/>
                    <a:gd name="T39" fmla="*/ 14 h 19"/>
                    <a:gd name="T40" fmla="*/ 0 w 7"/>
                    <a:gd name="T41" fmla="*/ 11 h 19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7"/>
                    <a:gd name="T64" fmla="*/ 0 h 19"/>
                    <a:gd name="T65" fmla="*/ 7 w 7"/>
                    <a:gd name="T66" fmla="*/ 19 h 19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7" h="19">
                      <a:moveTo>
                        <a:pt x="0" y="11"/>
                      </a:moveTo>
                      <a:lnTo>
                        <a:pt x="0" y="11"/>
                      </a:lnTo>
                      <a:lnTo>
                        <a:pt x="2" y="5"/>
                      </a:lnTo>
                      <a:lnTo>
                        <a:pt x="2" y="4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7" y="4"/>
                      </a:lnTo>
                      <a:lnTo>
                        <a:pt x="7" y="5"/>
                      </a:lnTo>
                      <a:lnTo>
                        <a:pt x="7" y="11"/>
                      </a:lnTo>
                      <a:lnTo>
                        <a:pt x="7" y="14"/>
                      </a:lnTo>
                      <a:lnTo>
                        <a:pt x="7" y="17"/>
                      </a:lnTo>
                      <a:lnTo>
                        <a:pt x="5" y="19"/>
                      </a:lnTo>
                      <a:lnTo>
                        <a:pt x="4" y="19"/>
                      </a:lnTo>
                      <a:lnTo>
                        <a:pt x="2" y="19"/>
                      </a:lnTo>
                      <a:lnTo>
                        <a:pt x="2" y="17"/>
                      </a:lnTo>
                      <a:lnTo>
                        <a:pt x="2" y="14"/>
                      </a:lnTo>
                      <a:lnTo>
                        <a:pt x="0" y="1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898" name="Freeform 27"/>
                <p:cNvSpPr>
                  <a:spLocks/>
                </p:cNvSpPr>
                <p:nvPr/>
              </p:nvSpPr>
              <p:spPr bwMode="auto">
                <a:xfrm>
                  <a:off x="4714" y="3488"/>
                  <a:ext cx="5" cy="10"/>
                </a:xfrm>
                <a:custGeom>
                  <a:avLst/>
                  <a:gdLst>
                    <a:gd name="T0" fmla="*/ 0 w 5"/>
                    <a:gd name="T1" fmla="*/ 5 h 10"/>
                    <a:gd name="T2" fmla="*/ 0 w 5"/>
                    <a:gd name="T3" fmla="*/ 3 h 10"/>
                    <a:gd name="T4" fmla="*/ 0 w 5"/>
                    <a:gd name="T5" fmla="*/ 2 h 10"/>
                    <a:gd name="T6" fmla="*/ 1 w 5"/>
                    <a:gd name="T7" fmla="*/ 2 h 10"/>
                    <a:gd name="T8" fmla="*/ 1 w 5"/>
                    <a:gd name="T9" fmla="*/ 0 h 10"/>
                    <a:gd name="T10" fmla="*/ 3 w 5"/>
                    <a:gd name="T11" fmla="*/ 2 h 10"/>
                    <a:gd name="T12" fmla="*/ 3 w 5"/>
                    <a:gd name="T13" fmla="*/ 2 h 10"/>
                    <a:gd name="T14" fmla="*/ 3 w 5"/>
                    <a:gd name="T15" fmla="*/ 3 h 10"/>
                    <a:gd name="T16" fmla="*/ 5 w 5"/>
                    <a:gd name="T17" fmla="*/ 5 h 10"/>
                    <a:gd name="T18" fmla="*/ 3 w 5"/>
                    <a:gd name="T19" fmla="*/ 7 h 10"/>
                    <a:gd name="T20" fmla="*/ 3 w 5"/>
                    <a:gd name="T21" fmla="*/ 8 h 10"/>
                    <a:gd name="T22" fmla="*/ 3 w 5"/>
                    <a:gd name="T23" fmla="*/ 10 h 10"/>
                    <a:gd name="T24" fmla="*/ 1 w 5"/>
                    <a:gd name="T25" fmla="*/ 10 h 10"/>
                    <a:gd name="T26" fmla="*/ 1 w 5"/>
                    <a:gd name="T27" fmla="*/ 10 h 10"/>
                    <a:gd name="T28" fmla="*/ 0 w 5"/>
                    <a:gd name="T29" fmla="*/ 8 h 10"/>
                    <a:gd name="T30" fmla="*/ 0 w 5"/>
                    <a:gd name="T31" fmla="*/ 7 h 10"/>
                    <a:gd name="T32" fmla="*/ 0 w 5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5"/>
                    <a:gd name="T52" fmla="*/ 0 h 10"/>
                    <a:gd name="T53" fmla="*/ 5 w 5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5" h="10">
                      <a:moveTo>
                        <a:pt x="0" y="5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2"/>
                      </a:lnTo>
                      <a:lnTo>
                        <a:pt x="3" y="3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3" y="8"/>
                      </a:lnTo>
                      <a:lnTo>
                        <a:pt x="3" y="10"/>
                      </a:lnTo>
                      <a:lnTo>
                        <a:pt x="1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899" name="Freeform 28"/>
                <p:cNvSpPr>
                  <a:spLocks/>
                </p:cNvSpPr>
                <p:nvPr/>
              </p:nvSpPr>
              <p:spPr bwMode="auto">
                <a:xfrm>
                  <a:off x="4714" y="3488"/>
                  <a:ext cx="5" cy="10"/>
                </a:xfrm>
                <a:custGeom>
                  <a:avLst/>
                  <a:gdLst>
                    <a:gd name="T0" fmla="*/ 0 w 5"/>
                    <a:gd name="T1" fmla="*/ 5 h 10"/>
                    <a:gd name="T2" fmla="*/ 0 w 5"/>
                    <a:gd name="T3" fmla="*/ 5 h 10"/>
                    <a:gd name="T4" fmla="*/ 0 w 5"/>
                    <a:gd name="T5" fmla="*/ 3 h 10"/>
                    <a:gd name="T6" fmla="*/ 0 w 5"/>
                    <a:gd name="T7" fmla="*/ 2 h 10"/>
                    <a:gd name="T8" fmla="*/ 1 w 5"/>
                    <a:gd name="T9" fmla="*/ 2 h 10"/>
                    <a:gd name="T10" fmla="*/ 1 w 5"/>
                    <a:gd name="T11" fmla="*/ 0 h 10"/>
                    <a:gd name="T12" fmla="*/ 1 w 5"/>
                    <a:gd name="T13" fmla="*/ 0 h 10"/>
                    <a:gd name="T14" fmla="*/ 3 w 5"/>
                    <a:gd name="T15" fmla="*/ 2 h 10"/>
                    <a:gd name="T16" fmla="*/ 3 w 5"/>
                    <a:gd name="T17" fmla="*/ 2 h 10"/>
                    <a:gd name="T18" fmla="*/ 3 w 5"/>
                    <a:gd name="T19" fmla="*/ 3 h 10"/>
                    <a:gd name="T20" fmla="*/ 5 w 5"/>
                    <a:gd name="T21" fmla="*/ 5 h 10"/>
                    <a:gd name="T22" fmla="*/ 5 w 5"/>
                    <a:gd name="T23" fmla="*/ 5 h 10"/>
                    <a:gd name="T24" fmla="*/ 3 w 5"/>
                    <a:gd name="T25" fmla="*/ 7 h 10"/>
                    <a:gd name="T26" fmla="*/ 3 w 5"/>
                    <a:gd name="T27" fmla="*/ 8 h 10"/>
                    <a:gd name="T28" fmla="*/ 3 w 5"/>
                    <a:gd name="T29" fmla="*/ 10 h 10"/>
                    <a:gd name="T30" fmla="*/ 1 w 5"/>
                    <a:gd name="T31" fmla="*/ 10 h 10"/>
                    <a:gd name="T32" fmla="*/ 1 w 5"/>
                    <a:gd name="T33" fmla="*/ 10 h 10"/>
                    <a:gd name="T34" fmla="*/ 1 w 5"/>
                    <a:gd name="T35" fmla="*/ 10 h 10"/>
                    <a:gd name="T36" fmla="*/ 0 w 5"/>
                    <a:gd name="T37" fmla="*/ 8 h 10"/>
                    <a:gd name="T38" fmla="*/ 0 w 5"/>
                    <a:gd name="T39" fmla="*/ 7 h 10"/>
                    <a:gd name="T40" fmla="*/ 0 w 5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5"/>
                    <a:gd name="T64" fmla="*/ 0 h 10"/>
                    <a:gd name="T65" fmla="*/ 5 w 5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5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2"/>
                      </a:lnTo>
                      <a:lnTo>
                        <a:pt x="3" y="3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3" y="8"/>
                      </a:lnTo>
                      <a:lnTo>
                        <a:pt x="3" y="10"/>
                      </a:lnTo>
                      <a:lnTo>
                        <a:pt x="1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900" name="Freeform 29"/>
                <p:cNvSpPr>
                  <a:spLocks/>
                </p:cNvSpPr>
                <p:nvPr/>
              </p:nvSpPr>
              <p:spPr bwMode="auto">
                <a:xfrm>
                  <a:off x="4590" y="3632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2 w 8"/>
                    <a:gd name="T3" fmla="*/ 3 h 10"/>
                    <a:gd name="T4" fmla="*/ 2 w 8"/>
                    <a:gd name="T5" fmla="*/ 0 h 10"/>
                    <a:gd name="T6" fmla="*/ 3 w 8"/>
                    <a:gd name="T7" fmla="*/ 0 h 10"/>
                    <a:gd name="T8" fmla="*/ 5 w 8"/>
                    <a:gd name="T9" fmla="*/ 0 h 10"/>
                    <a:gd name="T10" fmla="*/ 5 w 8"/>
                    <a:gd name="T11" fmla="*/ 0 h 10"/>
                    <a:gd name="T12" fmla="*/ 7 w 8"/>
                    <a:gd name="T13" fmla="*/ 0 h 10"/>
                    <a:gd name="T14" fmla="*/ 8 w 8"/>
                    <a:gd name="T15" fmla="*/ 3 h 10"/>
                    <a:gd name="T16" fmla="*/ 8 w 8"/>
                    <a:gd name="T17" fmla="*/ 5 h 10"/>
                    <a:gd name="T18" fmla="*/ 8 w 8"/>
                    <a:gd name="T19" fmla="*/ 7 h 10"/>
                    <a:gd name="T20" fmla="*/ 7 w 8"/>
                    <a:gd name="T21" fmla="*/ 8 h 10"/>
                    <a:gd name="T22" fmla="*/ 5 w 8"/>
                    <a:gd name="T23" fmla="*/ 10 h 10"/>
                    <a:gd name="T24" fmla="*/ 5 w 8"/>
                    <a:gd name="T25" fmla="*/ 10 h 10"/>
                    <a:gd name="T26" fmla="*/ 3 w 8"/>
                    <a:gd name="T27" fmla="*/ 10 h 10"/>
                    <a:gd name="T28" fmla="*/ 2 w 8"/>
                    <a:gd name="T29" fmla="*/ 8 h 10"/>
                    <a:gd name="T30" fmla="*/ 2 w 8"/>
                    <a:gd name="T31" fmla="*/ 7 h 10"/>
                    <a:gd name="T32" fmla="*/ 0 w 8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10"/>
                    <a:gd name="T53" fmla="*/ 8 w 8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10">
                      <a:moveTo>
                        <a:pt x="0" y="5"/>
                      </a:moveTo>
                      <a:lnTo>
                        <a:pt x="2" y="3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8" y="3"/>
                      </a:lnTo>
                      <a:lnTo>
                        <a:pt x="8" y="5"/>
                      </a:lnTo>
                      <a:lnTo>
                        <a:pt x="8" y="7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8"/>
                      </a:lnTo>
                      <a:lnTo>
                        <a:pt x="2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901" name="Freeform 30"/>
                <p:cNvSpPr>
                  <a:spLocks/>
                </p:cNvSpPr>
                <p:nvPr/>
              </p:nvSpPr>
              <p:spPr bwMode="auto">
                <a:xfrm>
                  <a:off x="4590" y="3632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5 h 10"/>
                    <a:gd name="T4" fmla="*/ 2 w 8"/>
                    <a:gd name="T5" fmla="*/ 3 h 10"/>
                    <a:gd name="T6" fmla="*/ 2 w 8"/>
                    <a:gd name="T7" fmla="*/ 0 h 10"/>
                    <a:gd name="T8" fmla="*/ 3 w 8"/>
                    <a:gd name="T9" fmla="*/ 0 h 10"/>
                    <a:gd name="T10" fmla="*/ 5 w 8"/>
                    <a:gd name="T11" fmla="*/ 0 h 10"/>
                    <a:gd name="T12" fmla="*/ 5 w 8"/>
                    <a:gd name="T13" fmla="*/ 0 h 10"/>
                    <a:gd name="T14" fmla="*/ 5 w 8"/>
                    <a:gd name="T15" fmla="*/ 0 h 10"/>
                    <a:gd name="T16" fmla="*/ 7 w 8"/>
                    <a:gd name="T17" fmla="*/ 0 h 10"/>
                    <a:gd name="T18" fmla="*/ 8 w 8"/>
                    <a:gd name="T19" fmla="*/ 3 h 10"/>
                    <a:gd name="T20" fmla="*/ 8 w 8"/>
                    <a:gd name="T21" fmla="*/ 5 h 10"/>
                    <a:gd name="T22" fmla="*/ 8 w 8"/>
                    <a:gd name="T23" fmla="*/ 5 h 10"/>
                    <a:gd name="T24" fmla="*/ 8 w 8"/>
                    <a:gd name="T25" fmla="*/ 7 h 10"/>
                    <a:gd name="T26" fmla="*/ 7 w 8"/>
                    <a:gd name="T27" fmla="*/ 8 h 10"/>
                    <a:gd name="T28" fmla="*/ 5 w 8"/>
                    <a:gd name="T29" fmla="*/ 10 h 10"/>
                    <a:gd name="T30" fmla="*/ 5 w 8"/>
                    <a:gd name="T31" fmla="*/ 10 h 10"/>
                    <a:gd name="T32" fmla="*/ 5 w 8"/>
                    <a:gd name="T33" fmla="*/ 10 h 10"/>
                    <a:gd name="T34" fmla="*/ 3 w 8"/>
                    <a:gd name="T35" fmla="*/ 10 h 10"/>
                    <a:gd name="T36" fmla="*/ 2 w 8"/>
                    <a:gd name="T37" fmla="*/ 8 h 10"/>
                    <a:gd name="T38" fmla="*/ 2 w 8"/>
                    <a:gd name="T39" fmla="*/ 7 h 10"/>
                    <a:gd name="T40" fmla="*/ 0 w 8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10"/>
                    <a:gd name="T65" fmla="*/ 8 w 8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2" y="3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8" y="3"/>
                      </a:lnTo>
                      <a:lnTo>
                        <a:pt x="8" y="5"/>
                      </a:lnTo>
                      <a:lnTo>
                        <a:pt x="8" y="7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8"/>
                      </a:lnTo>
                      <a:lnTo>
                        <a:pt x="2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902" name="Freeform 31"/>
                <p:cNvSpPr>
                  <a:spLocks/>
                </p:cNvSpPr>
                <p:nvPr/>
              </p:nvSpPr>
              <p:spPr bwMode="auto">
                <a:xfrm>
                  <a:off x="4582" y="3637"/>
                  <a:ext cx="6" cy="8"/>
                </a:xfrm>
                <a:custGeom>
                  <a:avLst/>
                  <a:gdLst>
                    <a:gd name="T0" fmla="*/ 0 w 6"/>
                    <a:gd name="T1" fmla="*/ 3 h 8"/>
                    <a:gd name="T2" fmla="*/ 0 w 6"/>
                    <a:gd name="T3" fmla="*/ 3 h 8"/>
                    <a:gd name="T4" fmla="*/ 0 w 6"/>
                    <a:gd name="T5" fmla="*/ 2 h 8"/>
                    <a:gd name="T6" fmla="*/ 1 w 6"/>
                    <a:gd name="T7" fmla="*/ 0 h 8"/>
                    <a:gd name="T8" fmla="*/ 3 w 6"/>
                    <a:gd name="T9" fmla="*/ 0 h 8"/>
                    <a:gd name="T10" fmla="*/ 5 w 6"/>
                    <a:gd name="T11" fmla="*/ 0 h 8"/>
                    <a:gd name="T12" fmla="*/ 5 w 6"/>
                    <a:gd name="T13" fmla="*/ 2 h 8"/>
                    <a:gd name="T14" fmla="*/ 6 w 6"/>
                    <a:gd name="T15" fmla="*/ 3 h 8"/>
                    <a:gd name="T16" fmla="*/ 6 w 6"/>
                    <a:gd name="T17" fmla="*/ 3 h 8"/>
                    <a:gd name="T18" fmla="*/ 6 w 6"/>
                    <a:gd name="T19" fmla="*/ 5 h 8"/>
                    <a:gd name="T20" fmla="*/ 5 w 6"/>
                    <a:gd name="T21" fmla="*/ 7 h 8"/>
                    <a:gd name="T22" fmla="*/ 5 w 6"/>
                    <a:gd name="T23" fmla="*/ 7 h 8"/>
                    <a:gd name="T24" fmla="*/ 3 w 6"/>
                    <a:gd name="T25" fmla="*/ 8 h 8"/>
                    <a:gd name="T26" fmla="*/ 1 w 6"/>
                    <a:gd name="T27" fmla="*/ 7 h 8"/>
                    <a:gd name="T28" fmla="*/ 0 w 6"/>
                    <a:gd name="T29" fmla="*/ 7 h 8"/>
                    <a:gd name="T30" fmla="*/ 0 w 6"/>
                    <a:gd name="T31" fmla="*/ 5 h 8"/>
                    <a:gd name="T32" fmla="*/ 0 w 6"/>
                    <a:gd name="T33" fmla="*/ 3 h 8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6"/>
                    <a:gd name="T52" fmla="*/ 0 h 8"/>
                    <a:gd name="T53" fmla="*/ 6 w 6"/>
                    <a:gd name="T54" fmla="*/ 8 h 8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6" h="8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5" y="2"/>
                      </a:lnTo>
                      <a:lnTo>
                        <a:pt x="6" y="3"/>
                      </a:lnTo>
                      <a:lnTo>
                        <a:pt x="6" y="5"/>
                      </a:lnTo>
                      <a:lnTo>
                        <a:pt x="5" y="7"/>
                      </a:lnTo>
                      <a:lnTo>
                        <a:pt x="3" y="8"/>
                      </a:lnTo>
                      <a:lnTo>
                        <a:pt x="1" y="7"/>
                      </a:lnTo>
                      <a:lnTo>
                        <a:pt x="0" y="7"/>
                      </a:lnTo>
                      <a:lnTo>
                        <a:pt x="0" y="5"/>
                      </a:lnTo>
                      <a:lnTo>
                        <a:pt x="0" y="3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903" name="Freeform 32"/>
                <p:cNvSpPr>
                  <a:spLocks/>
                </p:cNvSpPr>
                <p:nvPr/>
              </p:nvSpPr>
              <p:spPr bwMode="auto">
                <a:xfrm>
                  <a:off x="4582" y="3637"/>
                  <a:ext cx="6" cy="8"/>
                </a:xfrm>
                <a:custGeom>
                  <a:avLst/>
                  <a:gdLst>
                    <a:gd name="T0" fmla="*/ 0 w 6"/>
                    <a:gd name="T1" fmla="*/ 3 h 8"/>
                    <a:gd name="T2" fmla="*/ 0 w 6"/>
                    <a:gd name="T3" fmla="*/ 3 h 8"/>
                    <a:gd name="T4" fmla="*/ 0 w 6"/>
                    <a:gd name="T5" fmla="*/ 3 h 8"/>
                    <a:gd name="T6" fmla="*/ 0 w 6"/>
                    <a:gd name="T7" fmla="*/ 2 h 8"/>
                    <a:gd name="T8" fmla="*/ 1 w 6"/>
                    <a:gd name="T9" fmla="*/ 0 h 8"/>
                    <a:gd name="T10" fmla="*/ 3 w 6"/>
                    <a:gd name="T11" fmla="*/ 0 h 8"/>
                    <a:gd name="T12" fmla="*/ 3 w 6"/>
                    <a:gd name="T13" fmla="*/ 0 h 8"/>
                    <a:gd name="T14" fmla="*/ 5 w 6"/>
                    <a:gd name="T15" fmla="*/ 0 h 8"/>
                    <a:gd name="T16" fmla="*/ 5 w 6"/>
                    <a:gd name="T17" fmla="*/ 2 h 8"/>
                    <a:gd name="T18" fmla="*/ 6 w 6"/>
                    <a:gd name="T19" fmla="*/ 3 h 8"/>
                    <a:gd name="T20" fmla="*/ 6 w 6"/>
                    <a:gd name="T21" fmla="*/ 3 h 8"/>
                    <a:gd name="T22" fmla="*/ 6 w 6"/>
                    <a:gd name="T23" fmla="*/ 3 h 8"/>
                    <a:gd name="T24" fmla="*/ 6 w 6"/>
                    <a:gd name="T25" fmla="*/ 5 h 8"/>
                    <a:gd name="T26" fmla="*/ 5 w 6"/>
                    <a:gd name="T27" fmla="*/ 7 h 8"/>
                    <a:gd name="T28" fmla="*/ 5 w 6"/>
                    <a:gd name="T29" fmla="*/ 7 h 8"/>
                    <a:gd name="T30" fmla="*/ 3 w 6"/>
                    <a:gd name="T31" fmla="*/ 8 h 8"/>
                    <a:gd name="T32" fmla="*/ 3 w 6"/>
                    <a:gd name="T33" fmla="*/ 8 h 8"/>
                    <a:gd name="T34" fmla="*/ 1 w 6"/>
                    <a:gd name="T35" fmla="*/ 7 h 8"/>
                    <a:gd name="T36" fmla="*/ 0 w 6"/>
                    <a:gd name="T37" fmla="*/ 7 h 8"/>
                    <a:gd name="T38" fmla="*/ 0 w 6"/>
                    <a:gd name="T39" fmla="*/ 5 h 8"/>
                    <a:gd name="T40" fmla="*/ 0 w 6"/>
                    <a:gd name="T41" fmla="*/ 3 h 8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6"/>
                    <a:gd name="T64" fmla="*/ 0 h 8"/>
                    <a:gd name="T65" fmla="*/ 6 w 6"/>
                    <a:gd name="T66" fmla="*/ 8 h 8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6" h="8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5" y="2"/>
                      </a:lnTo>
                      <a:lnTo>
                        <a:pt x="6" y="3"/>
                      </a:lnTo>
                      <a:lnTo>
                        <a:pt x="6" y="5"/>
                      </a:lnTo>
                      <a:lnTo>
                        <a:pt x="5" y="7"/>
                      </a:lnTo>
                      <a:lnTo>
                        <a:pt x="3" y="8"/>
                      </a:lnTo>
                      <a:lnTo>
                        <a:pt x="1" y="7"/>
                      </a:lnTo>
                      <a:lnTo>
                        <a:pt x="0" y="7"/>
                      </a:lnTo>
                      <a:lnTo>
                        <a:pt x="0" y="5"/>
                      </a:lnTo>
                      <a:lnTo>
                        <a:pt x="0" y="3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904" name="Freeform 33"/>
                <p:cNvSpPr>
                  <a:spLocks/>
                </p:cNvSpPr>
                <p:nvPr/>
              </p:nvSpPr>
              <p:spPr bwMode="auto">
                <a:xfrm>
                  <a:off x="4575" y="3644"/>
                  <a:ext cx="3" cy="5"/>
                </a:xfrm>
                <a:custGeom>
                  <a:avLst/>
                  <a:gdLst>
                    <a:gd name="T0" fmla="*/ 0 w 3"/>
                    <a:gd name="T1" fmla="*/ 1 h 5"/>
                    <a:gd name="T2" fmla="*/ 0 w 3"/>
                    <a:gd name="T3" fmla="*/ 1 h 5"/>
                    <a:gd name="T4" fmla="*/ 0 w 3"/>
                    <a:gd name="T5" fmla="*/ 0 h 5"/>
                    <a:gd name="T6" fmla="*/ 1 w 3"/>
                    <a:gd name="T7" fmla="*/ 0 h 5"/>
                    <a:gd name="T8" fmla="*/ 1 w 3"/>
                    <a:gd name="T9" fmla="*/ 0 h 5"/>
                    <a:gd name="T10" fmla="*/ 1 w 3"/>
                    <a:gd name="T11" fmla="*/ 0 h 5"/>
                    <a:gd name="T12" fmla="*/ 3 w 3"/>
                    <a:gd name="T13" fmla="*/ 0 h 5"/>
                    <a:gd name="T14" fmla="*/ 3 w 3"/>
                    <a:gd name="T15" fmla="*/ 1 h 5"/>
                    <a:gd name="T16" fmla="*/ 3 w 3"/>
                    <a:gd name="T17" fmla="*/ 1 h 5"/>
                    <a:gd name="T18" fmla="*/ 3 w 3"/>
                    <a:gd name="T19" fmla="*/ 3 h 5"/>
                    <a:gd name="T20" fmla="*/ 3 w 3"/>
                    <a:gd name="T21" fmla="*/ 5 h 5"/>
                    <a:gd name="T22" fmla="*/ 1 w 3"/>
                    <a:gd name="T23" fmla="*/ 5 h 5"/>
                    <a:gd name="T24" fmla="*/ 1 w 3"/>
                    <a:gd name="T25" fmla="*/ 5 h 5"/>
                    <a:gd name="T26" fmla="*/ 1 w 3"/>
                    <a:gd name="T27" fmla="*/ 5 h 5"/>
                    <a:gd name="T28" fmla="*/ 0 w 3"/>
                    <a:gd name="T29" fmla="*/ 5 h 5"/>
                    <a:gd name="T30" fmla="*/ 0 w 3"/>
                    <a:gd name="T31" fmla="*/ 3 h 5"/>
                    <a:gd name="T32" fmla="*/ 0 w 3"/>
                    <a:gd name="T33" fmla="*/ 1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3"/>
                    <a:gd name="T52" fmla="*/ 0 h 5"/>
                    <a:gd name="T53" fmla="*/ 3 w 3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3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3" y="1"/>
                      </a:lnTo>
                      <a:lnTo>
                        <a:pt x="3" y="3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905" name="Freeform 34"/>
                <p:cNvSpPr>
                  <a:spLocks/>
                </p:cNvSpPr>
                <p:nvPr/>
              </p:nvSpPr>
              <p:spPr bwMode="auto">
                <a:xfrm>
                  <a:off x="4575" y="3644"/>
                  <a:ext cx="3" cy="5"/>
                </a:xfrm>
                <a:custGeom>
                  <a:avLst/>
                  <a:gdLst>
                    <a:gd name="T0" fmla="*/ 0 w 3"/>
                    <a:gd name="T1" fmla="*/ 1 h 5"/>
                    <a:gd name="T2" fmla="*/ 0 w 3"/>
                    <a:gd name="T3" fmla="*/ 1 h 5"/>
                    <a:gd name="T4" fmla="*/ 0 w 3"/>
                    <a:gd name="T5" fmla="*/ 1 h 5"/>
                    <a:gd name="T6" fmla="*/ 0 w 3"/>
                    <a:gd name="T7" fmla="*/ 0 h 5"/>
                    <a:gd name="T8" fmla="*/ 1 w 3"/>
                    <a:gd name="T9" fmla="*/ 0 h 5"/>
                    <a:gd name="T10" fmla="*/ 1 w 3"/>
                    <a:gd name="T11" fmla="*/ 0 h 5"/>
                    <a:gd name="T12" fmla="*/ 1 w 3"/>
                    <a:gd name="T13" fmla="*/ 0 h 5"/>
                    <a:gd name="T14" fmla="*/ 1 w 3"/>
                    <a:gd name="T15" fmla="*/ 0 h 5"/>
                    <a:gd name="T16" fmla="*/ 3 w 3"/>
                    <a:gd name="T17" fmla="*/ 0 h 5"/>
                    <a:gd name="T18" fmla="*/ 3 w 3"/>
                    <a:gd name="T19" fmla="*/ 1 h 5"/>
                    <a:gd name="T20" fmla="*/ 3 w 3"/>
                    <a:gd name="T21" fmla="*/ 1 h 5"/>
                    <a:gd name="T22" fmla="*/ 3 w 3"/>
                    <a:gd name="T23" fmla="*/ 1 h 5"/>
                    <a:gd name="T24" fmla="*/ 3 w 3"/>
                    <a:gd name="T25" fmla="*/ 3 h 5"/>
                    <a:gd name="T26" fmla="*/ 3 w 3"/>
                    <a:gd name="T27" fmla="*/ 5 h 5"/>
                    <a:gd name="T28" fmla="*/ 1 w 3"/>
                    <a:gd name="T29" fmla="*/ 5 h 5"/>
                    <a:gd name="T30" fmla="*/ 1 w 3"/>
                    <a:gd name="T31" fmla="*/ 5 h 5"/>
                    <a:gd name="T32" fmla="*/ 1 w 3"/>
                    <a:gd name="T33" fmla="*/ 5 h 5"/>
                    <a:gd name="T34" fmla="*/ 1 w 3"/>
                    <a:gd name="T35" fmla="*/ 5 h 5"/>
                    <a:gd name="T36" fmla="*/ 0 w 3"/>
                    <a:gd name="T37" fmla="*/ 5 h 5"/>
                    <a:gd name="T38" fmla="*/ 0 w 3"/>
                    <a:gd name="T39" fmla="*/ 3 h 5"/>
                    <a:gd name="T40" fmla="*/ 0 w 3"/>
                    <a:gd name="T41" fmla="*/ 1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3"/>
                    <a:gd name="T64" fmla="*/ 0 h 5"/>
                    <a:gd name="T65" fmla="*/ 3 w 3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3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3" y="1"/>
                      </a:lnTo>
                      <a:lnTo>
                        <a:pt x="3" y="3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906" name="Freeform 35"/>
                <p:cNvSpPr>
                  <a:spLocks/>
                </p:cNvSpPr>
                <p:nvPr/>
              </p:nvSpPr>
              <p:spPr bwMode="auto">
                <a:xfrm>
                  <a:off x="4566" y="3649"/>
                  <a:ext cx="5" cy="5"/>
                </a:xfrm>
                <a:custGeom>
                  <a:avLst/>
                  <a:gdLst>
                    <a:gd name="T0" fmla="*/ 0 w 5"/>
                    <a:gd name="T1" fmla="*/ 3 h 5"/>
                    <a:gd name="T2" fmla="*/ 0 w 5"/>
                    <a:gd name="T3" fmla="*/ 1 h 5"/>
                    <a:gd name="T4" fmla="*/ 2 w 5"/>
                    <a:gd name="T5" fmla="*/ 0 h 5"/>
                    <a:gd name="T6" fmla="*/ 2 w 5"/>
                    <a:gd name="T7" fmla="*/ 0 h 5"/>
                    <a:gd name="T8" fmla="*/ 4 w 5"/>
                    <a:gd name="T9" fmla="*/ 0 h 5"/>
                    <a:gd name="T10" fmla="*/ 4 w 5"/>
                    <a:gd name="T11" fmla="*/ 0 h 5"/>
                    <a:gd name="T12" fmla="*/ 5 w 5"/>
                    <a:gd name="T13" fmla="*/ 0 h 5"/>
                    <a:gd name="T14" fmla="*/ 5 w 5"/>
                    <a:gd name="T15" fmla="*/ 1 h 5"/>
                    <a:gd name="T16" fmla="*/ 5 w 5"/>
                    <a:gd name="T17" fmla="*/ 3 h 5"/>
                    <a:gd name="T18" fmla="*/ 5 w 5"/>
                    <a:gd name="T19" fmla="*/ 3 h 5"/>
                    <a:gd name="T20" fmla="*/ 5 w 5"/>
                    <a:gd name="T21" fmla="*/ 5 h 5"/>
                    <a:gd name="T22" fmla="*/ 4 w 5"/>
                    <a:gd name="T23" fmla="*/ 5 h 5"/>
                    <a:gd name="T24" fmla="*/ 4 w 5"/>
                    <a:gd name="T25" fmla="*/ 5 h 5"/>
                    <a:gd name="T26" fmla="*/ 2 w 5"/>
                    <a:gd name="T27" fmla="*/ 5 h 5"/>
                    <a:gd name="T28" fmla="*/ 2 w 5"/>
                    <a:gd name="T29" fmla="*/ 5 h 5"/>
                    <a:gd name="T30" fmla="*/ 0 w 5"/>
                    <a:gd name="T31" fmla="*/ 3 h 5"/>
                    <a:gd name="T32" fmla="*/ 0 w 5"/>
                    <a:gd name="T33" fmla="*/ 3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5"/>
                    <a:gd name="T52" fmla="*/ 0 h 5"/>
                    <a:gd name="T53" fmla="*/ 5 w 5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5" h="5">
                      <a:moveTo>
                        <a:pt x="0" y="3"/>
                      </a:moveTo>
                      <a:lnTo>
                        <a:pt x="0" y="1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5" y="1"/>
                      </a:lnTo>
                      <a:lnTo>
                        <a:pt x="5" y="3"/>
                      </a:lnTo>
                      <a:lnTo>
                        <a:pt x="5" y="5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3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907" name="Freeform 36"/>
                <p:cNvSpPr>
                  <a:spLocks/>
                </p:cNvSpPr>
                <p:nvPr/>
              </p:nvSpPr>
              <p:spPr bwMode="auto">
                <a:xfrm>
                  <a:off x="4566" y="3649"/>
                  <a:ext cx="5" cy="5"/>
                </a:xfrm>
                <a:custGeom>
                  <a:avLst/>
                  <a:gdLst>
                    <a:gd name="T0" fmla="*/ 0 w 5"/>
                    <a:gd name="T1" fmla="*/ 3 h 5"/>
                    <a:gd name="T2" fmla="*/ 0 w 5"/>
                    <a:gd name="T3" fmla="*/ 3 h 5"/>
                    <a:gd name="T4" fmla="*/ 0 w 5"/>
                    <a:gd name="T5" fmla="*/ 1 h 5"/>
                    <a:gd name="T6" fmla="*/ 2 w 5"/>
                    <a:gd name="T7" fmla="*/ 0 h 5"/>
                    <a:gd name="T8" fmla="*/ 2 w 5"/>
                    <a:gd name="T9" fmla="*/ 0 h 5"/>
                    <a:gd name="T10" fmla="*/ 4 w 5"/>
                    <a:gd name="T11" fmla="*/ 0 h 5"/>
                    <a:gd name="T12" fmla="*/ 4 w 5"/>
                    <a:gd name="T13" fmla="*/ 0 h 5"/>
                    <a:gd name="T14" fmla="*/ 4 w 5"/>
                    <a:gd name="T15" fmla="*/ 0 h 5"/>
                    <a:gd name="T16" fmla="*/ 5 w 5"/>
                    <a:gd name="T17" fmla="*/ 0 h 5"/>
                    <a:gd name="T18" fmla="*/ 5 w 5"/>
                    <a:gd name="T19" fmla="*/ 1 h 5"/>
                    <a:gd name="T20" fmla="*/ 5 w 5"/>
                    <a:gd name="T21" fmla="*/ 3 h 5"/>
                    <a:gd name="T22" fmla="*/ 5 w 5"/>
                    <a:gd name="T23" fmla="*/ 3 h 5"/>
                    <a:gd name="T24" fmla="*/ 5 w 5"/>
                    <a:gd name="T25" fmla="*/ 3 h 5"/>
                    <a:gd name="T26" fmla="*/ 5 w 5"/>
                    <a:gd name="T27" fmla="*/ 5 h 5"/>
                    <a:gd name="T28" fmla="*/ 4 w 5"/>
                    <a:gd name="T29" fmla="*/ 5 h 5"/>
                    <a:gd name="T30" fmla="*/ 4 w 5"/>
                    <a:gd name="T31" fmla="*/ 5 h 5"/>
                    <a:gd name="T32" fmla="*/ 4 w 5"/>
                    <a:gd name="T33" fmla="*/ 5 h 5"/>
                    <a:gd name="T34" fmla="*/ 2 w 5"/>
                    <a:gd name="T35" fmla="*/ 5 h 5"/>
                    <a:gd name="T36" fmla="*/ 2 w 5"/>
                    <a:gd name="T37" fmla="*/ 5 h 5"/>
                    <a:gd name="T38" fmla="*/ 0 w 5"/>
                    <a:gd name="T39" fmla="*/ 3 h 5"/>
                    <a:gd name="T40" fmla="*/ 0 w 5"/>
                    <a:gd name="T41" fmla="*/ 3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5"/>
                    <a:gd name="T64" fmla="*/ 0 h 5"/>
                    <a:gd name="T65" fmla="*/ 5 w 5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5" h="5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5" y="1"/>
                      </a:lnTo>
                      <a:lnTo>
                        <a:pt x="5" y="3"/>
                      </a:lnTo>
                      <a:lnTo>
                        <a:pt x="5" y="5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3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908" name="Freeform 37"/>
                <p:cNvSpPr>
                  <a:spLocks/>
                </p:cNvSpPr>
                <p:nvPr/>
              </p:nvSpPr>
              <p:spPr bwMode="auto">
                <a:xfrm>
                  <a:off x="4560" y="3656"/>
                  <a:ext cx="5" cy="3"/>
                </a:xfrm>
                <a:custGeom>
                  <a:avLst/>
                  <a:gdLst>
                    <a:gd name="T0" fmla="*/ 0 w 5"/>
                    <a:gd name="T1" fmla="*/ 1 h 3"/>
                    <a:gd name="T2" fmla="*/ 0 w 5"/>
                    <a:gd name="T3" fmla="*/ 1 h 3"/>
                    <a:gd name="T4" fmla="*/ 0 w 5"/>
                    <a:gd name="T5" fmla="*/ 0 h 3"/>
                    <a:gd name="T6" fmla="*/ 1 w 5"/>
                    <a:gd name="T7" fmla="*/ 0 h 3"/>
                    <a:gd name="T8" fmla="*/ 1 w 5"/>
                    <a:gd name="T9" fmla="*/ 0 h 3"/>
                    <a:gd name="T10" fmla="*/ 3 w 5"/>
                    <a:gd name="T11" fmla="*/ 0 h 3"/>
                    <a:gd name="T12" fmla="*/ 3 w 5"/>
                    <a:gd name="T13" fmla="*/ 0 h 3"/>
                    <a:gd name="T14" fmla="*/ 5 w 5"/>
                    <a:gd name="T15" fmla="*/ 1 h 3"/>
                    <a:gd name="T16" fmla="*/ 5 w 5"/>
                    <a:gd name="T17" fmla="*/ 1 h 3"/>
                    <a:gd name="T18" fmla="*/ 5 w 5"/>
                    <a:gd name="T19" fmla="*/ 1 h 3"/>
                    <a:gd name="T20" fmla="*/ 3 w 5"/>
                    <a:gd name="T21" fmla="*/ 3 h 3"/>
                    <a:gd name="T22" fmla="*/ 3 w 5"/>
                    <a:gd name="T23" fmla="*/ 3 h 3"/>
                    <a:gd name="T24" fmla="*/ 1 w 5"/>
                    <a:gd name="T25" fmla="*/ 3 h 3"/>
                    <a:gd name="T26" fmla="*/ 1 w 5"/>
                    <a:gd name="T27" fmla="*/ 3 h 3"/>
                    <a:gd name="T28" fmla="*/ 0 w 5"/>
                    <a:gd name="T29" fmla="*/ 3 h 3"/>
                    <a:gd name="T30" fmla="*/ 0 w 5"/>
                    <a:gd name="T31" fmla="*/ 1 h 3"/>
                    <a:gd name="T32" fmla="*/ 0 w 5"/>
                    <a:gd name="T33" fmla="*/ 1 h 3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5"/>
                    <a:gd name="T52" fmla="*/ 0 h 3"/>
                    <a:gd name="T53" fmla="*/ 5 w 5"/>
                    <a:gd name="T54" fmla="*/ 3 h 3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5" h="3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1"/>
                      </a:lnTo>
                      <a:lnTo>
                        <a:pt x="3" y="3"/>
                      </a:lnTo>
                      <a:lnTo>
                        <a:pt x="1" y="3"/>
                      </a:lnTo>
                      <a:lnTo>
                        <a:pt x="0" y="3"/>
                      </a:lnTo>
                      <a:lnTo>
                        <a:pt x="0" y="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909" name="Freeform 38"/>
                <p:cNvSpPr>
                  <a:spLocks/>
                </p:cNvSpPr>
                <p:nvPr/>
              </p:nvSpPr>
              <p:spPr bwMode="auto">
                <a:xfrm>
                  <a:off x="4560" y="3656"/>
                  <a:ext cx="5" cy="3"/>
                </a:xfrm>
                <a:custGeom>
                  <a:avLst/>
                  <a:gdLst>
                    <a:gd name="T0" fmla="*/ 0 w 5"/>
                    <a:gd name="T1" fmla="*/ 1 h 3"/>
                    <a:gd name="T2" fmla="*/ 0 w 5"/>
                    <a:gd name="T3" fmla="*/ 1 h 3"/>
                    <a:gd name="T4" fmla="*/ 0 w 5"/>
                    <a:gd name="T5" fmla="*/ 1 h 3"/>
                    <a:gd name="T6" fmla="*/ 0 w 5"/>
                    <a:gd name="T7" fmla="*/ 0 h 3"/>
                    <a:gd name="T8" fmla="*/ 1 w 5"/>
                    <a:gd name="T9" fmla="*/ 0 h 3"/>
                    <a:gd name="T10" fmla="*/ 1 w 5"/>
                    <a:gd name="T11" fmla="*/ 0 h 3"/>
                    <a:gd name="T12" fmla="*/ 1 w 5"/>
                    <a:gd name="T13" fmla="*/ 0 h 3"/>
                    <a:gd name="T14" fmla="*/ 3 w 5"/>
                    <a:gd name="T15" fmla="*/ 0 h 3"/>
                    <a:gd name="T16" fmla="*/ 3 w 5"/>
                    <a:gd name="T17" fmla="*/ 0 h 3"/>
                    <a:gd name="T18" fmla="*/ 5 w 5"/>
                    <a:gd name="T19" fmla="*/ 1 h 3"/>
                    <a:gd name="T20" fmla="*/ 5 w 5"/>
                    <a:gd name="T21" fmla="*/ 1 h 3"/>
                    <a:gd name="T22" fmla="*/ 5 w 5"/>
                    <a:gd name="T23" fmla="*/ 1 h 3"/>
                    <a:gd name="T24" fmla="*/ 5 w 5"/>
                    <a:gd name="T25" fmla="*/ 1 h 3"/>
                    <a:gd name="T26" fmla="*/ 3 w 5"/>
                    <a:gd name="T27" fmla="*/ 3 h 3"/>
                    <a:gd name="T28" fmla="*/ 3 w 5"/>
                    <a:gd name="T29" fmla="*/ 3 h 3"/>
                    <a:gd name="T30" fmla="*/ 1 w 5"/>
                    <a:gd name="T31" fmla="*/ 3 h 3"/>
                    <a:gd name="T32" fmla="*/ 1 w 5"/>
                    <a:gd name="T33" fmla="*/ 3 h 3"/>
                    <a:gd name="T34" fmla="*/ 1 w 5"/>
                    <a:gd name="T35" fmla="*/ 3 h 3"/>
                    <a:gd name="T36" fmla="*/ 0 w 5"/>
                    <a:gd name="T37" fmla="*/ 3 h 3"/>
                    <a:gd name="T38" fmla="*/ 0 w 5"/>
                    <a:gd name="T39" fmla="*/ 1 h 3"/>
                    <a:gd name="T40" fmla="*/ 0 w 5"/>
                    <a:gd name="T41" fmla="*/ 1 h 3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5"/>
                    <a:gd name="T64" fmla="*/ 0 h 3"/>
                    <a:gd name="T65" fmla="*/ 5 w 5"/>
                    <a:gd name="T66" fmla="*/ 3 h 3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5" h="3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1"/>
                      </a:lnTo>
                      <a:lnTo>
                        <a:pt x="3" y="3"/>
                      </a:lnTo>
                      <a:lnTo>
                        <a:pt x="1" y="3"/>
                      </a:lnTo>
                      <a:lnTo>
                        <a:pt x="0" y="3"/>
                      </a:lnTo>
                      <a:lnTo>
                        <a:pt x="0" y="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910" name="Freeform 39"/>
                <p:cNvSpPr>
                  <a:spLocks/>
                </p:cNvSpPr>
                <p:nvPr/>
              </p:nvSpPr>
              <p:spPr bwMode="auto">
                <a:xfrm>
                  <a:off x="4664" y="3600"/>
                  <a:ext cx="4" cy="5"/>
                </a:xfrm>
                <a:custGeom>
                  <a:avLst/>
                  <a:gdLst>
                    <a:gd name="T0" fmla="*/ 0 w 4"/>
                    <a:gd name="T1" fmla="*/ 1 h 5"/>
                    <a:gd name="T2" fmla="*/ 0 w 4"/>
                    <a:gd name="T3" fmla="*/ 1 h 5"/>
                    <a:gd name="T4" fmla="*/ 0 w 4"/>
                    <a:gd name="T5" fmla="*/ 0 h 5"/>
                    <a:gd name="T6" fmla="*/ 2 w 4"/>
                    <a:gd name="T7" fmla="*/ 0 h 5"/>
                    <a:gd name="T8" fmla="*/ 2 w 4"/>
                    <a:gd name="T9" fmla="*/ 0 h 5"/>
                    <a:gd name="T10" fmla="*/ 2 w 4"/>
                    <a:gd name="T11" fmla="*/ 0 h 5"/>
                    <a:gd name="T12" fmla="*/ 4 w 4"/>
                    <a:gd name="T13" fmla="*/ 0 h 5"/>
                    <a:gd name="T14" fmla="*/ 4 w 4"/>
                    <a:gd name="T15" fmla="*/ 1 h 5"/>
                    <a:gd name="T16" fmla="*/ 4 w 4"/>
                    <a:gd name="T17" fmla="*/ 1 h 5"/>
                    <a:gd name="T18" fmla="*/ 4 w 4"/>
                    <a:gd name="T19" fmla="*/ 3 h 5"/>
                    <a:gd name="T20" fmla="*/ 4 w 4"/>
                    <a:gd name="T21" fmla="*/ 5 h 5"/>
                    <a:gd name="T22" fmla="*/ 2 w 4"/>
                    <a:gd name="T23" fmla="*/ 5 h 5"/>
                    <a:gd name="T24" fmla="*/ 2 w 4"/>
                    <a:gd name="T25" fmla="*/ 5 h 5"/>
                    <a:gd name="T26" fmla="*/ 2 w 4"/>
                    <a:gd name="T27" fmla="*/ 5 h 5"/>
                    <a:gd name="T28" fmla="*/ 0 w 4"/>
                    <a:gd name="T29" fmla="*/ 5 h 5"/>
                    <a:gd name="T30" fmla="*/ 0 w 4"/>
                    <a:gd name="T31" fmla="*/ 3 h 5"/>
                    <a:gd name="T32" fmla="*/ 0 w 4"/>
                    <a:gd name="T33" fmla="*/ 1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4"/>
                    <a:gd name="T52" fmla="*/ 0 h 5"/>
                    <a:gd name="T53" fmla="*/ 4 w 4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4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4" y="1"/>
                      </a:lnTo>
                      <a:lnTo>
                        <a:pt x="4" y="3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911" name="Freeform 40"/>
                <p:cNvSpPr>
                  <a:spLocks/>
                </p:cNvSpPr>
                <p:nvPr/>
              </p:nvSpPr>
              <p:spPr bwMode="auto">
                <a:xfrm>
                  <a:off x="4664" y="3600"/>
                  <a:ext cx="4" cy="5"/>
                </a:xfrm>
                <a:custGeom>
                  <a:avLst/>
                  <a:gdLst>
                    <a:gd name="T0" fmla="*/ 0 w 4"/>
                    <a:gd name="T1" fmla="*/ 1 h 5"/>
                    <a:gd name="T2" fmla="*/ 0 w 4"/>
                    <a:gd name="T3" fmla="*/ 1 h 5"/>
                    <a:gd name="T4" fmla="*/ 0 w 4"/>
                    <a:gd name="T5" fmla="*/ 1 h 5"/>
                    <a:gd name="T6" fmla="*/ 0 w 4"/>
                    <a:gd name="T7" fmla="*/ 0 h 5"/>
                    <a:gd name="T8" fmla="*/ 2 w 4"/>
                    <a:gd name="T9" fmla="*/ 0 h 5"/>
                    <a:gd name="T10" fmla="*/ 2 w 4"/>
                    <a:gd name="T11" fmla="*/ 0 h 5"/>
                    <a:gd name="T12" fmla="*/ 2 w 4"/>
                    <a:gd name="T13" fmla="*/ 0 h 5"/>
                    <a:gd name="T14" fmla="*/ 2 w 4"/>
                    <a:gd name="T15" fmla="*/ 0 h 5"/>
                    <a:gd name="T16" fmla="*/ 4 w 4"/>
                    <a:gd name="T17" fmla="*/ 0 h 5"/>
                    <a:gd name="T18" fmla="*/ 4 w 4"/>
                    <a:gd name="T19" fmla="*/ 1 h 5"/>
                    <a:gd name="T20" fmla="*/ 4 w 4"/>
                    <a:gd name="T21" fmla="*/ 1 h 5"/>
                    <a:gd name="T22" fmla="*/ 4 w 4"/>
                    <a:gd name="T23" fmla="*/ 1 h 5"/>
                    <a:gd name="T24" fmla="*/ 4 w 4"/>
                    <a:gd name="T25" fmla="*/ 3 h 5"/>
                    <a:gd name="T26" fmla="*/ 4 w 4"/>
                    <a:gd name="T27" fmla="*/ 5 h 5"/>
                    <a:gd name="T28" fmla="*/ 2 w 4"/>
                    <a:gd name="T29" fmla="*/ 5 h 5"/>
                    <a:gd name="T30" fmla="*/ 2 w 4"/>
                    <a:gd name="T31" fmla="*/ 5 h 5"/>
                    <a:gd name="T32" fmla="*/ 2 w 4"/>
                    <a:gd name="T33" fmla="*/ 5 h 5"/>
                    <a:gd name="T34" fmla="*/ 2 w 4"/>
                    <a:gd name="T35" fmla="*/ 5 h 5"/>
                    <a:gd name="T36" fmla="*/ 0 w 4"/>
                    <a:gd name="T37" fmla="*/ 5 h 5"/>
                    <a:gd name="T38" fmla="*/ 0 w 4"/>
                    <a:gd name="T39" fmla="*/ 3 h 5"/>
                    <a:gd name="T40" fmla="*/ 0 w 4"/>
                    <a:gd name="T41" fmla="*/ 1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4"/>
                    <a:gd name="T64" fmla="*/ 0 h 5"/>
                    <a:gd name="T65" fmla="*/ 4 w 4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4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4" y="1"/>
                      </a:lnTo>
                      <a:lnTo>
                        <a:pt x="4" y="3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912" name="Freeform 41"/>
                <p:cNvSpPr>
                  <a:spLocks/>
                </p:cNvSpPr>
                <p:nvPr/>
              </p:nvSpPr>
              <p:spPr bwMode="auto">
                <a:xfrm>
                  <a:off x="4653" y="3608"/>
                  <a:ext cx="8" cy="7"/>
                </a:xfrm>
                <a:custGeom>
                  <a:avLst/>
                  <a:gdLst>
                    <a:gd name="T0" fmla="*/ 0 w 8"/>
                    <a:gd name="T1" fmla="*/ 4 h 7"/>
                    <a:gd name="T2" fmla="*/ 0 w 8"/>
                    <a:gd name="T3" fmla="*/ 2 h 7"/>
                    <a:gd name="T4" fmla="*/ 1 w 8"/>
                    <a:gd name="T5" fmla="*/ 2 h 7"/>
                    <a:gd name="T6" fmla="*/ 1 w 8"/>
                    <a:gd name="T7" fmla="*/ 0 h 7"/>
                    <a:gd name="T8" fmla="*/ 3 w 8"/>
                    <a:gd name="T9" fmla="*/ 0 h 7"/>
                    <a:gd name="T10" fmla="*/ 5 w 8"/>
                    <a:gd name="T11" fmla="*/ 0 h 7"/>
                    <a:gd name="T12" fmla="*/ 6 w 8"/>
                    <a:gd name="T13" fmla="*/ 2 h 7"/>
                    <a:gd name="T14" fmla="*/ 6 w 8"/>
                    <a:gd name="T15" fmla="*/ 2 h 7"/>
                    <a:gd name="T16" fmla="*/ 8 w 8"/>
                    <a:gd name="T17" fmla="*/ 4 h 7"/>
                    <a:gd name="T18" fmla="*/ 6 w 8"/>
                    <a:gd name="T19" fmla="*/ 5 h 7"/>
                    <a:gd name="T20" fmla="*/ 6 w 8"/>
                    <a:gd name="T21" fmla="*/ 5 h 7"/>
                    <a:gd name="T22" fmla="*/ 5 w 8"/>
                    <a:gd name="T23" fmla="*/ 5 h 7"/>
                    <a:gd name="T24" fmla="*/ 3 w 8"/>
                    <a:gd name="T25" fmla="*/ 7 h 7"/>
                    <a:gd name="T26" fmla="*/ 1 w 8"/>
                    <a:gd name="T27" fmla="*/ 5 h 7"/>
                    <a:gd name="T28" fmla="*/ 1 w 8"/>
                    <a:gd name="T29" fmla="*/ 5 h 7"/>
                    <a:gd name="T30" fmla="*/ 0 w 8"/>
                    <a:gd name="T31" fmla="*/ 5 h 7"/>
                    <a:gd name="T32" fmla="*/ 0 w 8"/>
                    <a:gd name="T33" fmla="*/ 4 h 7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7"/>
                    <a:gd name="T53" fmla="*/ 8 w 8"/>
                    <a:gd name="T54" fmla="*/ 7 h 7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7">
                      <a:moveTo>
                        <a:pt x="0" y="4"/>
                      </a:move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6" y="2"/>
                      </a:lnTo>
                      <a:lnTo>
                        <a:pt x="8" y="4"/>
                      </a:lnTo>
                      <a:lnTo>
                        <a:pt x="6" y="5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4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913" name="Freeform 42"/>
                <p:cNvSpPr>
                  <a:spLocks/>
                </p:cNvSpPr>
                <p:nvPr/>
              </p:nvSpPr>
              <p:spPr bwMode="auto">
                <a:xfrm>
                  <a:off x="4653" y="3608"/>
                  <a:ext cx="8" cy="7"/>
                </a:xfrm>
                <a:custGeom>
                  <a:avLst/>
                  <a:gdLst>
                    <a:gd name="T0" fmla="*/ 0 w 8"/>
                    <a:gd name="T1" fmla="*/ 4 h 7"/>
                    <a:gd name="T2" fmla="*/ 0 w 8"/>
                    <a:gd name="T3" fmla="*/ 4 h 7"/>
                    <a:gd name="T4" fmla="*/ 0 w 8"/>
                    <a:gd name="T5" fmla="*/ 2 h 7"/>
                    <a:gd name="T6" fmla="*/ 1 w 8"/>
                    <a:gd name="T7" fmla="*/ 2 h 7"/>
                    <a:gd name="T8" fmla="*/ 1 w 8"/>
                    <a:gd name="T9" fmla="*/ 0 h 7"/>
                    <a:gd name="T10" fmla="*/ 3 w 8"/>
                    <a:gd name="T11" fmla="*/ 0 h 7"/>
                    <a:gd name="T12" fmla="*/ 3 w 8"/>
                    <a:gd name="T13" fmla="*/ 0 h 7"/>
                    <a:gd name="T14" fmla="*/ 5 w 8"/>
                    <a:gd name="T15" fmla="*/ 0 h 7"/>
                    <a:gd name="T16" fmla="*/ 6 w 8"/>
                    <a:gd name="T17" fmla="*/ 2 h 7"/>
                    <a:gd name="T18" fmla="*/ 6 w 8"/>
                    <a:gd name="T19" fmla="*/ 2 h 7"/>
                    <a:gd name="T20" fmla="*/ 8 w 8"/>
                    <a:gd name="T21" fmla="*/ 4 h 7"/>
                    <a:gd name="T22" fmla="*/ 8 w 8"/>
                    <a:gd name="T23" fmla="*/ 4 h 7"/>
                    <a:gd name="T24" fmla="*/ 6 w 8"/>
                    <a:gd name="T25" fmla="*/ 5 h 7"/>
                    <a:gd name="T26" fmla="*/ 6 w 8"/>
                    <a:gd name="T27" fmla="*/ 5 h 7"/>
                    <a:gd name="T28" fmla="*/ 5 w 8"/>
                    <a:gd name="T29" fmla="*/ 5 h 7"/>
                    <a:gd name="T30" fmla="*/ 3 w 8"/>
                    <a:gd name="T31" fmla="*/ 7 h 7"/>
                    <a:gd name="T32" fmla="*/ 3 w 8"/>
                    <a:gd name="T33" fmla="*/ 7 h 7"/>
                    <a:gd name="T34" fmla="*/ 1 w 8"/>
                    <a:gd name="T35" fmla="*/ 5 h 7"/>
                    <a:gd name="T36" fmla="*/ 1 w 8"/>
                    <a:gd name="T37" fmla="*/ 5 h 7"/>
                    <a:gd name="T38" fmla="*/ 0 w 8"/>
                    <a:gd name="T39" fmla="*/ 5 h 7"/>
                    <a:gd name="T40" fmla="*/ 0 w 8"/>
                    <a:gd name="T41" fmla="*/ 4 h 7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7"/>
                    <a:gd name="T65" fmla="*/ 8 w 8"/>
                    <a:gd name="T66" fmla="*/ 7 h 7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7">
                      <a:moveTo>
                        <a:pt x="0" y="4"/>
                      </a:moveTo>
                      <a:lnTo>
                        <a:pt x="0" y="4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6" y="2"/>
                      </a:lnTo>
                      <a:lnTo>
                        <a:pt x="8" y="4"/>
                      </a:lnTo>
                      <a:lnTo>
                        <a:pt x="6" y="5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4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914" name="Freeform 43"/>
                <p:cNvSpPr>
                  <a:spLocks/>
                </p:cNvSpPr>
                <p:nvPr/>
              </p:nvSpPr>
              <p:spPr bwMode="auto">
                <a:xfrm>
                  <a:off x="4626" y="3627"/>
                  <a:ext cx="8" cy="5"/>
                </a:xfrm>
                <a:custGeom>
                  <a:avLst/>
                  <a:gdLst>
                    <a:gd name="T0" fmla="*/ 0 w 8"/>
                    <a:gd name="T1" fmla="*/ 3 h 5"/>
                    <a:gd name="T2" fmla="*/ 0 w 8"/>
                    <a:gd name="T3" fmla="*/ 1 h 5"/>
                    <a:gd name="T4" fmla="*/ 0 w 8"/>
                    <a:gd name="T5" fmla="*/ 0 h 5"/>
                    <a:gd name="T6" fmla="*/ 1 w 8"/>
                    <a:gd name="T7" fmla="*/ 0 h 5"/>
                    <a:gd name="T8" fmla="*/ 3 w 8"/>
                    <a:gd name="T9" fmla="*/ 0 h 5"/>
                    <a:gd name="T10" fmla="*/ 6 w 8"/>
                    <a:gd name="T11" fmla="*/ 0 h 5"/>
                    <a:gd name="T12" fmla="*/ 6 w 8"/>
                    <a:gd name="T13" fmla="*/ 0 h 5"/>
                    <a:gd name="T14" fmla="*/ 8 w 8"/>
                    <a:gd name="T15" fmla="*/ 1 h 5"/>
                    <a:gd name="T16" fmla="*/ 8 w 8"/>
                    <a:gd name="T17" fmla="*/ 3 h 5"/>
                    <a:gd name="T18" fmla="*/ 8 w 8"/>
                    <a:gd name="T19" fmla="*/ 3 h 5"/>
                    <a:gd name="T20" fmla="*/ 6 w 8"/>
                    <a:gd name="T21" fmla="*/ 5 h 5"/>
                    <a:gd name="T22" fmla="*/ 6 w 8"/>
                    <a:gd name="T23" fmla="*/ 5 h 5"/>
                    <a:gd name="T24" fmla="*/ 3 w 8"/>
                    <a:gd name="T25" fmla="*/ 5 h 5"/>
                    <a:gd name="T26" fmla="*/ 1 w 8"/>
                    <a:gd name="T27" fmla="*/ 5 h 5"/>
                    <a:gd name="T28" fmla="*/ 0 w 8"/>
                    <a:gd name="T29" fmla="*/ 5 h 5"/>
                    <a:gd name="T30" fmla="*/ 0 w 8"/>
                    <a:gd name="T31" fmla="*/ 3 h 5"/>
                    <a:gd name="T32" fmla="*/ 0 w 8"/>
                    <a:gd name="T33" fmla="*/ 3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5"/>
                    <a:gd name="T53" fmla="*/ 8 w 8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5">
                      <a:moveTo>
                        <a:pt x="0" y="3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6" y="0"/>
                      </a:lnTo>
                      <a:lnTo>
                        <a:pt x="8" y="1"/>
                      </a:lnTo>
                      <a:lnTo>
                        <a:pt x="8" y="3"/>
                      </a:lnTo>
                      <a:lnTo>
                        <a:pt x="6" y="5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915" name="Freeform 44"/>
                <p:cNvSpPr>
                  <a:spLocks/>
                </p:cNvSpPr>
                <p:nvPr/>
              </p:nvSpPr>
              <p:spPr bwMode="auto">
                <a:xfrm>
                  <a:off x="4626" y="3627"/>
                  <a:ext cx="8" cy="5"/>
                </a:xfrm>
                <a:custGeom>
                  <a:avLst/>
                  <a:gdLst>
                    <a:gd name="T0" fmla="*/ 0 w 8"/>
                    <a:gd name="T1" fmla="*/ 3 h 5"/>
                    <a:gd name="T2" fmla="*/ 0 w 8"/>
                    <a:gd name="T3" fmla="*/ 3 h 5"/>
                    <a:gd name="T4" fmla="*/ 0 w 8"/>
                    <a:gd name="T5" fmla="*/ 1 h 5"/>
                    <a:gd name="T6" fmla="*/ 0 w 8"/>
                    <a:gd name="T7" fmla="*/ 0 h 5"/>
                    <a:gd name="T8" fmla="*/ 1 w 8"/>
                    <a:gd name="T9" fmla="*/ 0 h 5"/>
                    <a:gd name="T10" fmla="*/ 3 w 8"/>
                    <a:gd name="T11" fmla="*/ 0 h 5"/>
                    <a:gd name="T12" fmla="*/ 3 w 8"/>
                    <a:gd name="T13" fmla="*/ 0 h 5"/>
                    <a:gd name="T14" fmla="*/ 6 w 8"/>
                    <a:gd name="T15" fmla="*/ 0 h 5"/>
                    <a:gd name="T16" fmla="*/ 6 w 8"/>
                    <a:gd name="T17" fmla="*/ 0 h 5"/>
                    <a:gd name="T18" fmla="*/ 8 w 8"/>
                    <a:gd name="T19" fmla="*/ 1 h 5"/>
                    <a:gd name="T20" fmla="*/ 8 w 8"/>
                    <a:gd name="T21" fmla="*/ 3 h 5"/>
                    <a:gd name="T22" fmla="*/ 8 w 8"/>
                    <a:gd name="T23" fmla="*/ 3 h 5"/>
                    <a:gd name="T24" fmla="*/ 8 w 8"/>
                    <a:gd name="T25" fmla="*/ 3 h 5"/>
                    <a:gd name="T26" fmla="*/ 6 w 8"/>
                    <a:gd name="T27" fmla="*/ 5 h 5"/>
                    <a:gd name="T28" fmla="*/ 6 w 8"/>
                    <a:gd name="T29" fmla="*/ 5 h 5"/>
                    <a:gd name="T30" fmla="*/ 3 w 8"/>
                    <a:gd name="T31" fmla="*/ 5 h 5"/>
                    <a:gd name="T32" fmla="*/ 3 w 8"/>
                    <a:gd name="T33" fmla="*/ 5 h 5"/>
                    <a:gd name="T34" fmla="*/ 1 w 8"/>
                    <a:gd name="T35" fmla="*/ 5 h 5"/>
                    <a:gd name="T36" fmla="*/ 0 w 8"/>
                    <a:gd name="T37" fmla="*/ 5 h 5"/>
                    <a:gd name="T38" fmla="*/ 0 w 8"/>
                    <a:gd name="T39" fmla="*/ 3 h 5"/>
                    <a:gd name="T40" fmla="*/ 0 w 8"/>
                    <a:gd name="T41" fmla="*/ 3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5"/>
                    <a:gd name="T65" fmla="*/ 8 w 8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5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6" y="0"/>
                      </a:lnTo>
                      <a:lnTo>
                        <a:pt x="8" y="1"/>
                      </a:lnTo>
                      <a:lnTo>
                        <a:pt x="8" y="3"/>
                      </a:lnTo>
                      <a:lnTo>
                        <a:pt x="6" y="5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</p:grpSp>
          <p:sp>
            <p:nvSpPr>
              <p:cNvPr id="883" name="Freeform 45"/>
              <p:cNvSpPr>
                <a:spLocks/>
              </p:cNvSpPr>
              <p:nvPr/>
            </p:nvSpPr>
            <p:spPr bwMode="auto">
              <a:xfrm>
                <a:off x="3079" y="1947"/>
                <a:ext cx="384" cy="676"/>
              </a:xfrm>
              <a:custGeom>
                <a:avLst/>
                <a:gdLst>
                  <a:gd name="T0" fmla="*/ 192 w 395"/>
                  <a:gd name="T1" fmla="*/ 439 h 697"/>
                  <a:gd name="T2" fmla="*/ 218 w 395"/>
                  <a:gd name="T3" fmla="*/ 444 h 697"/>
                  <a:gd name="T4" fmla="*/ 212 w 395"/>
                  <a:gd name="T5" fmla="*/ 429 h 697"/>
                  <a:gd name="T6" fmla="*/ 227 w 395"/>
                  <a:gd name="T7" fmla="*/ 415 h 697"/>
                  <a:gd name="T8" fmla="*/ 238 w 395"/>
                  <a:gd name="T9" fmla="*/ 406 h 697"/>
                  <a:gd name="T10" fmla="*/ 235 w 395"/>
                  <a:gd name="T11" fmla="*/ 393 h 697"/>
                  <a:gd name="T12" fmla="*/ 240 w 395"/>
                  <a:gd name="T13" fmla="*/ 386 h 697"/>
                  <a:gd name="T14" fmla="*/ 238 w 395"/>
                  <a:gd name="T15" fmla="*/ 370 h 697"/>
                  <a:gd name="T16" fmla="*/ 242 w 395"/>
                  <a:gd name="T17" fmla="*/ 359 h 697"/>
                  <a:gd name="T18" fmla="*/ 244 w 395"/>
                  <a:gd name="T19" fmla="*/ 345 h 697"/>
                  <a:gd name="T20" fmla="*/ 260 w 395"/>
                  <a:gd name="T21" fmla="*/ 318 h 697"/>
                  <a:gd name="T22" fmla="*/ 265 w 395"/>
                  <a:gd name="T23" fmla="*/ 308 h 697"/>
                  <a:gd name="T24" fmla="*/ 258 w 395"/>
                  <a:gd name="T25" fmla="*/ 279 h 697"/>
                  <a:gd name="T26" fmla="*/ 258 w 395"/>
                  <a:gd name="T27" fmla="*/ 254 h 697"/>
                  <a:gd name="T28" fmla="*/ 257 w 395"/>
                  <a:gd name="T29" fmla="*/ 230 h 697"/>
                  <a:gd name="T30" fmla="*/ 254 w 395"/>
                  <a:gd name="T31" fmla="*/ 185 h 697"/>
                  <a:gd name="T32" fmla="*/ 249 w 395"/>
                  <a:gd name="T33" fmla="*/ 131 h 697"/>
                  <a:gd name="T34" fmla="*/ 244 w 395"/>
                  <a:gd name="T35" fmla="*/ 86 h 697"/>
                  <a:gd name="T36" fmla="*/ 242 w 395"/>
                  <a:gd name="T37" fmla="*/ 63 h 697"/>
                  <a:gd name="T38" fmla="*/ 233 w 395"/>
                  <a:gd name="T39" fmla="*/ 45 h 697"/>
                  <a:gd name="T40" fmla="*/ 230 w 395"/>
                  <a:gd name="T41" fmla="*/ 37 h 697"/>
                  <a:gd name="T42" fmla="*/ 219 w 395"/>
                  <a:gd name="T43" fmla="*/ 16 h 697"/>
                  <a:gd name="T44" fmla="*/ 45 w 395"/>
                  <a:gd name="T45" fmla="*/ 16 h 697"/>
                  <a:gd name="T46" fmla="*/ 49 w 395"/>
                  <a:gd name="T47" fmla="*/ 16 h 697"/>
                  <a:gd name="T48" fmla="*/ 61 w 395"/>
                  <a:gd name="T49" fmla="*/ 31 h 697"/>
                  <a:gd name="T50" fmla="*/ 68 w 395"/>
                  <a:gd name="T51" fmla="*/ 39 h 697"/>
                  <a:gd name="T52" fmla="*/ 77 w 395"/>
                  <a:gd name="T53" fmla="*/ 55 h 697"/>
                  <a:gd name="T54" fmla="*/ 67 w 395"/>
                  <a:gd name="T55" fmla="*/ 72 h 697"/>
                  <a:gd name="T56" fmla="*/ 66 w 395"/>
                  <a:gd name="T57" fmla="*/ 88 h 697"/>
                  <a:gd name="T58" fmla="*/ 51 w 395"/>
                  <a:gd name="T59" fmla="*/ 93 h 697"/>
                  <a:gd name="T60" fmla="*/ 47 w 395"/>
                  <a:gd name="T61" fmla="*/ 98 h 697"/>
                  <a:gd name="T62" fmla="*/ 20 w 395"/>
                  <a:gd name="T63" fmla="*/ 107 h 697"/>
                  <a:gd name="T64" fmla="*/ 34 w 395"/>
                  <a:gd name="T65" fmla="*/ 133 h 697"/>
                  <a:gd name="T66" fmla="*/ 27 w 395"/>
                  <a:gd name="T67" fmla="*/ 147 h 697"/>
                  <a:gd name="T68" fmla="*/ 22 w 395"/>
                  <a:gd name="T69" fmla="*/ 157 h 697"/>
                  <a:gd name="T70" fmla="*/ 18 w 395"/>
                  <a:gd name="T71" fmla="*/ 164 h 697"/>
                  <a:gd name="T72" fmla="*/ 9 w 395"/>
                  <a:gd name="T73" fmla="*/ 172 h 697"/>
                  <a:gd name="T74" fmla="*/ 14 w 395"/>
                  <a:gd name="T75" fmla="*/ 180 h 697"/>
                  <a:gd name="T76" fmla="*/ 7 w 395"/>
                  <a:gd name="T77" fmla="*/ 190 h 697"/>
                  <a:gd name="T78" fmla="*/ 2 w 395"/>
                  <a:gd name="T79" fmla="*/ 198 h 697"/>
                  <a:gd name="T80" fmla="*/ 7 w 395"/>
                  <a:gd name="T81" fmla="*/ 229 h 697"/>
                  <a:gd name="T82" fmla="*/ 42 w 395"/>
                  <a:gd name="T83" fmla="*/ 268 h 697"/>
                  <a:gd name="T84" fmla="*/ 54 w 395"/>
                  <a:gd name="T85" fmla="*/ 280 h 697"/>
                  <a:gd name="T86" fmla="*/ 63 w 395"/>
                  <a:gd name="T87" fmla="*/ 308 h 697"/>
                  <a:gd name="T88" fmla="*/ 79 w 395"/>
                  <a:gd name="T89" fmla="*/ 301 h 697"/>
                  <a:gd name="T90" fmla="*/ 95 w 395"/>
                  <a:gd name="T91" fmla="*/ 314 h 697"/>
                  <a:gd name="T92" fmla="*/ 87 w 395"/>
                  <a:gd name="T93" fmla="*/ 340 h 697"/>
                  <a:gd name="T94" fmla="*/ 84 w 395"/>
                  <a:gd name="T95" fmla="*/ 356 h 697"/>
                  <a:gd name="T96" fmla="*/ 108 w 395"/>
                  <a:gd name="T97" fmla="*/ 378 h 697"/>
                  <a:gd name="T98" fmla="*/ 113 w 395"/>
                  <a:gd name="T99" fmla="*/ 380 h 697"/>
                  <a:gd name="T100" fmla="*/ 149 w 395"/>
                  <a:gd name="T101" fmla="*/ 422 h 697"/>
                  <a:gd name="T102" fmla="*/ 159 w 395"/>
                  <a:gd name="T103" fmla="*/ 455 h 697"/>
                  <a:gd name="T104" fmla="*/ 162 w 395"/>
                  <a:gd name="T105" fmla="*/ 448 h 697"/>
                  <a:gd name="T106" fmla="*/ 170 w 395"/>
                  <a:gd name="T107" fmla="*/ 444 h 697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395"/>
                  <a:gd name="T163" fmla="*/ 0 h 697"/>
                  <a:gd name="T164" fmla="*/ 395 w 395"/>
                  <a:gd name="T165" fmla="*/ 697 h 697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395" h="697">
                    <a:moveTo>
                      <a:pt x="258" y="678"/>
                    </a:moveTo>
                    <a:lnTo>
                      <a:pt x="264" y="672"/>
                    </a:lnTo>
                    <a:lnTo>
                      <a:pt x="269" y="668"/>
                    </a:lnTo>
                    <a:lnTo>
                      <a:pt x="274" y="668"/>
                    </a:lnTo>
                    <a:lnTo>
                      <a:pt x="280" y="668"/>
                    </a:lnTo>
                    <a:lnTo>
                      <a:pt x="285" y="672"/>
                    </a:lnTo>
                    <a:lnTo>
                      <a:pt x="288" y="673"/>
                    </a:lnTo>
                    <a:lnTo>
                      <a:pt x="291" y="677"/>
                    </a:lnTo>
                    <a:lnTo>
                      <a:pt x="295" y="678"/>
                    </a:lnTo>
                    <a:lnTo>
                      <a:pt x="308" y="683"/>
                    </a:lnTo>
                    <a:lnTo>
                      <a:pt x="318" y="685"/>
                    </a:lnTo>
                    <a:lnTo>
                      <a:pt x="324" y="683"/>
                    </a:lnTo>
                    <a:lnTo>
                      <a:pt x="325" y="680"/>
                    </a:lnTo>
                    <a:lnTo>
                      <a:pt x="324" y="677"/>
                    </a:lnTo>
                    <a:lnTo>
                      <a:pt x="324" y="673"/>
                    </a:lnTo>
                    <a:lnTo>
                      <a:pt x="320" y="670"/>
                    </a:lnTo>
                    <a:lnTo>
                      <a:pt x="320" y="668"/>
                    </a:lnTo>
                    <a:lnTo>
                      <a:pt x="315" y="660"/>
                    </a:lnTo>
                    <a:lnTo>
                      <a:pt x="315" y="651"/>
                    </a:lnTo>
                    <a:lnTo>
                      <a:pt x="317" y="646"/>
                    </a:lnTo>
                    <a:lnTo>
                      <a:pt x="322" y="641"/>
                    </a:lnTo>
                    <a:lnTo>
                      <a:pt x="327" y="639"/>
                    </a:lnTo>
                    <a:lnTo>
                      <a:pt x="332" y="636"/>
                    </a:lnTo>
                    <a:lnTo>
                      <a:pt x="337" y="636"/>
                    </a:lnTo>
                    <a:lnTo>
                      <a:pt x="339" y="636"/>
                    </a:lnTo>
                    <a:lnTo>
                      <a:pt x="347" y="634"/>
                    </a:lnTo>
                    <a:lnTo>
                      <a:pt x="354" y="633"/>
                    </a:lnTo>
                    <a:lnTo>
                      <a:pt x="356" y="631"/>
                    </a:lnTo>
                    <a:lnTo>
                      <a:pt x="356" y="628"/>
                    </a:lnTo>
                    <a:lnTo>
                      <a:pt x="354" y="624"/>
                    </a:lnTo>
                    <a:lnTo>
                      <a:pt x="354" y="622"/>
                    </a:lnTo>
                    <a:lnTo>
                      <a:pt x="352" y="621"/>
                    </a:lnTo>
                    <a:lnTo>
                      <a:pt x="351" y="619"/>
                    </a:lnTo>
                    <a:lnTo>
                      <a:pt x="347" y="614"/>
                    </a:lnTo>
                    <a:lnTo>
                      <a:pt x="349" y="606"/>
                    </a:lnTo>
                    <a:lnTo>
                      <a:pt x="349" y="604"/>
                    </a:lnTo>
                    <a:lnTo>
                      <a:pt x="351" y="602"/>
                    </a:lnTo>
                    <a:lnTo>
                      <a:pt x="352" y="600"/>
                    </a:lnTo>
                    <a:lnTo>
                      <a:pt x="354" y="597"/>
                    </a:lnTo>
                    <a:lnTo>
                      <a:pt x="354" y="595"/>
                    </a:lnTo>
                    <a:lnTo>
                      <a:pt x="356" y="594"/>
                    </a:lnTo>
                    <a:lnTo>
                      <a:pt x="356" y="592"/>
                    </a:lnTo>
                    <a:lnTo>
                      <a:pt x="356" y="590"/>
                    </a:lnTo>
                    <a:lnTo>
                      <a:pt x="352" y="585"/>
                    </a:lnTo>
                    <a:lnTo>
                      <a:pt x="351" y="580"/>
                    </a:lnTo>
                    <a:lnTo>
                      <a:pt x="351" y="575"/>
                    </a:lnTo>
                    <a:lnTo>
                      <a:pt x="351" y="572"/>
                    </a:lnTo>
                    <a:lnTo>
                      <a:pt x="354" y="568"/>
                    </a:lnTo>
                    <a:lnTo>
                      <a:pt x="356" y="567"/>
                    </a:lnTo>
                    <a:lnTo>
                      <a:pt x="356" y="565"/>
                    </a:lnTo>
                    <a:lnTo>
                      <a:pt x="357" y="565"/>
                    </a:lnTo>
                    <a:lnTo>
                      <a:pt x="359" y="555"/>
                    </a:lnTo>
                    <a:lnTo>
                      <a:pt x="359" y="553"/>
                    </a:lnTo>
                    <a:lnTo>
                      <a:pt x="359" y="551"/>
                    </a:lnTo>
                    <a:lnTo>
                      <a:pt x="359" y="548"/>
                    </a:lnTo>
                    <a:lnTo>
                      <a:pt x="361" y="543"/>
                    </a:lnTo>
                    <a:lnTo>
                      <a:pt x="361" y="540"/>
                    </a:lnTo>
                    <a:lnTo>
                      <a:pt x="362" y="536"/>
                    </a:lnTo>
                    <a:lnTo>
                      <a:pt x="362" y="533"/>
                    </a:lnTo>
                    <a:lnTo>
                      <a:pt x="362" y="531"/>
                    </a:lnTo>
                    <a:lnTo>
                      <a:pt x="369" y="526"/>
                    </a:lnTo>
                    <a:lnTo>
                      <a:pt x="374" y="518"/>
                    </a:lnTo>
                    <a:lnTo>
                      <a:pt x="378" y="509"/>
                    </a:lnTo>
                    <a:lnTo>
                      <a:pt x="381" y="502"/>
                    </a:lnTo>
                    <a:lnTo>
                      <a:pt x="384" y="494"/>
                    </a:lnTo>
                    <a:lnTo>
                      <a:pt x="386" y="489"/>
                    </a:lnTo>
                    <a:lnTo>
                      <a:pt x="388" y="484"/>
                    </a:lnTo>
                    <a:lnTo>
                      <a:pt x="388" y="482"/>
                    </a:lnTo>
                    <a:lnTo>
                      <a:pt x="390" y="479"/>
                    </a:lnTo>
                    <a:lnTo>
                      <a:pt x="391" y="475"/>
                    </a:lnTo>
                    <a:lnTo>
                      <a:pt x="393" y="474"/>
                    </a:lnTo>
                    <a:lnTo>
                      <a:pt x="395" y="463"/>
                    </a:lnTo>
                    <a:lnTo>
                      <a:pt x="395" y="455"/>
                    </a:lnTo>
                    <a:lnTo>
                      <a:pt x="393" y="446"/>
                    </a:lnTo>
                    <a:lnTo>
                      <a:pt x="390" y="440"/>
                    </a:lnTo>
                    <a:lnTo>
                      <a:pt x="388" y="433"/>
                    </a:lnTo>
                    <a:lnTo>
                      <a:pt x="384" y="428"/>
                    </a:lnTo>
                    <a:lnTo>
                      <a:pt x="383" y="424"/>
                    </a:lnTo>
                    <a:lnTo>
                      <a:pt x="381" y="423"/>
                    </a:lnTo>
                    <a:lnTo>
                      <a:pt x="381" y="419"/>
                    </a:lnTo>
                    <a:lnTo>
                      <a:pt x="381" y="396"/>
                    </a:lnTo>
                    <a:lnTo>
                      <a:pt x="384" y="391"/>
                    </a:lnTo>
                    <a:lnTo>
                      <a:pt x="384" y="389"/>
                    </a:lnTo>
                    <a:lnTo>
                      <a:pt x="384" y="387"/>
                    </a:lnTo>
                    <a:lnTo>
                      <a:pt x="384" y="382"/>
                    </a:lnTo>
                    <a:lnTo>
                      <a:pt x="383" y="377"/>
                    </a:lnTo>
                    <a:lnTo>
                      <a:pt x="383" y="370"/>
                    </a:lnTo>
                    <a:lnTo>
                      <a:pt x="383" y="362"/>
                    </a:lnTo>
                    <a:lnTo>
                      <a:pt x="381" y="353"/>
                    </a:lnTo>
                    <a:lnTo>
                      <a:pt x="381" y="343"/>
                    </a:lnTo>
                    <a:lnTo>
                      <a:pt x="379" y="333"/>
                    </a:lnTo>
                    <a:lnTo>
                      <a:pt x="379" y="321"/>
                    </a:lnTo>
                    <a:lnTo>
                      <a:pt x="378" y="309"/>
                    </a:lnTo>
                    <a:lnTo>
                      <a:pt x="376" y="296"/>
                    </a:lnTo>
                    <a:lnTo>
                      <a:pt x="376" y="284"/>
                    </a:lnTo>
                    <a:lnTo>
                      <a:pt x="374" y="270"/>
                    </a:lnTo>
                    <a:lnTo>
                      <a:pt x="373" y="257"/>
                    </a:lnTo>
                    <a:lnTo>
                      <a:pt x="373" y="243"/>
                    </a:lnTo>
                    <a:lnTo>
                      <a:pt x="371" y="228"/>
                    </a:lnTo>
                    <a:lnTo>
                      <a:pt x="369" y="215"/>
                    </a:lnTo>
                    <a:lnTo>
                      <a:pt x="369" y="201"/>
                    </a:lnTo>
                    <a:lnTo>
                      <a:pt x="368" y="189"/>
                    </a:lnTo>
                    <a:lnTo>
                      <a:pt x="366" y="176"/>
                    </a:lnTo>
                    <a:lnTo>
                      <a:pt x="366" y="164"/>
                    </a:lnTo>
                    <a:lnTo>
                      <a:pt x="364" y="152"/>
                    </a:lnTo>
                    <a:lnTo>
                      <a:pt x="364" y="142"/>
                    </a:lnTo>
                    <a:lnTo>
                      <a:pt x="362" y="132"/>
                    </a:lnTo>
                    <a:lnTo>
                      <a:pt x="362" y="122"/>
                    </a:lnTo>
                    <a:lnTo>
                      <a:pt x="361" y="115"/>
                    </a:lnTo>
                    <a:lnTo>
                      <a:pt x="361" y="108"/>
                    </a:lnTo>
                    <a:lnTo>
                      <a:pt x="361" y="103"/>
                    </a:lnTo>
                    <a:lnTo>
                      <a:pt x="359" y="98"/>
                    </a:lnTo>
                    <a:lnTo>
                      <a:pt x="359" y="96"/>
                    </a:lnTo>
                    <a:lnTo>
                      <a:pt x="359" y="94"/>
                    </a:lnTo>
                    <a:lnTo>
                      <a:pt x="354" y="89"/>
                    </a:lnTo>
                    <a:lnTo>
                      <a:pt x="351" y="84"/>
                    </a:lnTo>
                    <a:lnTo>
                      <a:pt x="349" y="79"/>
                    </a:lnTo>
                    <a:lnTo>
                      <a:pt x="347" y="74"/>
                    </a:lnTo>
                    <a:lnTo>
                      <a:pt x="346" y="69"/>
                    </a:lnTo>
                    <a:lnTo>
                      <a:pt x="346" y="66"/>
                    </a:lnTo>
                    <a:lnTo>
                      <a:pt x="346" y="64"/>
                    </a:lnTo>
                    <a:lnTo>
                      <a:pt x="346" y="62"/>
                    </a:lnTo>
                    <a:lnTo>
                      <a:pt x="344" y="61"/>
                    </a:lnTo>
                    <a:lnTo>
                      <a:pt x="344" y="57"/>
                    </a:lnTo>
                    <a:lnTo>
                      <a:pt x="342" y="54"/>
                    </a:lnTo>
                    <a:lnTo>
                      <a:pt x="342" y="52"/>
                    </a:lnTo>
                    <a:lnTo>
                      <a:pt x="334" y="47"/>
                    </a:lnTo>
                    <a:lnTo>
                      <a:pt x="329" y="42"/>
                    </a:lnTo>
                    <a:lnTo>
                      <a:pt x="325" y="37"/>
                    </a:lnTo>
                    <a:lnTo>
                      <a:pt x="325" y="30"/>
                    </a:lnTo>
                    <a:lnTo>
                      <a:pt x="325" y="25"/>
                    </a:lnTo>
                    <a:lnTo>
                      <a:pt x="325" y="22"/>
                    </a:lnTo>
                    <a:lnTo>
                      <a:pt x="325" y="18"/>
                    </a:lnTo>
                    <a:lnTo>
                      <a:pt x="325" y="0"/>
                    </a:lnTo>
                    <a:lnTo>
                      <a:pt x="325" y="1"/>
                    </a:lnTo>
                    <a:lnTo>
                      <a:pt x="66" y="20"/>
                    </a:lnTo>
                    <a:lnTo>
                      <a:pt x="66" y="22"/>
                    </a:lnTo>
                    <a:lnTo>
                      <a:pt x="66" y="23"/>
                    </a:lnTo>
                    <a:lnTo>
                      <a:pt x="68" y="25"/>
                    </a:lnTo>
                    <a:lnTo>
                      <a:pt x="71" y="27"/>
                    </a:lnTo>
                    <a:lnTo>
                      <a:pt x="73" y="28"/>
                    </a:lnTo>
                    <a:lnTo>
                      <a:pt x="78" y="30"/>
                    </a:lnTo>
                    <a:lnTo>
                      <a:pt x="82" y="34"/>
                    </a:lnTo>
                    <a:lnTo>
                      <a:pt x="87" y="37"/>
                    </a:lnTo>
                    <a:lnTo>
                      <a:pt x="90" y="40"/>
                    </a:lnTo>
                    <a:lnTo>
                      <a:pt x="90" y="44"/>
                    </a:lnTo>
                    <a:lnTo>
                      <a:pt x="90" y="45"/>
                    </a:lnTo>
                    <a:lnTo>
                      <a:pt x="90" y="47"/>
                    </a:lnTo>
                    <a:lnTo>
                      <a:pt x="88" y="49"/>
                    </a:lnTo>
                    <a:lnTo>
                      <a:pt x="88" y="50"/>
                    </a:lnTo>
                    <a:lnTo>
                      <a:pt x="98" y="57"/>
                    </a:lnTo>
                    <a:lnTo>
                      <a:pt x="100" y="57"/>
                    </a:lnTo>
                    <a:lnTo>
                      <a:pt x="102" y="59"/>
                    </a:lnTo>
                    <a:lnTo>
                      <a:pt x="105" y="61"/>
                    </a:lnTo>
                    <a:lnTo>
                      <a:pt x="110" y="64"/>
                    </a:lnTo>
                    <a:lnTo>
                      <a:pt x="112" y="69"/>
                    </a:lnTo>
                    <a:lnTo>
                      <a:pt x="114" y="76"/>
                    </a:lnTo>
                    <a:lnTo>
                      <a:pt x="114" y="84"/>
                    </a:lnTo>
                    <a:lnTo>
                      <a:pt x="112" y="96"/>
                    </a:lnTo>
                    <a:lnTo>
                      <a:pt x="109" y="105"/>
                    </a:lnTo>
                    <a:lnTo>
                      <a:pt x="105" y="108"/>
                    </a:lnTo>
                    <a:lnTo>
                      <a:pt x="102" y="110"/>
                    </a:lnTo>
                    <a:lnTo>
                      <a:pt x="100" y="108"/>
                    </a:lnTo>
                    <a:lnTo>
                      <a:pt x="98" y="110"/>
                    </a:lnTo>
                    <a:lnTo>
                      <a:pt x="98" y="111"/>
                    </a:lnTo>
                    <a:lnTo>
                      <a:pt x="97" y="120"/>
                    </a:lnTo>
                    <a:lnTo>
                      <a:pt x="97" y="133"/>
                    </a:lnTo>
                    <a:lnTo>
                      <a:pt x="97" y="135"/>
                    </a:lnTo>
                    <a:lnTo>
                      <a:pt x="95" y="137"/>
                    </a:lnTo>
                    <a:lnTo>
                      <a:pt x="93" y="138"/>
                    </a:lnTo>
                    <a:lnTo>
                      <a:pt x="90" y="140"/>
                    </a:lnTo>
                    <a:lnTo>
                      <a:pt x="87" y="142"/>
                    </a:lnTo>
                    <a:lnTo>
                      <a:pt x="80" y="142"/>
                    </a:lnTo>
                    <a:lnTo>
                      <a:pt x="78" y="142"/>
                    </a:lnTo>
                    <a:lnTo>
                      <a:pt x="78" y="144"/>
                    </a:lnTo>
                    <a:lnTo>
                      <a:pt x="78" y="145"/>
                    </a:lnTo>
                    <a:lnTo>
                      <a:pt x="76" y="147"/>
                    </a:lnTo>
                    <a:lnTo>
                      <a:pt x="75" y="149"/>
                    </a:lnTo>
                    <a:lnTo>
                      <a:pt x="70" y="150"/>
                    </a:lnTo>
                    <a:lnTo>
                      <a:pt x="63" y="152"/>
                    </a:lnTo>
                    <a:lnTo>
                      <a:pt x="56" y="152"/>
                    </a:lnTo>
                    <a:lnTo>
                      <a:pt x="49" y="154"/>
                    </a:lnTo>
                    <a:lnTo>
                      <a:pt x="43" y="157"/>
                    </a:lnTo>
                    <a:lnTo>
                      <a:pt x="38" y="160"/>
                    </a:lnTo>
                    <a:lnTo>
                      <a:pt x="34" y="164"/>
                    </a:lnTo>
                    <a:lnTo>
                      <a:pt x="34" y="171"/>
                    </a:lnTo>
                    <a:lnTo>
                      <a:pt x="34" y="177"/>
                    </a:lnTo>
                    <a:lnTo>
                      <a:pt x="38" y="186"/>
                    </a:lnTo>
                    <a:lnTo>
                      <a:pt x="41" y="194"/>
                    </a:lnTo>
                    <a:lnTo>
                      <a:pt x="46" y="199"/>
                    </a:lnTo>
                    <a:lnTo>
                      <a:pt x="48" y="204"/>
                    </a:lnTo>
                    <a:lnTo>
                      <a:pt x="49" y="208"/>
                    </a:lnTo>
                    <a:lnTo>
                      <a:pt x="51" y="213"/>
                    </a:lnTo>
                    <a:lnTo>
                      <a:pt x="49" y="216"/>
                    </a:lnTo>
                    <a:lnTo>
                      <a:pt x="46" y="220"/>
                    </a:lnTo>
                    <a:lnTo>
                      <a:pt x="41" y="226"/>
                    </a:lnTo>
                    <a:lnTo>
                      <a:pt x="41" y="230"/>
                    </a:lnTo>
                    <a:lnTo>
                      <a:pt x="39" y="232"/>
                    </a:lnTo>
                    <a:lnTo>
                      <a:pt x="38" y="235"/>
                    </a:lnTo>
                    <a:lnTo>
                      <a:pt x="38" y="237"/>
                    </a:lnTo>
                    <a:lnTo>
                      <a:pt x="36" y="238"/>
                    </a:lnTo>
                    <a:lnTo>
                      <a:pt x="36" y="240"/>
                    </a:lnTo>
                    <a:lnTo>
                      <a:pt x="36" y="242"/>
                    </a:lnTo>
                    <a:lnTo>
                      <a:pt x="34" y="243"/>
                    </a:lnTo>
                    <a:lnTo>
                      <a:pt x="34" y="247"/>
                    </a:lnTo>
                    <a:lnTo>
                      <a:pt x="34" y="248"/>
                    </a:lnTo>
                    <a:lnTo>
                      <a:pt x="32" y="252"/>
                    </a:lnTo>
                    <a:lnTo>
                      <a:pt x="29" y="254"/>
                    </a:lnTo>
                    <a:lnTo>
                      <a:pt x="24" y="255"/>
                    </a:lnTo>
                    <a:lnTo>
                      <a:pt x="19" y="257"/>
                    </a:lnTo>
                    <a:lnTo>
                      <a:pt x="14" y="259"/>
                    </a:lnTo>
                    <a:lnTo>
                      <a:pt x="10" y="260"/>
                    </a:lnTo>
                    <a:lnTo>
                      <a:pt x="9" y="264"/>
                    </a:lnTo>
                    <a:lnTo>
                      <a:pt x="9" y="267"/>
                    </a:lnTo>
                    <a:lnTo>
                      <a:pt x="9" y="270"/>
                    </a:lnTo>
                    <a:lnTo>
                      <a:pt x="10" y="272"/>
                    </a:lnTo>
                    <a:lnTo>
                      <a:pt x="12" y="276"/>
                    </a:lnTo>
                    <a:lnTo>
                      <a:pt x="14" y="277"/>
                    </a:lnTo>
                    <a:lnTo>
                      <a:pt x="14" y="279"/>
                    </a:lnTo>
                    <a:lnTo>
                      <a:pt x="14" y="282"/>
                    </a:lnTo>
                    <a:lnTo>
                      <a:pt x="12" y="284"/>
                    </a:lnTo>
                    <a:lnTo>
                      <a:pt x="10" y="287"/>
                    </a:lnTo>
                    <a:lnTo>
                      <a:pt x="9" y="289"/>
                    </a:lnTo>
                    <a:lnTo>
                      <a:pt x="7" y="291"/>
                    </a:lnTo>
                    <a:lnTo>
                      <a:pt x="5" y="292"/>
                    </a:lnTo>
                    <a:lnTo>
                      <a:pt x="4" y="294"/>
                    </a:lnTo>
                    <a:lnTo>
                      <a:pt x="4" y="296"/>
                    </a:lnTo>
                    <a:lnTo>
                      <a:pt x="4" y="299"/>
                    </a:lnTo>
                    <a:lnTo>
                      <a:pt x="2" y="304"/>
                    </a:lnTo>
                    <a:lnTo>
                      <a:pt x="2" y="309"/>
                    </a:lnTo>
                    <a:lnTo>
                      <a:pt x="0" y="316"/>
                    </a:lnTo>
                    <a:lnTo>
                      <a:pt x="2" y="325"/>
                    </a:lnTo>
                    <a:lnTo>
                      <a:pt x="2" y="333"/>
                    </a:lnTo>
                    <a:lnTo>
                      <a:pt x="4" y="342"/>
                    </a:lnTo>
                    <a:lnTo>
                      <a:pt x="7" y="352"/>
                    </a:lnTo>
                    <a:lnTo>
                      <a:pt x="12" y="360"/>
                    </a:lnTo>
                    <a:lnTo>
                      <a:pt x="17" y="370"/>
                    </a:lnTo>
                    <a:lnTo>
                      <a:pt x="26" y="380"/>
                    </a:lnTo>
                    <a:lnTo>
                      <a:pt x="34" y="391"/>
                    </a:lnTo>
                    <a:lnTo>
                      <a:pt x="46" y="401"/>
                    </a:lnTo>
                    <a:lnTo>
                      <a:pt x="60" y="411"/>
                    </a:lnTo>
                    <a:lnTo>
                      <a:pt x="63" y="413"/>
                    </a:lnTo>
                    <a:lnTo>
                      <a:pt x="68" y="414"/>
                    </a:lnTo>
                    <a:lnTo>
                      <a:pt x="71" y="416"/>
                    </a:lnTo>
                    <a:lnTo>
                      <a:pt x="75" y="419"/>
                    </a:lnTo>
                    <a:lnTo>
                      <a:pt x="78" y="423"/>
                    </a:lnTo>
                    <a:lnTo>
                      <a:pt x="82" y="430"/>
                    </a:lnTo>
                    <a:lnTo>
                      <a:pt x="83" y="440"/>
                    </a:lnTo>
                    <a:lnTo>
                      <a:pt x="85" y="453"/>
                    </a:lnTo>
                    <a:lnTo>
                      <a:pt x="85" y="462"/>
                    </a:lnTo>
                    <a:lnTo>
                      <a:pt x="88" y="468"/>
                    </a:lnTo>
                    <a:lnTo>
                      <a:pt x="90" y="472"/>
                    </a:lnTo>
                    <a:lnTo>
                      <a:pt x="93" y="474"/>
                    </a:lnTo>
                    <a:lnTo>
                      <a:pt x="97" y="474"/>
                    </a:lnTo>
                    <a:lnTo>
                      <a:pt x="102" y="470"/>
                    </a:lnTo>
                    <a:lnTo>
                      <a:pt x="105" y="467"/>
                    </a:lnTo>
                    <a:lnTo>
                      <a:pt x="109" y="463"/>
                    </a:lnTo>
                    <a:lnTo>
                      <a:pt x="112" y="462"/>
                    </a:lnTo>
                    <a:lnTo>
                      <a:pt x="117" y="462"/>
                    </a:lnTo>
                    <a:lnTo>
                      <a:pt x="122" y="463"/>
                    </a:lnTo>
                    <a:lnTo>
                      <a:pt x="129" y="467"/>
                    </a:lnTo>
                    <a:lnTo>
                      <a:pt x="134" y="470"/>
                    </a:lnTo>
                    <a:lnTo>
                      <a:pt x="137" y="475"/>
                    </a:lnTo>
                    <a:lnTo>
                      <a:pt x="141" y="479"/>
                    </a:lnTo>
                    <a:lnTo>
                      <a:pt x="141" y="482"/>
                    </a:lnTo>
                    <a:lnTo>
                      <a:pt x="141" y="485"/>
                    </a:lnTo>
                    <a:lnTo>
                      <a:pt x="137" y="492"/>
                    </a:lnTo>
                    <a:lnTo>
                      <a:pt x="136" y="499"/>
                    </a:lnTo>
                    <a:lnTo>
                      <a:pt x="134" y="507"/>
                    </a:lnTo>
                    <a:lnTo>
                      <a:pt x="132" y="516"/>
                    </a:lnTo>
                    <a:lnTo>
                      <a:pt x="131" y="523"/>
                    </a:lnTo>
                    <a:lnTo>
                      <a:pt x="129" y="526"/>
                    </a:lnTo>
                    <a:lnTo>
                      <a:pt x="129" y="528"/>
                    </a:lnTo>
                    <a:lnTo>
                      <a:pt x="127" y="529"/>
                    </a:lnTo>
                    <a:lnTo>
                      <a:pt x="126" y="533"/>
                    </a:lnTo>
                    <a:lnTo>
                      <a:pt x="124" y="540"/>
                    </a:lnTo>
                    <a:lnTo>
                      <a:pt x="124" y="546"/>
                    </a:lnTo>
                    <a:lnTo>
                      <a:pt x="126" y="553"/>
                    </a:lnTo>
                    <a:lnTo>
                      <a:pt x="129" y="562"/>
                    </a:lnTo>
                    <a:lnTo>
                      <a:pt x="139" y="570"/>
                    </a:lnTo>
                    <a:lnTo>
                      <a:pt x="153" y="577"/>
                    </a:lnTo>
                    <a:lnTo>
                      <a:pt x="156" y="578"/>
                    </a:lnTo>
                    <a:lnTo>
                      <a:pt x="159" y="580"/>
                    </a:lnTo>
                    <a:lnTo>
                      <a:pt x="163" y="582"/>
                    </a:lnTo>
                    <a:lnTo>
                      <a:pt x="164" y="584"/>
                    </a:lnTo>
                    <a:lnTo>
                      <a:pt x="166" y="585"/>
                    </a:lnTo>
                    <a:lnTo>
                      <a:pt x="166" y="594"/>
                    </a:lnTo>
                    <a:lnTo>
                      <a:pt x="183" y="594"/>
                    </a:lnTo>
                    <a:lnTo>
                      <a:pt x="198" y="609"/>
                    </a:lnTo>
                    <a:lnTo>
                      <a:pt x="214" y="614"/>
                    </a:lnTo>
                    <a:lnTo>
                      <a:pt x="215" y="636"/>
                    </a:lnTo>
                    <a:lnTo>
                      <a:pt x="222" y="648"/>
                    </a:lnTo>
                    <a:lnTo>
                      <a:pt x="217" y="665"/>
                    </a:lnTo>
                    <a:lnTo>
                      <a:pt x="217" y="673"/>
                    </a:lnTo>
                    <a:lnTo>
                      <a:pt x="227" y="683"/>
                    </a:lnTo>
                    <a:lnTo>
                      <a:pt x="230" y="692"/>
                    </a:lnTo>
                    <a:lnTo>
                      <a:pt x="237" y="697"/>
                    </a:lnTo>
                    <a:lnTo>
                      <a:pt x="237" y="694"/>
                    </a:lnTo>
                    <a:lnTo>
                      <a:pt x="237" y="690"/>
                    </a:lnTo>
                    <a:lnTo>
                      <a:pt x="237" y="687"/>
                    </a:lnTo>
                    <a:lnTo>
                      <a:pt x="237" y="685"/>
                    </a:lnTo>
                    <a:lnTo>
                      <a:pt x="239" y="685"/>
                    </a:lnTo>
                    <a:lnTo>
                      <a:pt x="242" y="687"/>
                    </a:lnTo>
                    <a:lnTo>
                      <a:pt x="244" y="692"/>
                    </a:lnTo>
                    <a:lnTo>
                      <a:pt x="246" y="692"/>
                    </a:lnTo>
                    <a:lnTo>
                      <a:pt x="246" y="690"/>
                    </a:lnTo>
                    <a:lnTo>
                      <a:pt x="247" y="688"/>
                    </a:lnTo>
                    <a:lnTo>
                      <a:pt x="251" y="685"/>
                    </a:lnTo>
                    <a:lnTo>
                      <a:pt x="252" y="683"/>
                    </a:lnTo>
                    <a:lnTo>
                      <a:pt x="256" y="682"/>
                    </a:lnTo>
                    <a:lnTo>
                      <a:pt x="258" y="680"/>
                    </a:lnTo>
                    <a:lnTo>
                      <a:pt x="258" y="678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84" name="Freeform 46"/>
              <p:cNvSpPr>
                <a:spLocks/>
              </p:cNvSpPr>
              <p:nvPr/>
            </p:nvSpPr>
            <p:spPr bwMode="auto">
              <a:xfrm>
                <a:off x="2691" y="2198"/>
                <a:ext cx="644" cy="564"/>
              </a:xfrm>
              <a:custGeom>
                <a:avLst/>
                <a:gdLst>
                  <a:gd name="T0" fmla="*/ 79 w 662"/>
                  <a:gd name="T1" fmla="*/ 448 h 570"/>
                  <a:gd name="T2" fmla="*/ 79 w 662"/>
                  <a:gd name="T3" fmla="*/ 427 h 570"/>
                  <a:gd name="T4" fmla="*/ 79 w 662"/>
                  <a:gd name="T5" fmla="*/ 409 h 570"/>
                  <a:gd name="T6" fmla="*/ 79 w 662"/>
                  <a:gd name="T7" fmla="*/ 399 h 570"/>
                  <a:gd name="T8" fmla="*/ 57 w 662"/>
                  <a:gd name="T9" fmla="*/ 146 h 570"/>
                  <a:gd name="T10" fmla="*/ 46 w 662"/>
                  <a:gd name="T11" fmla="*/ 123 h 570"/>
                  <a:gd name="T12" fmla="*/ 55 w 662"/>
                  <a:gd name="T13" fmla="*/ 91 h 570"/>
                  <a:gd name="T14" fmla="*/ 50 w 662"/>
                  <a:gd name="T15" fmla="*/ 86 h 570"/>
                  <a:gd name="T16" fmla="*/ 23 w 662"/>
                  <a:gd name="T17" fmla="*/ 69 h 570"/>
                  <a:gd name="T18" fmla="*/ 10 w 662"/>
                  <a:gd name="T19" fmla="*/ 32 h 570"/>
                  <a:gd name="T20" fmla="*/ 5 w 662"/>
                  <a:gd name="T21" fmla="*/ 22 h 570"/>
                  <a:gd name="T22" fmla="*/ 0 w 662"/>
                  <a:gd name="T23" fmla="*/ 10 h 570"/>
                  <a:gd name="T24" fmla="*/ 263 w 662"/>
                  <a:gd name="T25" fmla="*/ 10 h 570"/>
                  <a:gd name="T26" fmla="*/ 273 w 662"/>
                  <a:gd name="T27" fmla="*/ 28 h 570"/>
                  <a:gd name="T28" fmla="*/ 273 w 662"/>
                  <a:gd name="T29" fmla="*/ 32 h 570"/>
                  <a:gd name="T30" fmla="*/ 271 w 662"/>
                  <a:gd name="T31" fmla="*/ 47 h 570"/>
                  <a:gd name="T32" fmla="*/ 276 w 662"/>
                  <a:gd name="T33" fmla="*/ 74 h 570"/>
                  <a:gd name="T34" fmla="*/ 295 w 662"/>
                  <a:gd name="T35" fmla="*/ 113 h 570"/>
                  <a:gd name="T36" fmla="*/ 318 w 662"/>
                  <a:gd name="T37" fmla="*/ 132 h 570"/>
                  <a:gd name="T38" fmla="*/ 328 w 662"/>
                  <a:gd name="T39" fmla="*/ 140 h 570"/>
                  <a:gd name="T40" fmla="*/ 331 w 662"/>
                  <a:gd name="T41" fmla="*/ 176 h 570"/>
                  <a:gd name="T42" fmla="*/ 340 w 662"/>
                  <a:gd name="T43" fmla="*/ 178 h 570"/>
                  <a:gd name="T44" fmla="*/ 350 w 662"/>
                  <a:gd name="T45" fmla="*/ 170 h 570"/>
                  <a:gd name="T46" fmla="*/ 365 w 662"/>
                  <a:gd name="T47" fmla="*/ 183 h 570"/>
                  <a:gd name="T48" fmla="*/ 365 w 662"/>
                  <a:gd name="T49" fmla="*/ 200 h 570"/>
                  <a:gd name="T50" fmla="*/ 360 w 662"/>
                  <a:gd name="T51" fmla="*/ 223 h 570"/>
                  <a:gd name="T52" fmla="*/ 357 w 662"/>
                  <a:gd name="T53" fmla="*/ 230 h 570"/>
                  <a:gd name="T54" fmla="*/ 358 w 662"/>
                  <a:gd name="T55" fmla="*/ 256 h 570"/>
                  <a:gd name="T56" fmla="*/ 378 w 662"/>
                  <a:gd name="T57" fmla="*/ 274 h 570"/>
                  <a:gd name="T58" fmla="*/ 384 w 662"/>
                  <a:gd name="T59" fmla="*/ 279 h 570"/>
                  <a:gd name="T60" fmla="*/ 396 w 662"/>
                  <a:gd name="T61" fmla="*/ 288 h 570"/>
                  <a:gd name="T62" fmla="*/ 422 w 662"/>
                  <a:gd name="T63" fmla="*/ 329 h 570"/>
                  <a:gd name="T64" fmla="*/ 428 w 662"/>
                  <a:gd name="T65" fmla="*/ 371 h 570"/>
                  <a:gd name="T66" fmla="*/ 433 w 662"/>
                  <a:gd name="T67" fmla="*/ 370 h 570"/>
                  <a:gd name="T68" fmla="*/ 435 w 662"/>
                  <a:gd name="T69" fmla="*/ 367 h 570"/>
                  <a:gd name="T70" fmla="*/ 443 w 662"/>
                  <a:gd name="T71" fmla="*/ 377 h 570"/>
                  <a:gd name="T72" fmla="*/ 447 w 662"/>
                  <a:gd name="T73" fmla="*/ 419 h 570"/>
                  <a:gd name="T74" fmla="*/ 419 w 662"/>
                  <a:gd name="T75" fmla="*/ 459 h 570"/>
                  <a:gd name="T76" fmla="*/ 411 w 662"/>
                  <a:gd name="T77" fmla="*/ 461 h 570"/>
                  <a:gd name="T78" fmla="*/ 421 w 662"/>
                  <a:gd name="T79" fmla="*/ 471 h 570"/>
                  <a:gd name="T80" fmla="*/ 421 w 662"/>
                  <a:gd name="T81" fmla="*/ 475 h 570"/>
                  <a:gd name="T82" fmla="*/ 411 w 662"/>
                  <a:gd name="T83" fmla="*/ 489 h 570"/>
                  <a:gd name="T84" fmla="*/ 370 w 662"/>
                  <a:gd name="T85" fmla="*/ 485 h 570"/>
                  <a:gd name="T86" fmla="*/ 378 w 662"/>
                  <a:gd name="T87" fmla="*/ 465 h 570"/>
                  <a:gd name="T88" fmla="*/ 386 w 662"/>
                  <a:gd name="T89" fmla="*/ 448 h 570"/>
                  <a:gd name="T90" fmla="*/ 376 w 662"/>
                  <a:gd name="T91" fmla="*/ 434 h 570"/>
                  <a:gd name="T92" fmla="*/ 365 w 662"/>
                  <a:gd name="T93" fmla="*/ 436 h 570"/>
                  <a:gd name="T94" fmla="*/ 337 w 662"/>
                  <a:gd name="T95" fmla="*/ 437 h 570"/>
                  <a:gd name="T96" fmla="*/ 294 w 662"/>
                  <a:gd name="T97" fmla="*/ 441 h 570"/>
                  <a:gd name="T98" fmla="*/ 241 w 662"/>
                  <a:gd name="T99" fmla="*/ 444 h 570"/>
                  <a:gd name="T100" fmla="*/ 188 w 662"/>
                  <a:gd name="T101" fmla="*/ 448 h 570"/>
                  <a:gd name="T102" fmla="*/ 140 w 662"/>
                  <a:gd name="T103" fmla="*/ 451 h 570"/>
                  <a:gd name="T104" fmla="*/ 101 w 662"/>
                  <a:gd name="T105" fmla="*/ 452 h 570"/>
                  <a:gd name="T106" fmla="*/ 81 w 662"/>
                  <a:gd name="T107" fmla="*/ 453 h 570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662"/>
                  <a:gd name="T163" fmla="*/ 0 h 570"/>
                  <a:gd name="T164" fmla="*/ 662 w 662"/>
                  <a:gd name="T165" fmla="*/ 570 h 570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662" h="570">
                    <a:moveTo>
                      <a:pt x="117" y="524"/>
                    </a:moveTo>
                    <a:lnTo>
                      <a:pt x="117" y="523"/>
                    </a:lnTo>
                    <a:lnTo>
                      <a:pt x="115" y="521"/>
                    </a:lnTo>
                    <a:lnTo>
                      <a:pt x="115" y="518"/>
                    </a:lnTo>
                    <a:lnTo>
                      <a:pt x="115" y="514"/>
                    </a:lnTo>
                    <a:lnTo>
                      <a:pt x="115" y="509"/>
                    </a:lnTo>
                    <a:lnTo>
                      <a:pt x="115" y="504"/>
                    </a:lnTo>
                    <a:lnTo>
                      <a:pt x="115" y="497"/>
                    </a:lnTo>
                    <a:lnTo>
                      <a:pt x="115" y="492"/>
                    </a:lnTo>
                    <a:lnTo>
                      <a:pt x="115" y="487"/>
                    </a:lnTo>
                    <a:lnTo>
                      <a:pt x="115" y="480"/>
                    </a:lnTo>
                    <a:lnTo>
                      <a:pt x="115" y="475"/>
                    </a:lnTo>
                    <a:lnTo>
                      <a:pt x="115" y="470"/>
                    </a:lnTo>
                    <a:lnTo>
                      <a:pt x="115" y="467"/>
                    </a:lnTo>
                    <a:lnTo>
                      <a:pt x="115" y="463"/>
                    </a:lnTo>
                    <a:lnTo>
                      <a:pt x="115" y="462"/>
                    </a:lnTo>
                    <a:lnTo>
                      <a:pt x="115" y="460"/>
                    </a:lnTo>
                    <a:lnTo>
                      <a:pt x="113" y="188"/>
                    </a:lnTo>
                    <a:lnTo>
                      <a:pt x="96" y="188"/>
                    </a:lnTo>
                    <a:lnTo>
                      <a:pt x="85" y="174"/>
                    </a:lnTo>
                    <a:lnTo>
                      <a:pt x="83" y="162"/>
                    </a:lnTo>
                    <a:lnTo>
                      <a:pt x="79" y="155"/>
                    </a:lnTo>
                    <a:lnTo>
                      <a:pt x="66" y="145"/>
                    </a:lnTo>
                    <a:lnTo>
                      <a:pt x="66" y="137"/>
                    </a:lnTo>
                    <a:lnTo>
                      <a:pt x="79" y="118"/>
                    </a:lnTo>
                    <a:lnTo>
                      <a:pt x="83" y="113"/>
                    </a:lnTo>
                    <a:lnTo>
                      <a:pt x="85" y="108"/>
                    </a:lnTo>
                    <a:lnTo>
                      <a:pt x="83" y="105"/>
                    </a:lnTo>
                    <a:lnTo>
                      <a:pt x="81" y="103"/>
                    </a:lnTo>
                    <a:lnTo>
                      <a:pt x="78" y="101"/>
                    </a:lnTo>
                    <a:lnTo>
                      <a:pt x="74" y="100"/>
                    </a:lnTo>
                    <a:lnTo>
                      <a:pt x="73" y="100"/>
                    </a:lnTo>
                    <a:lnTo>
                      <a:pt x="71" y="98"/>
                    </a:lnTo>
                    <a:lnTo>
                      <a:pt x="61" y="100"/>
                    </a:lnTo>
                    <a:lnTo>
                      <a:pt x="49" y="89"/>
                    </a:lnTo>
                    <a:lnTo>
                      <a:pt x="37" y="83"/>
                    </a:lnTo>
                    <a:lnTo>
                      <a:pt x="39" y="84"/>
                    </a:lnTo>
                    <a:lnTo>
                      <a:pt x="27" y="56"/>
                    </a:lnTo>
                    <a:lnTo>
                      <a:pt x="13" y="44"/>
                    </a:lnTo>
                    <a:lnTo>
                      <a:pt x="10" y="32"/>
                    </a:lnTo>
                    <a:lnTo>
                      <a:pt x="10" y="30"/>
                    </a:lnTo>
                    <a:lnTo>
                      <a:pt x="8" y="28"/>
                    </a:lnTo>
                    <a:lnTo>
                      <a:pt x="7" y="25"/>
                    </a:lnTo>
                    <a:lnTo>
                      <a:pt x="5" y="22"/>
                    </a:lnTo>
                    <a:lnTo>
                      <a:pt x="3" y="17"/>
                    </a:lnTo>
                    <a:lnTo>
                      <a:pt x="2" y="13"/>
                    </a:lnTo>
                    <a:lnTo>
                      <a:pt x="0" y="10"/>
                    </a:lnTo>
                    <a:lnTo>
                      <a:pt x="379" y="0"/>
                    </a:lnTo>
                    <a:lnTo>
                      <a:pt x="381" y="1"/>
                    </a:lnTo>
                    <a:lnTo>
                      <a:pt x="382" y="5"/>
                    </a:lnTo>
                    <a:lnTo>
                      <a:pt x="387" y="10"/>
                    </a:lnTo>
                    <a:lnTo>
                      <a:pt x="391" y="15"/>
                    </a:lnTo>
                    <a:lnTo>
                      <a:pt x="396" y="20"/>
                    </a:lnTo>
                    <a:lnTo>
                      <a:pt x="401" y="25"/>
                    </a:lnTo>
                    <a:lnTo>
                      <a:pt x="403" y="28"/>
                    </a:lnTo>
                    <a:lnTo>
                      <a:pt x="404" y="28"/>
                    </a:lnTo>
                    <a:lnTo>
                      <a:pt x="403" y="30"/>
                    </a:lnTo>
                    <a:lnTo>
                      <a:pt x="403" y="32"/>
                    </a:lnTo>
                    <a:lnTo>
                      <a:pt x="403" y="35"/>
                    </a:lnTo>
                    <a:lnTo>
                      <a:pt x="401" y="40"/>
                    </a:lnTo>
                    <a:lnTo>
                      <a:pt x="401" y="45"/>
                    </a:lnTo>
                    <a:lnTo>
                      <a:pt x="399" y="52"/>
                    </a:lnTo>
                    <a:lnTo>
                      <a:pt x="401" y="61"/>
                    </a:lnTo>
                    <a:lnTo>
                      <a:pt x="401" y="69"/>
                    </a:lnTo>
                    <a:lnTo>
                      <a:pt x="403" y="78"/>
                    </a:lnTo>
                    <a:lnTo>
                      <a:pt x="406" y="88"/>
                    </a:lnTo>
                    <a:lnTo>
                      <a:pt x="411" y="96"/>
                    </a:lnTo>
                    <a:lnTo>
                      <a:pt x="416" y="106"/>
                    </a:lnTo>
                    <a:lnTo>
                      <a:pt x="425" y="116"/>
                    </a:lnTo>
                    <a:lnTo>
                      <a:pt x="433" y="127"/>
                    </a:lnTo>
                    <a:lnTo>
                      <a:pt x="445" y="137"/>
                    </a:lnTo>
                    <a:lnTo>
                      <a:pt x="459" y="147"/>
                    </a:lnTo>
                    <a:lnTo>
                      <a:pt x="462" y="149"/>
                    </a:lnTo>
                    <a:lnTo>
                      <a:pt x="467" y="150"/>
                    </a:lnTo>
                    <a:lnTo>
                      <a:pt x="470" y="152"/>
                    </a:lnTo>
                    <a:lnTo>
                      <a:pt x="474" y="155"/>
                    </a:lnTo>
                    <a:lnTo>
                      <a:pt x="477" y="159"/>
                    </a:lnTo>
                    <a:lnTo>
                      <a:pt x="481" y="166"/>
                    </a:lnTo>
                    <a:lnTo>
                      <a:pt x="482" y="176"/>
                    </a:lnTo>
                    <a:lnTo>
                      <a:pt x="484" y="189"/>
                    </a:lnTo>
                    <a:lnTo>
                      <a:pt x="484" y="198"/>
                    </a:lnTo>
                    <a:lnTo>
                      <a:pt x="487" y="204"/>
                    </a:lnTo>
                    <a:lnTo>
                      <a:pt x="489" y="208"/>
                    </a:lnTo>
                    <a:lnTo>
                      <a:pt x="492" y="210"/>
                    </a:lnTo>
                    <a:lnTo>
                      <a:pt x="496" y="210"/>
                    </a:lnTo>
                    <a:lnTo>
                      <a:pt x="501" y="206"/>
                    </a:lnTo>
                    <a:lnTo>
                      <a:pt x="504" y="203"/>
                    </a:lnTo>
                    <a:lnTo>
                      <a:pt x="508" y="199"/>
                    </a:lnTo>
                    <a:lnTo>
                      <a:pt x="511" y="198"/>
                    </a:lnTo>
                    <a:lnTo>
                      <a:pt x="516" y="198"/>
                    </a:lnTo>
                    <a:lnTo>
                      <a:pt x="521" y="199"/>
                    </a:lnTo>
                    <a:lnTo>
                      <a:pt x="528" y="203"/>
                    </a:lnTo>
                    <a:lnTo>
                      <a:pt x="533" y="206"/>
                    </a:lnTo>
                    <a:lnTo>
                      <a:pt x="536" y="211"/>
                    </a:lnTo>
                    <a:lnTo>
                      <a:pt x="540" y="215"/>
                    </a:lnTo>
                    <a:lnTo>
                      <a:pt x="540" y="218"/>
                    </a:lnTo>
                    <a:lnTo>
                      <a:pt x="540" y="221"/>
                    </a:lnTo>
                    <a:lnTo>
                      <a:pt x="536" y="228"/>
                    </a:lnTo>
                    <a:lnTo>
                      <a:pt x="535" y="235"/>
                    </a:lnTo>
                    <a:lnTo>
                      <a:pt x="533" y="243"/>
                    </a:lnTo>
                    <a:lnTo>
                      <a:pt x="531" y="252"/>
                    </a:lnTo>
                    <a:lnTo>
                      <a:pt x="530" y="259"/>
                    </a:lnTo>
                    <a:lnTo>
                      <a:pt x="528" y="262"/>
                    </a:lnTo>
                    <a:lnTo>
                      <a:pt x="528" y="264"/>
                    </a:lnTo>
                    <a:lnTo>
                      <a:pt x="526" y="265"/>
                    </a:lnTo>
                    <a:lnTo>
                      <a:pt x="525" y="269"/>
                    </a:lnTo>
                    <a:lnTo>
                      <a:pt x="523" y="276"/>
                    </a:lnTo>
                    <a:lnTo>
                      <a:pt x="523" y="282"/>
                    </a:lnTo>
                    <a:lnTo>
                      <a:pt x="525" y="289"/>
                    </a:lnTo>
                    <a:lnTo>
                      <a:pt x="528" y="298"/>
                    </a:lnTo>
                    <a:lnTo>
                      <a:pt x="538" y="306"/>
                    </a:lnTo>
                    <a:lnTo>
                      <a:pt x="552" y="313"/>
                    </a:lnTo>
                    <a:lnTo>
                      <a:pt x="555" y="314"/>
                    </a:lnTo>
                    <a:lnTo>
                      <a:pt x="558" y="316"/>
                    </a:lnTo>
                    <a:lnTo>
                      <a:pt x="562" y="318"/>
                    </a:lnTo>
                    <a:lnTo>
                      <a:pt x="563" y="320"/>
                    </a:lnTo>
                    <a:lnTo>
                      <a:pt x="565" y="321"/>
                    </a:lnTo>
                    <a:lnTo>
                      <a:pt x="565" y="330"/>
                    </a:lnTo>
                    <a:lnTo>
                      <a:pt x="582" y="330"/>
                    </a:lnTo>
                    <a:lnTo>
                      <a:pt x="597" y="345"/>
                    </a:lnTo>
                    <a:lnTo>
                      <a:pt x="613" y="350"/>
                    </a:lnTo>
                    <a:lnTo>
                      <a:pt x="614" y="372"/>
                    </a:lnTo>
                    <a:lnTo>
                      <a:pt x="621" y="384"/>
                    </a:lnTo>
                    <a:lnTo>
                      <a:pt x="616" y="401"/>
                    </a:lnTo>
                    <a:lnTo>
                      <a:pt x="616" y="409"/>
                    </a:lnTo>
                    <a:lnTo>
                      <a:pt x="626" y="419"/>
                    </a:lnTo>
                    <a:lnTo>
                      <a:pt x="629" y="428"/>
                    </a:lnTo>
                    <a:lnTo>
                      <a:pt x="636" y="433"/>
                    </a:lnTo>
                    <a:lnTo>
                      <a:pt x="636" y="430"/>
                    </a:lnTo>
                    <a:lnTo>
                      <a:pt x="636" y="426"/>
                    </a:lnTo>
                    <a:lnTo>
                      <a:pt x="636" y="423"/>
                    </a:lnTo>
                    <a:lnTo>
                      <a:pt x="636" y="421"/>
                    </a:lnTo>
                    <a:lnTo>
                      <a:pt x="638" y="421"/>
                    </a:lnTo>
                    <a:lnTo>
                      <a:pt x="641" y="423"/>
                    </a:lnTo>
                    <a:lnTo>
                      <a:pt x="643" y="428"/>
                    </a:lnTo>
                    <a:lnTo>
                      <a:pt x="645" y="430"/>
                    </a:lnTo>
                    <a:lnTo>
                      <a:pt x="648" y="433"/>
                    </a:lnTo>
                    <a:lnTo>
                      <a:pt x="651" y="435"/>
                    </a:lnTo>
                    <a:lnTo>
                      <a:pt x="653" y="436"/>
                    </a:lnTo>
                    <a:lnTo>
                      <a:pt x="662" y="443"/>
                    </a:lnTo>
                    <a:lnTo>
                      <a:pt x="657" y="452"/>
                    </a:lnTo>
                    <a:lnTo>
                      <a:pt x="657" y="487"/>
                    </a:lnTo>
                    <a:lnTo>
                      <a:pt x="638" y="489"/>
                    </a:lnTo>
                    <a:lnTo>
                      <a:pt x="619" y="502"/>
                    </a:lnTo>
                    <a:lnTo>
                      <a:pt x="618" y="531"/>
                    </a:lnTo>
                    <a:lnTo>
                      <a:pt x="616" y="531"/>
                    </a:lnTo>
                    <a:lnTo>
                      <a:pt x="614" y="531"/>
                    </a:lnTo>
                    <a:lnTo>
                      <a:pt x="613" y="531"/>
                    </a:lnTo>
                    <a:lnTo>
                      <a:pt x="609" y="531"/>
                    </a:lnTo>
                    <a:lnTo>
                      <a:pt x="607" y="533"/>
                    </a:lnTo>
                    <a:lnTo>
                      <a:pt x="607" y="534"/>
                    </a:lnTo>
                    <a:lnTo>
                      <a:pt x="609" y="538"/>
                    </a:lnTo>
                    <a:lnTo>
                      <a:pt x="613" y="541"/>
                    </a:lnTo>
                    <a:lnTo>
                      <a:pt x="618" y="545"/>
                    </a:lnTo>
                    <a:lnTo>
                      <a:pt x="619" y="548"/>
                    </a:lnTo>
                    <a:lnTo>
                      <a:pt x="619" y="550"/>
                    </a:lnTo>
                    <a:lnTo>
                      <a:pt x="618" y="550"/>
                    </a:lnTo>
                    <a:lnTo>
                      <a:pt x="616" y="550"/>
                    </a:lnTo>
                    <a:lnTo>
                      <a:pt x="606" y="567"/>
                    </a:lnTo>
                    <a:lnTo>
                      <a:pt x="541" y="570"/>
                    </a:lnTo>
                    <a:lnTo>
                      <a:pt x="541" y="568"/>
                    </a:lnTo>
                    <a:lnTo>
                      <a:pt x="543" y="565"/>
                    </a:lnTo>
                    <a:lnTo>
                      <a:pt x="545" y="562"/>
                    </a:lnTo>
                    <a:lnTo>
                      <a:pt x="547" y="555"/>
                    </a:lnTo>
                    <a:lnTo>
                      <a:pt x="550" y="550"/>
                    </a:lnTo>
                    <a:lnTo>
                      <a:pt x="553" y="543"/>
                    </a:lnTo>
                    <a:lnTo>
                      <a:pt x="557" y="538"/>
                    </a:lnTo>
                    <a:lnTo>
                      <a:pt x="563" y="533"/>
                    </a:lnTo>
                    <a:lnTo>
                      <a:pt x="567" y="528"/>
                    </a:lnTo>
                    <a:lnTo>
                      <a:pt x="569" y="523"/>
                    </a:lnTo>
                    <a:lnTo>
                      <a:pt x="567" y="518"/>
                    </a:lnTo>
                    <a:lnTo>
                      <a:pt x="563" y="512"/>
                    </a:lnTo>
                    <a:lnTo>
                      <a:pt x="560" y="509"/>
                    </a:lnTo>
                    <a:lnTo>
                      <a:pt x="555" y="506"/>
                    </a:lnTo>
                    <a:lnTo>
                      <a:pt x="552" y="504"/>
                    </a:lnTo>
                    <a:lnTo>
                      <a:pt x="548" y="504"/>
                    </a:lnTo>
                    <a:lnTo>
                      <a:pt x="547" y="506"/>
                    </a:lnTo>
                    <a:lnTo>
                      <a:pt x="543" y="506"/>
                    </a:lnTo>
                    <a:lnTo>
                      <a:pt x="536" y="506"/>
                    </a:lnTo>
                    <a:lnTo>
                      <a:pt x="528" y="506"/>
                    </a:lnTo>
                    <a:lnTo>
                      <a:pt x="519" y="507"/>
                    </a:lnTo>
                    <a:lnTo>
                      <a:pt x="508" y="507"/>
                    </a:lnTo>
                    <a:lnTo>
                      <a:pt x="494" y="507"/>
                    </a:lnTo>
                    <a:lnTo>
                      <a:pt x="481" y="509"/>
                    </a:lnTo>
                    <a:lnTo>
                      <a:pt x="465" y="509"/>
                    </a:lnTo>
                    <a:lnTo>
                      <a:pt x="448" y="511"/>
                    </a:lnTo>
                    <a:lnTo>
                      <a:pt x="431" y="511"/>
                    </a:lnTo>
                    <a:lnTo>
                      <a:pt x="413" y="511"/>
                    </a:lnTo>
                    <a:lnTo>
                      <a:pt x="394" y="512"/>
                    </a:lnTo>
                    <a:lnTo>
                      <a:pt x="376" y="512"/>
                    </a:lnTo>
                    <a:lnTo>
                      <a:pt x="355" y="514"/>
                    </a:lnTo>
                    <a:lnTo>
                      <a:pt x="337" y="514"/>
                    </a:lnTo>
                    <a:lnTo>
                      <a:pt x="316" y="516"/>
                    </a:lnTo>
                    <a:lnTo>
                      <a:pt x="296" y="516"/>
                    </a:lnTo>
                    <a:lnTo>
                      <a:pt x="277" y="518"/>
                    </a:lnTo>
                    <a:lnTo>
                      <a:pt x="259" y="518"/>
                    </a:lnTo>
                    <a:lnTo>
                      <a:pt x="240" y="519"/>
                    </a:lnTo>
                    <a:lnTo>
                      <a:pt x="222" y="519"/>
                    </a:lnTo>
                    <a:lnTo>
                      <a:pt x="205" y="521"/>
                    </a:lnTo>
                    <a:lnTo>
                      <a:pt x="189" y="521"/>
                    </a:lnTo>
                    <a:lnTo>
                      <a:pt x="174" y="521"/>
                    </a:lnTo>
                    <a:lnTo>
                      <a:pt x="162" y="523"/>
                    </a:lnTo>
                    <a:lnTo>
                      <a:pt x="149" y="523"/>
                    </a:lnTo>
                    <a:lnTo>
                      <a:pt x="139" y="523"/>
                    </a:lnTo>
                    <a:lnTo>
                      <a:pt x="130" y="523"/>
                    </a:lnTo>
                    <a:lnTo>
                      <a:pt x="123" y="523"/>
                    </a:lnTo>
                    <a:lnTo>
                      <a:pt x="118" y="524"/>
                    </a:lnTo>
                    <a:lnTo>
                      <a:pt x="117" y="524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grpSp>
            <p:nvGrpSpPr>
              <p:cNvPr id="885" name="Group 47"/>
              <p:cNvGrpSpPr>
                <a:grpSpLocks/>
              </p:cNvGrpSpPr>
              <p:nvPr/>
            </p:nvGrpSpPr>
            <p:grpSpPr bwMode="auto">
              <a:xfrm>
                <a:off x="4042" y="1840"/>
                <a:ext cx="558" cy="359"/>
                <a:chOff x="4341" y="1400"/>
                <a:chExt cx="574" cy="370"/>
              </a:xfrm>
            </p:grpSpPr>
            <p:sp>
              <p:nvSpPr>
                <p:cNvPr id="886" name="Freeform 48"/>
                <p:cNvSpPr>
                  <a:spLocks/>
                </p:cNvSpPr>
                <p:nvPr/>
              </p:nvSpPr>
              <p:spPr bwMode="auto">
                <a:xfrm>
                  <a:off x="4341" y="1400"/>
                  <a:ext cx="574" cy="370"/>
                </a:xfrm>
                <a:custGeom>
                  <a:avLst/>
                  <a:gdLst>
                    <a:gd name="T0" fmla="*/ 491 w 574"/>
                    <a:gd name="T1" fmla="*/ 287 h 370"/>
                    <a:gd name="T2" fmla="*/ 501 w 574"/>
                    <a:gd name="T3" fmla="*/ 269 h 370"/>
                    <a:gd name="T4" fmla="*/ 518 w 574"/>
                    <a:gd name="T5" fmla="*/ 265 h 370"/>
                    <a:gd name="T6" fmla="*/ 523 w 574"/>
                    <a:gd name="T7" fmla="*/ 265 h 370"/>
                    <a:gd name="T8" fmla="*/ 535 w 574"/>
                    <a:gd name="T9" fmla="*/ 257 h 370"/>
                    <a:gd name="T10" fmla="*/ 545 w 574"/>
                    <a:gd name="T11" fmla="*/ 248 h 370"/>
                    <a:gd name="T12" fmla="*/ 550 w 574"/>
                    <a:gd name="T13" fmla="*/ 238 h 370"/>
                    <a:gd name="T14" fmla="*/ 560 w 574"/>
                    <a:gd name="T15" fmla="*/ 225 h 370"/>
                    <a:gd name="T16" fmla="*/ 569 w 574"/>
                    <a:gd name="T17" fmla="*/ 218 h 370"/>
                    <a:gd name="T18" fmla="*/ 574 w 574"/>
                    <a:gd name="T19" fmla="*/ 211 h 370"/>
                    <a:gd name="T20" fmla="*/ 571 w 574"/>
                    <a:gd name="T21" fmla="*/ 204 h 370"/>
                    <a:gd name="T22" fmla="*/ 567 w 574"/>
                    <a:gd name="T23" fmla="*/ 201 h 370"/>
                    <a:gd name="T24" fmla="*/ 554 w 574"/>
                    <a:gd name="T25" fmla="*/ 189 h 370"/>
                    <a:gd name="T26" fmla="*/ 537 w 574"/>
                    <a:gd name="T27" fmla="*/ 176 h 370"/>
                    <a:gd name="T28" fmla="*/ 520 w 574"/>
                    <a:gd name="T29" fmla="*/ 162 h 370"/>
                    <a:gd name="T30" fmla="*/ 520 w 574"/>
                    <a:gd name="T31" fmla="*/ 144 h 370"/>
                    <a:gd name="T32" fmla="*/ 525 w 574"/>
                    <a:gd name="T33" fmla="*/ 135 h 370"/>
                    <a:gd name="T34" fmla="*/ 538 w 574"/>
                    <a:gd name="T35" fmla="*/ 71 h 370"/>
                    <a:gd name="T36" fmla="*/ 525 w 574"/>
                    <a:gd name="T37" fmla="*/ 56 h 370"/>
                    <a:gd name="T38" fmla="*/ 520 w 574"/>
                    <a:gd name="T39" fmla="*/ 54 h 370"/>
                    <a:gd name="T40" fmla="*/ 511 w 574"/>
                    <a:gd name="T41" fmla="*/ 44 h 370"/>
                    <a:gd name="T42" fmla="*/ 503 w 574"/>
                    <a:gd name="T43" fmla="*/ 30 h 370"/>
                    <a:gd name="T44" fmla="*/ 501 w 574"/>
                    <a:gd name="T45" fmla="*/ 22 h 370"/>
                    <a:gd name="T46" fmla="*/ 493 w 574"/>
                    <a:gd name="T47" fmla="*/ 15 h 370"/>
                    <a:gd name="T48" fmla="*/ 483 w 574"/>
                    <a:gd name="T49" fmla="*/ 12 h 370"/>
                    <a:gd name="T50" fmla="*/ 476 w 574"/>
                    <a:gd name="T51" fmla="*/ 1 h 370"/>
                    <a:gd name="T52" fmla="*/ 459 w 574"/>
                    <a:gd name="T53" fmla="*/ 0 h 370"/>
                    <a:gd name="T54" fmla="*/ 449 w 574"/>
                    <a:gd name="T55" fmla="*/ 3 h 370"/>
                    <a:gd name="T56" fmla="*/ 422 w 574"/>
                    <a:gd name="T57" fmla="*/ 8 h 370"/>
                    <a:gd name="T58" fmla="*/ 383 w 574"/>
                    <a:gd name="T59" fmla="*/ 15 h 370"/>
                    <a:gd name="T60" fmla="*/ 335 w 574"/>
                    <a:gd name="T61" fmla="*/ 25 h 370"/>
                    <a:gd name="T62" fmla="*/ 283 w 574"/>
                    <a:gd name="T63" fmla="*/ 35 h 370"/>
                    <a:gd name="T64" fmla="*/ 230 w 574"/>
                    <a:gd name="T65" fmla="*/ 45 h 370"/>
                    <a:gd name="T66" fmla="*/ 178 w 574"/>
                    <a:gd name="T67" fmla="*/ 56 h 370"/>
                    <a:gd name="T68" fmla="*/ 134 w 574"/>
                    <a:gd name="T69" fmla="*/ 64 h 370"/>
                    <a:gd name="T70" fmla="*/ 98 w 574"/>
                    <a:gd name="T71" fmla="*/ 71 h 370"/>
                    <a:gd name="T72" fmla="*/ 78 w 574"/>
                    <a:gd name="T73" fmla="*/ 74 h 370"/>
                    <a:gd name="T74" fmla="*/ 66 w 574"/>
                    <a:gd name="T75" fmla="*/ 44 h 370"/>
                    <a:gd name="T76" fmla="*/ 49 w 574"/>
                    <a:gd name="T77" fmla="*/ 56 h 370"/>
                    <a:gd name="T78" fmla="*/ 34 w 574"/>
                    <a:gd name="T79" fmla="*/ 67 h 370"/>
                    <a:gd name="T80" fmla="*/ 21 w 574"/>
                    <a:gd name="T81" fmla="*/ 78 h 370"/>
                    <a:gd name="T82" fmla="*/ 9 w 574"/>
                    <a:gd name="T83" fmla="*/ 86 h 370"/>
                    <a:gd name="T84" fmla="*/ 2 w 574"/>
                    <a:gd name="T85" fmla="*/ 91 h 370"/>
                    <a:gd name="T86" fmla="*/ 32 w 574"/>
                    <a:gd name="T87" fmla="*/ 259 h 370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w 574"/>
                    <a:gd name="T133" fmla="*/ 0 h 370"/>
                    <a:gd name="T134" fmla="*/ 574 w 574"/>
                    <a:gd name="T135" fmla="*/ 370 h 370"/>
                  </a:gdLst>
                  <a:ahLst/>
                  <a:cxnLst>
                    <a:cxn ang="T88">
                      <a:pos x="T0" y="T1"/>
                    </a:cxn>
                    <a:cxn ang="T89">
                      <a:pos x="T2" y="T3"/>
                    </a:cxn>
                    <a:cxn ang="T90">
                      <a:pos x="T4" y="T5"/>
                    </a:cxn>
                    <a:cxn ang="T91">
                      <a:pos x="T6" y="T7"/>
                    </a:cxn>
                    <a:cxn ang="T92">
                      <a:pos x="T8" y="T9"/>
                    </a:cxn>
                    <a:cxn ang="T93">
                      <a:pos x="T10" y="T11"/>
                    </a:cxn>
                    <a:cxn ang="T94">
                      <a:pos x="T12" y="T13"/>
                    </a:cxn>
                    <a:cxn ang="T95">
                      <a:pos x="T14" y="T15"/>
                    </a:cxn>
                    <a:cxn ang="T96">
                      <a:pos x="T16" y="T17"/>
                    </a:cxn>
                    <a:cxn ang="T97">
                      <a:pos x="T18" y="T19"/>
                    </a:cxn>
                    <a:cxn ang="T98">
                      <a:pos x="T20" y="T21"/>
                    </a:cxn>
                    <a:cxn ang="T99">
                      <a:pos x="T22" y="T23"/>
                    </a:cxn>
                    <a:cxn ang="T100">
                      <a:pos x="T24" y="T25"/>
                    </a:cxn>
                    <a:cxn ang="T101">
                      <a:pos x="T26" y="T27"/>
                    </a:cxn>
                    <a:cxn ang="T102">
                      <a:pos x="T28" y="T29"/>
                    </a:cxn>
                    <a:cxn ang="T103">
                      <a:pos x="T30" y="T31"/>
                    </a:cxn>
                    <a:cxn ang="T104">
                      <a:pos x="T32" y="T33"/>
                    </a:cxn>
                    <a:cxn ang="T105">
                      <a:pos x="T34" y="T35"/>
                    </a:cxn>
                    <a:cxn ang="T106">
                      <a:pos x="T36" y="T37"/>
                    </a:cxn>
                    <a:cxn ang="T107">
                      <a:pos x="T38" y="T39"/>
                    </a:cxn>
                    <a:cxn ang="T108">
                      <a:pos x="T40" y="T41"/>
                    </a:cxn>
                    <a:cxn ang="T109">
                      <a:pos x="T42" y="T43"/>
                    </a:cxn>
                    <a:cxn ang="T110">
                      <a:pos x="T44" y="T45"/>
                    </a:cxn>
                    <a:cxn ang="T111">
                      <a:pos x="T46" y="T47"/>
                    </a:cxn>
                    <a:cxn ang="T112">
                      <a:pos x="T48" y="T49"/>
                    </a:cxn>
                    <a:cxn ang="T113">
                      <a:pos x="T50" y="T51"/>
                    </a:cxn>
                    <a:cxn ang="T114">
                      <a:pos x="T52" y="T53"/>
                    </a:cxn>
                    <a:cxn ang="T115">
                      <a:pos x="T54" y="T55"/>
                    </a:cxn>
                    <a:cxn ang="T116">
                      <a:pos x="T56" y="T57"/>
                    </a:cxn>
                    <a:cxn ang="T117">
                      <a:pos x="T58" y="T59"/>
                    </a:cxn>
                    <a:cxn ang="T118">
                      <a:pos x="T60" y="T61"/>
                    </a:cxn>
                    <a:cxn ang="T119">
                      <a:pos x="T62" y="T63"/>
                    </a:cxn>
                    <a:cxn ang="T120">
                      <a:pos x="T64" y="T65"/>
                    </a:cxn>
                    <a:cxn ang="T121">
                      <a:pos x="T66" y="T67"/>
                    </a:cxn>
                    <a:cxn ang="T122">
                      <a:pos x="T68" y="T69"/>
                    </a:cxn>
                    <a:cxn ang="T123">
                      <a:pos x="T70" y="T71"/>
                    </a:cxn>
                    <a:cxn ang="T124">
                      <a:pos x="T72" y="T73"/>
                    </a:cxn>
                    <a:cxn ang="T125">
                      <a:pos x="T74" y="T75"/>
                    </a:cxn>
                    <a:cxn ang="T126">
                      <a:pos x="T76" y="T77"/>
                    </a:cxn>
                    <a:cxn ang="T127">
                      <a:pos x="T78" y="T79"/>
                    </a:cxn>
                    <a:cxn ang="T128">
                      <a:pos x="T80" y="T81"/>
                    </a:cxn>
                    <a:cxn ang="T129">
                      <a:pos x="T82" y="T83"/>
                    </a:cxn>
                    <a:cxn ang="T130">
                      <a:pos x="T84" y="T85"/>
                    </a:cxn>
                    <a:cxn ang="T131">
                      <a:pos x="T86" y="T87"/>
                    </a:cxn>
                  </a:cxnLst>
                  <a:rect l="T132" t="T133" r="T134" b="T135"/>
                  <a:pathLst>
                    <a:path w="574" h="370">
                      <a:moveTo>
                        <a:pt x="51" y="370"/>
                      </a:moveTo>
                      <a:lnTo>
                        <a:pt x="146" y="352"/>
                      </a:lnTo>
                      <a:lnTo>
                        <a:pt x="491" y="287"/>
                      </a:lnTo>
                      <a:lnTo>
                        <a:pt x="493" y="277"/>
                      </a:lnTo>
                      <a:lnTo>
                        <a:pt x="496" y="272"/>
                      </a:lnTo>
                      <a:lnTo>
                        <a:pt x="501" y="269"/>
                      </a:lnTo>
                      <a:lnTo>
                        <a:pt x="506" y="265"/>
                      </a:lnTo>
                      <a:lnTo>
                        <a:pt x="513" y="265"/>
                      </a:lnTo>
                      <a:lnTo>
                        <a:pt x="518" y="265"/>
                      </a:lnTo>
                      <a:lnTo>
                        <a:pt x="521" y="265"/>
                      </a:lnTo>
                      <a:lnTo>
                        <a:pt x="523" y="267"/>
                      </a:lnTo>
                      <a:lnTo>
                        <a:pt x="523" y="265"/>
                      </a:lnTo>
                      <a:lnTo>
                        <a:pt x="527" y="264"/>
                      </a:lnTo>
                      <a:lnTo>
                        <a:pt x="530" y="260"/>
                      </a:lnTo>
                      <a:lnTo>
                        <a:pt x="535" y="257"/>
                      </a:lnTo>
                      <a:lnTo>
                        <a:pt x="538" y="254"/>
                      </a:lnTo>
                      <a:lnTo>
                        <a:pt x="543" y="252"/>
                      </a:lnTo>
                      <a:lnTo>
                        <a:pt x="545" y="248"/>
                      </a:lnTo>
                      <a:lnTo>
                        <a:pt x="547" y="248"/>
                      </a:lnTo>
                      <a:lnTo>
                        <a:pt x="547" y="243"/>
                      </a:lnTo>
                      <a:lnTo>
                        <a:pt x="550" y="238"/>
                      </a:lnTo>
                      <a:lnTo>
                        <a:pt x="554" y="233"/>
                      </a:lnTo>
                      <a:lnTo>
                        <a:pt x="557" y="228"/>
                      </a:lnTo>
                      <a:lnTo>
                        <a:pt x="560" y="225"/>
                      </a:lnTo>
                      <a:lnTo>
                        <a:pt x="564" y="221"/>
                      </a:lnTo>
                      <a:lnTo>
                        <a:pt x="567" y="220"/>
                      </a:lnTo>
                      <a:lnTo>
                        <a:pt x="569" y="218"/>
                      </a:lnTo>
                      <a:lnTo>
                        <a:pt x="572" y="216"/>
                      </a:lnTo>
                      <a:lnTo>
                        <a:pt x="574" y="213"/>
                      </a:lnTo>
                      <a:lnTo>
                        <a:pt x="574" y="211"/>
                      </a:lnTo>
                      <a:lnTo>
                        <a:pt x="574" y="208"/>
                      </a:lnTo>
                      <a:lnTo>
                        <a:pt x="572" y="206"/>
                      </a:lnTo>
                      <a:lnTo>
                        <a:pt x="571" y="204"/>
                      </a:lnTo>
                      <a:lnTo>
                        <a:pt x="571" y="203"/>
                      </a:lnTo>
                      <a:lnTo>
                        <a:pt x="569" y="203"/>
                      </a:lnTo>
                      <a:lnTo>
                        <a:pt x="567" y="201"/>
                      </a:lnTo>
                      <a:lnTo>
                        <a:pt x="564" y="199"/>
                      </a:lnTo>
                      <a:lnTo>
                        <a:pt x="559" y="194"/>
                      </a:lnTo>
                      <a:lnTo>
                        <a:pt x="554" y="189"/>
                      </a:lnTo>
                      <a:lnTo>
                        <a:pt x="547" y="184"/>
                      </a:lnTo>
                      <a:lnTo>
                        <a:pt x="542" y="179"/>
                      </a:lnTo>
                      <a:lnTo>
                        <a:pt x="537" y="176"/>
                      </a:lnTo>
                      <a:lnTo>
                        <a:pt x="535" y="174"/>
                      </a:lnTo>
                      <a:lnTo>
                        <a:pt x="525" y="169"/>
                      </a:lnTo>
                      <a:lnTo>
                        <a:pt x="520" y="162"/>
                      </a:lnTo>
                      <a:lnTo>
                        <a:pt x="518" y="155"/>
                      </a:lnTo>
                      <a:lnTo>
                        <a:pt x="518" y="149"/>
                      </a:lnTo>
                      <a:lnTo>
                        <a:pt x="520" y="144"/>
                      </a:lnTo>
                      <a:lnTo>
                        <a:pt x="521" y="138"/>
                      </a:lnTo>
                      <a:lnTo>
                        <a:pt x="523" y="135"/>
                      </a:lnTo>
                      <a:lnTo>
                        <a:pt x="525" y="135"/>
                      </a:lnTo>
                      <a:lnTo>
                        <a:pt x="515" y="118"/>
                      </a:lnTo>
                      <a:lnTo>
                        <a:pt x="532" y="93"/>
                      </a:lnTo>
                      <a:lnTo>
                        <a:pt x="538" y="71"/>
                      </a:lnTo>
                      <a:lnTo>
                        <a:pt x="543" y="62"/>
                      </a:lnTo>
                      <a:lnTo>
                        <a:pt x="525" y="56"/>
                      </a:lnTo>
                      <a:lnTo>
                        <a:pt x="523" y="56"/>
                      </a:lnTo>
                      <a:lnTo>
                        <a:pt x="520" y="54"/>
                      </a:lnTo>
                      <a:lnTo>
                        <a:pt x="518" y="50"/>
                      </a:lnTo>
                      <a:lnTo>
                        <a:pt x="515" y="47"/>
                      </a:lnTo>
                      <a:lnTo>
                        <a:pt x="511" y="44"/>
                      </a:lnTo>
                      <a:lnTo>
                        <a:pt x="508" y="39"/>
                      </a:lnTo>
                      <a:lnTo>
                        <a:pt x="505" y="32"/>
                      </a:lnTo>
                      <a:lnTo>
                        <a:pt x="503" y="30"/>
                      </a:lnTo>
                      <a:lnTo>
                        <a:pt x="503" y="28"/>
                      </a:lnTo>
                      <a:lnTo>
                        <a:pt x="503" y="25"/>
                      </a:lnTo>
                      <a:lnTo>
                        <a:pt x="501" y="22"/>
                      </a:lnTo>
                      <a:lnTo>
                        <a:pt x="499" y="20"/>
                      </a:lnTo>
                      <a:lnTo>
                        <a:pt x="496" y="17"/>
                      </a:lnTo>
                      <a:lnTo>
                        <a:pt x="493" y="15"/>
                      </a:lnTo>
                      <a:lnTo>
                        <a:pt x="486" y="15"/>
                      </a:lnTo>
                      <a:lnTo>
                        <a:pt x="484" y="13"/>
                      </a:lnTo>
                      <a:lnTo>
                        <a:pt x="483" y="12"/>
                      </a:lnTo>
                      <a:lnTo>
                        <a:pt x="481" y="8"/>
                      </a:lnTo>
                      <a:lnTo>
                        <a:pt x="479" y="5"/>
                      </a:lnTo>
                      <a:lnTo>
                        <a:pt x="476" y="1"/>
                      </a:lnTo>
                      <a:lnTo>
                        <a:pt x="471" y="0"/>
                      </a:lnTo>
                      <a:lnTo>
                        <a:pt x="466" y="0"/>
                      </a:lnTo>
                      <a:lnTo>
                        <a:pt x="459" y="0"/>
                      </a:lnTo>
                      <a:lnTo>
                        <a:pt x="457" y="0"/>
                      </a:lnTo>
                      <a:lnTo>
                        <a:pt x="454" y="1"/>
                      </a:lnTo>
                      <a:lnTo>
                        <a:pt x="449" y="3"/>
                      </a:lnTo>
                      <a:lnTo>
                        <a:pt x="442" y="3"/>
                      </a:lnTo>
                      <a:lnTo>
                        <a:pt x="432" y="5"/>
                      </a:lnTo>
                      <a:lnTo>
                        <a:pt x="422" y="8"/>
                      </a:lnTo>
                      <a:lnTo>
                        <a:pt x="410" y="10"/>
                      </a:lnTo>
                      <a:lnTo>
                        <a:pt x="398" y="12"/>
                      </a:lnTo>
                      <a:lnTo>
                        <a:pt x="383" y="15"/>
                      </a:lnTo>
                      <a:lnTo>
                        <a:pt x="367" y="18"/>
                      </a:lnTo>
                      <a:lnTo>
                        <a:pt x="352" y="22"/>
                      </a:lnTo>
                      <a:lnTo>
                        <a:pt x="335" y="25"/>
                      </a:lnTo>
                      <a:lnTo>
                        <a:pt x="318" y="28"/>
                      </a:lnTo>
                      <a:lnTo>
                        <a:pt x="301" y="32"/>
                      </a:lnTo>
                      <a:lnTo>
                        <a:pt x="283" y="35"/>
                      </a:lnTo>
                      <a:lnTo>
                        <a:pt x="266" y="39"/>
                      </a:lnTo>
                      <a:lnTo>
                        <a:pt x="247" y="42"/>
                      </a:lnTo>
                      <a:lnTo>
                        <a:pt x="230" y="45"/>
                      </a:lnTo>
                      <a:lnTo>
                        <a:pt x="212" y="49"/>
                      </a:lnTo>
                      <a:lnTo>
                        <a:pt x="195" y="52"/>
                      </a:lnTo>
                      <a:lnTo>
                        <a:pt x="178" y="56"/>
                      </a:lnTo>
                      <a:lnTo>
                        <a:pt x="163" y="59"/>
                      </a:lnTo>
                      <a:lnTo>
                        <a:pt x="147" y="61"/>
                      </a:lnTo>
                      <a:lnTo>
                        <a:pt x="134" y="64"/>
                      </a:lnTo>
                      <a:lnTo>
                        <a:pt x="120" y="66"/>
                      </a:lnTo>
                      <a:lnTo>
                        <a:pt x="109" y="69"/>
                      </a:lnTo>
                      <a:lnTo>
                        <a:pt x="98" y="71"/>
                      </a:lnTo>
                      <a:lnTo>
                        <a:pt x="90" y="72"/>
                      </a:lnTo>
                      <a:lnTo>
                        <a:pt x="83" y="74"/>
                      </a:lnTo>
                      <a:lnTo>
                        <a:pt x="78" y="74"/>
                      </a:lnTo>
                      <a:lnTo>
                        <a:pt x="75" y="74"/>
                      </a:lnTo>
                      <a:lnTo>
                        <a:pt x="75" y="76"/>
                      </a:lnTo>
                      <a:lnTo>
                        <a:pt x="66" y="44"/>
                      </a:lnTo>
                      <a:lnTo>
                        <a:pt x="61" y="47"/>
                      </a:lnTo>
                      <a:lnTo>
                        <a:pt x="56" y="52"/>
                      </a:lnTo>
                      <a:lnTo>
                        <a:pt x="49" y="56"/>
                      </a:lnTo>
                      <a:lnTo>
                        <a:pt x="44" y="59"/>
                      </a:lnTo>
                      <a:lnTo>
                        <a:pt x="39" y="64"/>
                      </a:lnTo>
                      <a:lnTo>
                        <a:pt x="34" y="67"/>
                      </a:lnTo>
                      <a:lnTo>
                        <a:pt x="29" y="71"/>
                      </a:lnTo>
                      <a:lnTo>
                        <a:pt x="26" y="74"/>
                      </a:lnTo>
                      <a:lnTo>
                        <a:pt x="21" y="78"/>
                      </a:lnTo>
                      <a:lnTo>
                        <a:pt x="15" y="81"/>
                      </a:lnTo>
                      <a:lnTo>
                        <a:pt x="12" y="84"/>
                      </a:lnTo>
                      <a:lnTo>
                        <a:pt x="9" y="86"/>
                      </a:lnTo>
                      <a:lnTo>
                        <a:pt x="7" y="89"/>
                      </a:lnTo>
                      <a:lnTo>
                        <a:pt x="4" y="91"/>
                      </a:lnTo>
                      <a:lnTo>
                        <a:pt x="2" y="91"/>
                      </a:lnTo>
                      <a:lnTo>
                        <a:pt x="2" y="93"/>
                      </a:lnTo>
                      <a:lnTo>
                        <a:pt x="0" y="93"/>
                      </a:lnTo>
                      <a:lnTo>
                        <a:pt x="32" y="259"/>
                      </a:lnTo>
                      <a:lnTo>
                        <a:pt x="51" y="370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887" name="Freeform 49"/>
                <p:cNvSpPr>
                  <a:spLocks/>
                </p:cNvSpPr>
                <p:nvPr/>
              </p:nvSpPr>
              <p:spPr bwMode="auto">
                <a:xfrm>
                  <a:off x="4341" y="1400"/>
                  <a:ext cx="574" cy="370"/>
                </a:xfrm>
                <a:custGeom>
                  <a:avLst/>
                  <a:gdLst>
                    <a:gd name="T0" fmla="*/ 491 w 574"/>
                    <a:gd name="T1" fmla="*/ 287 h 370"/>
                    <a:gd name="T2" fmla="*/ 496 w 574"/>
                    <a:gd name="T3" fmla="*/ 272 h 370"/>
                    <a:gd name="T4" fmla="*/ 513 w 574"/>
                    <a:gd name="T5" fmla="*/ 265 h 370"/>
                    <a:gd name="T6" fmla="*/ 523 w 574"/>
                    <a:gd name="T7" fmla="*/ 267 h 370"/>
                    <a:gd name="T8" fmla="*/ 527 w 574"/>
                    <a:gd name="T9" fmla="*/ 264 h 370"/>
                    <a:gd name="T10" fmla="*/ 538 w 574"/>
                    <a:gd name="T11" fmla="*/ 254 h 370"/>
                    <a:gd name="T12" fmla="*/ 547 w 574"/>
                    <a:gd name="T13" fmla="*/ 248 h 370"/>
                    <a:gd name="T14" fmla="*/ 550 w 574"/>
                    <a:gd name="T15" fmla="*/ 238 h 370"/>
                    <a:gd name="T16" fmla="*/ 560 w 574"/>
                    <a:gd name="T17" fmla="*/ 225 h 370"/>
                    <a:gd name="T18" fmla="*/ 569 w 574"/>
                    <a:gd name="T19" fmla="*/ 218 h 370"/>
                    <a:gd name="T20" fmla="*/ 574 w 574"/>
                    <a:gd name="T21" fmla="*/ 213 h 370"/>
                    <a:gd name="T22" fmla="*/ 572 w 574"/>
                    <a:gd name="T23" fmla="*/ 206 h 370"/>
                    <a:gd name="T24" fmla="*/ 569 w 574"/>
                    <a:gd name="T25" fmla="*/ 203 h 370"/>
                    <a:gd name="T26" fmla="*/ 564 w 574"/>
                    <a:gd name="T27" fmla="*/ 199 h 370"/>
                    <a:gd name="T28" fmla="*/ 547 w 574"/>
                    <a:gd name="T29" fmla="*/ 184 h 370"/>
                    <a:gd name="T30" fmla="*/ 535 w 574"/>
                    <a:gd name="T31" fmla="*/ 174 h 370"/>
                    <a:gd name="T32" fmla="*/ 520 w 574"/>
                    <a:gd name="T33" fmla="*/ 162 h 370"/>
                    <a:gd name="T34" fmla="*/ 520 w 574"/>
                    <a:gd name="T35" fmla="*/ 144 h 370"/>
                    <a:gd name="T36" fmla="*/ 525 w 574"/>
                    <a:gd name="T37" fmla="*/ 135 h 370"/>
                    <a:gd name="T38" fmla="*/ 538 w 574"/>
                    <a:gd name="T39" fmla="*/ 71 h 370"/>
                    <a:gd name="T40" fmla="*/ 525 w 574"/>
                    <a:gd name="T41" fmla="*/ 56 h 370"/>
                    <a:gd name="T42" fmla="*/ 523 w 574"/>
                    <a:gd name="T43" fmla="*/ 56 h 370"/>
                    <a:gd name="T44" fmla="*/ 515 w 574"/>
                    <a:gd name="T45" fmla="*/ 47 h 370"/>
                    <a:gd name="T46" fmla="*/ 505 w 574"/>
                    <a:gd name="T47" fmla="*/ 32 h 370"/>
                    <a:gd name="T48" fmla="*/ 503 w 574"/>
                    <a:gd name="T49" fmla="*/ 28 h 370"/>
                    <a:gd name="T50" fmla="*/ 499 w 574"/>
                    <a:gd name="T51" fmla="*/ 20 h 370"/>
                    <a:gd name="T52" fmla="*/ 486 w 574"/>
                    <a:gd name="T53" fmla="*/ 15 h 370"/>
                    <a:gd name="T54" fmla="*/ 483 w 574"/>
                    <a:gd name="T55" fmla="*/ 12 h 370"/>
                    <a:gd name="T56" fmla="*/ 476 w 574"/>
                    <a:gd name="T57" fmla="*/ 1 h 370"/>
                    <a:gd name="T58" fmla="*/ 459 w 574"/>
                    <a:gd name="T59" fmla="*/ 0 h 370"/>
                    <a:gd name="T60" fmla="*/ 454 w 574"/>
                    <a:gd name="T61" fmla="*/ 1 h 370"/>
                    <a:gd name="T62" fmla="*/ 432 w 574"/>
                    <a:gd name="T63" fmla="*/ 5 h 370"/>
                    <a:gd name="T64" fmla="*/ 398 w 574"/>
                    <a:gd name="T65" fmla="*/ 12 h 370"/>
                    <a:gd name="T66" fmla="*/ 352 w 574"/>
                    <a:gd name="T67" fmla="*/ 22 h 370"/>
                    <a:gd name="T68" fmla="*/ 301 w 574"/>
                    <a:gd name="T69" fmla="*/ 32 h 370"/>
                    <a:gd name="T70" fmla="*/ 247 w 574"/>
                    <a:gd name="T71" fmla="*/ 42 h 370"/>
                    <a:gd name="T72" fmla="*/ 195 w 574"/>
                    <a:gd name="T73" fmla="*/ 52 h 370"/>
                    <a:gd name="T74" fmla="*/ 147 w 574"/>
                    <a:gd name="T75" fmla="*/ 61 h 370"/>
                    <a:gd name="T76" fmla="*/ 109 w 574"/>
                    <a:gd name="T77" fmla="*/ 69 h 370"/>
                    <a:gd name="T78" fmla="*/ 83 w 574"/>
                    <a:gd name="T79" fmla="*/ 74 h 370"/>
                    <a:gd name="T80" fmla="*/ 75 w 574"/>
                    <a:gd name="T81" fmla="*/ 76 h 370"/>
                    <a:gd name="T82" fmla="*/ 61 w 574"/>
                    <a:gd name="T83" fmla="*/ 47 h 370"/>
                    <a:gd name="T84" fmla="*/ 44 w 574"/>
                    <a:gd name="T85" fmla="*/ 59 h 370"/>
                    <a:gd name="T86" fmla="*/ 29 w 574"/>
                    <a:gd name="T87" fmla="*/ 71 h 370"/>
                    <a:gd name="T88" fmla="*/ 15 w 574"/>
                    <a:gd name="T89" fmla="*/ 81 h 370"/>
                    <a:gd name="T90" fmla="*/ 7 w 574"/>
                    <a:gd name="T91" fmla="*/ 89 h 370"/>
                    <a:gd name="T92" fmla="*/ 2 w 574"/>
                    <a:gd name="T93" fmla="*/ 93 h 370"/>
                    <a:gd name="T94" fmla="*/ 51 w 574"/>
                    <a:gd name="T95" fmla="*/ 370 h 370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w 574"/>
                    <a:gd name="T145" fmla="*/ 0 h 370"/>
                    <a:gd name="T146" fmla="*/ 574 w 574"/>
                    <a:gd name="T147" fmla="*/ 370 h 370"/>
                  </a:gdLst>
                  <a:ahLst/>
                  <a:cxnLst>
                    <a:cxn ang="T96">
                      <a:pos x="T0" y="T1"/>
                    </a:cxn>
                    <a:cxn ang="T97">
                      <a:pos x="T2" y="T3"/>
                    </a:cxn>
                    <a:cxn ang="T98">
                      <a:pos x="T4" y="T5"/>
                    </a:cxn>
                    <a:cxn ang="T99">
                      <a:pos x="T6" y="T7"/>
                    </a:cxn>
                    <a:cxn ang="T100">
                      <a:pos x="T8" y="T9"/>
                    </a:cxn>
                    <a:cxn ang="T101">
                      <a:pos x="T10" y="T11"/>
                    </a:cxn>
                    <a:cxn ang="T102">
                      <a:pos x="T12" y="T13"/>
                    </a:cxn>
                    <a:cxn ang="T103">
                      <a:pos x="T14" y="T15"/>
                    </a:cxn>
                    <a:cxn ang="T104">
                      <a:pos x="T16" y="T17"/>
                    </a:cxn>
                    <a:cxn ang="T105">
                      <a:pos x="T18" y="T19"/>
                    </a:cxn>
                    <a:cxn ang="T106">
                      <a:pos x="T20" y="T21"/>
                    </a:cxn>
                    <a:cxn ang="T107">
                      <a:pos x="T22" y="T23"/>
                    </a:cxn>
                    <a:cxn ang="T108">
                      <a:pos x="T24" y="T25"/>
                    </a:cxn>
                    <a:cxn ang="T109">
                      <a:pos x="T26" y="T27"/>
                    </a:cxn>
                    <a:cxn ang="T110">
                      <a:pos x="T28" y="T29"/>
                    </a:cxn>
                    <a:cxn ang="T111">
                      <a:pos x="T30" y="T31"/>
                    </a:cxn>
                    <a:cxn ang="T112">
                      <a:pos x="T32" y="T33"/>
                    </a:cxn>
                    <a:cxn ang="T113">
                      <a:pos x="T34" y="T35"/>
                    </a:cxn>
                    <a:cxn ang="T114">
                      <a:pos x="T36" y="T37"/>
                    </a:cxn>
                    <a:cxn ang="T115">
                      <a:pos x="T38" y="T39"/>
                    </a:cxn>
                    <a:cxn ang="T116">
                      <a:pos x="T40" y="T41"/>
                    </a:cxn>
                    <a:cxn ang="T117">
                      <a:pos x="T42" y="T43"/>
                    </a:cxn>
                    <a:cxn ang="T118">
                      <a:pos x="T44" y="T45"/>
                    </a:cxn>
                    <a:cxn ang="T119">
                      <a:pos x="T46" y="T47"/>
                    </a:cxn>
                    <a:cxn ang="T120">
                      <a:pos x="T48" y="T49"/>
                    </a:cxn>
                    <a:cxn ang="T121">
                      <a:pos x="T50" y="T51"/>
                    </a:cxn>
                    <a:cxn ang="T122">
                      <a:pos x="T52" y="T53"/>
                    </a:cxn>
                    <a:cxn ang="T123">
                      <a:pos x="T54" y="T55"/>
                    </a:cxn>
                    <a:cxn ang="T124">
                      <a:pos x="T56" y="T57"/>
                    </a:cxn>
                    <a:cxn ang="T125">
                      <a:pos x="T58" y="T59"/>
                    </a:cxn>
                    <a:cxn ang="T126">
                      <a:pos x="T60" y="T61"/>
                    </a:cxn>
                    <a:cxn ang="T127">
                      <a:pos x="T62" y="T63"/>
                    </a:cxn>
                    <a:cxn ang="T128">
                      <a:pos x="T64" y="T65"/>
                    </a:cxn>
                    <a:cxn ang="T129">
                      <a:pos x="T66" y="T67"/>
                    </a:cxn>
                    <a:cxn ang="T130">
                      <a:pos x="T68" y="T69"/>
                    </a:cxn>
                    <a:cxn ang="T131">
                      <a:pos x="T70" y="T71"/>
                    </a:cxn>
                    <a:cxn ang="T132">
                      <a:pos x="T72" y="T73"/>
                    </a:cxn>
                    <a:cxn ang="T133">
                      <a:pos x="T74" y="T75"/>
                    </a:cxn>
                    <a:cxn ang="T134">
                      <a:pos x="T76" y="T77"/>
                    </a:cxn>
                    <a:cxn ang="T135">
                      <a:pos x="T78" y="T79"/>
                    </a:cxn>
                    <a:cxn ang="T136">
                      <a:pos x="T80" y="T81"/>
                    </a:cxn>
                    <a:cxn ang="T137">
                      <a:pos x="T82" y="T83"/>
                    </a:cxn>
                    <a:cxn ang="T138">
                      <a:pos x="T84" y="T85"/>
                    </a:cxn>
                    <a:cxn ang="T139">
                      <a:pos x="T86" y="T87"/>
                    </a:cxn>
                    <a:cxn ang="T140">
                      <a:pos x="T88" y="T89"/>
                    </a:cxn>
                    <a:cxn ang="T141">
                      <a:pos x="T90" y="T91"/>
                    </a:cxn>
                    <a:cxn ang="T142">
                      <a:pos x="T92" y="T93"/>
                    </a:cxn>
                    <a:cxn ang="T143">
                      <a:pos x="T94" y="T95"/>
                    </a:cxn>
                  </a:cxnLst>
                  <a:rect l="T144" t="T145" r="T146" b="T147"/>
                  <a:pathLst>
                    <a:path w="574" h="370">
                      <a:moveTo>
                        <a:pt x="51" y="370"/>
                      </a:moveTo>
                      <a:lnTo>
                        <a:pt x="146" y="352"/>
                      </a:lnTo>
                      <a:lnTo>
                        <a:pt x="491" y="287"/>
                      </a:lnTo>
                      <a:lnTo>
                        <a:pt x="493" y="277"/>
                      </a:lnTo>
                      <a:lnTo>
                        <a:pt x="496" y="272"/>
                      </a:lnTo>
                      <a:lnTo>
                        <a:pt x="501" y="269"/>
                      </a:lnTo>
                      <a:lnTo>
                        <a:pt x="506" y="265"/>
                      </a:lnTo>
                      <a:lnTo>
                        <a:pt x="513" y="265"/>
                      </a:lnTo>
                      <a:lnTo>
                        <a:pt x="518" y="265"/>
                      </a:lnTo>
                      <a:lnTo>
                        <a:pt x="521" y="265"/>
                      </a:lnTo>
                      <a:lnTo>
                        <a:pt x="523" y="267"/>
                      </a:lnTo>
                      <a:lnTo>
                        <a:pt x="523" y="265"/>
                      </a:lnTo>
                      <a:lnTo>
                        <a:pt x="527" y="264"/>
                      </a:lnTo>
                      <a:lnTo>
                        <a:pt x="530" y="260"/>
                      </a:lnTo>
                      <a:lnTo>
                        <a:pt x="535" y="257"/>
                      </a:lnTo>
                      <a:lnTo>
                        <a:pt x="538" y="254"/>
                      </a:lnTo>
                      <a:lnTo>
                        <a:pt x="543" y="252"/>
                      </a:lnTo>
                      <a:lnTo>
                        <a:pt x="545" y="248"/>
                      </a:lnTo>
                      <a:lnTo>
                        <a:pt x="547" y="248"/>
                      </a:lnTo>
                      <a:lnTo>
                        <a:pt x="547" y="243"/>
                      </a:lnTo>
                      <a:lnTo>
                        <a:pt x="550" y="238"/>
                      </a:lnTo>
                      <a:lnTo>
                        <a:pt x="554" y="233"/>
                      </a:lnTo>
                      <a:lnTo>
                        <a:pt x="557" y="228"/>
                      </a:lnTo>
                      <a:lnTo>
                        <a:pt x="560" y="225"/>
                      </a:lnTo>
                      <a:lnTo>
                        <a:pt x="564" y="221"/>
                      </a:lnTo>
                      <a:lnTo>
                        <a:pt x="567" y="220"/>
                      </a:lnTo>
                      <a:lnTo>
                        <a:pt x="569" y="218"/>
                      </a:lnTo>
                      <a:lnTo>
                        <a:pt x="572" y="216"/>
                      </a:lnTo>
                      <a:lnTo>
                        <a:pt x="574" y="213"/>
                      </a:lnTo>
                      <a:lnTo>
                        <a:pt x="574" y="211"/>
                      </a:lnTo>
                      <a:lnTo>
                        <a:pt x="574" y="208"/>
                      </a:lnTo>
                      <a:lnTo>
                        <a:pt x="572" y="206"/>
                      </a:lnTo>
                      <a:lnTo>
                        <a:pt x="571" y="204"/>
                      </a:lnTo>
                      <a:lnTo>
                        <a:pt x="571" y="203"/>
                      </a:lnTo>
                      <a:lnTo>
                        <a:pt x="569" y="203"/>
                      </a:lnTo>
                      <a:lnTo>
                        <a:pt x="567" y="201"/>
                      </a:lnTo>
                      <a:lnTo>
                        <a:pt x="564" y="199"/>
                      </a:lnTo>
                      <a:lnTo>
                        <a:pt x="559" y="194"/>
                      </a:lnTo>
                      <a:lnTo>
                        <a:pt x="554" y="189"/>
                      </a:lnTo>
                      <a:lnTo>
                        <a:pt x="547" y="184"/>
                      </a:lnTo>
                      <a:lnTo>
                        <a:pt x="542" y="179"/>
                      </a:lnTo>
                      <a:lnTo>
                        <a:pt x="537" y="176"/>
                      </a:lnTo>
                      <a:lnTo>
                        <a:pt x="535" y="174"/>
                      </a:lnTo>
                      <a:lnTo>
                        <a:pt x="525" y="169"/>
                      </a:lnTo>
                      <a:lnTo>
                        <a:pt x="520" y="162"/>
                      </a:lnTo>
                      <a:lnTo>
                        <a:pt x="518" y="155"/>
                      </a:lnTo>
                      <a:lnTo>
                        <a:pt x="518" y="149"/>
                      </a:lnTo>
                      <a:lnTo>
                        <a:pt x="520" y="144"/>
                      </a:lnTo>
                      <a:lnTo>
                        <a:pt x="521" y="138"/>
                      </a:lnTo>
                      <a:lnTo>
                        <a:pt x="523" y="135"/>
                      </a:lnTo>
                      <a:lnTo>
                        <a:pt x="525" y="135"/>
                      </a:lnTo>
                      <a:lnTo>
                        <a:pt x="515" y="118"/>
                      </a:lnTo>
                      <a:lnTo>
                        <a:pt x="532" y="93"/>
                      </a:lnTo>
                      <a:lnTo>
                        <a:pt x="538" y="71"/>
                      </a:lnTo>
                      <a:lnTo>
                        <a:pt x="543" y="62"/>
                      </a:lnTo>
                      <a:lnTo>
                        <a:pt x="525" y="56"/>
                      </a:lnTo>
                      <a:lnTo>
                        <a:pt x="523" y="56"/>
                      </a:lnTo>
                      <a:lnTo>
                        <a:pt x="520" y="54"/>
                      </a:lnTo>
                      <a:lnTo>
                        <a:pt x="518" y="50"/>
                      </a:lnTo>
                      <a:lnTo>
                        <a:pt x="515" y="47"/>
                      </a:lnTo>
                      <a:lnTo>
                        <a:pt x="511" y="44"/>
                      </a:lnTo>
                      <a:lnTo>
                        <a:pt x="508" y="39"/>
                      </a:lnTo>
                      <a:lnTo>
                        <a:pt x="505" y="32"/>
                      </a:lnTo>
                      <a:lnTo>
                        <a:pt x="503" y="30"/>
                      </a:lnTo>
                      <a:lnTo>
                        <a:pt x="503" y="28"/>
                      </a:lnTo>
                      <a:lnTo>
                        <a:pt x="503" y="25"/>
                      </a:lnTo>
                      <a:lnTo>
                        <a:pt x="501" y="22"/>
                      </a:lnTo>
                      <a:lnTo>
                        <a:pt x="499" y="20"/>
                      </a:lnTo>
                      <a:lnTo>
                        <a:pt x="496" y="17"/>
                      </a:lnTo>
                      <a:lnTo>
                        <a:pt x="493" y="15"/>
                      </a:lnTo>
                      <a:lnTo>
                        <a:pt x="486" y="15"/>
                      </a:lnTo>
                      <a:lnTo>
                        <a:pt x="484" y="13"/>
                      </a:lnTo>
                      <a:lnTo>
                        <a:pt x="483" y="12"/>
                      </a:lnTo>
                      <a:lnTo>
                        <a:pt x="481" y="8"/>
                      </a:lnTo>
                      <a:lnTo>
                        <a:pt x="479" y="5"/>
                      </a:lnTo>
                      <a:lnTo>
                        <a:pt x="476" y="1"/>
                      </a:lnTo>
                      <a:lnTo>
                        <a:pt x="471" y="0"/>
                      </a:lnTo>
                      <a:lnTo>
                        <a:pt x="466" y="0"/>
                      </a:lnTo>
                      <a:lnTo>
                        <a:pt x="459" y="0"/>
                      </a:lnTo>
                      <a:lnTo>
                        <a:pt x="457" y="0"/>
                      </a:lnTo>
                      <a:lnTo>
                        <a:pt x="454" y="1"/>
                      </a:lnTo>
                      <a:lnTo>
                        <a:pt x="449" y="3"/>
                      </a:lnTo>
                      <a:lnTo>
                        <a:pt x="442" y="3"/>
                      </a:lnTo>
                      <a:lnTo>
                        <a:pt x="432" y="5"/>
                      </a:lnTo>
                      <a:lnTo>
                        <a:pt x="422" y="8"/>
                      </a:lnTo>
                      <a:lnTo>
                        <a:pt x="410" y="10"/>
                      </a:lnTo>
                      <a:lnTo>
                        <a:pt x="398" y="12"/>
                      </a:lnTo>
                      <a:lnTo>
                        <a:pt x="383" y="15"/>
                      </a:lnTo>
                      <a:lnTo>
                        <a:pt x="367" y="18"/>
                      </a:lnTo>
                      <a:lnTo>
                        <a:pt x="352" y="22"/>
                      </a:lnTo>
                      <a:lnTo>
                        <a:pt x="335" y="25"/>
                      </a:lnTo>
                      <a:lnTo>
                        <a:pt x="318" y="28"/>
                      </a:lnTo>
                      <a:lnTo>
                        <a:pt x="301" y="32"/>
                      </a:lnTo>
                      <a:lnTo>
                        <a:pt x="283" y="35"/>
                      </a:lnTo>
                      <a:lnTo>
                        <a:pt x="266" y="39"/>
                      </a:lnTo>
                      <a:lnTo>
                        <a:pt x="247" y="42"/>
                      </a:lnTo>
                      <a:lnTo>
                        <a:pt x="230" y="45"/>
                      </a:lnTo>
                      <a:lnTo>
                        <a:pt x="212" y="49"/>
                      </a:lnTo>
                      <a:lnTo>
                        <a:pt x="195" y="52"/>
                      </a:lnTo>
                      <a:lnTo>
                        <a:pt x="178" y="56"/>
                      </a:lnTo>
                      <a:lnTo>
                        <a:pt x="163" y="59"/>
                      </a:lnTo>
                      <a:lnTo>
                        <a:pt x="147" y="61"/>
                      </a:lnTo>
                      <a:lnTo>
                        <a:pt x="134" y="64"/>
                      </a:lnTo>
                      <a:lnTo>
                        <a:pt x="120" y="66"/>
                      </a:lnTo>
                      <a:lnTo>
                        <a:pt x="109" y="69"/>
                      </a:lnTo>
                      <a:lnTo>
                        <a:pt x="98" y="71"/>
                      </a:lnTo>
                      <a:lnTo>
                        <a:pt x="90" y="72"/>
                      </a:lnTo>
                      <a:lnTo>
                        <a:pt x="83" y="74"/>
                      </a:lnTo>
                      <a:lnTo>
                        <a:pt x="78" y="74"/>
                      </a:lnTo>
                      <a:lnTo>
                        <a:pt x="75" y="74"/>
                      </a:lnTo>
                      <a:lnTo>
                        <a:pt x="75" y="76"/>
                      </a:lnTo>
                      <a:lnTo>
                        <a:pt x="66" y="44"/>
                      </a:lnTo>
                      <a:lnTo>
                        <a:pt x="61" y="47"/>
                      </a:lnTo>
                      <a:lnTo>
                        <a:pt x="56" y="52"/>
                      </a:lnTo>
                      <a:lnTo>
                        <a:pt x="49" y="56"/>
                      </a:lnTo>
                      <a:lnTo>
                        <a:pt x="44" y="59"/>
                      </a:lnTo>
                      <a:lnTo>
                        <a:pt x="39" y="64"/>
                      </a:lnTo>
                      <a:lnTo>
                        <a:pt x="34" y="67"/>
                      </a:lnTo>
                      <a:lnTo>
                        <a:pt x="29" y="71"/>
                      </a:lnTo>
                      <a:lnTo>
                        <a:pt x="26" y="74"/>
                      </a:lnTo>
                      <a:lnTo>
                        <a:pt x="21" y="78"/>
                      </a:lnTo>
                      <a:lnTo>
                        <a:pt x="15" y="81"/>
                      </a:lnTo>
                      <a:lnTo>
                        <a:pt x="12" y="84"/>
                      </a:lnTo>
                      <a:lnTo>
                        <a:pt x="9" y="86"/>
                      </a:lnTo>
                      <a:lnTo>
                        <a:pt x="7" y="89"/>
                      </a:lnTo>
                      <a:lnTo>
                        <a:pt x="4" y="91"/>
                      </a:lnTo>
                      <a:lnTo>
                        <a:pt x="2" y="91"/>
                      </a:lnTo>
                      <a:lnTo>
                        <a:pt x="2" y="93"/>
                      </a:lnTo>
                      <a:lnTo>
                        <a:pt x="0" y="93"/>
                      </a:lnTo>
                      <a:lnTo>
                        <a:pt x="32" y="259"/>
                      </a:lnTo>
                      <a:lnTo>
                        <a:pt x="51" y="370"/>
                      </a:lnTo>
                    </a:path>
                  </a:pathLst>
                </a:custGeom>
                <a:solidFill>
                  <a:srgbClr val="C0000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</p:grpSp>
        </p:grpSp>
        <p:sp>
          <p:nvSpPr>
            <p:cNvPr id="742" name="Freeform 50"/>
            <p:cNvSpPr>
              <a:spLocks/>
            </p:cNvSpPr>
            <p:nvPr/>
          </p:nvSpPr>
          <p:spPr bwMode="auto">
            <a:xfrm>
              <a:off x="4658" y="1344"/>
              <a:ext cx="160" cy="309"/>
            </a:xfrm>
            <a:custGeom>
              <a:avLst/>
              <a:gdLst>
                <a:gd name="T0" fmla="*/ 47 w 165"/>
                <a:gd name="T1" fmla="*/ 211 h 318"/>
                <a:gd name="T2" fmla="*/ 44 w 165"/>
                <a:gd name="T3" fmla="*/ 199 h 318"/>
                <a:gd name="T4" fmla="*/ 42 w 165"/>
                <a:gd name="T5" fmla="*/ 183 h 318"/>
                <a:gd name="T6" fmla="*/ 39 w 165"/>
                <a:gd name="T7" fmla="*/ 167 h 318"/>
                <a:gd name="T8" fmla="*/ 38 w 165"/>
                <a:gd name="T9" fmla="*/ 154 h 318"/>
                <a:gd name="T10" fmla="*/ 35 w 165"/>
                <a:gd name="T11" fmla="*/ 145 h 318"/>
                <a:gd name="T12" fmla="*/ 29 w 165"/>
                <a:gd name="T13" fmla="*/ 141 h 318"/>
                <a:gd name="T14" fmla="*/ 24 w 165"/>
                <a:gd name="T15" fmla="*/ 145 h 318"/>
                <a:gd name="T16" fmla="*/ 16 w 165"/>
                <a:gd name="T17" fmla="*/ 111 h 318"/>
                <a:gd name="T18" fmla="*/ 0 w 165"/>
                <a:gd name="T19" fmla="*/ 26 h 318"/>
                <a:gd name="T20" fmla="*/ 103 w 165"/>
                <a:gd name="T21" fmla="*/ 10 h 318"/>
                <a:gd name="T22" fmla="*/ 103 w 165"/>
                <a:gd name="T23" fmla="*/ 15 h 318"/>
                <a:gd name="T24" fmla="*/ 103 w 165"/>
                <a:gd name="T25" fmla="*/ 17 h 318"/>
                <a:gd name="T26" fmla="*/ 100 w 165"/>
                <a:gd name="T27" fmla="*/ 21 h 318"/>
                <a:gd name="T28" fmla="*/ 103 w 165"/>
                <a:gd name="T29" fmla="*/ 26 h 318"/>
                <a:gd name="T30" fmla="*/ 106 w 165"/>
                <a:gd name="T31" fmla="*/ 37 h 318"/>
                <a:gd name="T32" fmla="*/ 107 w 165"/>
                <a:gd name="T33" fmla="*/ 43 h 318"/>
                <a:gd name="T34" fmla="*/ 103 w 165"/>
                <a:gd name="T35" fmla="*/ 51 h 318"/>
                <a:gd name="T36" fmla="*/ 94 w 165"/>
                <a:gd name="T37" fmla="*/ 63 h 318"/>
                <a:gd name="T38" fmla="*/ 94 w 165"/>
                <a:gd name="T39" fmla="*/ 64 h 318"/>
                <a:gd name="T40" fmla="*/ 88 w 165"/>
                <a:gd name="T41" fmla="*/ 68 h 318"/>
                <a:gd name="T42" fmla="*/ 89 w 165"/>
                <a:gd name="T43" fmla="*/ 73 h 318"/>
                <a:gd name="T44" fmla="*/ 89 w 165"/>
                <a:gd name="T45" fmla="*/ 83 h 318"/>
                <a:gd name="T46" fmla="*/ 89 w 165"/>
                <a:gd name="T47" fmla="*/ 93 h 318"/>
                <a:gd name="T48" fmla="*/ 88 w 165"/>
                <a:gd name="T49" fmla="*/ 108 h 318"/>
                <a:gd name="T50" fmla="*/ 85 w 165"/>
                <a:gd name="T51" fmla="*/ 115 h 318"/>
                <a:gd name="T52" fmla="*/ 85 w 165"/>
                <a:gd name="T53" fmla="*/ 122 h 318"/>
                <a:gd name="T54" fmla="*/ 83 w 165"/>
                <a:gd name="T55" fmla="*/ 127 h 318"/>
                <a:gd name="T56" fmla="*/ 81 w 165"/>
                <a:gd name="T57" fmla="*/ 139 h 318"/>
                <a:gd name="T58" fmla="*/ 85 w 165"/>
                <a:gd name="T59" fmla="*/ 153 h 318"/>
                <a:gd name="T60" fmla="*/ 85 w 165"/>
                <a:gd name="T61" fmla="*/ 157 h 318"/>
                <a:gd name="T62" fmla="*/ 85 w 165"/>
                <a:gd name="T63" fmla="*/ 164 h 318"/>
                <a:gd name="T64" fmla="*/ 85 w 165"/>
                <a:gd name="T65" fmla="*/ 167 h 318"/>
                <a:gd name="T66" fmla="*/ 88 w 165"/>
                <a:gd name="T67" fmla="*/ 173 h 318"/>
                <a:gd name="T68" fmla="*/ 88 w 165"/>
                <a:gd name="T69" fmla="*/ 180 h 318"/>
                <a:gd name="T70" fmla="*/ 85 w 165"/>
                <a:gd name="T71" fmla="*/ 184 h 318"/>
                <a:gd name="T72" fmla="*/ 85 w 165"/>
                <a:gd name="T73" fmla="*/ 193 h 318"/>
                <a:gd name="T74" fmla="*/ 92 w 165"/>
                <a:gd name="T75" fmla="*/ 201 h 318"/>
                <a:gd name="T76" fmla="*/ 87 w 165"/>
                <a:gd name="T77" fmla="*/ 203 h 318"/>
                <a:gd name="T78" fmla="*/ 78 w 165"/>
                <a:gd name="T79" fmla="*/ 205 h 318"/>
                <a:gd name="T80" fmla="*/ 66 w 165"/>
                <a:gd name="T81" fmla="*/ 208 h 318"/>
                <a:gd name="T82" fmla="*/ 54 w 165"/>
                <a:gd name="T83" fmla="*/ 211 h 318"/>
                <a:gd name="T84" fmla="*/ 47 w 165"/>
                <a:gd name="T85" fmla="*/ 211 h 318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165"/>
                <a:gd name="T130" fmla="*/ 0 h 318"/>
                <a:gd name="T131" fmla="*/ 165 w 165"/>
                <a:gd name="T132" fmla="*/ 318 h 318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165" h="318">
                  <a:moveTo>
                    <a:pt x="73" y="318"/>
                  </a:moveTo>
                  <a:lnTo>
                    <a:pt x="73" y="316"/>
                  </a:lnTo>
                  <a:lnTo>
                    <a:pt x="73" y="315"/>
                  </a:lnTo>
                  <a:lnTo>
                    <a:pt x="71" y="310"/>
                  </a:lnTo>
                  <a:lnTo>
                    <a:pt x="70" y="303"/>
                  </a:lnTo>
                  <a:lnTo>
                    <a:pt x="68" y="296"/>
                  </a:lnTo>
                  <a:lnTo>
                    <a:pt x="68" y="289"/>
                  </a:lnTo>
                  <a:lnTo>
                    <a:pt x="66" y="281"/>
                  </a:lnTo>
                  <a:lnTo>
                    <a:pt x="63" y="272"/>
                  </a:lnTo>
                  <a:lnTo>
                    <a:pt x="61" y="264"/>
                  </a:lnTo>
                  <a:lnTo>
                    <a:pt x="60" y="255"/>
                  </a:lnTo>
                  <a:lnTo>
                    <a:pt x="58" y="249"/>
                  </a:lnTo>
                  <a:lnTo>
                    <a:pt x="58" y="242"/>
                  </a:lnTo>
                  <a:lnTo>
                    <a:pt x="56" y="235"/>
                  </a:lnTo>
                  <a:lnTo>
                    <a:pt x="55" y="230"/>
                  </a:lnTo>
                  <a:lnTo>
                    <a:pt x="55" y="227"/>
                  </a:lnTo>
                  <a:lnTo>
                    <a:pt x="53" y="225"/>
                  </a:lnTo>
                  <a:lnTo>
                    <a:pt x="49" y="216"/>
                  </a:lnTo>
                  <a:lnTo>
                    <a:pt x="46" y="211"/>
                  </a:lnTo>
                  <a:lnTo>
                    <a:pt x="44" y="210"/>
                  </a:lnTo>
                  <a:lnTo>
                    <a:pt x="43" y="210"/>
                  </a:lnTo>
                  <a:lnTo>
                    <a:pt x="41" y="211"/>
                  </a:lnTo>
                  <a:lnTo>
                    <a:pt x="39" y="215"/>
                  </a:lnTo>
                  <a:lnTo>
                    <a:pt x="38" y="216"/>
                  </a:lnTo>
                  <a:lnTo>
                    <a:pt x="34" y="213"/>
                  </a:lnTo>
                  <a:lnTo>
                    <a:pt x="26" y="164"/>
                  </a:lnTo>
                  <a:lnTo>
                    <a:pt x="22" y="128"/>
                  </a:lnTo>
                  <a:lnTo>
                    <a:pt x="16" y="113"/>
                  </a:lnTo>
                  <a:lnTo>
                    <a:pt x="0" y="40"/>
                  </a:lnTo>
                  <a:lnTo>
                    <a:pt x="156" y="0"/>
                  </a:lnTo>
                  <a:lnTo>
                    <a:pt x="158" y="10"/>
                  </a:lnTo>
                  <a:lnTo>
                    <a:pt x="158" y="12"/>
                  </a:lnTo>
                  <a:lnTo>
                    <a:pt x="159" y="15"/>
                  </a:lnTo>
                  <a:lnTo>
                    <a:pt x="159" y="17"/>
                  </a:lnTo>
                  <a:lnTo>
                    <a:pt x="159" y="22"/>
                  </a:lnTo>
                  <a:lnTo>
                    <a:pt x="159" y="25"/>
                  </a:lnTo>
                  <a:lnTo>
                    <a:pt x="158" y="29"/>
                  </a:lnTo>
                  <a:lnTo>
                    <a:pt x="154" y="34"/>
                  </a:lnTo>
                  <a:lnTo>
                    <a:pt x="154" y="35"/>
                  </a:lnTo>
                  <a:lnTo>
                    <a:pt x="156" y="35"/>
                  </a:lnTo>
                  <a:lnTo>
                    <a:pt x="158" y="37"/>
                  </a:lnTo>
                  <a:lnTo>
                    <a:pt x="158" y="40"/>
                  </a:lnTo>
                  <a:lnTo>
                    <a:pt x="159" y="44"/>
                  </a:lnTo>
                  <a:lnTo>
                    <a:pt x="161" y="46"/>
                  </a:lnTo>
                  <a:lnTo>
                    <a:pt x="163" y="51"/>
                  </a:lnTo>
                  <a:lnTo>
                    <a:pt x="165" y="54"/>
                  </a:lnTo>
                  <a:lnTo>
                    <a:pt x="165" y="59"/>
                  </a:lnTo>
                  <a:lnTo>
                    <a:pt x="165" y="62"/>
                  </a:lnTo>
                  <a:lnTo>
                    <a:pt x="165" y="68"/>
                  </a:lnTo>
                  <a:lnTo>
                    <a:pt x="163" y="73"/>
                  </a:lnTo>
                  <a:lnTo>
                    <a:pt x="159" y="78"/>
                  </a:lnTo>
                  <a:lnTo>
                    <a:pt x="156" y="83"/>
                  </a:lnTo>
                  <a:lnTo>
                    <a:pt x="149" y="88"/>
                  </a:lnTo>
                  <a:lnTo>
                    <a:pt x="143" y="93"/>
                  </a:lnTo>
                  <a:lnTo>
                    <a:pt x="143" y="95"/>
                  </a:lnTo>
                  <a:lnTo>
                    <a:pt x="143" y="93"/>
                  </a:lnTo>
                  <a:lnTo>
                    <a:pt x="136" y="100"/>
                  </a:lnTo>
                  <a:lnTo>
                    <a:pt x="136" y="101"/>
                  </a:lnTo>
                  <a:lnTo>
                    <a:pt x="136" y="105"/>
                  </a:lnTo>
                  <a:lnTo>
                    <a:pt x="137" y="108"/>
                  </a:lnTo>
                  <a:lnTo>
                    <a:pt x="137" y="113"/>
                  </a:lnTo>
                  <a:lnTo>
                    <a:pt x="137" y="118"/>
                  </a:lnTo>
                  <a:lnTo>
                    <a:pt x="137" y="123"/>
                  </a:lnTo>
                  <a:lnTo>
                    <a:pt x="137" y="128"/>
                  </a:lnTo>
                  <a:lnTo>
                    <a:pt x="137" y="135"/>
                  </a:lnTo>
                  <a:lnTo>
                    <a:pt x="137" y="140"/>
                  </a:lnTo>
                  <a:lnTo>
                    <a:pt x="137" y="147"/>
                  </a:lnTo>
                  <a:lnTo>
                    <a:pt x="136" y="154"/>
                  </a:lnTo>
                  <a:lnTo>
                    <a:pt x="136" y="159"/>
                  </a:lnTo>
                  <a:lnTo>
                    <a:pt x="134" y="164"/>
                  </a:lnTo>
                  <a:lnTo>
                    <a:pt x="134" y="169"/>
                  </a:lnTo>
                  <a:lnTo>
                    <a:pt x="132" y="172"/>
                  </a:lnTo>
                  <a:lnTo>
                    <a:pt x="132" y="176"/>
                  </a:lnTo>
                  <a:lnTo>
                    <a:pt x="131" y="179"/>
                  </a:lnTo>
                  <a:lnTo>
                    <a:pt x="131" y="183"/>
                  </a:lnTo>
                  <a:lnTo>
                    <a:pt x="131" y="184"/>
                  </a:lnTo>
                  <a:lnTo>
                    <a:pt x="129" y="189"/>
                  </a:lnTo>
                  <a:lnTo>
                    <a:pt x="127" y="194"/>
                  </a:lnTo>
                  <a:lnTo>
                    <a:pt x="126" y="201"/>
                  </a:lnTo>
                  <a:lnTo>
                    <a:pt x="126" y="208"/>
                  </a:lnTo>
                  <a:lnTo>
                    <a:pt x="126" y="215"/>
                  </a:lnTo>
                  <a:lnTo>
                    <a:pt x="127" y="222"/>
                  </a:lnTo>
                  <a:lnTo>
                    <a:pt x="131" y="228"/>
                  </a:lnTo>
                  <a:lnTo>
                    <a:pt x="132" y="228"/>
                  </a:lnTo>
                  <a:lnTo>
                    <a:pt x="132" y="232"/>
                  </a:lnTo>
                  <a:lnTo>
                    <a:pt x="132" y="235"/>
                  </a:lnTo>
                  <a:lnTo>
                    <a:pt x="132" y="238"/>
                  </a:lnTo>
                  <a:lnTo>
                    <a:pt x="132" y="242"/>
                  </a:lnTo>
                  <a:lnTo>
                    <a:pt x="132" y="245"/>
                  </a:lnTo>
                  <a:lnTo>
                    <a:pt x="132" y="247"/>
                  </a:lnTo>
                  <a:lnTo>
                    <a:pt x="132" y="249"/>
                  </a:lnTo>
                  <a:lnTo>
                    <a:pt x="134" y="250"/>
                  </a:lnTo>
                  <a:lnTo>
                    <a:pt x="134" y="254"/>
                  </a:lnTo>
                  <a:lnTo>
                    <a:pt x="136" y="257"/>
                  </a:lnTo>
                  <a:lnTo>
                    <a:pt x="136" y="260"/>
                  </a:lnTo>
                  <a:lnTo>
                    <a:pt x="136" y="266"/>
                  </a:lnTo>
                  <a:lnTo>
                    <a:pt x="136" y="269"/>
                  </a:lnTo>
                  <a:lnTo>
                    <a:pt x="132" y="272"/>
                  </a:lnTo>
                  <a:lnTo>
                    <a:pt x="132" y="274"/>
                  </a:lnTo>
                  <a:lnTo>
                    <a:pt x="132" y="276"/>
                  </a:lnTo>
                  <a:lnTo>
                    <a:pt x="132" y="281"/>
                  </a:lnTo>
                  <a:lnTo>
                    <a:pt x="132" y="284"/>
                  </a:lnTo>
                  <a:lnTo>
                    <a:pt x="132" y="289"/>
                  </a:lnTo>
                  <a:lnTo>
                    <a:pt x="134" y="294"/>
                  </a:lnTo>
                  <a:lnTo>
                    <a:pt x="136" y="298"/>
                  </a:lnTo>
                  <a:lnTo>
                    <a:pt x="141" y="301"/>
                  </a:lnTo>
                  <a:lnTo>
                    <a:pt x="139" y="301"/>
                  </a:lnTo>
                  <a:lnTo>
                    <a:pt x="137" y="301"/>
                  </a:lnTo>
                  <a:lnTo>
                    <a:pt x="134" y="303"/>
                  </a:lnTo>
                  <a:lnTo>
                    <a:pt x="131" y="303"/>
                  </a:lnTo>
                  <a:lnTo>
                    <a:pt x="126" y="304"/>
                  </a:lnTo>
                  <a:lnTo>
                    <a:pt x="119" y="306"/>
                  </a:lnTo>
                  <a:lnTo>
                    <a:pt x="114" y="308"/>
                  </a:lnTo>
                  <a:lnTo>
                    <a:pt x="107" y="310"/>
                  </a:lnTo>
                  <a:lnTo>
                    <a:pt x="100" y="311"/>
                  </a:lnTo>
                  <a:lnTo>
                    <a:pt x="95" y="313"/>
                  </a:lnTo>
                  <a:lnTo>
                    <a:pt x="88" y="315"/>
                  </a:lnTo>
                  <a:lnTo>
                    <a:pt x="83" y="315"/>
                  </a:lnTo>
                  <a:lnTo>
                    <a:pt x="80" y="316"/>
                  </a:lnTo>
                  <a:lnTo>
                    <a:pt x="77" y="316"/>
                  </a:lnTo>
                  <a:lnTo>
                    <a:pt x="73" y="316"/>
                  </a:lnTo>
                  <a:lnTo>
                    <a:pt x="73" y="318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43" name="Freeform 51"/>
            <p:cNvSpPr>
              <a:spLocks/>
            </p:cNvSpPr>
            <p:nvPr/>
          </p:nvSpPr>
          <p:spPr bwMode="auto">
            <a:xfrm>
              <a:off x="192" y="1620"/>
              <a:ext cx="766" cy="1314"/>
            </a:xfrm>
            <a:custGeom>
              <a:avLst/>
              <a:gdLst>
                <a:gd name="T0" fmla="*/ 78 w 788"/>
                <a:gd name="T1" fmla="*/ 14 h 1354"/>
                <a:gd name="T2" fmla="*/ 134 w 788"/>
                <a:gd name="T3" fmla="*/ 23 h 1354"/>
                <a:gd name="T4" fmla="*/ 209 w 788"/>
                <a:gd name="T5" fmla="*/ 44 h 1354"/>
                <a:gd name="T6" fmla="*/ 292 w 788"/>
                <a:gd name="T7" fmla="*/ 65 h 1354"/>
                <a:gd name="T8" fmla="*/ 518 w 788"/>
                <a:gd name="T9" fmla="*/ 749 h 1354"/>
                <a:gd name="T10" fmla="*/ 507 w 788"/>
                <a:gd name="T11" fmla="*/ 786 h 1354"/>
                <a:gd name="T12" fmla="*/ 496 w 788"/>
                <a:gd name="T13" fmla="*/ 815 h 1354"/>
                <a:gd name="T14" fmla="*/ 482 w 788"/>
                <a:gd name="T15" fmla="*/ 837 h 1354"/>
                <a:gd name="T16" fmla="*/ 485 w 788"/>
                <a:gd name="T17" fmla="*/ 869 h 1354"/>
                <a:gd name="T18" fmla="*/ 467 w 788"/>
                <a:gd name="T19" fmla="*/ 890 h 1354"/>
                <a:gd name="T20" fmla="*/ 293 w 788"/>
                <a:gd name="T21" fmla="*/ 847 h 1354"/>
                <a:gd name="T22" fmla="*/ 300 w 788"/>
                <a:gd name="T23" fmla="*/ 834 h 1354"/>
                <a:gd name="T24" fmla="*/ 285 w 788"/>
                <a:gd name="T25" fmla="*/ 794 h 1354"/>
                <a:gd name="T26" fmla="*/ 256 w 788"/>
                <a:gd name="T27" fmla="*/ 758 h 1354"/>
                <a:gd name="T28" fmla="*/ 243 w 788"/>
                <a:gd name="T29" fmla="*/ 758 h 1354"/>
                <a:gd name="T30" fmla="*/ 236 w 788"/>
                <a:gd name="T31" fmla="*/ 749 h 1354"/>
                <a:gd name="T32" fmla="*/ 229 w 788"/>
                <a:gd name="T33" fmla="*/ 728 h 1354"/>
                <a:gd name="T34" fmla="*/ 202 w 788"/>
                <a:gd name="T35" fmla="*/ 720 h 1354"/>
                <a:gd name="T36" fmla="*/ 181 w 788"/>
                <a:gd name="T37" fmla="*/ 689 h 1354"/>
                <a:gd name="T38" fmla="*/ 162 w 788"/>
                <a:gd name="T39" fmla="*/ 679 h 1354"/>
                <a:gd name="T40" fmla="*/ 141 w 788"/>
                <a:gd name="T41" fmla="*/ 670 h 1354"/>
                <a:gd name="T42" fmla="*/ 113 w 788"/>
                <a:gd name="T43" fmla="*/ 660 h 1354"/>
                <a:gd name="T44" fmla="*/ 111 w 788"/>
                <a:gd name="T45" fmla="*/ 642 h 1354"/>
                <a:gd name="T46" fmla="*/ 117 w 788"/>
                <a:gd name="T47" fmla="*/ 606 h 1354"/>
                <a:gd name="T48" fmla="*/ 105 w 788"/>
                <a:gd name="T49" fmla="*/ 597 h 1354"/>
                <a:gd name="T50" fmla="*/ 110 w 788"/>
                <a:gd name="T51" fmla="*/ 581 h 1354"/>
                <a:gd name="T52" fmla="*/ 98 w 788"/>
                <a:gd name="T53" fmla="*/ 565 h 1354"/>
                <a:gd name="T54" fmla="*/ 75 w 788"/>
                <a:gd name="T55" fmla="*/ 515 h 1354"/>
                <a:gd name="T56" fmla="*/ 65 w 788"/>
                <a:gd name="T57" fmla="*/ 498 h 1354"/>
                <a:gd name="T58" fmla="*/ 62 w 788"/>
                <a:gd name="T59" fmla="*/ 490 h 1354"/>
                <a:gd name="T60" fmla="*/ 67 w 788"/>
                <a:gd name="T61" fmla="*/ 466 h 1354"/>
                <a:gd name="T62" fmla="*/ 79 w 788"/>
                <a:gd name="T63" fmla="*/ 443 h 1354"/>
                <a:gd name="T64" fmla="*/ 50 w 788"/>
                <a:gd name="T65" fmla="*/ 419 h 1354"/>
                <a:gd name="T66" fmla="*/ 50 w 788"/>
                <a:gd name="T67" fmla="*/ 405 h 1354"/>
                <a:gd name="T68" fmla="*/ 51 w 788"/>
                <a:gd name="T69" fmla="*/ 389 h 1354"/>
                <a:gd name="T70" fmla="*/ 56 w 788"/>
                <a:gd name="T71" fmla="*/ 365 h 1354"/>
                <a:gd name="T72" fmla="*/ 63 w 788"/>
                <a:gd name="T73" fmla="*/ 371 h 1354"/>
                <a:gd name="T74" fmla="*/ 69 w 788"/>
                <a:gd name="T75" fmla="*/ 389 h 1354"/>
                <a:gd name="T76" fmla="*/ 78 w 788"/>
                <a:gd name="T77" fmla="*/ 391 h 1354"/>
                <a:gd name="T78" fmla="*/ 75 w 788"/>
                <a:gd name="T79" fmla="*/ 378 h 1354"/>
                <a:gd name="T80" fmla="*/ 71 w 788"/>
                <a:gd name="T81" fmla="*/ 369 h 1354"/>
                <a:gd name="T82" fmla="*/ 71 w 788"/>
                <a:gd name="T83" fmla="*/ 350 h 1354"/>
                <a:gd name="T84" fmla="*/ 99 w 788"/>
                <a:gd name="T85" fmla="*/ 345 h 1354"/>
                <a:gd name="T86" fmla="*/ 75 w 788"/>
                <a:gd name="T87" fmla="*/ 339 h 1354"/>
                <a:gd name="T88" fmla="*/ 63 w 788"/>
                <a:gd name="T89" fmla="*/ 344 h 1354"/>
                <a:gd name="T90" fmla="*/ 44 w 788"/>
                <a:gd name="T91" fmla="*/ 346 h 1354"/>
                <a:gd name="T92" fmla="*/ 31 w 788"/>
                <a:gd name="T93" fmla="*/ 337 h 1354"/>
                <a:gd name="T94" fmla="*/ 36 w 788"/>
                <a:gd name="T95" fmla="*/ 304 h 1354"/>
                <a:gd name="T96" fmla="*/ 17 w 788"/>
                <a:gd name="T97" fmla="*/ 284 h 1354"/>
                <a:gd name="T98" fmla="*/ 17 w 788"/>
                <a:gd name="T99" fmla="*/ 263 h 1354"/>
                <a:gd name="T100" fmla="*/ 10 w 788"/>
                <a:gd name="T101" fmla="*/ 248 h 1354"/>
                <a:gd name="T102" fmla="*/ 17 w 788"/>
                <a:gd name="T103" fmla="*/ 230 h 1354"/>
                <a:gd name="T104" fmla="*/ 17 w 788"/>
                <a:gd name="T105" fmla="*/ 201 h 1354"/>
                <a:gd name="T106" fmla="*/ 17 w 788"/>
                <a:gd name="T107" fmla="*/ 176 h 1354"/>
                <a:gd name="T108" fmla="*/ 17 w 788"/>
                <a:gd name="T109" fmla="*/ 161 h 1354"/>
                <a:gd name="T110" fmla="*/ 13 w 788"/>
                <a:gd name="T111" fmla="*/ 151 h 1354"/>
                <a:gd name="T112" fmla="*/ 1 w 788"/>
                <a:gd name="T113" fmla="*/ 123 h 1354"/>
                <a:gd name="T114" fmla="*/ 30 w 788"/>
                <a:gd name="T115" fmla="*/ 86 h 1354"/>
                <a:gd name="T116" fmla="*/ 40 w 788"/>
                <a:gd name="T117" fmla="*/ 62 h 1354"/>
                <a:gd name="T118" fmla="*/ 48 w 788"/>
                <a:gd name="T119" fmla="*/ 32 h 1354"/>
                <a:gd name="T120" fmla="*/ 49 w 788"/>
                <a:gd name="T121" fmla="*/ 0 h 1354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w 788"/>
                <a:gd name="T184" fmla="*/ 0 h 1354"/>
                <a:gd name="T185" fmla="*/ 788 w 788"/>
                <a:gd name="T186" fmla="*/ 1354 h 1354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T183" t="T184" r="T185" b="T186"/>
              <a:pathLst>
                <a:path w="788" h="1354">
                  <a:moveTo>
                    <a:pt x="74" y="0"/>
                  </a:moveTo>
                  <a:lnTo>
                    <a:pt x="77" y="2"/>
                  </a:lnTo>
                  <a:lnTo>
                    <a:pt x="83" y="2"/>
                  </a:lnTo>
                  <a:lnTo>
                    <a:pt x="88" y="5"/>
                  </a:lnTo>
                  <a:lnTo>
                    <a:pt x="93" y="7"/>
                  </a:lnTo>
                  <a:lnTo>
                    <a:pt x="99" y="9"/>
                  </a:lnTo>
                  <a:lnTo>
                    <a:pt x="106" y="10"/>
                  </a:lnTo>
                  <a:lnTo>
                    <a:pt x="115" y="14"/>
                  </a:lnTo>
                  <a:lnTo>
                    <a:pt x="123" y="15"/>
                  </a:lnTo>
                  <a:lnTo>
                    <a:pt x="133" y="19"/>
                  </a:lnTo>
                  <a:lnTo>
                    <a:pt x="143" y="20"/>
                  </a:lnTo>
                  <a:lnTo>
                    <a:pt x="154" y="24"/>
                  </a:lnTo>
                  <a:lnTo>
                    <a:pt x="164" y="27"/>
                  </a:lnTo>
                  <a:lnTo>
                    <a:pt x="176" y="31"/>
                  </a:lnTo>
                  <a:lnTo>
                    <a:pt x="187" y="34"/>
                  </a:lnTo>
                  <a:lnTo>
                    <a:pt x="199" y="37"/>
                  </a:lnTo>
                  <a:lnTo>
                    <a:pt x="213" y="41"/>
                  </a:lnTo>
                  <a:lnTo>
                    <a:pt x="226" y="44"/>
                  </a:lnTo>
                  <a:lnTo>
                    <a:pt x="240" y="48"/>
                  </a:lnTo>
                  <a:lnTo>
                    <a:pt x="253" y="51"/>
                  </a:lnTo>
                  <a:lnTo>
                    <a:pt x="267" y="54"/>
                  </a:lnTo>
                  <a:lnTo>
                    <a:pt x="281" y="59"/>
                  </a:lnTo>
                  <a:lnTo>
                    <a:pt x="296" y="63"/>
                  </a:lnTo>
                  <a:lnTo>
                    <a:pt x="311" y="66"/>
                  </a:lnTo>
                  <a:lnTo>
                    <a:pt x="326" y="71"/>
                  </a:lnTo>
                  <a:lnTo>
                    <a:pt x="341" y="75"/>
                  </a:lnTo>
                  <a:lnTo>
                    <a:pt x="355" y="78"/>
                  </a:lnTo>
                  <a:lnTo>
                    <a:pt x="372" y="83"/>
                  </a:lnTo>
                  <a:lnTo>
                    <a:pt x="385" y="86"/>
                  </a:lnTo>
                  <a:lnTo>
                    <a:pt x="402" y="90"/>
                  </a:lnTo>
                  <a:lnTo>
                    <a:pt x="416" y="93"/>
                  </a:lnTo>
                  <a:lnTo>
                    <a:pt x="433" y="98"/>
                  </a:lnTo>
                  <a:lnTo>
                    <a:pt x="446" y="102"/>
                  </a:lnTo>
                  <a:lnTo>
                    <a:pt x="448" y="100"/>
                  </a:lnTo>
                  <a:lnTo>
                    <a:pt x="353" y="466"/>
                  </a:lnTo>
                  <a:lnTo>
                    <a:pt x="753" y="1070"/>
                  </a:lnTo>
                  <a:lnTo>
                    <a:pt x="756" y="1085"/>
                  </a:lnTo>
                  <a:lnTo>
                    <a:pt x="761" y="1098"/>
                  </a:lnTo>
                  <a:lnTo>
                    <a:pt x="773" y="1124"/>
                  </a:lnTo>
                  <a:lnTo>
                    <a:pt x="771" y="1142"/>
                  </a:lnTo>
                  <a:lnTo>
                    <a:pt x="788" y="1166"/>
                  </a:lnTo>
                  <a:lnTo>
                    <a:pt x="788" y="1175"/>
                  </a:lnTo>
                  <a:lnTo>
                    <a:pt x="781" y="1183"/>
                  </a:lnTo>
                  <a:lnTo>
                    <a:pt x="780" y="1185"/>
                  </a:lnTo>
                  <a:lnTo>
                    <a:pt x="775" y="1185"/>
                  </a:lnTo>
                  <a:lnTo>
                    <a:pt x="768" y="1186"/>
                  </a:lnTo>
                  <a:lnTo>
                    <a:pt x="761" y="1190"/>
                  </a:lnTo>
                  <a:lnTo>
                    <a:pt x="753" y="1195"/>
                  </a:lnTo>
                  <a:lnTo>
                    <a:pt x="746" y="1202"/>
                  </a:lnTo>
                  <a:lnTo>
                    <a:pt x="743" y="1210"/>
                  </a:lnTo>
                  <a:lnTo>
                    <a:pt x="741" y="1219"/>
                  </a:lnTo>
                  <a:lnTo>
                    <a:pt x="741" y="1220"/>
                  </a:lnTo>
                  <a:lnTo>
                    <a:pt x="741" y="1225"/>
                  </a:lnTo>
                  <a:lnTo>
                    <a:pt x="741" y="1230"/>
                  </a:lnTo>
                  <a:lnTo>
                    <a:pt x="739" y="1237"/>
                  </a:lnTo>
                  <a:lnTo>
                    <a:pt x="737" y="1244"/>
                  </a:lnTo>
                  <a:lnTo>
                    <a:pt x="736" y="1251"/>
                  </a:lnTo>
                  <a:lnTo>
                    <a:pt x="731" y="1256"/>
                  </a:lnTo>
                  <a:lnTo>
                    <a:pt x="726" y="1261"/>
                  </a:lnTo>
                  <a:lnTo>
                    <a:pt x="724" y="1263"/>
                  </a:lnTo>
                  <a:lnTo>
                    <a:pt x="722" y="1264"/>
                  </a:lnTo>
                  <a:lnTo>
                    <a:pt x="721" y="1266"/>
                  </a:lnTo>
                  <a:lnTo>
                    <a:pt x="717" y="1268"/>
                  </a:lnTo>
                  <a:lnTo>
                    <a:pt x="715" y="1271"/>
                  </a:lnTo>
                  <a:lnTo>
                    <a:pt x="712" y="1273"/>
                  </a:lnTo>
                  <a:lnTo>
                    <a:pt x="710" y="1274"/>
                  </a:lnTo>
                  <a:lnTo>
                    <a:pt x="707" y="1285"/>
                  </a:lnTo>
                  <a:lnTo>
                    <a:pt x="709" y="1296"/>
                  </a:lnTo>
                  <a:lnTo>
                    <a:pt x="704" y="1313"/>
                  </a:lnTo>
                  <a:lnTo>
                    <a:pt x="721" y="1322"/>
                  </a:lnTo>
                  <a:lnTo>
                    <a:pt x="722" y="1324"/>
                  </a:lnTo>
                  <a:lnTo>
                    <a:pt x="722" y="1327"/>
                  </a:lnTo>
                  <a:lnTo>
                    <a:pt x="722" y="1332"/>
                  </a:lnTo>
                  <a:lnTo>
                    <a:pt x="722" y="1337"/>
                  </a:lnTo>
                  <a:lnTo>
                    <a:pt x="721" y="1344"/>
                  </a:lnTo>
                  <a:lnTo>
                    <a:pt x="719" y="1349"/>
                  </a:lnTo>
                  <a:lnTo>
                    <a:pt x="714" y="1352"/>
                  </a:lnTo>
                  <a:lnTo>
                    <a:pt x="709" y="1354"/>
                  </a:lnTo>
                  <a:lnTo>
                    <a:pt x="693" y="1354"/>
                  </a:lnTo>
                  <a:lnTo>
                    <a:pt x="450" y="1325"/>
                  </a:lnTo>
                  <a:lnTo>
                    <a:pt x="445" y="1317"/>
                  </a:lnTo>
                  <a:lnTo>
                    <a:pt x="450" y="1317"/>
                  </a:lnTo>
                  <a:lnTo>
                    <a:pt x="450" y="1305"/>
                  </a:lnTo>
                  <a:lnTo>
                    <a:pt x="443" y="1300"/>
                  </a:lnTo>
                  <a:lnTo>
                    <a:pt x="436" y="1305"/>
                  </a:lnTo>
                  <a:lnTo>
                    <a:pt x="436" y="1290"/>
                  </a:lnTo>
                  <a:lnTo>
                    <a:pt x="436" y="1288"/>
                  </a:lnTo>
                  <a:lnTo>
                    <a:pt x="438" y="1286"/>
                  </a:lnTo>
                  <a:lnTo>
                    <a:pt x="440" y="1285"/>
                  </a:lnTo>
                  <a:lnTo>
                    <a:pt x="441" y="1283"/>
                  </a:lnTo>
                  <a:lnTo>
                    <a:pt x="441" y="1280"/>
                  </a:lnTo>
                  <a:lnTo>
                    <a:pt x="443" y="1276"/>
                  </a:lnTo>
                  <a:lnTo>
                    <a:pt x="445" y="1271"/>
                  </a:lnTo>
                  <a:lnTo>
                    <a:pt x="445" y="1266"/>
                  </a:lnTo>
                  <a:lnTo>
                    <a:pt x="445" y="1261"/>
                  </a:lnTo>
                  <a:lnTo>
                    <a:pt x="445" y="1254"/>
                  </a:lnTo>
                  <a:lnTo>
                    <a:pt x="441" y="1247"/>
                  </a:lnTo>
                  <a:lnTo>
                    <a:pt x="440" y="1239"/>
                  </a:lnTo>
                  <a:lnTo>
                    <a:pt x="436" y="1230"/>
                  </a:lnTo>
                  <a:lnTo>
                    <a:pt x="431" y="1222"/>
                  </a:lnTo>
                  <a:lnTo>
                    <a:pt x="424" y="1212"/>
                  </a:lnTo>
                  <a:lnTo>
                    <a:pt x="423" y="1210"/>
                  </a:lnTo>
                  <a:lnTo>
                    <a:pt x="421" y="1207"/>
                  </a:lnTo>
                  <a:lnTo>
                    <a:pt x="416" y="1203"/>
                  </a:lnTo>
                  <a:lnTo>
                    <a:pt x="413" y="1198"/>
                  </a:lnTo>
                  <a:lnTo>
                    <a:pt x="409" y="1193"/>
                  </a:lnTo>
                  <a:lnTo>
                    <a:pt x="406" y="1190"/>
                  </a:lnTo>
                  <a:lnTo>
                    <a:pt x="402" y="1186"/>
                  </a:lnTo>
                  <a:lnTo>
                    <a:pt x="401" y="1186"/>
                  </a:lnTo>
                  <a:lnTo>
                    <a:pt x="380" y="1153"/>
                  </a:lnTo>
                  <a:lnTo>
                    <a:pt x="379" y="1151"/>
                  </a:lnTo>
                  <a:lnTo>
                    <a:pt x="379" y="1149"/>
                  </a:lnTo>
                  <a:lnTo>
                    <a:pt x="375" y="1148"/>
                  </a:lnTo>
                  <a:lnTo>
                    <a:pt x="374" y="1148"/>
                  </a:lnTo>
                  <a:lnTo>
                    <a:pt x="370" y="1148"/>
                  </a:lnTo>
                  <a:lnTo>
                    <a:pt x="365" y="1149"/>
                  </a:lnTo>
                  <a:lnTo>
                    <a:pt x="360" y="1153"/>
                  </a:lnTo>
                  <a:lnTo>
                    <a:pt x="358" y="1153"/>
                  </a:lnTo>
                  <a:lnTo>
                    <a:pt x="357" y="1151"/>
                  </a:lnTo>
                  <a:lnTo>
                    <a:pt x="355" y="1149"/>
                  </a:lnTo>
                  <a:lnTo>
                    <a:pt x="353" y="1146"/>
                  </a:lnTo>
                  <a:lnTo>
                    <a:pt x="352" y="1144"/>
                  </a:lnTo>
                  <a:lnTo>
                    <a:pt x="350" y="1142"/>
                  </a:lnTo>
                  <a:lnTo>
                    <a:pt x="355" y="1136"/>
                  </a:lnTo>
                  <a:lnTo>
                    <a:pt x="355" y="1129"/>
                  </a:lnTo>
                  <a:lnTo>
                    <a:pt x="353" y="1126"/>
                  </a:lnTo>
                  <a:lnTo>
                    <a:pt x="353" y="1122"/>
                  </a:lnTo>
                  <a:lnTo>
                    <a:pt x="350" y="1117"/>
                  </a:lnTo>
                  <a:lnTo>
                    <a:pt x="347" y="1114"/>
                  </a:lnTo>
                  <a:lnTo>
                    <a:pt x="341" y="1109"/>
                  </a:lnTo>
                  <a:lnTo>
                    <a:pt x="335" y="1107"/>
                  </a:lnTo>
                  <a:lnTo>
                    <a:pt x="325" y="1105"/>
                  </a:lnTo>
                  <a:lnTo>
                    <a:pt x="323" y="1105"/>
                  </a:lnTo>
                  <a:lnTo>
                    <a:pt x="319" y="1105"/>
                  </a:lnTo>
                  <a:lnTo>
                    <a:pt x="314" y="1104"/>
                  </a:lnTo>
                  <a:lnTo>
                    <a:pt x="309" y="1100"/>
                  </a:lnTo>
                  <a:lnTo>
                    <a:pt x="301" y="1095"/>
                  </a:lnTo>
                  <a:lnTo>
                    <a:pt x="292" y="1087"/>
                  </a:lnTo>
                  <a:lnTo>
                    <a:pt x="281" y="1075"/>
                  </a:lnTo>
                  <a:lnTo>
                    <a:pt x="281" y="1073"/>
                  </a:lnTo>
                  <a:lnTo>
                    <a:pt x="281" y="1071"/>
                  </a:lnTo>
                  <a:lnTo>
                    <a:pt x="279" y="1066"/>
                  </a:lnTo>
                  <a:lnTo>
                    <a:pt x="277" y="1060"/>
                  </a:lnTo>
                  <a:lnTo>
                    <a:pt x="274" y="1054"/>
                  </a:lnTo>
                  <a:lnTo>
                    <a:pt x="269" y="1048"/>
                  </a:lnTo>
                  <a:lnTo>
                    <a:pt x="262" y="1041"/>
                  </a:lnTo>
                  <a:lnTo>
                    <a:pt x="253" y="1034"/>
                  </a:lnTo>
                  <a:lnTo>
                    <a:pt x="252" y="1034"/>
                  </a:lnTo>
                  <a:lnTo>
                    <a:pt x="250" y="1034"/>
                  </a:lnTo>
                  <a:lnTo>
                    <a:pt x="248" y="1034"/>
                  </a:lnTo>
                  <a:lnTo>
                    <a:pt x="245" y="1034"/>
                  </a:lnTo>
                  <a:lnTo>
                    <a:pt x="243" y="1034"/>
                  </a:lnTo>
                  <a:lnTo>
                    <a:pt x="242" y="1034"/>
                  </a:lnTo>
                  <a:lnTo>
                    <a:pt x="240" y="1034"/>
                  </a:lnTo>
                  <a:lnTo>
                    <a:pt x="233" y="1029"/>
                  </a:lnTo>
                  <a:lnTo>
                    <a:pt x="223" y="1029"/>
                  </a:lnTo>
                  <a:lnTo>
                    <a:pt x="221" y="1027"/>
                  </a:lnTo>
                  <a:lnTo>
                    <a:pt x="220" y="1026"/>
                  </a:lnTo>
                  <a:lnTo>
                    <a:pt x="216" y="1022"/>
                  </a:lnTo>
                  <a:lnTo>
                    <a:pt x="209" y="1019"/>
                  </a:lnTo>
                  <a:lnTo>
                    <a:pt x="203" y="1014"/>
                  </a:lnTo>
                  <a:lnTo>
                    <a:pt x="194" y="1012"/>
                  </a:lnTo>
                  <a:lnTo>
                    <a:pt x="182" y="1010"/>
                  </a:lnTo>
                  <a:lnTo>
                    <a:pt x="171" y="1010"/>
                  </a:lnTo>
                  <a:lnTo>
                    <a:pt x="169" y="1009"/>
                  </a:lnTo>
                  <a:lnTo>
                    <a:pt x="169" y="1007"/>
                  </a:lnTo>
                  <a:lnTo>
                    <a:pt x="167" y="1005"/>
                  </a:lnTo>
                  <a:lnTo>
                    <a:pt x="167" y="1004"/>
                  </a:lnTo>
                  <a:lnTo>
                    <a:pt x="165" y="1002"/>
                  </a:lnTo>
                  <a:lnTo>
                    <a:pt x="165" y="1000"/>
                  </a:lnTo>
                  <a:lnTo>
                    <a:pt x="160" y="994"/>
                  </a:lnTo>
                  <a:lnTo>
                    <a:pt x="155" y="994"/>
                  </a:lnTo>
                  <a:lnTo>
                    <a:pt x="155" y="985"/>
                  </a:lnTo>
                  <a:lnTo>
                    <a:pt x="164" y="977"/>
                  </a:lnTo>
                  <a:lnTo>
                    <a:pt x="162" y="965"/>
                  </a:lnTo>
                  <a:lnTo>
                    <a:pt x="169" y="958"/>
                  </a:lnTo>
                  <a:lnTo>
                    <a:pt x="165" y="944"/>
                  </a:lnTo>
                  <a:lnTo>
                    <a:pt x="165" y="943"/>
                  </a:lnTo>
                  <a:lnTo>
                    <a:pt x="169" y="939"/>
                  </a:lnTo>
                  <a:lnTo>
                    <a:pt x="171" y="933"/>
                  </a:lnTo>
                  <a:lnTo>
                    <a:pt x="172" y="928"/>
                  </a:lnTo>
                  <a:lnTo>
                    <a:pt x="174" y="921"/>
                  </a:lnTo>
                  <a:lnTo>
                    <a:pt x="172" y="917"/>
                  </a:lnTo>
                  <a:lnTo>
                    <a:pt x="169" y="914"/>
                  </a:lnTo>
                  <a:lnTo>
                    <a:pt x="162" y="916"/>
                  </a:lnTo>
                  <a:lnTo>
                    <a:pt x="160" y="914"/>
                  </a:lnTo>
                  <a:lnTo>
                    <a:pt x="159" y="912"/>
                  </a:lnTo>
                  <a:lnTo>
                    <a:pt x="157" y="911"/>
                  </a:lnTo>
                  <a:lnTo>
                    <a:pt x="155" y="909"/>
                  </a:lnTo>
                  <a:lnTo>
                    <a:pt x="154" y="907"/>
                  </a:lnTo>
                  <a:lnTo>
                    <a:pt x="154" y="906"/>
                  </a:lnTo>
                  <a:lnTo>
                    <a:pt x="152" y="906"/>
                  </a:lnTo>
                  <a:lnTo>
                    <a:pt x="154" y="904"/>
                  </a:lnTo>
                  <a:lnTo>
                    <a:pt x="155" y="900"/>
                  </a:lnTo>
                  <a:lnTo>
                    <a:pt x="157" y="895"/>
                  </a:lnTo>
                  <a:lnTo>
                    <a:pt x="160" y="890"/>
                  </a:lnTo>
                  <a:lnTo>
                    <a:pt x="162" y="885"/>
                  </a:lnTo>
                  <a:lnTo>
                    <a:pt x="160" y="880"/>
                  </a:lnTo>
                  <a:lnTo>
                    <a:pt x="159" y="877"/>
                  </a:lnTo>
                  <a:lnTo>
                    <a:pt x="154" y="875"/>
                  </a:lnTo>
                  <a:lnTo>
                    <a:pt x="150" y="872"/>
                  </a:lnTo>
                  <a:lnTo>
                    <a:pt x="149" y="868"/>
                  </a:lnTo>
                  <a:lnTo>
                    <a:pt x="147" y="863"/>
                  </a:lnTo>
                  <a:lnTo>
                    <a:pt x="145" y="860"/>
                  </a:lnTo>
                  <a:lnTo>
                    <a:pt x="143" y="855"/>
                  </a:lnTo>
                  <a:lnTo>
                    <a:pt x="142" y="853"/>
                  </a:lnTo>
                  <a:lnTo>
                    <a:pt x="142" y="851"/>
                  </a:lnTo>
                  <a:lnTo>
                    <a:pt x="130" y="840"/>
                  </a:lnTo>
                  <a:lnTo>
                    <a:pt x="128" y="823"/>
                  </a:lnTo>
                  <a:lnTo>
                    <a:pt x="120" y="804"/>
                  </a:lnTo>
                  <a:lnTo>
                    <a:pt x="118" y="796"/>
                  </a:lnTo>
                  <a:lnTo>
                    <a:pt x="111" y="785"/>
                  </a:lnTo>
                  <a:lnTo>
                    <a:pt x="113" y="785"/>
                  </a:lnTo>
                  <a:lnTo>
                    <a:pt x="113" y="784"/>
                  </a:lnTo>
                  <a:lnTo>
                    <a:pt x="113" y="782"/>
                  </a:lnTo>
                  <a:lnTo>
                    <a:pt x="113" y="779"/>
                  </a:lnTo>
                  <a:lnTo>
                    <a:pt x="110" y="775"/>
                  </a:lnTo>
                  <a:lnTo>
                    <a:pt x="108" y="770"/>
                  </a:lnTo>
                  <a:lnTo>
                    <a:pt x="103" y="765"/>
                  </a:lnTo>
                  <a:lnTo>
                    <a:pt x="96" y="758"/>
                  </a:lnTo>
                  <a:lnTo>
                    <a:pt x="94" y="757"/>
                  </a:lnTo>
                  <a:lnTo>
                    <a:pt x="93" y="755"/>
                  </a:lnTo>
                  <a:lnTo>
                    <a:pt x="93" y="753"/>
                  </a:lnTo>
                  <a:lnTo>
                    <a:pt x="93" y="752"/>
                  </a:lnTo>
                  <a:lnTo>
                    <a:pt x="91" y="748"/>
                  </a:lnTo>
                  <a:lnTo>
                    <a:pt x="91" y="746"/>
                  </a:lnTo>
                  <a:lnTo>
                    <a:pt x="91" y="745"/>
                  </a:lnTo>
                  <a:lnTo>
                    <a:pt x="96" y="740"/>
                  </a:lnTo>
                  <a:lnTo>
                    <a:pt x="93" y="721"/>
                  </a:lnTo>
                  <a:lnTo>
                    <a:pt x="98" y="718"/>
                  </a:lnTo>
                  <a:lnTo>
                    <a:pt x="94" y="713"/>
                  </a:lnTo>
                  <a:lnTo>
                    <a:pt x="99" y="708"/>
                  </a:lnTo>
                  <a:lnTo>
                    <a:pt x="99" y="709"/>
                  </a:lnTo>
                  <a:lnTo>
                    <a:pt x="99" y="711"/>
                  </a:lnTo>
                  <a:lnTo>
                    <a:pt x="101" y="713"/>
                  </a:lnTo>
                  <a:lnTo>
                    <a:pt x="105" y="713"/>
                  </a:lnTo>
                  <a:lnTo>
                    <a:pt x="108" y="709"/>
                  </a:lnTo>
                  <a:lnTo>
                    <a:pt x="113" y="704"/>
                  </a:lnTo>
                  <a:lnTo>
                    <a:pt x="115" y="696"/>
                  </a:lnTo>
                  <a:lnTo>
                    <a:pt x="116" y="687"/>
                  </a:lnTo>
                  <a:lnTo>
                    <a:pt x="118" y="680"/>
                  </a:lnTo>
                  <a:lnTo>
                    <a:pt x="116" y="674"/>
                  </a:lnTo>
                  <a:lnTo>
                    <a:pt x="113" y="669"/>
                  </a:lnTo>
                  <a:lnTo>
                    <a:pt x="108" y="667"/>
                  </a:lnTo>
                  <a:lnTo>
                    <a:pt x="106" y="667"/>
                  </a:lnTo>
                  <a:lnTo>
                    <a:pt x="108" y="667"/>
                  </a:lnTo>
                  <a:lnTo>
                    <a:pt x="96" y="665"/>
                  </a:lnTo>
                  <a:lnTo>
                    <a:pt x="76" y="638"/>
                  </a:lnTo>
                  <a:lnTo>
                    <a:pt x="76" y="631"/>
                  </a:lnTo>
                  <a:lnTo>
                    <a:pt x="76" y="630"/>
                  </a:lnTo>
                  <a:lnTo>
                    <a:pt x="74" y="628"/>
                  </a:lnTo>
                  <a:lnTo>
                    <a:pt x="74" y="626"/>
                  </a:lnTo>
                  <a:lnTo>
                    <a:pt x="74" y="623"/>
                  </a:lnTo>
                  <a:lnTo>
                    <a:pt x="74" y="620"/>
                  </a:lnTo>
                  <a:lnTo>
                    <a:pt x="76" y="616"/>
                  </a:lnTo>
                  <a:lnTo>
                    <a:pt x="77" y="611"/>
                  </a:lnTo>
                  <a:lnTo>
                    <a:pt x="77" y="609"/>
                  </a:lnTo>
                  <a:lnTo>
                    <a:pt x="77" y="608"/>
                  </a:lnTo>
                  <a:lnTo>
                    <a:pt x="77" y="604"/>
                  </a:lnTo>
                  <a:lnTo>
                    <a:pt x="77" y="601"/>
                  </a:lnTo>
                  <a:lnTo>
                    <a:pt x="77" y="598"/>
                  </a:lnTo>
                  <a:lnTo>
                    <a:pt x="77" y="594"/>
                  </a:lnTo>
                  <a:lnTo>
                    <a:pt x="77" y="592"/>
                  </a:lnTo>
                  <a:lnTo>
                    <a:pt x="77" y="591"/>
                  </a:lnTo>
                  <a:lnTo>
                    <a:pt x="76" y="586"/>
                  </a:lnTo>
                  <a:lnTo>
                    <a:pt x="76" y="577"/>
                  </a:lnTo>
                  <a:lnTo>
                    <a:pt x="79" y="572"/>
                  </a:lnTo>
                  <a:lnTo>
                    <a:pt x="83" y="559"/>
                  </a:lnTo>
                  <a:lnTo>
                    <a:pt x="83" y="557"/>
                  </a:lnTo>
                  <a:lnTo>
                    <a:pt x="84" y="555"/>
                  </a:lnTo>
                  <a:lnTo>
                    <a:pt x="86" y="554"/>
                  </a:lnTo>
                  <a:lnTo>
                    <a:pt x="88" y="554"/>
                  </a:lnTo>
                  <a:lnTo>
                    <a:pt x="89" y="554"/>
                  </a:lnTo>
                  <a:lnTo>
                    <a:pt x="91" y="555"/>
                  </a:lnTo>
                  <a:lnTo>
                    <a:pt x="93" y="560"/>
                  </a:lnTo>
                  <a:lnTo>
                    <a:pt x="93" y="562"/>
                  </a:lnTo>
                  <a:lnTo>
                    <a:pt x="93" y="564"/>
                  </a:lnTo>
                  <a:lnTo>
                    <a:pt x="93" y="565"/>
                  </a:lnTo>
                  <a:lnTo>
                    <a:pt x="91" y="569"/>
                  </a:lnTo>
                  <a:lnTo>
                    <a:pt x="91" y="570"/>
                  </a:lnTo>
                  <a:lnTo>
                    <a:pt x="89" y="574"/>
                  </a:lnTo>
                  <a:lnTo>
                    <a:pt x="89" y="576"/>
                  </a:lnTo>
                  <a:lnTo>
                    <a:pt x="91" y="579"/>
                  </a:lnTo>
                  <a:lnTo>
                    <a:pt x="99" y="587"/>
                  </a:lnTo>
                  <a:lnTo>
                    <a:pt x="101" y="592"/>
                  </a:lnTo>
                  <a:lnTo>
                    <a:pt x="113" y="606"/>
                  </a:lnTo>
                  <a:lnTo>
                    <a:pt x="115" y="608"/>
                  </a:lnTo>
                  <a:lnTo>
                    <a:pt x="116" y="608"/>
                  </a:lnTo>
                  <a:lnTo>
                    <a:pt x="120" y="606"/>
                  </a:lnTo>
                  <a:lnTo>
                    <a:pt x="118" y="601"/>
                  </a:lnTo>
                  <a:lnTo>
                    <a:pt x="116" y="599"/>
                  </a:lnTo>
                  <a:lnTo>
                    <a:pt x="115" y="596"/>
                  </a:lnTo>
                  <a:lnTo>
                    <a:pt x="113" y="594"/>
                  </a:lnTo>
                  <a:lnTo>
                    <a:pt x="111" y="591"/>
                  </a:lnTo>
                  <a:lnTo>
                    <a:pt x="110" y="587"/>
                  </a:lnTo>
                  <a:lnTo>
                    <a:pt x="110" y="582"/>
                  </a:lnTo>
                  <a:lnTo>
                    <a:pt x="110" y="579"/>
                  </a:lnTo>
                  <a:lnTo>
                    <a:pt x="110" y="577"/>
                  </a:lnTo>
                  <a:lnTo>
                    <a:pt x="110" y="574"/>
                  </a:lnTo>
                  <a:lnTo>
                    <a:pt x="110" y="572"/>
                  </a:lnTo>
                  <a:lnTo>
                    <a:pt x="108" y="570"/>
                  </a:lnTo>
                  <a:lnTo>
                    <a:pt x="106" y="569"/>
                  </a:lnTo>
                  <a:lnTo>
                    <a:pt x="105" y="565"/>
                  </a:lnTo>
                  <a:lnTo>
                    <a:pt x="105" y="564"/>
                  </a:lnTo>
                  <a:lnTo>
                    <a:pt x="105" y="562"/>
                  </a:lnTo>
                  <a:lnTo>
                    <a:pt x="105" y="560"/>
                  </a:lnTo>
                  <a:lnTo>
                    <a:pt x="105" y="559"/>
                  </a:lnTo>
                  <a:lnTo>
                    <a:pt x="105" y="557"/>
                  </a:lnTo>
                  <a:lnTo>
                    <a:pt x="105" y="555"/>
                  </a:lnTo>
                  <a:lnTo>
                    <a:pt x="99" y="543"/>
                  </a:lnTo>
                  <a:lnTo>
                    <a:pt x="99" y="535"/>
                  </a:lnTo>
                  <a:lnTo>
                    <a:pt x="105" y="533"/>
                  </a:lnTo>
                  <a:lnTo>
                    <a:pt x="118" y="528"/>
                  </a:lnTo>
                  <a:lnTo>
                    <a:pt x="121" y="530"/>
                  </a:lnTo>
                  <a:lnTo>
                    <a:pt x="125" y="533"/>
                  </a:lnTo>
                  <a:lnTo>
                    <a:pt x="143" y="537"/>
                  </a:lnTo>
                  <a:lnTo>
                    <a:pt x="149" y="537"/>
                  </a:lnTo>
                  <a:lnTo>
                    <a:pt x="155" y="542"/>
                  </a:lnTo>
                  <a:lnTo>
                    <a:pt x="147" y="532"/>
                  </a:lnTo>
                  <a:lnTo>
                    <a:pt x="147" y="525"/>
                  </a:lnTo>
                  <a:lnTo>
                    <a:pt x="137" y="525"/>
                  </a:lnTo>
                  <a:lnTo>
                    <a:pt x="130" y="528"/>
                  </a:lnTo>
                  <a:lnTo>
                    <a:pt x="123" y="528"/>
                  </a:lnTo>
                  <a:lnTo>
                    <a:pt x="120" y="525"/>
                  </a:lnTo>
                  <a:lnTo>
                    <a:pt x="118" y="523"/>
                  </a:lnTo>
                  <a:lnTo>
                    <a:pt x="116" y="521"/>
                  </a:lnTo>
                  <a:lnTo>
                    <a:pt x="113" y="518"/>
                  </a:lnTo>
                  <a:lnTo>
                    <a:pt x="110" y="516"/>
                  </a:lnTo>
                  <a:lnTo>
                    <a:pt x="106" y="513"/>
                  </a:lnTo>
                  <a:lnTo>
                    <a:pt x="103" y="513"/>
                  </a:lnTo>
                  <a:lnTo>
                    <a:pt x="98" y="515"/>
                  </a:lnTo>
                  <a:lnTo>
                    <a:pt x="96" y="518"/>
                  </a:lnTo>
                  <a:lnTo>
                    <a:pt x="94" y="520"/>
                  </a:lnTo>
                  <a:lnTo>
                    <a:pt x="93" y="521"/>
                  </a:lnTo>
                  <a:lnTo>
                    <a:pt x="93" y="523"/>
                  </a:lnTo>
                  <a:lnTo>
                    <a:pt x="93" y="545"/>
                  </a:lnTo>
                  <a:lnTo>
                    <a:pt x="89" y="548"/>
                  </a:lnTo>
                  <a:lnTo>
                    <a:pt x="83" y="547"/>
                  </a:lnTo>
                  <a:lnTo>
                    <a:pt x="76" y="537"/>
                  </a:lnTo>
                  <a:lnTo>
                    <a:pt x="72" y="533"/>
                  </a:lnTo>
                  <a:lnTo>
                    <a:pt x="66" y="533"/>
                  </a:lnTo>
                  <a:lnTo>
                    <a:pt x="66" y="532"/>
                  </a:lnTo>
                  <a:lnTo>
                    <a:pt x="64" y="528"/>
                  </a:lnTo>
                  <a:lnTo>
                    <a:pt x="62" y="525"/>
                  </a:lnTo>
                  <a:lnTo>
                    <a:pt x="61" y="521"/>
                  </a:lnTo>
                  <a:lnTo>
                    <a:pt x="57" y="516"/>
                  </a:lnTo>
                  <a:lnTo>
                    <a:pt x="54" y="513"/>
                  </a:lnTo>
                  <a:lnTo>
                    <a:pt x="50" y="513"/>
                  </a:lnTo>
                  <a:lnTo>
                    <a:pt x="45" y="513"/>
                  </a:lnTo>
                  <a:lnTo>
                    <a:pt x="45" y="511"/>
                  </a:lnTo>
                  <a:lnTo>
                    <a:pt x="52" y="503"/>
                  </a:lnTo>
                  <a:lnTo>
                    <a:pt x="55" y="498"/>
                  </a:lnTo>
                  <a:lnTo>
                    <a:pt x="54" y="491"/>
                  </a:lnTo>
                  <a:lnTo>
                    <a:pt x="57" y="484"/>
                  </a:lnTo>
                  <a:lnTo>
                    <a:pt x="49" y="474"/>
                  </a:lnTo>
                  <a:lnTo>
                    <a:pt x="50" y="462"/>
                  </a:lnTo>
                  <a:lnTo>
                    <a:pt x="42" y="452"/>
                  </a:lnTo>
                  <a:lnTo>
                    <a:pt x="42" y="449"/>
                  </a:lnTo>
                  <a:lnTo>
                    <a:pt x="40" y="447"/>
                  </a:lnTo>
                  <a:lnTo>
                    <a:pt x="37" y="444"/>
                  </a:lnTo>
                  <a:lnTo>
                    <a:pt x="35" y="440"/>
                  </a:lnTo>
                  <a:lnTo>
                    <a:pt x="32" y="437"/>
                  </a:lnTo>
                  <a:lnTo>
                    <a:pt x="30" y="432"/>
                  </a:lnTo>
                  <a:lnTo>
                    <a:pt x="28" y="427"/>
                  </a:lnTo>
                  <a:lnTo>
                    <a:pt x="28" y="420"/>
                  </a:lnTo>
                  <a:lnTo>
                    <a:pt x="27" y="416"/>
                  </a:lnTo>
                  <a:lnTo>
                    <a:pt x="27" y="413"/>
                  </a:lnTo>
                  <a:lnTo>
                    <a:pt x="23" y="408"/>
                  </a:lnTo>
                  <a:lnTo>
                    <a:pt x="22" y="405"/>
                  </a:lnTo>
                  <a:lnTo>
                    <a:pt x="18" y="400"/>
                  </a:lnTo>
                  <a:lnTo>
                    <a:pt x="17" y="394"/>
                  </a:lnTo>
                  <a:lnTo>
                    <a:pt x="13" y="391"/>
                  </a:lnTo>
                  <a:lnTo>
                    <a:pt x="13" y="389"/>
                  </a:lnTo>
                  <a:lnTo>
                    <a:pt x="11" y="388"/>
                  </a:lnTo>
                  <a:lnTo>
                    <a:pt x="11" y="386"/>
                  </a:lnTo>
                  <a:lnTo>
                    <a:pt x="11" y="384"/>
                  </a:lnTo>
                  <a:lnTo>
                    <a:pt x="10" y="383"/>
                  </a:lnTo>
                  <a:lnTo>
                    <a:pt x="10" y="379"/>
                  </a:lnTo>
                  <a:lnTo>
                    <a:pt x="20" y="369"/>
                  </a:lnTo>
                  <a:lnTo>
                    <a:pt x="20" y="367"/>
                  </a:lnTo>
                  <a:lnTo>
                    <a:pt x="20" y="364"/>
                  </a:lnTo>
                  <a:lnTo>
                    <a:pt x="18" y="362"/>
                  </a:lnTo>
                  <a:lnTo>
                    <a:pt x="18" y="357"/>
                  </a:lnTo>
                  <a:lnTo>
                    <a:pt x="18" y="354"/>
                  </a:lnTo>
                  <a:lnTo>
                    <a:pt x="18" y="349"/>
                  </a:lnTo>
                  <a:lnTo>
                    <a:pt x="17" y="344"/>
                  </a:lnTo>
                  <a:lnTo>
                    <a:pt x="17" y="337"/>
                  </a:lnTo>
                  <a:lnTo>
                    <a:pt x="18" y="332"/>
                  </a:lnTo>
                  <a:lnTo>
                    <a:pt x="18" y="327"/>
                  </a:lnTo>
                  <a:lnTo>
                    <a:pt x="18" y="322"/>
                  </a:lnTo>
                  <a:lnTo>
                    <a:pt x="20" y="317"/>
                  </a:lnTo>
                  <a:lnTo>
                    <a:pt x="23" y="312"/>
                  </a:lnTo>
                  <a:lnTo>
                    <a:pt x="25" y="306"/>
                  </a:lnTo>
                  <a:lnTo>
                    <a:pt x="28" y="303"/>
                  </a:lnTo>
                  <a:lnTo>
                    <a:pt x="28" y="301"/>
                  </a:lnTo>
                  <a:lnTo>
                    <a:pt x="28" y="296"/>
                  </a:lnTo>
                  <a:lnTo>
                    <a:pt x="28" y="291"/>
                  </a:lnTo>
                  <a:lnTo>
                    <a:pt x="30" y="284"/>
                  </a:lnTo>
                  <a:lnTo>
                    <a:pt x="30" y="278"/>
                  </a:lnTo>
                  <a:lnTo>
                    <a:pt x="30" y="271"/>
                  </a:lnTo>
                  <a:lnTo>
                    <a:pt x="30" y="268"/>
                  </a:lnTo>
                  <a:lnTo>
                    <a:pt x="30" y="266"/>
                  </a:lnTo>
                  <a:lnTo>
                    <a:pt x="30" y="264"/>
                  </a:lnTo>
                  <a:lnTo>
                    <a:pt x="28" y="262"/>
                  </a:lnTo>
                  <a:lnTo>
                    <a:pt x="28" y="259"/>
                  </a:lnTo>
                  <a:lnTo>
                    <a:pt x="27" y="256"/>
                  </a:lnTo>
                  <a:lnTo>
                    <a:pt x="23" y="251"/>
                  </a:lnTo>
                  <a:lnTo>
                    <a:pt x="22" y="247"/>
                  </a:lnTo>
                  <a:lnTo>
                    <a:pt x="18" y="244"/>
                  </a:lnTo>
                  <a:lnTo>
                    <a:pt x="17" y="242"/>
                  </a:lnTo>
                  <a:lnTo>
                    <a:pt x="17" y="240"/>
                  </a:lnTo>
                  <a:lnTo>
                    <a:pt x="17" y="237"/>
                  </a:lnTo>
                  <a:lnTo>
                    <a:pt x="17" y="234"/>
                  </a:lnTo>
                  <a:lnTo>
                    <a:pt x="15" y="232"/>
                  </a:lnTo>
                  <a:lnTo>
                    <a:pt x="13" y="230"/>
                  </a:lnTo>
                  <a:lnTo>
                    <a:pt x="10" y="227"/>
                  </a:lnTo>
                  <a:lnTo>
                    <a:pt x="6" y="224"/>
                  </a:lnTo>
                  <a:lnTo>
                    <a:pt x="5" y="218"/>
                  </a:lnTo>
                  <a:lnTo>
                    <a:pt x="3" y="213"/>
                  </a:lnTo>
                  <a:lnTo>
                    <a:pt x="1" y="208"/>
                  </a:lnTo>
                  <a:lnTo>
                    <a:pt x="0" y="202"/>
                  </a:lnTo>
                  <a:lnTo>
                    <a:pt x="0" y="195"/>
                  </a:lnTo>
                  <a:lnTo>
                    <a:pt x="1" y="186"/>
                  </a:lnTo>
                  <a:lnTo>
                    <a:pt x="5" y="178"/>
                  </a:lnTo>
                  <a:lnTo>
                    <a:pt x="10" y="169"/>
                  </a:lnTo>
                  <a:lnTo>
                    <a:pt x="17" y="159"/>
                  </a:lnTo>
                  <a:lnTo>
                    <a:pt x="27" y="149"/>
                  </a:lnTo>
                  <a:lnTo>
                    <a:pt x="39" y="139"/>
                  </a:lnTo>
                  <a:lnTo>
                    <a:pt x="40" y="137"/>
                  </a:lnTo>
                  <a:lnTo>
                    <a:pt x="42" y="136"/>
                  </a:lnTo>
                  <a:lnTo>
                    <a:pt x="44" y="132"/>
                  </a:lnTo>
                  <a:lnTo>
                    <a:pt x="45" y="127"/>
                  </a:lnTo>
                  <a:lnTo>
                    <a:pt x="47" y="122"/>
                  </a:lnTo>
                  <a:lnTo>
                    <a:pt x="49" y="117"/>
                  </a:lnTo>
                  <a:lnTo>
                    <a:pt x="49" y="112"/>
                  </a:lnTo>
                  <a:lnTo>
                    <a:pt x="49" y="107"/>
                  </a:lnTo>
                  <a:lnTo>
                    <a:pt x="49" y="105"/>
                  </a:lnTo>
                  <a:lnTo>
                    <a:pt x="52" y="100"/>
                  </a:lnTo>
                  <a:lnTo>
                    <a:pt x="55" y="93"/>
                  </a:lnTo>
                  <a:lnTo>
                    <a:pt x="61" y="86"/>
                  </a:lnTo>
                  <a:lnTo>
                    <a:pt x="66" y="78"/>
                  </a:lnTo>
                  <a:lnTo>
                    <a:pt x="67" y="70"/>
                  </a:lnTo>
                  <a:lnTo>
                    <a:pt x="69" y="61"/>
                  </a:lnTo>
                  <a:lnTo>
                    <a:pt x="69" y="53"/>
                  </a:lnTo>
                  <a:lnTo>
                    <a:pt x="69" y="51"/>
                  </a:lnTo>
                  <a:lnTo>
                    <a:pt x="69" y="49"/>
                  </a:lnTo>
                  <a:lnTo>
                    <a:pt x="71" y="46"/>
                  </a:lnTo>
                  <a:lnTo>
                    <a:pt x="69" y="44"/>
                  </a:lnTo>
                  <a:lnTo>
                    <a:pt x="69" y="34"/>
                  </a:lnTo>
                  <a:lnTo>
                    <a:pt x="64" y="27"/>
                  </a:lnTo>
                  <a:lnTo>
                    <a:pt x="66" y="24"/>
                  </a:lnTo>
                  <a:lnTo>
                    <a:pt x="74" y="10"/>
                  </a:lnTo>
                  <a:lnTo>
                    <a:pt x="76" y="4"/>
                  </a:lnTo>
                  <a:lnTo>
                    <a:pt x="74" y="0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44" name="Freeform 52"/>
            <p:cNvSpPr>
              <a:spLocks/>
            </p:cNvSpPr>
            <p:nvPr/>
          </p:nvSpPr>
          <p:spPr bwMode="auto">
            <a:xfrm>
              <a:off x="4629" y="2257"/>
              <a:ext cx="39" cy="117"/>
            </a:xfrm>
            <a:custGeom>
              <a:avLst/>
              <a:gdLst>
                <a:gd name="T0" fmla="*/ 8 w 40"/>
                <a:gd name="T1" fmla="*/ 17 h 120"/>
                <a:gd name="T2" fmla="*/ 11 w 40"/>
                <a:gd name="T3" fmla="*/ 13 h 120"/>
                <a:gd name="T4" fmla="*/ 13 w 40"/>
                <a:gd name="T5" fmla="*/ 12 h 120"/>
                <a:gd name="T6" fmla="*/ 17 w 40"/>
                <a:gd name="T7" fmla="*/ 8 h 120"/>
                <a:gd name="T8" fmla="*/ 20 w 40"/>
                <a:gd name="T9" fmla="*/ 7 h 120"/>
                <a:gd name="T10" fmla="*/ 20 w 40"/>
                <a:gd name="T11" fmla="*/ 3 h 120"/>
                <a:gd name="T12" fmla="*/ 20 w 40"/>
                <a:gd name="T13" fmla="*/ 1 h 120"/>
                <a:gd name="T14" fmla="*/ 20 w 40"/>
                <a:gd name="T15" fmla="*/ 0 h 120"/>
                <a:gd name="T16" fmla="*/ 25 w 40"/>
                <a:gd name="T17" fmla="*/ 0 h 120"/>
                <a:gd name="T18" fmla="*/ 25 w 40"/>
                <a:gd name="T19" fmla="*/ 0 h 120"/>
                <a:gd name="T20" fmla="*/ 25 w 40"/>
                <a:gd name="T21" fmla="*/ 1 h 120"/>
                <a:gd name="T22" fmla="*/ 25 w 40"/>
                <a:gd name="T23" fmla="*/ 5 h 120"/>
                <a:gd name="T24" fmla="*/ 26 w 40"/>
                <a:gd name="T25" fmla="*/ 7 h 120"/>
                <a:gd name="T26" fmla="*/ 26 w 40"/>
                <a:gd name="T27" fmla="*/ 10 h 120"/>
                <a:gd name="T28" fmla="*/ 26 w 40"/>
                <a:gd name="T29" fmla="*/ 12 h 120"/>
                <a:gd name="T30" fmla="*/ 26 w 40"/>
                <a:gd name="T31" fmla="*/ 13 h 120"/>
                <a:gd name="T32" fmla="*/ 26 w 40"/>
                <a:gd name="T33" fmla="*/ 15 h 120"/>
                <a:gd name="T34" fmla="*/ 21 w 40"/>
                <a:gd name="T35" fmla="*/ 20 h 120"/>
                <a:gd name="T36" fmla="*/ 20 w 40"/>
                <a:gd name="T37" fmla="*/ 20 h 120"/>
                <a:gd name="T38" fmla="*/ 21 w 40"/>
                <a:gd name="T39" fmla="*/ 23 h 120"/>
                <a:gd name="T40" fmla="*/ 20 w 40"/>
                <a:gd name="T41" fmla="*/ 35 h 120"/>
                <a:gd name="T42" fmla="*/ 20 w 40"/>
                <a:gd name="T43" fmla="*/ 43 h 120"/>
                <a:gd name="T44" fmla="*/ 20 w 40"/>
                <a:gd name="T45" fmla="*/ 48 h 120"/>
                <a:gd name="T46" fmla="*/ 15 w 40"/>
                <a:gd name="T47" fmla="*/ 52 h 120"/>
                <a:gd name="T48" fmla="*/ 15 w 40"/>
                <a:gd name="T49" fmla="*/ 56 h 120"/>
                <a:gd name="T50" fmla="*/ 8 w 40"/>
                <a:gd name="T51" fmla="*/ 65 h 120"/>
                <a:gd name="T52" fmla="*/ 8 w 40"/>
                <a:gd name="T53" fmla="*/ 70 h 120"/>
                <a:gd name="T54" fmla="*/ 8 w 40"/>
                <a:gd name="T55" fmla="*/ 72 h 120"/>
                <a:gd name="T56" fmla="*/ 8 w 40"/>
                <a:gd name="T57" fmla="*/ 75 h 120"/>
                <a:gd name="T58" fmla="*/ 8 w 40"/>
                <a:gd name="T59" fmla="*/ 78 h 120"/>
                <a:gd name="T60" fmla="*/ 8 w 40"/>
                <a:gd name="T61" fmla="*/ 83 h 120"/>
                <a:gd name="T62" fmla="*/ 8 w 40"/>
                <a:gd name="T63" fmla="*/ 85 h 120"/>
                <a:gd name="T64" fmla="*/ 6 w 40"/>
                <a:gd name="T65" fmla="*/ 85 h 120"/>
                <a:gd name="T66" fmla="*/ 5 w 40"/>
                <a:gd name="T67" fmla="*/ 82 h 120"/>
                <a:gd name="T68" fmla="*/ 1 w 40"/>
                <a:gd name="T69" fmla="*/ 72 h 120"/>
                <a:gd name="T70" fmla="*/ 1 w 40"/>
                <a:gd name="T71" fmla="*/ 70 h 120"/>
                <a:gd name="T72" fmla="*/ 0 w 40"/>
                <a:gd name="T73" fmla="*/ 67 h 120"/>
                <a:gd name="T74" fmla="*/ 0 w 40"/>
                <a:gd name="T75" fmla="*/ 60 h 120"/>
                <a:gd name="T76" fmla="*/ 0 w 40"/>
                <a:gd name="T77" fmla="*/ 57 h 120"/>
                <a:gd name="T78" fmla="*/ 0 w 40"/>
                <a:gd name="T79" fmla="*/ 55 h 120"/>
                <a:gd name="T80" fmla="*/ 0 w 40"/>
                <a:gd name="T81" fmla="*/ 52 h 120"/>
                <a:gd name="T82" fmla="*/ 0 w 40"/>
                <a:gd name="T83" fmla="*/ 50 h 120"/>
                <a:gd name="T84" fmla="*/ 0 w 40"/>
                <a:gd name="T85" fmla="*/ 49 h 120"/>
                <a:gd name="T86" fmla="*/ 1 w 40"/>
                <a:gd name="T87" fmla="*/ 42 h 120"/>
                <a:gd name="T88" fmla="*/ 8 w 40"/>
                <a:gd name="T89" fmla="*/ 38 h 120"/>
                <a:gd name="T90" fmla="*/ 8 w 40"/>
                <a:gd name="T91" fmla="*/ 26 h 120"/>
                <a:gd name="T92" fmla="*/ 15 w 40"/>
                <a:gd name="T93" fmla="*/ 20 h 120"/>
                <a:gd name="T94" fmla="*/ 17 w 40"/>
                <a:gd name="T95" fmla="*/ 20 h 120"/>
                <a:gd name="T96" fmla="*/ 17 w 40"/>
                <a:gd name="T97" fmla="*/ 20 h 120"/>
                <a:gd name="T98" fmla="*/ 17 w 40"/>
                <a:gd name="T99" fmla="*/ 20 h 120"/>
                <a:gd name="T100" fmla="*/ 13 w 40"/>
                <a:gd name="T101" fmla="*/ 20 h 120"/>
                <a:gd name="T102" fmla="*/ 11 w 40"/>
                <a:gd name="T103" fmla="*/ 18 h 120"/>
                <a:gd name="T104" fmla="*/ 8 w 40"/>
                <a:gd name="T105" fmla="*/ 17 h 120"/>
                <a:gd name="T106" fmla="*/ 8 w 40"/>
                <a:gd name="T107" fmla="*/ 17 h 120"/>
                <a:gd name="T108" fmla="*/ 8 w 40"/>
                <a:gd name="T109" fmla="*/ 17 h 120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w 40"/>
                <a:gd name="T166" fmla="*/ 0 h 120"/>
                <a:gd name="T167" fmla="*/ 40 w 40"/>
                <a:gd name="T168" fmla="*/ 120 h 120"/>
              </a:gdLst>
              <a:ahLst/>
              <a:cxnLst>
                <a:cxn ang="T110">
                  <a:pos x="T0" y="T1"/>
                </a:cxn>
                <a:cxn ang="T111">
                  <a:pos x="T2" y="T3"/>
                </a:cxn>
                <a:cxn ang="T112">
                  <a:pos x="T4" y="T5"/>
                </a:cxn>
                <a:cxn ang="T113">
                  <a:pos x="T6" y="T7"/>
                </a:cxn>
                <a:cxn ang="T114">
                  <a:pos x="T8" y="T9"/>
                </a:cxn>
                <a:cxn ang="T115">
                  <a:pos x="T10" y="T11"/>
                </a:cxn>
                <a:cxn ang="T116">
                  <a:pos x="T12" y="T13"/>
                </a:cxn>
                <a:cxn ang="T117">
                  <a:pos x="T14" y="T15"/>
                </a:cxn>
                <a:cxn ang="T118">
                  <a:pos x="T16" y="T17"/>
                </a:cxn>
                <a:cxn ang="T119">
                  <a:pos x="T18" y="T19"/>
                </a:cxn>
                <a:cxn ang="T120">
                  <a:pos x="T20" y="T21"/>
                </a:cxn>
                <a:cxn ang="T121">
                  <a:pos x="T22" y="T23"/>
                </a:cxn>
                <a:cxn ang="T122">
                  <a:pos x="T24" y="T25"/>
                </a:cxn>
                <a:cxn ang="T123">
                  <a:pos x="T26" y="T27"/>
                </a:cxn>
                <a:cxn ang="T124">
                  <a:pos x="T28" y="T29"/>
                </a:cxn>
                <a:cxn ang="T125">
                  <a:pos x="T30" y="T31"/>
                </a:cxn>
                <a:cxn ang="T126">
                  <a:pos x="T32" y="T33"/>
                </a:cxn>
                <a:cxn ang="T127">
                  <a:pos x="T34" y="T35"/>
                </a:cxn>
                <a:cxn ang="T128">
                  <a:pos x="T36" y="T37"/>
                </a:cxn>
                <a:cxn ang="T129">
                  <a:pos x="T38" y="T39"/>
                </a:cxn>
                <a:cxn ang="T130">
                  <a:pos x="T40" y="T41"/>
                </a:cxn>
                <a:cxn ang="T131">
                  <a:pos x="T42" y="T43"/>
                </a:cxn>
                <a:cxn ang="T132">
                  <a:pos x="T44" y="T45"/>
                </a:cxn>
                <a:cxn ang="T133">
                  <a:pos x="T46" y="T47"/>
                </a:cxn>
                <a:cxn ang="T134">
                  <a:pos x="T48" y="T49"/>
                </a:cxn>
                <a:cxn ang="T135">
                  <a:pos x="T50" y="T51"/>
                </a:cxn>
                <a:cxn ang="T136">
                  <a:pos x="T52" y="T53"/>
                </a:cxn>
                <a:cxn ang="T137">
                  <a:pos x="T54" y="T55"/>
                </a:cxn>
                <a:cxn ang="T138">
                  <a:pos x="T56" y="T57"/>
                </a:cxn>
                <a:cxn ang="T139">
                  <a:pos x="T58" y="T59"/>
                </a:cxn>
                <a:cxn ang="T140">
                  <a:pos x="T60" y="T61"/>
                </a:cxn>
                <a:cxn ang="T141">
                  <a:pos x="T62" y="T63"/>
                </a:cxn>
                <a:cxn ang="T142">
                  <a:pos x="T64" y="T65"/>
                </a:cxn>
                <a:cxn ang="T143">
                  <a:pos x="T66" y="T67"/>
                </a:cxn>
                <a:cxn ang="T144">
                  <a:pos x="T68" y="T69"/>
                </a:cxn>
                <a:cxn ang="T145">
                  <a:pos x="T70" y="T71"/>
                </a:cxn>
                <a:cxn ang="T146">
                  <a:pos x="T72" y="T73"/>
                </a:cxn>
                <a:cxn ang="T147">
                  <a:pos x="T74" y="T75"/>
                </a:cxn>
                <a:cxn ang="T148">
                  <a:pos x="T76" y="T77"/>
                </a:cxn>
                <a:cxn ang="T149">
                  <a:pos x="T78" y="T79"/>
                </a:cxn>
                <a:cxn ang="T150">
                  <a:pos x="T80" y="T81"/>
                </a:cxn>
                <a:cxn ang="T151">
                  <a:pos x="T82" y="T83"/>
                </a:cxn>
                <a:cxn ang="T152">
                  <a:pos x="T84" y="T85"/>
                </a:cxn>
                <a:cxn ang="T153">
                  <a:pos x="T86" y="T87"/>
                </a:cxn>
                <a:cxn ang="T154">
                  <a:pos x="T88" y="T89"/>
                </a:cxn>
                <a:cxn ang="T155">
                  <a:pos x="T90" y="T91"/>
                </a:cxn>
                <a:cxn ang="T156">
                  <a:pos x="T92" y="T93"/>
                </a:cxn>
                <a:cxn ang="T157">
                  <a:pos x="T94" y="T95"/>
                </a:cxn>
                <a:cxn ang="T158">
                  <a:pos x="T96" y="T97"/>
                </a:cxn>
                <a:cxn ang="T159">
                  <a:pos x="T98" y="T99"/>
                </a:cxn>
                <a:cxn ang="T160">
                  <a:pos x="T100" y="T101"/>
                </a:cxn>
                <a:cxn ang="T161">
                  <a:pos x="T102" y="T103"/>
                </a:cxn>
                <a:cxn ang="T162">
                  <a:pos x="T104" y="T105"/>
                </a:cxn>
                <a:cxn ang="T163">
                  <a:pos x="T106" y="T107"/>
                </a:cxn>
                <a:cxn ang="T164">
                  <a:pos x="T108" y="T109"/>
                </a:cxn>
              </a:cxnLst>
              <a:rect l="T165" t="T166" r="T167" b="T168"/>
              <a:pathLst>
                <a:path w="40" h="120">
                  <a:moveTo>
                    <a:pt x="8" y="17"/>
                  </a:moveTo>
                  <a:lnTo>
                    <a:pt x="11" y="13"/>
                  </a:lnTo>
                  <a:lnTo>
                    <a:pt x="13" y="12"/>
                  </a:lnTo>
                  <a:lnTo>
                    <a:pt x="17" y="8"/>
                  </a:lnTo>
                  <a:lnTo>
                    <a:pt x="20" y="7"/>
                  </a:lnTo>
                  <a:lnTo>
                    <a:pt x="23" y="3"/>
                  </a:lnTo>
                  <a:lnTo>
                    <a:pt x="27" y="1"/>
                  </a:lnTo>
                  <a:lnTo>
                    <a:pt x="32" y="0"/>
                  </a:lnTo>
                  <a:lnTo>
                    <a:pt x="39" y="0"/>
                  </a:lnTo>
                  <a:lnTo>
                    <a:pt x="39" y="1"/>
                  </a:lnTo>
                  <a:lnTo>
                    <a:pt x="39" y="5"/>
                  </a:lnTo>
                  <a:lnTo>
                    <a:pt x="40" y="7"/>
                  </a:lnTo>
                  <a:lnTo>
                    <a:pt x="40" y="10"/>
                  </a:lnTo>
                  <a:lnTo>
                    <a:pt x="40" y="12"/>
                  </a:lnTo>
                  <a:lnTo>
                    <a:pt x="40" y="13"/>
                  </a:lnTo>
                  <a:lnTo>
                    <a:pt x="40" y="15"/>
                  </a:lnTo>
                  <a:lnTo>
                    <a:pt x="35" y="23"/>
                  </a:lnTo>
                  <a:lnTo>
                    <a:pt x="33" y="30"/>
                  </a:lnTo>
                  <a:lnTo>
                    <a:pt x="35" y="37"/>
                  </a:lnTo>
                  <a:lnTo>
                    <a:pt x="32" y="49"/>
                  </a:lnTo>
                  <a:lnTo>
                    <a:pt x="27" y="57"/>
                  </a:lnTo>
                  <a:lnTo>
                    <a:pt x="25" y="64"/>
                  </a:lnTo>
                  <a:lnTo>
                    <a:pt x="15" y="73"/>
                  </a:lnTo>
                  <a:lnTo>
                    <a:pt x="15" y="81"/>
                  </a:lnTo>
                  <a:lnTo>
                    <a:pt x="8" y="93"/>
                  </a:lnTo>
                  <a:lnTo>
                    <a:pt x="8" y="98"/>
                  </a:lnTo>
                  <a:lnTo>
                    <a:pt x="8" y="100"/>
                  </a:lnTo>
                  <a:lnTo>
                    <a:pt x="8" y="105"/>
                  </a:lnTo>
                  <a:lnTo>
                    <a:pt x="8" y="110"/>
                  </a:lnTo>
                  <a:lnTo>
                    <a:pt x="8" y="117"/>
                  </a:lnTo>
                  <a:lnTo>
                    <a:pt x="8" y="120"/>
                  </a:lnTo>
                  <a:lnTo>
                    <a:pt x="6" y="120"/>
                  </a:lnTo>
                  <a:lnTo>
                    <a:pt x="5" y="115"/>
                  </a:lnTo>
                  <a:lnTo>
                    <a:pt x="1" y="101"/>
                  </a:lnTo>
                  <a:lnTo>
                    <a:pt x="1" y="98"/>
                  </a:lnTo>
                  <a:lnTo>
                    <a:pt x="0" y="95"/>
                  </a:lnTo>
                  <a:lnTo>
                    <a:pt x="0" y="88"/>
                  </a:lnTo>
                  <a:lnTo>
                    <a:pt x="0" y="83"/>
                  </a:lnTo>
                  <a:lnTo>
                    <a:pt x="0" y="78"/>
                  </a:lnTo>
                  <a:lnTo>
                    <a:pt x="0" y="73"/>
                  </a:lnTo>
                  <a:lnTo>
                    <a:pt x="0" y="69"/>
                  </a:lnTo>
                  <a:lnTo>
                    <a:pt x="0" y="67"/>
                  </a:lnTo>
                  <a:lnTo>
                    <a:pt x="1" y="56"/>
                  </a:lnTo>
                  <a:lnTo>
                    <a:pt x="8" y="52"/>
                  </a:lnTo>
                  <a:lnTo>
                    <a:pt x="8" y="40"/>
                  </a:lnTo>
                  <a:lnTo>
                    <a:pt x="15" y="30"/>
                  </a:lnTo>
                  <a:lnTo>
                    <a:pt x="17" y="27"/>
                  </a:lnTo>
                  <a:lnTo>
                    <a:pt x="17" y="23"/>
                  </a:lnTo>
                  <a:lnTo>
                    <a:pt x="17" y="20"/>
                  </a:lnTo>
                  <a:lnTo>
                    <a:pt x="13" y="20"/>
                  </a:lnTo>
                  <a:lnTo>
                    <a:pt x="11" y="18"/>
                  </a:lnTo>
                  <a:lnTo>
                    <a:pt x="8" y="17"/>
                  </a:lnTo>
                  <a:close/>
                </a:path>
              </a:pathLst>
            </a:custGeom>
            <a:solidFill>
              <a:srgbClr val="FF9933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45" name="Freeform 53"/>
            <p:cNvSpPr>
              <a:spLocks/>
            </p:cNvSpPr>
            <p:nvPr/>
          </p:nvSpPr>
          <p:spPr bwMode="auto">
            <a:xfrm>
              <a:off x="4629" y="2257"/>
              <a:ext cx="39" cy="117"/>
            </a:xfrm>
            <a:custGeom>
              <a:avLst/>
              <a:gdLst>
                <a:gd name="T0" fmla="*/ 8 w 40"/>
                <a:gd name="T1" fmla="*/ 17 h 120"/>
                <a:gd name="T2" fmla="*/ 8 w 40"/>
                <a:gd name="T3" fmla="*/ 17 h 120"/>
                <a:gd name="T4" fmla="*/ 11 w 40"/>
                <a:gd name="T5" fmla="*/ 13 h 120"/>
                <a:gd name="T6" fmla="*/ 13 w 40"/>
                <a:gd name="T7" fmla="*/ 12 h 120"/>
                <a:gd name="T8" fmla="*/ 17 w 40"/>
                <a:gd name="T9" fmla="*/ 8 h 120"/>
                <a:gd name="T10" fmla="*/ 20 w 40"/>
                <a:gd name="T11" fmla="*/ 7 h 120"/>
                <a:gd name="T12" fmla="*/ 20 w 40"/>
                <a:gd name="T13" fmla="*/ 3 h 120"/>
                <a:gd name="T14" fmla="*/ 20 w 40"/>
                <a:gd name="T15" fmla="*/ 1 h 120"/>
                <a:gd name="T16" fmla="*/ 20 w 40"/>
                <a:gd name="T17" fmla="*/ 0 h 120"/>
                <a:gd name="T18" fmla="*/ 25 w 40"/>
                <a:gd name="T19" fmla="*/ 0 h 120"/>
                <a:gd name="T20" fmla="*/ 25 w 40"/>
                <a:gd name="T21" fmla="*/ 0 h 120"/>
                <a:gd name="T22" fmla="*/ 25 w 40"/>
                <a:gd name="T23" fmla="*/ 0 h 120"/>
                <a:gd name="T24" fmla="*/ 25 w 40"/>
                <a:gd name="T25" fmla="*/ 1 h 120"/>
                <a:gd name="T26" fmla="*/ 25 w 40"/>
                <a:gd name="T27" fmla="*/ 5 h 120"/>
                <a:gd name="T28" fmla="*/ 26 w 40"/>
                <a:gd name="T29" fmla="*/ 7 h 120"/>
                <a:gd name="T30" fmla="*/ 26 w 40"/>
                <a:gd name="T31" fmla="*/ 10 h 120"/>
                <a:gd name="T32" fmla="*/ 26 w 40"/>
                <a:gd name="T33" fmla="*/ 12 h 120"/>
                <a:gd name="T34" fmla="*/ 26 w 40"/>
                <a:gd name="T35" fmla="*/ 13 h 120"/>
                <a:gd name="T36" fmla="*/ 26 w 40"/>
                <a:gd name="T37" fmla="*/ 15 h 120"/>
                <a:gd name="T38" fmla="*/ 21 w 40"/>
                <a:gd name="T39" fmla="*/ 20 h 120"/>
                <a:gd name="T40" fmla="*/ 20 w 40"/>
                <a:gd name="T41" fmla="*/ 20 h 120"/>
                <a:gd name="T42" fmla="*/ 21 w 40"/>
                <a:gd name="T43" fmla="*/ 23 h 120"/>
                <a:gd name="T44" fmla="*/ 20 w 40"/>
                <a:gd name="T45" fmla="*/ 35 h 120"/>
                <a:gd name="T46" fmla="*/ 20 w 40"/>
                <a:gd name="T47" fmla="*/ 43 h 120"/>
                <a:gd name="T48" fmla="*/ 20 w 40"/>
                <a:gd name="T49" fmla="*/ 48 h 120"/>
                <a:gd name="T50" fmla="*/ 15 w 40"/>
                <a:gd name="T51" fmla="*/ 52 h 120"/>
                <a:gd name="T52" fmla="*/ 15 w 40"/>
                <a:gd name="T53" fmla="*/ 56 h 120"/>
                <a:gd name="T54" fmla="*/ 8 w 40"/>
                <a:gd name="T55" fmla="*/ 65 h 120"/>
                <a:gd name="T56" fmla="*/ 8 w 40"/>
                <a:gd name="T57" fmla="*/ 70 h 120"/>
                <a:gd name="T58" fmla="*/ 8 w 40"/>
                <a:gd name="T59" fmla="*/ 70 h 120"/>
                <a:gd name="T60" fmla="*/ 8 w 40"/>
                <a:gd name="T61" fmla="*/ 72 h 120"/>
                <a:gd name="T62" fmla="*/ 8 w 40"/>
                <a:gd name="T63" fmla="*/ 75 h 120"/>
                <a:gd name="T64" fmla="*/ 8 w 40"/>
                <a:gd name="T65" fmla="*/ 78 h 120"/>
                <a:gd name="T66" fmla="*/ 8 w 40"/>
                <a:gd name="T67" fmla="*/ 83 h 120"/>
                <a:gd name="T68" fmla="*/ 8 w 40"/>
                <a:gd name="T69" fmla="*/ 85 h 120"/>
                <a:gd name="T70" fmla="*/ 6 w 40"/>
                <a:gd name="T71" fmla="*/ 85 h 120"/>
                <a:gd name="T72" fmla="*/ 5 w 40"/>
                <a:gd name="T73" fmla="*/ 82 h 120"/>
                <a:gd name="T74" fmla="*/ 1 w 40"/>
                <a:gd name="T75" fmla="*/ 72 h 120"/>
                <a:gd name="T76" fmla="*/ 1 w 40"/>
                <a:gd name="T77" fmla="*/ 72 h 120"/>
                <a:gd name="T78" fmla="*/ 1 w 40"/>
                <a:gd name="T79" fmla="*/ 70 h 120"/>
                <a:gd name="T80" fmla="*/ 0 w 40"/>
                <a:gd name="T81" fmla="*/ 67 h 120"/>
                <a:gd name="T82" fmla="*/ 0 w 40"/>
                <a:gd name="T83" fmla="*/ 60 h 120"/>
                <a:gd name="T84" fmla="*/ 0 w 40"/>
                <a:gd name="T85" fmla="*/ 57 h 120"/>
                <a:gd name="T86" fmla="*/ 0 w 40"/>
                <a:gd name="T87" fmla="*/ 55 h 120"/>
                <a:gd name="T88" fmla="*/ 0 w 40"/>
                <a:gd name="T89" fmla="*/ 52 h 120"/>
                <a:gd name="T90" fmla="*/ 0 w 40"/>
                <a:gd name="T91" fmla="*/ 50 h 120"/>
                <a:gd name="T92" fmla="*/ 0 w 40"/>
                <a:gd name="T93" fmla="*/ 49 h 120"/>
                <a:gd name="T94" fmla="*/ 1 w 40"/>
                <a:gd name="T95" fmla="*/ 42 h 120"/>
                <a:gd name="T96" fmla="*/ 8 w 40"/>
                <a:gd name="T97" fmla="*/ 38 h 120"/>
                <a:gd name="T98" fmla="*/ 8 w 40"/>
                <a:gd name="T99" fmla="*/ 26 h 120"/>
                <a:gd name="T100" fmla="*/ 15 w 40"/>
                <a:gd name="T101" fmla="*/ 20 h 120"/>
                <a:gd name="T102" fmla="*/ 15 w 40"/>
                <a:gd name="T103" fmla="*/ 20 h 120"/>
                <a:gd name="T104" fmla="*/ 17 w 40"/>
                <a:gd name="T105" fmla="*/ 20 h 120"/>
                <a:gd name="T106" fmla="*/ 17 w 40"/>
                <a:gd name="T107" fmla="*/ 20 h 120"/>
                <a:gd name="T108" fmla="*/ 17 w 40"/>
                <a:gd name="T109" fmla="*/ 20 h 120"/>
                <a:gd name="T110" fmla="*/ 13 w 40"/>
                <a:gd name="T111" fmla="*/ 20 h 120"/>
                <a:gd name="T112" fmla="*/ 11 w 40"/>
                <a:gd name="T113" fmla="*/ 18 h 120"/>
                <a:gd name="T114" fmla="*/ 8 w 40"/>
                <a:gd name="T115" fmla="*/ 17 h 120"/>
                <a:gd name="T116" fmla="*/ 8 w 40"/>
                <a:gd name="T117" fmla="*/ 17 h 120"/>
                <a:gd name="T118" fmla="*/ 8 w 40"/>
                <a:gd name="T119" fmla="*/ 17 h 120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w 40"/>
                <a:gd name="T181" fmla="*/ 0 h 120"/>
                <a:gd name="T182" fmla="*/ 40 w 40"/>
                <a:gd name="T183" fmla="*/ 120 h 120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T180" t="T181" r="T182" b="T183"/>
              <a:pathLst>
                <a:path w="40" h="120">
                  <a:moveTo>
                    <a:pt x="8" y="17"/>
                  </a:moveTo>
                  <a:lnTo>
                    <a:pt x="8" y="17"/>
                  </a:lnTo>
                  <a:lnTo>
                    <a:pt x="11" y="13"/>
                  </a:lnTo>
                  <a:lnTo>
                    <a:pt x="13" y="12"/>
                  </a:lnTo>
                  <a:lnTo>
                    <a:pt x="17" y="8"/>
                  </a:lnTo>
                  <a:lnTo>
                    <a:pt x="20" y="7"/>
                  </a:lnTo>
                  <a:lnTo>
                    <a:pt x="23" y="3"/>
                  </a:lnTo>
                  <a:lnTo>
                    <a:pt x="27" y="1"/>
                  </a:lnTo>
                  <a:lnTo>
                    <a:pt x="32" y="0"/>
                  </a:lnTo>
                  <a:lnTo>
                    <a:pt x="39" y="0"/>
                  </a:lnTo>
                  <a:lnTo>
                    <a:pt x="39" y="1"/>
                  </a:lnTo>
                  <a:lnTo>
                    <a:pt x="39" y="5"/>
                  </a:lnTo>
                  <a:lnTo>
                    <a:pt x="40" y="7"/>
                  </a:lnTo>
                  <a:lnTo>
                    <a:pt x="40" y="10"/>
                  </a:lnTo>
                  <a:lnTo>
                    <a:pt x="40" y="12"/>
                  </a:lnTo>
                  <a:lnTo>
                    <a:pt x="40" y="13"/>
                  </a:lnTo>
                  <a:lnTo>
                    <a:pt x="40" y="15"/>
                  </a:lnTo>
                  <a:lnTo>
                    <a:pt x="35" y="23"/>
                  </a:lnTo>
                  <a:lnTo>
                    <a:pt x="33" y="30"/>
                  </a:lnTo>
                  <a:lnTo>
                    <a:pt x="35" y="37"/>
                  </a:lnTo>
                  <a:lnTo>
                    <a:pt x="32" y="49"/>
                  </a:lnTo>
                  <a:lnTo>
                    <a:pt x="27" y="57"/>
                  </a:lnTo>
                  <a:lnTo>
                    <a:pt x="25" y="64"/>
                  </a:lnTo>
                  <a:lnTo>
                    <a:pt x="15" y="73"/>
                  </a:lnTo>
                  <a:lnTo>
                    <a:pt x="15" y="81"/>
                  </a:lnTo>
                  <a:lnTo>
                    <a:pt x="8" y="93"/>
                  </a:lnTo>
                  <a:lnTo>
                    <a:pt x="8" y="98"/>
                  </a:lnTo>
                  <a:lnTo>
                    <a:pt x="8" y="100"/>
                  </a:lnTo>
                  <a:lnTo>
                    <a:pt x="8" y="105"/>
                  </a:lnTo>
                  <a:lnTo>
                    <a:pt x="8" y="110"/>
                  </a:lnTo>
                  <a:lnTo>
                    <a:pt x="8" y="117"/>
                  </a:lnTo>
                  <a:lnTo>
                    <a:pt x="8" y="120"/>
                  </a:lnTo>
                  <a:lnTo>
                    <a:pt x="6" y="120"/>
                  </a:lnTo>
                  <a:lnTo>
                    <a:pt x="5" y="115"/>
                  </a:lnTo>
                  <a:lnTo>
                    <a:pt x="1" y="101"/>
                  </a:lnTo>
                  <a:lnTo>
                    <a:pt x="1" y="98"/>
                  </a:lnTo>
                  <a:lnTo>
                    <a:pt x="0" y="95"/>
                  </a:lnTo>
                  <a:lnTo>
                    <a:pt x="0" y="88"/>
                  </a:lnTo>
                  <a:lnTo>
                    <a:pt x="0" y="83"/>
                  </a:lnTo>
                  <a:lnTo>
                    <a:pt x="0" y="78"/>
                  </a:lnTo>
                  <a:lnTo>
                    <a:pt x="0" y="73"/>
                  </a:lnTo>
                  <a:lnTo>
                    <a:pt x="0" y="69"/>
                  </a:lnTo>
                  <a:lnTo>
                    <a:pt x="0" y="67"/>
                  </a:lnTo>
                  <a:lnTo>
                    <a:pt x="1" y="56"/>
                  </a:lnTo>
                  <a:lnTo>
                    <a:pt x="8" y="52"/>
                  </a:lnTo>
                  <a:lnTo>
                    <a:pt x="8" y="40"/>
                  </a:lnTo>
                  <a:lnTo>
                    <a:pt x="15" y="30"/>
                  </a:lnTo>
                  <a:lnTo>
                    <a:pt x="17" y="27"/>
                  </a:lnTo>
                  <a:lnTo>
                    <a:pt x="17" y="23"/>
                  </a:lnTo>
                  <a:lnTo>
                    <a:pt x="17" y="20"/>
                  </a:lnTo>
                  <a:lnTo>
                    <a:pt x="13" y="20"/>
                  </a:lnTo>
                  <a:lnTo>
                    <a:pt x="11" y="18"/>
                  </a:lnTo>
                  <a:lnTo>
                    <a:pt x="8" y="17"/>
                  </a:lnTo>
                </a:path>
              </a:pathLst>
            </a:custGeom>
            <a:solidFill>
              <a:srgbClr val="8B3102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46" name="Freeform 54"/>
            <p:cNvSpPr>
              <a:spLocks/>
            </p:cNvSpPr>
            <p:nvPr/>
          </p:nvSpPr>
          <p:spPr bwMode="auto">
            <a:xfrm>
              <a:off x="3888" y="2151"/>
              <a:ext cx="768" cy="436"/>
            </a:xfrm>
            <a:custGeom>
              <a:avLst/>
              <a:gdLst>
                <a:gd name="T0" fmla="*/ 660 w 776"/>
                <a:gd name="T1" fmla="*/ 262 h 440"/>
                <a:gd name="T2" fmla="*/ 669 w 776"/>
                <a:gd name="T3" fmla="*/ 269 h 440"/>
                <a:gd name="T4" fmla="*/ 641 w 776"/>
                <a:gd name="T5" fmla="*/ 240 h 440"/>
                <a:gd name="T6" fmla="*/ 626 w 776"/>
                <a:gd name="T7" fmla="*/ 236 h 440"/>
                <a:gd name="T8" fmla="*/ 628 w 776"/>
                <a:gd name="T9" fmla="*/ 247 h 440"/>
                <a:gd name="T10" fmla="*/ 620 w 776"/>
                <a:gd name="T11" fmla="*/ 249 h 440"/>
                <a:gd name="T12" fmla="*/ 574 w 776"/>
                <a:gd name="T13" fmla="*/ 221 h 440"/>
                <a:gd name="T14" fmla="*/ 624 w 776"/>
                <a:gd name="T15" fmla="*/ 224 h 440"/>
                <a:gd name="T16" fmla="*/ 606 w 776"/>
                <a:gd name="T17" fmla="*/ 206 h 440"/>
                <a:gd name="T18" fmla="*/ 609 w 776"/>
                <a:gd name="T19" fmla="*/ 170 h 440"/>
                <a:gd name="T20" fmla="*/ 591 w 776"/>
                <a:gd name="T21" fmla="*/ 160 h 440"/>
                <a:gd name="T22" fmla="*/ 599 w 776"/>
                <a:gd name="T23" fmla="*/ 132 h 440"/>
                <a:gd name="T24" fmla="*/ 571 w 776"/>
                <a:gd name="T25" fmla="*/ 113 h 440"/>
                <a:gd name="T26" fmla="*/ 535 w 776"/>
                <a:gd name="T27" fmla="*/ 98 h 440"/>
                <a:gd name="T28" fmla="*/ 524 w 776"/>
                <a:gd name="T29" fmla="*/ 98 h 440"/>
                <a:gd name="T30" fmla="*/ 510 w 776"/>
                <a:gd name="T31" fmla="*/ 96 h 440"/>
                <a:gd name="T32" fmla="*/ 510 w 776"/>
                <a:gd name="T33" fmla="*/ 66 h 440"/>
                <a:gd name="T34" fmla="*/ 524 w 776"/>
                <a:gd name="T35" fmla="*/ 55 h 440"/>
                <a:gd name="T36" fmla="*/ 500 w 776"/>
                <a:gd name="T37" fmla="*/ 29 h 440"/>
                <a:gd name="T38" fmla="*/ 481 w 776"/>
                <a:gd name="T39" fmla="*/ 14 h 440"/>
                <a:gd name="T40" fmla="*/ 469 w 776"/>
                <a:gd name="T41" fmla="*/ 4 h 440"/>
                <a:gd name="T42" fmla="*/ 461 w 776"/>
                <a:gd name="T43" fmla="*/ 10 h 440"/>
                <a:gd name="T44" fmla="*/ 442 w 776"/>
                <a:gd name="T45" fmla="*/ 19 h 440"/>
                <a:gd name="T46" fmla="*/ 415 w 776"/>
                <a:gd name="T47" fmla="*/ 4 h 440"/>
                <a:gd name="T48" fmla="*/ 401 w 776"/>
                <a:gd name="T49" fmla="*/ 41 h 440"/>
                <a:gd name="T50" fmla="*/ 388 w 776"/>
                <a:gd name="T51" fmla="*/ 57 h 440"/>
                <a:gd name="T52" fmla="*/ 381 w 776"/>
                <a:gd name="T53" fmla="*/ 74 h 440"/>
                <a:gd name="T54" fmla="*/ 368 w 776"/>
                <a:gd name="T55" fmla="*/ 71 h 440"/>
                <a:gd name="T56" fmla="*/ 358 w 776"/>
                <a:gd name="T57" fmla="*/ 93 h 440"/>
                <a:gd name="T58" fmla="*/ 355 w 776"/>
                <a:gd name="T59" fmla="*/ 105 h 440"/>
                <a:gd name="T60" fmla="*/ 345 w 776"/>
                <a:gd name="T61" fmla="*/ 125 h 440"/>
                <a:gd name="T62" fmla="*/ 320 w 776"/>
                <a:gd name="T63" fmla="*/ 113 h 440"/>
                <a:gd name="T64" fmla="*/ 315 w 776"/>
                <a:gd name="T65" fmla="*/ 137 h 440"/>
                <a:gd name="T66" fmla="*/ 311 w 776"/>
                <a:gd name="T67" fmla="*/ 150 h 440"/>
                <a:gd name="T68" fmla="*/ 306 w 776"/>
                <a:gd name="T69" fmla="*/ 159 h 440"/>
                <a:gd name="T70" fmla="*/ 300 w 776"/>
                <a:gd name="T71" fmla="*/ 182 h 440"/>
                <a:gd name="T72" fmla="*/ 284 w 776"/>
                <a:gd name="T73" fmla="*/ 213 h 440"/>
                <a:gd name="T74" fmla="*/ 284 w 776"/>
                <a:gd name="T75" fmla="*/ 224 h 440"/>
                <a:gd name="T76" fmla="*/ 271 w 776"/>
                <a:gd name="T77" fmla="*/ 253 h 440"/>
                <a:gd name="T78" fmla="*/ 254 w 776"/>
                <a:gd name="T79" fmla="*/ 253 h 440"/>
                <a:gd name="T80" fmla="*/ 237 w 776"/>
                <a:gd name="T81" fmla="*/ 257 h 440"/>
                <a:gd name="T82" fmla="*/ 234 w 776"/>
                <a:gd name="T83" fmla="*/ 268 h 440"/>
                <a:gd name="T84" fmla="*/ 226 w 776"/>
                <a:gd name="T85" fmla="*/ 271 h 440"/>
                <a:gd name="T86" fmla="*/ 205 w 776"/>
                <a:gd name="T87" fmla="*/ 276 h 440"/>
                <a:gd name="T88" fmla="*/ 192 w 776"/>
                <a:gd name="T89" fmla="*/ 280 h 440"/>
                <a:gd name="T90" fmla="*/ 165 w 776"/>
                <a:gd name="T91" fmla="*/ 285 h 440"/>
                <a:gd name="T92" fmla="*/ 142 w 776"/>
                <a:gd name="T93" fmla="*/ 267 h 440"/>
                <a:gd name="T94" fmla="*/ 126 w 776"/>
                <a:gd name="T95" fmla="*/ 282 h 440"/>
                <a:gd name="T96" fmla="*/ 128 w 776"/>
                <a:gd name="T97" fmla="*/ 278 h 440"/>
                <a:gd name="T98" fmla="*/ 99 w 776"/>
                <a:gd name="T99" fmla="*/ 302 h 440"/>
                <a:gd name="T100" fmla="*/ 84 w 776"/>
                <a:gd name="T101" fmla="*/ 326 h 440"/>
                <a:gd name="T102" fmla="*/ 75 w 776"/>
                <a:gd name="T103" fmla="*/ 339 h 440"/>
                <a:gd name="T104" fmla="*/ 70 w 776"/>
                <a:gd name="T105" fmla="*/ 347 h 440"/>
                <a:gd name="T106" fmla="*/ 50 w 776"/>
                <a:gd name="T107" fmla="*/ 358 h 440"/>
                <a:gd name="T108" fmla="*/ 48 w 776"/>
                <a:gd name="T109" fmla="*/ 364 h 440"/>
                <a:gd name="T110" fmla="*/ 22 w 776"/>
                <a:gd name="T111" fmla="*/ 375 h 440"/>
                <a:gd name="T112" fmla="*/ 0 w 776"/>
                <a:gd name="T113" fmla="*/ 384 h 440"/>
                <a:gd name="T114" fmla="*/ 182 w 776"/>
                <a:gd name="T115" fmla="*/ 358 h 440"/>
                <a:gd name="T116" fmla="*/ 218 w 776"/>
                <a:gd name="T117" fmla="*/ 356 h 440"/>
                <a:gd name="T118" fmla="*/ 284 w 776"/>
                <a:gd name="T119" fmla="*/ 349 h 440"/>
                <a:gd name="T120" fmla="*/ 384 w 776"/>
                <a:gd name="T121" fmla="*/ 334 h 440"/>
                <a:gd name="T122" fmla="*/ 506 w 776"/>
                <a:gd name="T123" fmla="*/ 309 h 440"/>
                <a:gd name="T124" fmla="*/ 654 w 776"/>
                <a:gd name="T125" fmla="*/ 271 h 440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  <a:gd name="T189" fmla="*/ 0 w 776"/>
                <a:gd name="T190" fmla="*/ 0 h 440"/>
                <a:gd name="T191" fmla="*/ 776 w 776"/>
                <a:gd name="T192" fmla="*/ 440 h 440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T189" t="T190" r="T191" b="T192"/>
              <a:pathLst>
                <a:path w="776" h="440">
                  <a:moveTo>
                    <a:pt x="761" y="310"/>
                  </a:moveTo>
                  <a:lnTo>
                    <a:pt x="763" y="310"/>
                  </a:lnTo>
                  <a:lnTo>
                    <a:pt x="765" y="312"/>
                  </a:lnTo>
                  <a:lnTo>
                    <a:pt x="766" y="312"/>
                  </a:lnTo>
                  <a:lnTo>
                    <a:pt x="766" y="310"/>
                  </a:lnTo>
                  <a:lnTo>
                    <a:pt x="763" y="298"/>
                  </a:lnTo>
                  <a:lnTo>
                    <a:pt x="763" y="293"/>
                  </a:lnTo>
                  <a:lnTo>
                    <a:pt x="765" y="295"/>
                  </a:lnTo>
                  <a:lnTo>
                    <a:pt x="768" y="298"/>
                  </a:lnTo>
                  <a:lnTo>
                    <a:pt x="770" y="305"/>
                  </a:lnTo>
                  <a:lnTo>
                    <a:pt x="773" y="308"/>
                  </a:lnTo>
                  <a:lnTo>
                    <a:pt x="773" y="310"/>
                  </a:lnTo>
                  <a:lnTo>
                    <a:pt x="776" y="305"/>
                  </a:lnTo>
                  <a:lnTo>
                    <a:pt x="758" y="264"/>
                  </a:lnTo>
                  <a:lnTo>
                    <a:pt x="749" y="263"/>
                  </a:lnTo>
                  <a:lnTo>
                    <a:pt x="743" y="268"/>
                  </a:lnTo>
                  <a:lnTo>
                    <a:pt x="741" y="268"/>
                  </a:lnTo>
                  <a:lnTo>
                    <a:pt x="739" y="268"/>
                  </a:lnTo>
                  <a:lnTo>
                    <a:pt x="736" y="268"/>
                  </a:lnTo>
                  <a:lnTo>
                    <a:pt x="734" y="268"/>
                  </a:lnTo>
                  <a:lnTo>
                    <a:pt x="729" y="264"/>
                  </a:lnTo>
                  <a:lnTo>
                    <a:pt x="726" y="263"/>
                  </a:lnTo>
                  <a:lnTo>
                    <a:pt x="724" y="264"/>
                  </a:lnTo>
                  <a:lnTo>
                    <a:pt x="722" y="266"/>
                  </a:lnTo>
                  <a:lnTo>
                    <a:pt x="722" y="268"/>
                  </a:lnTo>
                  <a:lnTo>
                    <a:pt x="722" y="269"/>
                  </a:lnTo>
                  <a:lnTo>
                    <a:pt x="722" y="271"/>
                  </a:lnTo>
                  <a:lnTo>
                    <a:pt x="722" y="273"/>
                  </a:lnTo>
                  <a:lnTo>
                    <a:pt x="726" y="276"/>
                  </a:lnTo>
                  <a:lnTo>
                    <a:pt x="727" y="280"/>
                  </a:lnTo>
                  <a:lnTo>
                    <a:pt x="726" y="280"/>
                  </a:lnTo>
                  <a:lnTo>
                    <a:pt x="724" y="280"/>
                  </a:lnTo>
                  <a:lnTo>
                    <a:pt x="722" y="280"/>
                  </a:lnTo>
                  <a:lnTo>
                    <a:pt x="719" y="278"/>
                  </a:lnTo>
                  <a:lnTo>
                    <a:pt x="717" y="278"/>
                  </a:lnTo>
                  <a:lnTo>
                    <a:pt x="717" y="276"/>
                  </a:lnTo>
                  <a:lnTo>
                    <a:pt x="707" y="276"/>
                  </a:lnTo>
                  <a:lnTo>
                    <a:pt x="700" y="269"/>
                  </a:lnTo>
                  <a:lnTo>
                    <a:pt x="692" y="266"/>
                  </a:lnTo>
                  <a:lnTo>
                    <a:pt x="682" y="251"/>
                  </a:lnTo>
                  <a:lnTo>
                    <a:pt x="663" y="249"/>
                  </a:lnTo>
                  <a:lnTo>
                    <a:pt x="651" y="247"/>
                  </a:lnTo>
                  <a:lnTo>
                    <a:pt x="633" y="241"/>
                  </a:lnTo>
                  <a:lnTo>
                    <a:pt x="648" y="239"/>
                  </a:lnTo>
                  <a:lnTo>
                    <a:pt x="685" y="244"/>
                  </a:lnTo>
                  <a:lnTo>
                    <a:pt x="710" y="266"/>
                  </a:lnTo>
                  <a:lnTo>
                    <a:pt x="722" y="252"/>
                  </a:lnTo>
                  <a:lnTo>
                    <a:pt x="704" y="239"/>
                  </a:lnTo>
                  <a:lnTo>
                    <a:pt x="683" y="230"/>
                  </a:lnTo>
                  <a:lnTo>
                    <a:pt x="663" y="212"/>
                  </a:lnTo>
                  <a:lnTo>
                    <a:pt x="670" y="214"/>
                  </a:lnTo>
                  <a:lnTo>
                    <a:pt x="690" y="229"/>
                  </a:lnTo>
                  <a:lnTo>
                    <a:pt x="700" y="234"/>
                  </a:lnTo>
                  <a:lnTo>
                    <a:pt x="707" y="229"/>
                  </a:lnTo>
                  <a:lnTo>
                    <a:pt x="699" y="222"/>
                  </a:lnTo>
                  <a:lnTo>
                    <a:pt x="699" y="212"/>
                  </a:lnTo>
                  <a:lnTo>
                    <a:pt x="716" y="220"/>
                  </a:lnTo>
                  <a:lnTo>
                    <a:pt x="716" y="207"/>
                  </a:lnTo>
                  <a:lnTo>
                    <a:pt x="704" y="198"/>
                  </a:lnTo>
                  <a:lnTo>
                    <a:pt x="700" y="190"/>
                  </a:lnTo>
                  <a:lnTo>
                    <a:pt x="682" y="188"/>
                  </a:lnTo>
                  <a:lnTo>
                    <a:pt x="656" y="170"/>
                  </a:lnTo>
                  <a:lnTo>
                    <a:pt x="639" y="151"/>
                  </a:lnTo>
                  <a:lnTo>
                    <a:pt x="661" y="168"/>
                  </a:lnTo>
                  <a:lnTo>
                    <a:pt x="683" y="183"/>
                  </a:lnTo>
                  <a:lnTo>
                    <a:pt x="700" y="185"/>
                  </a:lnTo>
                  <a:lnTo>
                    <a:pt x="700" y="163"/>
                  </a:lnTo>
                  <a:lnTo>
                    <a:pt x="707" y="154"/>
                  </a:lnTo>
                  <a:lnTo>
                    <a:pt x="707" y="149"/>
                  </a:lnTo>
                  <a:lnTo>
                    <a:pt x="700" y="149"/>
                  </a:lnTo>
                  <a:lnTo>
                    <a:pt x="692" y="146"/>
                  </a:lnTo>
                  <a:lnTo>
                    <a:pt x="685" y="142"/>
                  </a:lnTo>
                  <a:lnTo>
                    <a:pt x="677" y="139"/>
                  </a:lnTo>
                  <a:lnTo>
                    <a:pt x="672" y="134"/>
                  </a:lnTo>
                  <a:lnTo>
                    <a:pt x="665" y="131"/>
                  </a:lnTo>
                  <a:lnTo>
                    <a:pt x="661" y="129"/>
                  </a:lnTo>
                  <a:lnTo>
                    <a:pt x="660" y="127"/>
                  </a:lnTo>
                  <a:lnTo>
                    <a:pt x="648" y="127"/>
                  </a:lnTo>
                  <a:lnTo>
                    <a:pt x="638" y="124"/>
                  </a:lnTo>
                  <a:lnTo>
                    <a:pt x="629" y="122"/>
                  </a:lnTo>
                  <a:lnTo>
                    <a:pt x="624" y="119"/>
                  </a:lnTo>
                  <a:lnTo>
                    <a:pt x="621" y="115"/>
                  </a:lnTo>
                  <a:lnTo>
                    <a:pt x="619" y="112"/>
                  </a:lnTo>
                  <a:lnTo>
                    <a:pt x="617" y="110"/>
                  </a:lnTo>
                  <a:lnTo>
                    <a:pt x="614" y="110"/>
                  </a:lnTo>
                  <a:lnTo>
                    <a:pt x="611" y="112"/>
                  </a:lnTo>
                  <a:lnTo>
                    <a:pt x="607" y="112"/>
                  </a:lnTo>
                  <a:lnTo>
                    <a:pt x="604" y="114"/>
                  </a:lnTo>
                  <a:lnTo>
                    <a:pt x="600" y="114"/>
                  </a:lnTo>
                  <a:lnTo>
                    <a:pt x="597" y="115"/>
                  </a:lnTo>
                  <a:lnTo>
                    <a:pt x="592" y="114"/>
                  </a:lnTo>
                  <a:lnTo>
                    <a:pt x="590" y="110"/>
                  </a:lnTo>
                  <a:lnTo>
                    <a:pt x="589" y="104"/>
                  </a:lnTo>
                  <a:lnTo>
                    <a:pt x="589" y="98"/>
                  </a:lnTo>
                  <a:lnTo>
                    <a:pt x="589" y="92"/>
                  </a:lnTo>
                  <a:lnTo>
                    <a:pt x="589" y="87"/>
                  </a:lnTo>
                  <a:lnTo>
                    <a:pt x="590" y="82"/>
                  </a:lnTo>
                  <a:lnTo>
                    <a:pt x="590" y="80"/>
                  </a:lnTo>
                  <a:lnTo>
                    <a:pt x="592" y="80"/>
                  </a:lnTo>
                  <a:lnTo>
                    <a:pt x="594" y="78"/>
                  </a:lnTo>
                  <a:lnTo>
                    <a:pt x="597" y="76"/>
                  </a:lnTo>
                  <a:lnTo>
                    <a:pt x="599" y="75"/>
                  </a:lnTo>
                  <a:lnTo>
                    <a:pt x="606" y="65"/>
                  </a:lnTo>
                  <a:lnTo>
                    <a:pt x="607" y="56"/>
                  </a:lnTo>
                  <a:lnTo>
                    <a:pt x="606" y="48"/>
                  </a:lnTo>
                  <a:lnTo>
                    <a:pt x="600" y="41"/>
                  </a:lnTo>
                  <a:lnTo>
                    <a:pt x="594" y="36"/>
                  </a:lnTo>
                  <a:lnTo>
                    <a:pt x="587" y="32"/>
                  </a:lnTo>
                  <a:lnTo>
                    <a:pt x="582" y="31"/>
                  </a:lnTo>
                  <a:lnTo>
                    <a:pt x="578" y="29"/>
                  </a:lnTo>
                  <a:lnTo>
                    <a:pt x="567" y="29"/>
                  </a:lnTo>
                  <a:lnTo>
                    <a:pt x="560" y="26"/>
                  </a:lnTo>
                  <a:lnTo>
                    <a:pt x="555" y="24"/>
                  </a:lnTo>
                  <a:lnTo>
                    <a:pt x="555" y="19"/>
                  </a:lnTo>
                  <a:lnTo>
                    <a:pt x="555" y="16"/>
                  </a:lnTo>
                  <a:lnTo>
                    <a:pt x="555" y="14"/>
                  </a:lnTo>
                  <a:lnTo>
                    <a:pt x="556" y="10"/>
                  </a:lnTo>
                  <a:lnTo>
                    <a:pt x="556" y="9"/>
                  </a:lnTo>
                  <a:lnTo>
                    <a:pt x="553" y="5"/>
                  </a:lnTo>
                  <a:lnTo>
                    <a:pt x="550" y="2"/>
                  </a:lnTo>
                  <a:lnTo>
                    <a:pt x="545" y="2"/>
                  </a:lnTo>
                  <a:lnTo>
                    <a:pt x="541" y="4"/>
                  </a:lnTo>
                  <a:lnTo>
                    <a:pt x="536" y="5"/>
                  </a:lnTo>
                  <a:lnTo>
                    <a:pt x="533" y="5"/>
                  </a:lnTo>
                  <a:lnTo>
                    <a:pt x="531" y="7"/>
                  </a:lnTo>
                  <a:lnTo>
                    <a:pt x="529" y="9"/>
                  </a:lnTo>
                  <a:lnTo>
                    <a:pt x="531" y="9"/>
                  </a:lnTo>
                  <a:lnTo>
                    <a:pt x="531" y="10"/>
                  </a:lnTo>
                  <a:lnTo>
                    <a:pt x="531" y="14"/>
                  </a:lnTo>
                  <a:lnTo>
                    <a:pt x="531" y="17"/>
                  </a:lnTo>
                  <a:lnTo>
                    <a:pt x="529" y="19"/>
                  </a:lnTo>
                  <a:lnTo>
                    <a:pt x="526" y="21"/>
                  </a:lnTo>
                  <a:lnTo>
                    <a:pt x="521" y="22"/>
                  </a:lnTo>
                  <a:lnTo>
                    <a:pt x="512" y="19"/>
                  </a:lnTo>
                  <a:lnTo>
                    <a:pt x="499" y="14"/>
                  </a:lnTo>
                  <a:lnTo>
                    <a:pt x="497" y="12"/>
                  </a:lnTo>
                  <a:lnTo>
                    <a:pt x="494" y="10"/>
                  </a:lnTo>
                  <a:lnTo>
                    <a:pt x="489" y="9"/>
                  </a:lnTo>
                  <a:lnTo>
                    <a:pt x="484" y="7"/>
                  </a:lnTo>
                  <a:lnTo>
                    <a:pt x="480" y="4"/>
                  </a:lnTo>
                  <a:lnTo>
                    <a:pt x="475" y="2"/>
                  </a:lnTo>
                  <a:lnTo>
                    <a:pt x="472" y="0"/>
                  </a:lnTo>
                  <a:lnTo>
                    <a:pt x="468" y="34"/>
                  </a:lnTo>
                  <a:lnTo>
                    <a:pt x="463" y="39"/>
                  </a:lnTo>
                  <a:lnTo>
                    <a:pt x="463" y="41"/>
                  </a:lnTo>
                  <a:lnTo>
                    <a:pt x="462" y="46"/>
                  </a:lnTo>
                  <a:lnTo>
                    <a:pt x="460" y="51"/>
                  </a:lnTo>
                  <a:lnTo>
                    <a:pt x="457" y="58"/>
                  </a:lnTo>
                  <a:lnTo>
                    <a:pt x="453" y="65"/>
                  </a:lnTo>
                  <a:lnTo>
                    <a:pt x="450" y="68"/>
                  </a:lnTo>
                  <a:lnTo>
                    <a:pt x="446" y="71"/>
                  </a:lnTo>
                  <a:lnTo>
                    <a:pt x="443" y="70"/>
                  </a:lnTo>
                  <a:lnTo>
                    <a:pt x="443" y="71"/>
                  </a:lnTo>
                  <a:lnTo>
                    <a:pt x="443" y="75"/>
                  </a:lnTo>
                  <a:lnTo>
                    <a:pt x="441" y="78"/>
                  </a:lnTo>
                  <a:lnTo>
                    <a:pt x="440" y="83"/>
                  </a:lnTo>
                  <a:lnTo>
                    <a:pt x="438" y="88"/>
                  </a:lnTo>
                  <a:lnTo>
                    <a:pt x="435" y="92"/>
                  </a:lnTo>
                  <a:lnTo>
                    <a:pt x="433" y="92"/>
                  </a:lnTo>
                  <a:lnTo>
                    <a:pt x="430" y="88"/>
                  </a:lnTo>
                  <a:lnTo>
                    <a:pt x="428" y="88"/>
                  </a:lnTo>
                  <a:lnTo>
                    <a:pt x="426" y="87"/>
                  </a:lnTo>
                  <a:lnTo>
                    <a:pt x="424" y="85"/>
                  </a:lnTo>
                  <a:lnTo>
                    <a:pt x="421" y="85"/>
                  </a:lnTo>
                  <a:lnTo>
                    <a:pt x="419" y="87"/>
                  </a:lnTo>
                  <a:lnTo>
                    <a:pt x="416" y="88"/>
                  </a:lnTo>
                  <a:lnTo>
                    <a:pt x="414" y="95"/>
                  </a:lnTo>
                  <a:lnTo>
                    <a:pt x="414" y="105"/>
                  </a:lnTo>
                  <a:lnTo>
                    <a:pt x="414" y="107"/>
                  </a:lnTo>
                  <a:lnTo>
                    <a:pt x="414" y="109"/>
                  </a:lnTo>
                  <a:lnTo>
                    <a:pt x="413" y="112"/>
                  </a:lnTo>
                  <a:lnTo>
                    <a:pt x="413" y="114"/>
                  </a:lnTo>
                  <a:lnTo>
                    <a:pt x="411" y="115"/>
                  </a:lnTo>
                  <a:lnTo>
                    <a:pt x="411" y="117"/>
                  </a:lnTo>
                  <a:lnTo>
                    <a:pt x="411" y="119"/>
                  </a:lnTo>
                  <a:lnTo>
                    <a:pt x="411" y="120"/>
                  </a:lnTo>
                  <a:lnTo>
                    <a:pt x="409" y="124"/>
                  </a:lnTo>
                  <a:lnTo>
                    <a:pt x="408" y="131"/>
                  </a:lnTo>
                  <a:lnTo>
                    <a:pt x="406" y="136"/>
                  </a:lnTo>
                  <a:lnTo>
                    <a:pt x="401" y="139"/>
                  </a:lnTo>
                  <a:lnTo>
                    <a:pt x="396" y="141"/>
                  </a:lnTo>
                  <a:lnTo>
                    <a:pt x="389" y="139"/>
                  </a:lnTo>
                  <a:lnTo>
                    <a:pt x="379" y="132"/>
                  </a:lnTo>
                  <a:lnTo>
                    <a:pt x="377" y="131"/>
                  </a:lnTo>
                  <a:lnTo>
                    <a:pt x="374" y="129"/>
                  </a:lnTo>
                  <a:lnTo>
                    <a:pt x="370" y="127"/>
                  </a:lnTo>
                  <a:lnTo>
                    <a:pt x="367" y="127"/>
                  </a:lnTo>
                  <a:lnTo>
                    <a:pt x="364" y="129"/>
                  </a:lnTo>
                  <a:lnTo>
                    <a:pt x="362" y="132"/>
                  </a:lnTo>
                  <a:lnTo>
                    <a:pt x="362" y="139"/>
                  </a:lnTo>
                  <a:lnTo>
                    <a:pt x="364" y="149"/>
                  </a:lnTo>
                  <a:lnTo>
                    <a:pt x="364" y="151"/>
                  </a:lnTo>
                  <a:lnTo>
                    <a:pt x="364" y="154"/>
                  </a:lnTo>
                  <a:lnTo>
                    <a:pt x="362" y="156"/>
                  </a:lnTo>
                  <a:lnTo>
                    <a:pt x="360" y="158"/>
                  </a:lnTo>
                  <a:lnTo>
                    <a:pt x="360" y="161"/>
                  </a:lnTo>
                  <a:lnTo>
                    <a:pt x="358" y="163"/>
                  </a:lnTo>
                  <a:lnTo>
                    <a:pt x="358" y="164"/>
                  </a:lnTo>
                  <a:lnTo>
                    <a:pt x="357" y="164"/>
                  </a:lnTo>
                  <a:lnTo>
                    <a:pt x="355" y="176"/>
                  </a:lnTo>
                  <a:lnTo>
                    <a:pt x="353" y="178"/>
                  </a:lnTo>
                  <a:lnTo>
                    <a:pt x="352" y="180"/>
                  </a:lnTo>
                  <a:lnTo>
                    <a:pt x="352" y="181"/>
                  </a:lnTo>
                  <a:lnTo>
                    <a:pt x="350" y="185"/>
                  </a:lnTo>
                  <a:lnTo>
                    <a:pt x="348" y="190"/>
                  </a:lnTo>
                  <a:lnTo>
                    <a:pt x="347" y="197"/>
                  </a:lnTo>
                  <a:lnTo>
                    <a:pt x="347" y="203"/>
                  </a:lnTo>
                  <a:lnTo>
                    <a:pt x="347" y="207"/>
                  </a:lnTo>
                  <a:lnTo>
                    <a:pt x="343" y="210"/>
                  </a:lnTo>
                  <a:lnTo>
                    <a:pt x="340" y="215"/>
                  </a:lnTo>
                  <a:lnTo>
                    <a:pt x="336" y="220"/>
                  </a:lnTo>
                  <a:lnTo>
                    <a:pt x="333" y="225"/>
                  </a:lnTo>
                  <a:lnTo>
                    <a:pt x="330" y="230"/>
                  </a:lnTo>
                  <a:lnTo>
                    <a:pt x="328" y="236"/>
                  </a:lnTo>
                  <a:lnTo>
                    <a:pt x="326" y="241"/>
                  </a:lnTo>
                  <a:lnTo>
                    <a:pt x="326" y="242"/>
                  </a:lnTo>
                  <a:lnTo>
                    <a:pt x="326" y="244"/>
                  </a:lnTo>
                  <a:lnTo>
                    <a:pt x="326" y="246"/>
                  </a:lnTo>
                  <a:lnTo>
                    <a:pt x="326" y="249"/>
                  </a:lnTo>
                  <a:lnTo>
                    <a:pt x="326" y="251"/>
                  </a:lnTo>
                  <a:lnTo>
                    <a:pt x="326" y="252"/>
                  </a:lnTo>
                  <a:lnTo>
                    <a:pt x="326" y="254"/>
                  </a:lnTo>
                  <a:lnTo>
                    <a:pt x="331" y="258"/>
                  </a:lnTo>
                  <a:lnTo>
                    <a:pt x="325" y="266"/>
                  </a:lnTo>
                  <a:lnTo>
                    <a:pt x="330" y="273"/>
                  </a:lnTo>
                  <a:lnTo>
                    <a:pt x="313" y="285"/>
                  </a:lnTo>
                  <a:lnTo>
                    <a:pt x="311" y="285"/>
                  </a:lnTo>
                  <a:lnTo>
                    <a:pt x="308" y="283"/>
                  </a:lnTo>
                  <a:lnTo>
                    <a:pt x="304" y="283"/>
                  </a:lnTo>
                  <a:lnTo>
                    <a:pt x="299" y="283"/>
                  </a:lnTo>
                  <a:lnTo>
                    <a:pt x="296" y="285"/>
                  </a:lnTo>
                  <a:lnTo>
                    <a:pt x="291" y="290"/>
                  </a:lnTo>
                  <a:lnTo>
                    <a:pt x="289" y="296"/>
                  </a:lnTo>
                  <a:lnTo>
                    <a:pt x="287" y="295"/>
                  </a:lnTo>
                  <a:lnTo>
                    <a:pt x="286" y="293"/>
                  </a:lnTo>
                  <a:lnTo>
                    <a:pt x="282" y="293"/>
                  </a:lnTo>
                  <a:lnTo>
                    <a:pt x="277" y="291"/>
                  </a:lnTo>
                  <a:lnTo>
                    <a:pt x="274" y="291"/>
                  </a:lnTo>
                  <a:lnTo>
                    <a:pt x="272" y="293"/>
                  </a:lnTo>
                  <a:lnTo>
                    <a:pt x="272" y="296"/>
                  </a:lnTo>
                  <a:lnTo>
                    <a:pt x="274" y="303"/>
                  </a:lnTo>
                  <a:lnTo>
                    <a:pt x="274" y="305"/>
                  </a:lnTo>
                  <a:lnTo>
                    <a:pt x="272" y="307"/>
                  </a:lnTo>
                  <a:lnTo>
                    <a:pt x="270" y="307"/>
                  </a:lnTo>
                  <a:lnTo>
                    <a:pt x="267" y="308"/>
                  </a:lnTo>
                  <a:lnTo>
                    <a:pt x="264" y="310"/>
                  </a:lnTo>
                  <a:lnTo>
                    <a:pt x="262" y="312"/>
                  </a:lnTo>
                  <a:lnTo>
                    <a:pt x="260" y="312"/>
                  </a:lnTo>
                  <a:lnTo>
                    <a:pt x="259" y="313"/>
                  </a:lnTo>
                  <a:lnTo>
                    <a:pt x="255" y="315"/>
                  </a:lnTo>
                  <a:lnTo>
                    <a:pt x="250" y="317"/>
                  </a:lnTo>
                  <a:lnTo>
                    <a:pt x="243" y="318"/>
                  </a:lnTo>
                  <a:lnTo>
                    <a:pt x="238" y="318"/>
                  </a:lnTo>
                  <a:lnTo>
                    <a:pt x="233" y="318"/>
                  </a:lnTo>
                  <a:lnTo>
                    <a:pt x="230" y="317"/>
                  </a:lnTo>
                  <a:lnTo>
                    <a:pt x="228" y="312"/>
                  </a:lnTo>
                  <a:lnTo>
                    <a:pt x="226" y="315"/>
                  </a:lnTo>
                  <a:lnTo>
                    <a:pt x="223" y="318"/>
                  </a:lnTo>
                  <a:lnTo>
                    <a:pt x="220" y="322"/>
                  </a:lnTo>
                  <a:lnTo>
                    <a:pt x="215" y="327"/>
                  </a:lnTo>
                  <a:lnTo>
                    <a:pt x="210" y="329"/>
                  </a:lnTo>
                  <a:lnTo>
                    <a:pt x="204" y="329"/>
                  </a:lnTo>
                  <a:lnTo>
                    <a:pt x="198" y="327"/>
                  </a:lnTo>
                  <a:lnTo>
                    <a:pt x="196" y="327"/>
                  </a:lnTo>
                  <a:lnTo>
                    <a:pt x="193" y="327"/>
                  </a:lnTo>
                  <a:lnTo>
                    <a:pt x="189" y="325"/>
                  </a:lnTo>
                  <a:lnTo>
                    <a:pt x="186" y="324"/>
                  </a:lnTo>
                  <a:lnTo>
                    <a:pt x="181" y="322"/>
                  </a:lnTo>
                  <a:lnTo>
                    <a:pt x="176" y="317"/>
                  </a:lnTo>
                  <a:lnTo>
                    <a:pt x="171" y="312"/>
                  </a:lnTo>
                  <a:lnTo>
                    <a:pt x="167" y="305"/>
                  </a:lnTo>
                  <a:lnTo>
                    <a:pt x="166" y="302"/>
                  </a:lnTo>
                  <a:lnTo>
                    <a:pt x="166" y="298"/>
                  </a:lnTo>
                  <a:lnTo>
                    <a:pt x="166" y="295"/>
                  </a:lnTo>
                  <a:lnTo>
                    <a:pt x="164" y="293"/>
                  </a:lnTo>
                  <a:lnTo>
                    <a:pt x="140" y="325"/>
                  </a:lnTo>
                  <a:lnTo>
                    <a:pt x="140" y="324"/>
                  </a:lnTo>
                  <a:lnTo>
                    <a:pt x="142" y="324"/>
                  </a:lnTo>
                  <a:lnTo>
                    <a:pt x="142" y="322"/>
                  </a:lnTo>
                  <a:lnTo>
                    <a:pt x="144" y="320"/>
                  </a:lnTo>
                  <a:lnTo>
                    <a:pt x="145" y="318"/>
                  </a:lnTo>
                  <a:lnTo>
                    <a:pt x="144" y="318"/>
                  </a:lnTo>
                  <a:lnTo>
                    <a:pt x="142" y="320"/>
                  </a:lnTo>
                  <a:lnTo>
                    <a:pt x="140" y="325"/>
                  </a:lnTo>
                  <a:lnTo>
                    <a:pt x="135" y="330"/>
                  </a:lnTo>
                  <a:lnTo>
                    <a:pt x="130" y="334"/>
                  </a:lnTo>
                  <a:lnTo>
                    <a:pt x="125" y="337"/>
                  </a:lnTo>
                  <a:lnTo>
                    <a:pt x="118" y="340"/>
                  </a:lnTo>
                  <a:lnTo>
                    <a:pt x="113" y="344"/>
                  </a:lnTo>
                  <a:lnTo>
                    <a:pt x="108" y="347"/>
                  </a:lnTo>
                  <a:lnTo>
                    <a:pt x="105" y="351"/>
                  </a:lnTo>
                  <a:lnTo>
                    <a:pt x="103" y="357"/>
                  </a:lnTo>
                  <a:lnTo>
                    <a:pt x="101" y="361"/>
                  </a:lnTo>
                  <a:lnTo>
                    <a:pt x="100" y="364"/>
                  </a:lnTo>
                  <a:lnTo>
                    <a:pt x="98" y="368"/>
                  </a:lnTo>
                  <a:lnTo>
                    <a:pt x="96" y="371"/>
                  </a:lnTo>
                  <a:lnTo>
                    <a:pt x="94" y="373"/>
                  </a:lnTo>
                  <a:lnTo>
                    <a:pt x="93" y="374"/>
                  </a:lnTo>
                  <a:lnTo>
                    <a:pt x="91" y="376"/>
                  </a:lnTo>
                  <a:lnTo>
                    <a:pt x="89" y="379"/>
                  </a:lnTo>
                  <a:lnTo>
                    <a:pt x="89" y="381"/>
                  </a:lnTo>
                  <a:lnTo>
                    <a:pt x="88" y="383"/>
                  </a:lnTo>
                  <a:lnTo>
                    <a:pt x="88" y="384"/>
                  </a:lnTo>
                  <a:lnTo>
                    <a:pt x="88" y="388"/>
                  </a:lnTo>
                  <a:lnTo>
                    <a:pt x="86" y="388"/>
                  </a:lnTo>
                  <a:lnTo>
                    <a:pt x="84" y="390"/>
                  </a:lnTo>
                  <a:lnTo>
                    <a:pt x="84" y="391"/>
                  </a:lnTo>
                  <a:lnTo>
                    <a:pt x="81" y="391"/>
                  </a:lnTo>
                  <a:lnTo>
                    <a:pt x="76" y="395"/>
                  </a:lnTo>
                  <a:lnTo>
                    <a:pt x="71" y="396"/>
                  </a:lnTo>
                  <a:lnTo>
                    <a:pt x="67" y="400"/>
                  </a:lnTo>
                  <a:lnTo>
                    <a:pt x="66" y="401"/>
                  </a:lnTo>
                  <a:lnTo>
                    <a:pt x="64" y="405"/>
                  </a:lnTo>
                  <a:lnTo>
                    <a:pt x="62" y="406"/>
                  </a:lnTo>
                  <a:lnTo>
                    <a:pt x="62" y="408"/>
                  </a:lnTo>
                  <a:lnTo>
                    <a:pt x="61" y="410"/>
                  </a:lnTo>
                  <a:lnTo>
                    <a:pt x="59" y="410"/>
                  </a:lnTo>
                  <a:lnTo>
                    <a:pt x="56" y="412"/>
                  </a:lnTo>
                  <a:lnTo>
                    <a:pt x="52" y="413"/>
                  </a:lnTo>
                  <a:lnTo>
                    <a:pt x="47" y="417"/>
                  </a:lnTo>
                  <a:lnTo>
                    <a:pt x="42" y="418"/>
                  </a:lnTo>
                  <a:lnTo>
                    <a:pt x="37" y="422"/>
                  </a:lnTo>
                  <a:lnTo>
                    <a:pt x="32" y="423"/>
                  </a:lnTo>
                  <a:lnTo>
                    <a:pt x="27" y="427"/>
                  </a:lnTo>
                  <a:lnTo>
                    <a:pt x="22" y="428"/>
                  </a:lnTo>
                  <a:lnTo>
                    <a:pt x="17" y="432"/>
                  </a:lnTo>
                  <a:lnTo>
                    <a:pt x="12" y="434"/>
                  </a:lnTo>
                  <a:lnTo>
                    <a:pt x="8" y="435"/>
                  </a:lnTo>
                  <a:lnTo>
                    <a:pt x="5" y="437"/>
                  </a:lnTo>
                  <a:lnTo>
                    <a:pt x="1" y="439"/>
                  </a:lnTo>
                  <a:lnTo>
                    <a:pt x="0" y="440"/>
                  </a:lnTo>
                  <a:lnTo>
                    <a:pt x="181" y="413"/>
                  </a:lnTo>
                  <a:lnTo>
                    <a:pt x="193" y="406"/>
                  </a:lnTo>
                  <a:lnTo>
                    <a:pt x="208" y="406"/>
                  </a:lnTo>
                  <a:lnTo>
                    <a:pt x="210" y="406"/>
                  </a:lnTo>
                  <a:lnTo>
                    <a:pt x="213" y="406"/>
                  </a:lnTo>
                  <a:lnTo>
                    <a:pt x="218" y="406"/>
                  </a:lnTo>
                  <a:lnTo>
                    <a:pt x="223" y="405"/>
                  </a:lnTo>
                  <a:lnTo>
                    <a:pt x="230" y="405"/>
                  </a:lnTo>
                  <a:lnTo>
                    <a:pt x="238" y="403"/>
                  </a:lnTo>
                  <a:lnTo>
                    <a:pt x="248" y="403"/>
                  </a:lnTo>
                  <a:lnTo>
                    <a:pt x="259" y="401"/>
                  </a:lnTo>
                  <a:lnTo>
                    <a:pt x="270" y="400"/>
                  </a:lnTo>
                  <a:lnTo>
                    <a:pt x="282" y="398"/>
                  </a:lnTo>
                  <a:lnTo>
                    <a:pt x="296" y="396"/>
                  </a:lnTo>
                  <a:lnTo>
                    <a:pt x="311" y="395"/>
                  </a:lnTo>
                  <a:lnTo>
                    <a:pt x="326" y="393"/>
                  </a:lnTo>
                  <a:lnTo>
                    <a:pt x="343" y="391"/>
                  </a:lnTo>
                  <a:lnTo>
                    <a:pt x="360" y="388"/>
                  </a:lnTo>
                  <a:lnTo>
                    <a:pt x="379" y="386"/>
                  </a:lnTo>
                  <a:lnTo>
                    <a:pt x="399" y="383"/>
                  </a:lnTo>
                  <a:lnTo>
                    <a:pt x="419" y="379"/>
                  </a:lnTo>
                  <a:lnTo>
                    <a:pt x="441" y="376"/>
                  </a:lnTo>
                  <a:lnTo>
                    <a:pt x="463" y="373"/>
                  </a:lnTo>
                  <a:lnTo>
                    <a:pt x="485" y="368"/>
                  </a:lnTo>
                  <a:lnTo>
                    <a:pt x="509" y="364"/>
                  </a:lnTo>
                  <a:lnTo>
                    <a:pt x="534" y="359"/>
                  </a:lnTo>
                  <a:lnTo>
                    <a:pt x="560" y="356"/>
                  </a:lnTo>
                  <a:lnTo>
                    <a:pt x="585" y="351"/>
                  </a:lnTo>
                  <a:lnTo>
                    <a:pt x="612" y="344"/>
                  </a:lnTo>
                  <a:lnTo>
                    <a:pt x="639" y="339"/>
                  </a:lnTo>
                  <a:lnTo>
                    <a:pt x="668" y="332"/>
                  </a:lnTo>
                  <a:lnTo>
                    <a:pt x="697" y="327"/>
                  </a:lnTo>
                  <a:lnTo>
                    <a:pt x="726" y="320"/>
                  </a:lnTo>
                  <a:lnTo>
                    <a:pt x="756" y="312"/>
                  </a:lnTo>
                  <a:lnTo>
                    <a:pt x="761" y="310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47" name="Freeform 56"/>
            <p:cNvSpPr>
              <a:spLocks/>
            </p:cNvSpPr>
            <p:nvPr/>
          </p:nvSpPr>
          <p:spPr bwMode="auto">
            <a:xfrm>
              <a:off x="2028" y="1485"/>
              <a:ext cx="671" cy="471"/>
            </a:xfrm>
            <a:custGeom>
              <a:avLst/>
              <a:gdLst>
                <a:gd name="T0" fmla="*/ 341 w 690"/>
                <a:gd name="T1" fmla="*/ 339 h 476"/>
                <a:gd name="T2" fmla="*/ 355 w 690"/>
                <a:gd name="T3" fmla="*/ 352 h 476"/>
                <a:gd name="T4" fmla="*/ 363 w 690"/>
                <a:gd name="T5" fmla="*/ 361 h 476"/>
                <a:gd name="T6" fmla="*/ 371 w 690"/>
                <a:gd name="T7" fmla="*/ 366 h 476"/>
                <a:gd name="T8" fmla="*/ 377 w 690"/>
                <a:gd name="T9" fmla="*/ 357 h 476"/>
                <a:gd name="T10" fmla="*/ 415 w 690"/>
                <a:gd name="T11" fmla="*/ 354 h 476"/>
                <a:gd name="T12" fmla="*/ 429 w 690"/>
                <a:gd name="T13" fmla="*/ 366 h 476"/>
                <a:gd name="T14" fmla="*/ 435 w 690"/>
                <a:gd name="T15" fmla="*/ 369 h 476"/>
                <a:gd name="T16" fmla="*/ 448 w 690"/>
                <a:gd name="T17" fmla="*/ 377 h 476"/>
                <a:gd name="T18" fmla="*/ 453 w 690"/>
                <a:gd name="T19" fmla="*/ 389 h 476"/>
                <a:gd name="T20" fmla="*/ 456 w 690"/>
                <a:gd name="T21" fmla="*/ 396 h 476"/>
                <a:gd name="T22" fmla="*/ 463 w 690"/>
                <a:gd name="T23" fmla="*/ 404 h 476"/>
                <a:gd name="T24" fmla="*/ 467 w 690"/>
                <a:gd name="T25" fmla="*/ 410 h 476"/>
                <a:gd name="T26" fmla="*/ 462 w 690"/>
                <a:gd name="T27" fmla="*/ 381 h 476"/>
                <a:gd name="T28" fmla="*/ 466 w 690"/>
                <a:gd name="T29" fmla="*/ 315 h 476"/>
                <a:gd name="T30" fmla="*/ 460 w 690"/>
                <a:gd name="T31" fmla="*/ 305 h 476"/>
                <a:gd name="T32" fmla="*/ 458 w 690"/>
                <a:gd name="T33" fmla="*/ 288 h 476"/>
                <a:gd name="T34" fmla="*/ 465 w 690"/>
                <a:gd name="T35" fmla="*/ 86 h 476"/>
                <a:gd name="T36" fmla="*/ 456 w 690"/>
                <a:gd name="T37" fmla="*/ 76 h 476"/>
                <a:gd name="T38" fmla="*/ 448 w 690"/>
                <a:gd name="T39" fmla="*/ 66 h 476"/>
                <a:gd name="T40" fmla="*/ 442 w 690"/>
                <a:gd name="T41" fmla="*/ 59 h 476"/>
                <a:gd name="T42" fmla="*/ 445 w 690"/>
                <a:gd name="T43" fmla="*/ 47 h 476"/>
                <a:gd name="T44" fmla="*/ 449 w 690"/>
                <a:gd name="T45" fmla="*/ 47 h 476"/>
                <a:gd name="T46" fmla="*/ 459 w 690"/>
                <a:gd name="T47" fmla="*/ 26 h 476"/>
                <a:gd name="T48" fmla="*/ 454 w 690"/>
                <a:gd name="T49" fmla="*/ 27 h 476"/>
                <a:gd name="T50" fmla="*/ 433 w 690"/>
                <a:gd name="T51" fmla="*/ 26 h 476"/>
                <a:gd name="T52" fmla="*/ 395 w 690"/>
                <a:gd name="T53" fmla="*/ 24 h 476"/>
                <a:gd name="T54" fmla="*/ 348 w 690"/>
                <a:gd name="T55" fmla="*/ 22 h 476"/>
                <a:gd name="T56" fmla="*/ 292 w 690"/>
                <a:gd name="T57" fmla="*/ 19 h 476"/>
                <a:gd name="T58" fmla="*/ 234 w 690"/>
                <a:gd name="T59" fmla="*/ 17 h 476"/>
                <a:gd name="T60" fmla="*/ 177 w 690"/>
                <a:gd name="T61" fmla="*/ 14 h 476"/>
                <a:gd name="T62" fmla="*/ 122 w 690"/>
                <a:gd name="T63" fmla="*/ 10 h 476"/>
                <a:gd name="T64" fmla="*/ 76 w 690"/>
                <a:gd name="T65" fmla="*/ 7 h 476"/>
                <a:gd name="T66" fmla="*/ 43 w 690"/>
                <a:gd name="T67" fmla="*/ 4 h 476"/>
                <a:gd name="T68" fmla="*/ 18 w 690"/>
                <a:gd name="T69" fmla="*/ 0 h 476"/>
                <a:gd name="T70" fmla="*/ 0 w 690"/>
                <a:gd name="T71" fmla="*/ 315 h 476"/>
                <a:gd name="T72" fmla="*/ 18 w 690"/>
                <a:gd name="T73" fmla="*/ 318 h 476"/>
                <a:gd name="T74" fmla="*/ 45 w 690"/>
                <a:gd name="T75" fmla="*/ 321 h 476"/>
                <a:gd name="T76" fmla="*/ 80 w 690"/>
                <a:gd name="T77" fmla="*/ 321 h 476"/>
                <a:gd name="T78" fmla="*/ 121 w 690"/>
                <a:gd name="T79" fmla="*/ 324 h 476"/>
                <a:gd name="T80" fmla="*/ 165 w 690"/>
                <a:gd name="T81" fmla="*/ 327 h 476"/>
                <a:gd name="T82" fmla="*/ 211 w 690"/>
                <a:gd name="T83" fmla="*/ 329 h 476"/>
                <a:gd name="T84" fmla="*/ 254 w 690"/>
                <a:gd name="T85" fmla="*/ 330 h 476"/>
                <a:gd name="T86" fmla="*/ 289 w 690"/>
                <a:gd name="T87" fmla="*/ 332 h 476"/>
                <a:gd name="T88" fmla="*/ 317 w 690"/>
                <a:gd name="T89" fmla="*/ 334 h 476"/>
                <a:gd name="T90" fmla="*/ 333 w 690"/>
                <a:gd name="T91" fmla="*/ 335 h 47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w 690"/>
                <a:gd name="T139" fmla="*/ 0 h 476"/>
                <a:gd name="T140" fmla="*/ 690 w 690"/>
                <a:gd name="T141" fmla="*/ 476 h 47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T138" t="T139" r="T140" b="T141"/>
              <a:pathLst>
                <a:path w="690" h="476">
                  <a:moveTo>
                    <a:pt x="497" y="391"/>
                  </a:moveTo>
                  <a:lnTo>
                    <a:pt x="499" y="391"/>
                  </a:lnTo>
                  <a:lnTo>
                    <a:pt x="504" y="395"/>
                  </a:lnTo>
                  <a:lnTo>
                    <a:pt x="511" y="398"/>
                  </a:lnTo>
                  <a:lnTo>
                    <a:pt x="518" y="403"/>
                  </a:lnTo>
                  <a:lnTo>
                    <a:pt x="525" y="408"/>
                  </a:lnTo>
                  <a:lnTo>
                    <a:pt x="531" y="412"/>
                  </a:lnTo>
                  <a:lnTo>
                    <a:pt x="536" y="415"/>
                  </a:lnTo>
                  <a:lnTo>
                    <a:pt x="538" y="417"/>
                  </a:lnTo>
                  <a:lnTo>
                    <a:pt x="541" y="420"/>
                  </a:lnTo>
                  <a:lnTo>
                    <a:pt x="545" y="422"/>
                  </a:lnTo>
                  <a:lnTo>
                    <a:pt x="548" y="422"/>
                  </a:lnTo>
                  <a:lnTo>
                    <a:pt x="552" y="418"/>
                  </a:lnTo>
                  <a:lnTo>
                    <a:pt x="555" y="417"/>
                  </a:lnTo>
                  <a:lnTo>
                    <a:pt x="558" y="413"/>
                  </a:lnTo>
                  <a:lnTo>
                    <a:pt x="560" y="412"/>
                  </a:lnTo>
                  <a:lnTo>
                    <a:pt x="560" y="410"/>
                  </a:lnTo>
                  <a:lnTo>
                    <a:pt x="613" y="410"/>
                  </a:lnTo>
                  <a:lnTo>
                    <a:pt x="624" y="420"/>
                  </a:lnTo>
                  <a:lnTo>
                    <a:pt x="635" y="420"/>
                  </a:lnTo>
                  <a:lnTo>
                    <a:pt x="635" y="422"/>
                  </a:lnTo>
                  <a:lnTo>
                    <a:pt x="638" y="423"/>
                  </a:lnTo>
                  <a:lnTo>
                    <a:pt x="641" y="425"/>
                  </a:lnTo>
                  <a:lnTo>
                    <a:pt x="643" y="425"/>
                  </a:lnTo>
                  <a:lnTo>
                    <a:pt x="651" y="427"/>
                  </a:lnTo>
                  <a:lnTo>
                    <a:pt x="657" y="430"/>
                  </a:lnTo>
                  <a:lnTo>
                    <a:pt x="662" y="435"/>
                  </a:lnTo>
                  <a:lnTo>
                    <a:pt x="665" y="440"/>
                  </a:lnTo>
                  <a:lnTo>
                    <a:pt x="668" y="445"/>
                  </a:lnTo>
                  <a:lnTo>
                    <a:pt x="670" y="450"/>
                  </a:lnTo>
                  <a:lnTo>
                    <a:pt x="672" y="454"/>
                  </a:lnTo>
                  <a:lnTo>
                    <a:pt x="673" y="456"/>
                  </a:lnTo>
                  <a:lnTo>
                    <a:pt x="675" y="459"/>
                  </a:lnTo>
                  <a:lnTo>
                    <a:pt x="679" y="461"/>
                  </a:lnTo>
                  <a:lnTo>
                    <a:pt x="682" y="466"/>
                  </a:lnTo>
                  <a:lnTo>
                    <a:pt x="684" y="469"/>
                  </a:lnTo>
                  <a:lnTo>
                    <a:pt x="687" y="471"/>
                  </a:lnTo>
                  <a:lnTo>
                    <a:pt x="689" y="474"/>
                  </a:lnTo>
                  <a:lnTo>
                    <a:pt x="690" y="476"/>
                  </a:lnTo>
                  <a:lnTo>
                    <a:pt x="690" y="461"/>
                  </a:lnTo>
                  <a:lnTo>
                    <a:pt x="682" y="440"/>
                  </a:lnTo>
                  <a:lnTo>
                    <a:pt x="673" y="428"/>
                  </a:lnTo>
                  <a:lnTo>
                    <a:pt x="675" y="420"/>
                  </a:lnTo>
                  <a:lnTo>
                    <a:pt x="689" y="366"/>
                  </a:lnTo>
                  <a:lnTo>
                    <a:pt x="675" y="366"/>
                  </a:lnTo>
                  <a:lnTo>
                    <a:pt x="677" y="357"/>
                  </a:lnTo>
                  <a:lnTo>
                    <a:pt x="680" y="352"/>
                  </a:lnTo>
                  <a:lnTo>
                    <a:pt x="679" y="344"/>
                  </a:lnTo>
                  <a:lnTo>
                    <a:pt x="675" y="335"/>
                  </a:lnTo>
                  <a:lnTo>
                    <a:pt x="677" y="330"/>
                  </a:lnTo>
                  <a:lnTo>
                    <a:pt x="689" y="330"/>
                  </a:lnTo>
                  <a:lnTo>
                    <a:pt x="689" y="102"/>
                  </a:lnTo>
                  <a:lnTo>
                    <a:pt x="687" y="100"/>
                  </a:lnTo>
                  <a:lnTo>
                    <a:pt x="685" y="98"/>
                  </a:lnTo>
                  <a:lnTo>
                    <a:pt x="680" y="95"/>
                  </a:lnTo>
                  <a:lnTo>
                    <a:pt x="675" y="90"/>
                  </a:lnTo>
                  <a:lnTo>
                    <a:pt x="670" y="87"/>
                  </a:lnTo>
                  <a:lnTo>
                    <a:pt x="665" y="83"/>
                  </a:lnTo>
                  <a:lnTo>
                    <a:pt x="662" y="80"/>
                  </a:lnTo>
                  <a:lnTo>
                    <a:pt x="660" y="80"/>
                  </a:lnTo>
                  <a:lnTo>
                    <a:pt x="657" y="76"/>
                  </a:lnTo>
                  <a:lnTo>
                    <a:pt x="655" y="73"/>
                  </a:lnTo>
                  <a:lnTo>
                    <a:pt x="655" y="68"/>
                  </a:lnTo>
                  <a:lnTo>
                    <a:pt x="657" y="65"/>
                  </a:lnTo>
                  <a:lnTo>
                    <a:pt x="658" y="61"/>
                  </a:lnTo>
                  <a:lnTo>
                    <a:pt x="660" y="58"/>
                  </a:lnTo>
                  <a:lnTo>
                    <a:pt x="662" y="56"/>
                  </a:lnTo>
                  <a:lnTo>
                    <a:pt x="663" y="54"/>
                  </a:lnTo>
                  <a:lnTo>
                    <a:pt x="679" y="36"/>
                  </a:lnTo>
                  <a:lnTo>
                    <a:pt x="677" y="27"/>
                  </a:lnTo>
                  <a:lnTo>
                    <a:pt x="679" y="26"/>
                  </a:lnTo>
                  <a:lnTo>
                    <a:pt x="679" y="27"/>
                  </a:lnTo>
                  <a:lnTo>
                    <a:pt x="677" y="27"/>
                  </a:lnTo>
                  <a:lnTo>
                    <a:pt x="672" y="27"/>
                  </a:lnTo>
                  <a:lnTo>
                    <a:pt x="663" y="26"/>
                  </a:lnTo>
                  <a:lnTo>
                    <a:pt x="653" y="26"/>
                  </a:lnTo>
                  <a:lnTo>
                    <a:pt x="640" y="26"/>
                  </a:lnTo>
                  <a:lnTo>
                    <a:pt x="623" y="26"/>
                  </a:lnTo>
                  <a:lnTo>
                    <a:pt x="606" y="24"/>
                  </a:lnTo>
                  <a:lnTo>
                    <a:pt x="585" y="24"/>
                  </a:lnTo>
                  <a:lnTo>
                    <a:pt x="563" y="24"/>
                  </a:lnTo>
                  <a:lnTo>
                    <a:pt x="540" y="22"/>
                  </a:lnTo>
                  <a:lnTo>
                    <a:pt x="514" y="22"/>
                  </a:lnTo>
                  <a:lnTo>
                    <a:pt x="489" y="22"/>
                  </a:lnTo>
                  <a:lnTo>
                    <a:pt x="462" y="21"/>
                  </a:lnTo>
                  <a:lnTo>
                    <a:pt x="433" y="19"/>
                  </a:lnTo>
                  <a:lnTo>
                    <a:pt x="404" y="19"/>
                  </a:lnTo>
                  <a:lnTo>
                    <a:pt x="376" y="17"/>
                  </a:lnTo>
                  <a:lnTo>
                    <a:pt x="347" y="17"/>
                  </a:lnTo>
                  <a:lnTo>
                    <a:pt x="318" y="16"/>
                  </a:lnTo>
                  <a:lnTo>
                    <a:pt x="289" y="14"/>
                  </a:lnTo>
                  <a:lnTo>
                    <a:pt x="261" y="14"/>
                  </a:lnTo>
                  <a:lnTo>
                    <a:pt x="233" y="12"/>
                  </a:lnTo>
                  <a:lnTo>
                    <a:pt x="206" y="10"/>
                  </a:lnTo>
                  <a:lnTo>
                    <a:pt x="181" y="10"/>
                  </a:lnTo>
                  <a:lnTo>
                    <a:pt x="156" y="9"/>
                  </a:lnTo>
                  <a:lnTo>
                    <a:pt x="134" y="9"/>
                  </a:lnTo>
                  <a:lnTo>
                    <a:pt x="112" y="7"/>
                  </a:lnTo>
                  <a:lnTo>
                    <a:pt x="93" y="5"/>
                  </a:lnTo>
                  <a:lnTo>
                    <a:pt x="76" y="4"/>
                  </a:lnTo>
                  <a:lnTo>
                    <a:pt x="61" y="4"/>
                  </a:lnTo>
                  <a:lnTo>
                    <a:pt x="49" y="2"/>
                  </a:lnTo>
                  <a:lnTo>
                    <a:pt x="39" y="0"/>
                  </a:lnTo>
                  <a:lnTo>
                    <a:pt x="32" y="0"/>
                  </a:lnTo>
                  <a:lnTo>
                    <a:pt x="22" y="119"/>
                  </a:lnTo>
                  <a:lnTo>
                    <a:pt x="22" y="117"/>
                  </a:lnTo>
                  <a:lnTo>
                    <a:pt x="0" y="366"/>
                  </a:lnTo>
                  <a:lnTo>
                    <a:pt x="7" y="368"/>
                  </a:lnTo>
                  <a:lnTo>
                    <a:pt x="13" y="368"/>
                  </a:lnTo>
                  <a:lnTo>
                    <a:pt x="24" y="369"/>
                  </a:lnTo>
                  <a:lnTo>
                    <a:pt x="35" y="369"/>
                  </a:lnTo>
                  <a:lnTo>
                    <a:pt x="49" y="371"/>
                  </a:lnTo>
                  <a:lnTo>
                    <a:pt x="64" y="373"/>
                  </a:lnTo>
                  <a:lnTo>
                    <a:pt x="81" y="373"/>
                  </a:lnTo>
                  <a:lnTo>
                    <a:pt x="98" y="374"/>
                  </a:lnTo>
                  <a:lnTo>
                    <a:pt x="118" y="374"/>
                  </a:lnTo>
                  <a:lnTo>
                    <a:pt x="137" y="376"/>
                  </a:lnTo>
                  <a:lnTo>
                    <a:pt x="157" y="378"/>
                  </a:lnTo>
                  <a:lnTo>
                    <a:pt x="179" y="378"/>
                  </a:lnTo>
                  <a:lnTo>
                    <a:pt x="201" y="379"/>
                  </a:lnTo>
                  <a:lnTo>
                    <a:pt x="223" y="379"/>
                  </a:lnTo>
                  <a:lnTo>
                    <a:pt x="245" y="381"/>
                  </a:lnTo>
                  <a:lnTo>
                    <a:pt x="267" y="381"/>
                  </a:lnTo>
                  <a:lnTo>
                    <a:pt x="289" y="383"/>
                  </a:lnTo>
                  <a:lnTo>
                    <a:pt x="311" y="384"/>
                  </a:lnTo>
                  <a:lnTo>
                    <a:pt x="333" y="384"/>
                  </a:lnTo>
                  <a:lnTo>
                    <a:pt x="354" y="386"/>
                  </a:lnTo>
                  <a:lnTo>
                    <a:pt x="374" y="386"/>
                  </a:lnTo>
                  <a:lnTo>
                    <a:pt x="393" y="386"/>
                  </a:lnTo>
                  <a:lnTo>
                    <a:pt x="409" y="388"/>
                  </a:lnTo>
                  <a:lnTo>
                    <a:pt x="426" y="388"/>
                  </a:lnTo>
                  <a:lnTo>
                    <a:pt x="443" y="390"/>
                  </a:lnTo>
                  <a:lnTo>
                    <a:pt x="457" y="390"/>
                  </a:lnTo>
                  <a:lnTo>
                    <a:pt x="469" y="390"/>
                  </a:lnTo>
                  <a:lnTo>
                    <a:pt x="479" y="390"/>
                  </a:lnTo>
                  <a:lnTo>
                    <a:pt x="487" y="390"/>
                  </a:lnTo>
                  <a:lnTo>
                    <a:pt x="492" y="391"/>
                  </a:lnTo>
                  <a:lnTo>
                    <a:pt x="496" y="391"/>
                  </a:lnTo>
                  <a:lnTo>
                    <a:pt x="497" y="391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48" name="Freeform 57"/>
            <p:cNvSpPr>
              <a:spLocks/>
            </p:cNvSpPr>
            <p:nvPr/>
          </p:nvSpPr>
          <p:spPr bwMode="auto">
            <a:xfrm>
              <a:off x="2059" y="1121"/>
              <a:ext cx="630" cy="394"/>
            </a:xfrm>
            <a:custGeom>
              <a:avLst/>
              <a:gdLst>
                <a:gd name="T0" fmla="*/ 0 w 648"/>
                <a:gd name="T1" fmla="*/ 246 h 406"/>
                <a:gd name="T2" fmla="*/ 0 w 648"/>
                <a:gd name="T3" fmla="*/ 233 h 406"/>
                <a:gd name="T4" fmla="*/ 3 w 648"/>
                <a:gd name="T5" fmla="*/ 209 h 406"/>
                <a:gd name="T6" fmla="*/ 7 w 648"/>
                <a:gd name="T7" fmla="*/ 180 h 406"/>
                <a:gd name="T8" fmla="*/ 10 w 648"/>
                <a:gd name="T9" fmla="*/ 147 h 406"/>
                <a:gd name="T10" fmla="*/ 15 w 648"/>
                <a:gd name="T11" fmla="*/ 112 h 406"/>
                <a:gd name="T12" fmla="*/ 18 w 648"/>
                <a:gd name="T13" fmla="*/ 79 h 406"/>
                <a:gd name="T14" fmla="*/ 18 w 648"/>
                <a:gd name="T15" fmla="*/ 47 h 406"/>
                <a:gd name="T16" fmla="*/ 18 w 648"/>
                <a:gd name="T17" fmla="*/ 22 h 406"/>
                <a:gd name="T18" fmla="*/ 18 w 648"/>
                <a:gd name="T19" fmla="*/ 9 h 406"/>
                <a:gd name="T20" fmla="*/ 18 w 648"/>
                <a:gd name="T21" fmla="*/ 0 h 406"/>
                <a:gd name="T22" fmla="*/ 22 w 648"/>
                <a:gd name="T23" fmla="*/ 4 h 406"/>
                <a:gd name="T24" fmla="*/ 44 w 648"/>
                <a:gd name="T25" fmla="*/ 4 h 406"/>
                <a:gd name="T26" fmla="*/ 73 w 648"/>
                <a:gd name="T27" fmla="*/ 7 h 406"/>
                <a:gd name="T28" fmla="*/ 111 w 648"/>
                <a:gd name="T29" fmla="*/ 9 h 406"/>
                <a:gd name="T30" fmla="*/ 157 w 648"/>
                <a:gd name="T31" fmla="*/ 12 h 406"/>
                <a:gd name="T32" fmla="*/ 207 w 648"/>
                <a:gd name="T33" fmla="*/ 15 h 406"/>
                <a:gd name="T34" fmla="*/ 256 w 648"/>
                <a:gd name="T35" fmla="*/ 16 h 406"/>
                <a:gd name="T36" fmla="*/ 303 w 648"/>
                <a:gd name="T37" fmla="*/ 16 h 406"/>
                <a:gd name="T38" fmla="*/ 345 w 648"/>
                <a:gd name="T39" fmla="*/ 16 h 406"/>
                <a:gd name="T40" fmla="*/ 379 w 648"/>
                <a:gd name="T41" fmla="*/ 16 h 406"/>
                <a:gd name="T42" fmla="*/ 401 w 648"/>
                <a:gd name="T43" fmla="*/ 16 h 406"/>
                <a:gd name="T44" fmla="*/ 405 w 648"/>
                <a:gd name="T45" fmla="*/ 44 h 406"/>
                <a:gd name="T46" fmla="*/ 403 w 648"/>
                <a:gd name="T47" fmla="*/ 56 h 406"/>
                <a:gd name="T48" fmla="*/ 403 w 648"/>
                <a:gd name="T49" fmla="*/ 73 h 406"/>
                <a:gd name="T50" fmla="*/ 405 w 648"/>
                <a:gd name="T51" fmla="*/ 91 h 406"/>
                <a:gd name="T52" fmla="*/ 410 w 648"/>
                <a:gd name="T53" fmla="*/ 108 h 406"/>
                <a:gd name="T54" fmla="*/ 415 w 648"/>
                <a:gd name="T55" fmla="*/ 116 h 406"/>
                <a:gd name="T56" fmla="*/ 417 w 648"/>
                <a:gd name="T57" fmla="*/ 128 h 406"/>
                <a:gd name="T58" fmla="*/ 421 w 648"/>
                <a:gd name="T59" fmla="*/ 147 h 406"/>
                <a:gd name="T60" fmla="*/ 422 w 648"/>
                <a:gd name="T61" fmla="*/ 159 h 406"/>
                <a:gd name="T62" fmla="*/ 422 w 648"/>
                <a:gd name="T63" fmla="*/ 173 h 406"/>
                <a:gd name="T64" fmla="*/ 422 w 648"/>
                <a:gd name="T65" fmla="*/ 180 h 406"/>
                <a:gd name="T66" fmla="*/ 426 w 648"/>
                <a:gd name="T67" fmla="*/ 224 h 406"/>
                <a:gd name="T68" fmla="*/ 436 w 648"/>
                <a:gd name="T69" fmla="*/ 266 h 406"/>
                <a:gd name="T70" fmla="*/ 432 w 648"/>
                <a:gd name="T71" fmla="*/ 267 h 406"/>
                <a:gd name="T72" fmla="*/ 410 w 648"/>
                <a:gd name="T73" fmla="*/ 266 h 406"/>
                <a:gd name="T74" fmla="*/ 372 w 648"/>
                <a:gd name="T75" fmla="*/ 264 h 406"/>
                <a:gd name="T76" fmla="*/ 325 w 648"/>
                <a:gd name="T77" fmla="*/ 263 h 406"/>
                <a:gd name="T78" fmla="*/ 270 w 648"/>
                <a:gd name="T79" fmla="*/ 262 h 406"/>
                <a:gd name="T80" fmla="*/ 213 w 648"/>
                <a:gd name="T81" fmla="*/ 261 h 406"/>
                <a:gd name="T82" fmla="*/ 154 w 648"/>
                <a:gd name="T83" fmla="*/ 258 h 406"/>
                <a:gd name="T84" fmla="*/ 101 w 648"/>
                <a:gd name="T85" fmla="*/ 255 h 406"/>
                <a:gd name="T86" fmla="*/ 52 w 648"/>
                <a:gd name="T87" fmla="*/ 254 h 406"/>
                <a:gd name="T88" fmla="*/ 18 w 648"/>
                <a:gd name="T89" fmla="*/ 252 h 406"/>
                <a:gd name="T90" fmla="*/ 0 w 648"/>
                <a:gd name="T91" fmla="*/ 248 h 40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w 648"/>
                <a:gd name="T139" fmla="*/ 0 h 406"/>
                <a:gd name="T140" fmla="*/ 648 w 648"/>
                <a:gd name="T141" fmla="*/ 406 h 40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T138" t="T139" r="T140" b="T141"/>
              <a:pathLst>
                <a:path w="648" h="406">
                  <a:moveTo>
                    <a:pt x="0" y="379"/>
                  </a:moveTo>
                  <a:lnTo>
                    <a:pt x="0" y="378"/>
                  </a:lnTo>
                  <a:lnTo>
                    <a:pt x="0" y="374"/>
                  </a:lnTo>
                  <a:lnTo>
                    <a:pt x="0" y="369"/>
                  </a:lnTo>
                  <a:lnTo>
                    <a:pt x="0" y="362"/>
                  </a:lnTo>
                  <a:lnTo>
                    <a:pt x="0" y="354"/>
                  </a:lnTo>
                  <a:lnTo>
                    <a:pt x="2" y="344"/>
                  </a:lnTo>
                  <a:lnTo>
                    <a:pt x="2" y="332"/>
                  </a:lnTo>
                  <a:lnTo>
                    <a:pt x="3" y="318"/>
                  </a:lnTo>
                  <a:lnTo>
                    <a:pt x="3" y="305"/>
                  </a:lnTo>
                  <a:lnTo>
                    <a:pt x="5" y="291"/>
                  </a:lnTo>
                  <a:lnTo>
                    <a:pt x="7" y="274"/>
                  </a:lnTo>
                  <a:lnTo>
                    <a:pt x="9" y="259"/>
                  </a:lnTo>
                  <a:lnTo>
                    <a:pt x="9" y="242"/>
                  </a:lnTo>
                  <a:lnTo>
                    <a:pt x="10" y="224"/>
                  </a:lnTo>
                  <a:lnTo>
                    <a:pt x="12" y="207"/>
                  </a:lnTo>
                  <a:lnTo>
                    <a:pt x="14" y="190"/>
                  </a:lnTo>
                  <a:lnTo>
                    <a:pt x="15" y="171"/>
                  </a:lnTo>
                  <a:lnTo>
                    <a:pt x="17" y="154"/>
                  </a:lnTo>
                  <a:lnTo>
                    <a:pt x="17" y="137"/>
                  </a:lnTo>
                  <a:lnTo>
                    <a:pt x="19" y="120"/>
                  </a:lnTo>
                  <a:lnTo>
                    <a:pt x="20" y="103"/>
                  </a:lnTo>
                  <a:lnTo>
                    <a:pt x="22" y="88"/>
                  </a:lnTo>
                  <a:lnTo>
                    <a:pt x="24" y="73"/>
                  </a:lnTo>
                  <a:lnTo>
                    <a:pt x="25" y="59"/>
                  </a:lnTo>
                  <a:lnTo>
                    <a:pt x="25" y="46"/>
                  </a:lnTo>
                  <a:lnTo>
                    <a:pt x="27" y="36"/>
                  </a:lnTo>
                  <a:lnTo>
                    <a:pt x="27" y="26"/>
                  </a:lnTo>
                  <a:lnTo>
                    <a:pt x="29" y="17"/>
                  </a:lnTo>
                  <a:lnTo>
                    <a:pt x="29" y="9"/>
                  </a:lnTo>
                  <a:lnTo>
                    <a:pt x="29" y="5"/>
                  </a:lnTo>
                  <a:lnTo>
                    <a:pt x="31" y="2"/>
                  </a:lnTo>
                  <a:lnTo>
                    <a:pt x="31" y="0"/>
                  </a:lnTo>
                  <a:lnTo>
                    <a:pt x="31" y="2"/>
                  </a:lnTo>
                  <a:lnTo>
                    <a:pt x="32" y="2"/>
                  </a:lnTo>
                  <a:lnTo>
                    <a:pt x="36" y="4"/>
                  </a:lnTo>
                  <a:lnTo>
                    <a:pt x="42" y="4"/>
                  </a:lnTo>
                  <a:lnTo>
                    <a:pt x="51" y="4"/>
                  </a:lnTo>
                  <a:lnTo>
                    <a:pt x="63" y="4"/>
                  </a:lnTo>
                  <a:lnTo>
                    <a:pt x="75" y="5"/>
                  </a:lnTo>
                  <a:lnTo>
                    <a:pt x="90" y="5"/>
                  </a:lnTo>
                  <a:lnTo>
                    <a:pt x="107" y="7"/>
                  </a:lnTo>
                  <a:lnTo>
                    <a:pt x="125" y="7"/>
                  </a:lnTo>
                  <a:lnTo>
                    <a:pt x="144" y="9"/>
                  </a:lnTo>
                  <a:lnTo>
                    <a:pt x="164" y="9"/>
                  </a:lnTo>
                  <a:lnTo>
                    <a:pt x="186" y="10"/>
                  </a:lnTo>
                  <a:lnTo>
                    <a:pt x="210" y="12"/>
                  </a:lnTo>
                  <a:lnTo>
                    <a:pt x="232" y="12"/>
                  </a:lnTo>
                  <a:lnTo>
                    <a:pt x="257" y="14"/>
                  </a:lnTo>
                  <a:lnTo>
                    <a:pt x="281" y="14"/>
                  </a:lnTo>
                  <a:lnTo>
                    <a:pt x="306" y="15"/>
                  </a:lnTo>
                  <a:lnTo>
                    <a:pt x="330" y="17"/>
                  </a:lnTo>
                  <a:lnTo>
                    <a:pt x="355" y="17"/>
                  </a:lnTo>
                  <a:lnTo>
                    <a:pt x="379" y="19"/>
                  </a:lnTo>
                  <a:lnTo>
                    <a:pt x="403" y="21"/>
                  </a:lnTo>
                  <a:lnTo>
                    <a:pt x="427" y="21"/>
                  </a:lnTo>
                  <a:lnTo>
                    <a:pt x="450" y="22"/>
                  </a:lnTo>
                  <a:lnTo>
                    <a:pt x="471" y="22"/>
                  </a:lnTo>
                  <a:lnTo>
                    <a:pt x="491" y="24"/>
                  </a:lnTo>
                  <a:lnTo>
                    <a:pt x="511" y="24"/>
                  </a:lnTo>
                  <a:lnTo>
                    <a:pt x="530" y="24"/>
                  </a:lnTo>
                  <a:lnTo>
                    <a:pt x="547" y="26"/>
                  </a:lnTo>
                  <a:lnTo>
                    <a:pt x="562" y="26"/>
                  </a:lnTo>
                  <a:lnTo>
                    <a:pt x="574" y="26"/>
                  </a:lnTo>
                  <a:lnTo>
                    <a:pt x="586" y="26"/>
                  </a:lnTo>
                  <a:lnTo>
                    <a:pt x="594" y="26"/>
                  </a:lnTo>
                  <a:lnTo>
                    <a:pt x="601" y="63"/>
                  </a:lnTo>
                  <a:lnTo>
                    <a:pt x="601" y="65"/>
                  </a:lnTo>
                  <a:lnTo>
                    <a:pt x="601" y="66"/>
                  </a:lnTo>
                  <a:lnTo>
                    <a:pt x="601" y="71"/>
                  </a:lnTo>
                  <a:lnTo>
                    <a:pt x="599" y="78"/>
                  </a:lnTo>
                  <a:lnTo>
                    <a:pt x="599" y="85"/>
                  </a:lnTo>
                  <a:lnTo>
                    <a:pt x="599" y="92"/>
                  </a:lnTo>
                  <a:lnTo>
                    <a:pt x="599" y="102"/>
                  </a:lnTo>
                  <a:lnTo>
                    <a:pt x="599" y="110"/>
                  </a:lnTo>
                  <a:lnTo>
                    <a:pt x="599" y="120"/>
                  </a:lnTo>
                  <a:lnTo>
                    <a:pt x="601" y="131"/>
                  </a:lnTo>
                  <a:lnTo>
                    <a:pt x="601" y="139"/>
                  </a:lnTo>
                  <a:lnTo>
                    <a:pt x="603" y="147"/>
                  </a:lnTo>
                  <a:lnTo>
                    <a:pt x="604" y="156"/>
                  </a:lnTo>
                  <a:lnTo>
                    <a:pt x="608" y="164"/>
                  </a:lnTo>
                  <a:lnTo>
                    <a:pt x="611" y="171"/>
                  </a:lnTo>
                  <a:lnTo>
                    <a:pt x="616" y="176"/>
                  </a:lnTo>
                  <a:lnTo>
                    <a:pt x="616" y="178"/>
                  </a:lnTo>
                  <a:lnTo>
                    <a:pt x="616" y="181"/>
                  </a:lnTo>
                  <a:lnTo>
                    <a:pt x="618" y="186"/>
                  </a:lnTo>
                  <a:lnTo>
                    <a:pt x="619" y="195"/>
                  </a:lnTo>
                  <a:lnTo>
                    <a:pt x="621" y="203"/>
                  </a:lnTo>
                  <a:lnTo>
                    <a:pt x="623" y="213"/>
                  </a:lnTo>
                  <a:lnTo>
                    <a:pt x="623" y="224"/>
                  </a:lnTo>
                  <a:lnTo>
                    <a:pt x="625" y="234"/>
                  </a:lnTo>
                  <a:lnTo>
                    <a:pt x="625" y="237"/>
                  </a:lnTo>
                  <a:lnTo>
                    <a:pt x="625" y="242"/>
                  </a:lnTo>
                  <a:lnTo>
                    <a:pt x="625" y="249"/>
                  </a:lnTo>
                  <a:lnTo>
                    <a:pt x="625" y="256"/>
                  </a:lnTo>
                  <a:lnTo>
                    <a:pt x="625" y="263"/>
                  </a:lnTo>
                  <a:lnTo>
                    <a:pt x="625" y="268"/>
                  </a:lnTo>
                  <a:lnTo>
                    <a:pt x="625" y="273"/>
                  </a:lnTo>
                  <a:lnTo>
                    <a:pt x="625" y="274"/>
                  </a:lnTo>
                  <a:lnTo>
                    <a:pt x="633" y="288"/>
                  </a:lnTo>
                  <a:lnTo>
                    <a:pt x="630" y="310"/>
                  </a:lnTo>
                  <a:lnTo>
                    <a:pt x="633" y="340"/>
                  </a:lnTo>
                  <a:lnTo>
                    <a:pt x="643" y="354"/>
                  </a:lnTo>
                  <a:lnTo>
                    <a:pt x="648" y="367"/>
                  </a:lnTo>
                  <a:lnTo>
                    <a:pt x="647" y="405"/>
                  </a:lnTo>
                  <a:lnTo>
                    <a:pt x="647" y="406"/>
                  </a:lnTo>
                  <a:lnTo>
                    <a:pt x="645" y="406"/>
                  </a:lnTo>
                  <a:lnTo>
                    <a:pt x="640" y="406"/>
                  </a:lnTo>
                  <a:lnTo>
                    <a:pt x="631" y="405"/>
                  </a:lnTo>
                  <a:lnTo>
                    <a:pt x="621" y="405"/>
                  </a:lnTo>
                  <a:lnTo>
                    <a:pt x="608" y="405"/>
                  </a:lnTo>
                  <a:lnTo>
                    <a:pt x="591" y="405"/>
                  </a:lnTo>
                  <a:lnTo>
                    <a:pt x="574" y="403"/>
                  </a:lnTo>
                  <a:lnTo>
                    <a:pt x="553" y="403"/>
                  </a:lnTo>
                  <a:lnTo>
                    <a:pt x="531" y="403"/>
                  </a:lnTo>
                  <a:lnTo>
                    <a:pt x="508" y="401"/>
                  </a:lnTo>
                  <a:lnTo>
                    <a:pt x="482" y="401"/>
                  </a:lnTo>
                  <a:lnTo>
                    <a:pt x="457" y="401"/>
                  </a:lnTo>
                  <a:lnTo>
                    <a:pt x="430" y="400"/>
                  </a:lnTo>
                  <a:lnTo>
                    <a:pt x="401" y="398"/>
                  </a:lnTo>
                  <a:lnTo>
                    <a:pt x="372" y="398"/>
                  </a:lnTo>
                  <a:lnTo>
                    <a:pt x="344" y="396"/>
                  </a:lnTo>
                  <a:lnTo>
                    <a:pt x="315" y="396"/>
                  </a:lnTo>
                  <a:lnTo>
                    <a:pt x="286" y="395"/>
                  </a:lnTo>
                  <a:lnTo>
                    <a:pt x="257" y="393"/>
                  </a:lnTo>
                  <a:lnTo>
                    <a:pt x="229" y="393"/>
                  </a:lnTo>
                  <a:lnTo>
                    <a:pt x="201" y="391"/>
                  </a:lnTo>
                  <a:lnTo>
                    <a:pt x="174" y="389"/>
                  </a:lnTo>
                  <a:lnTo>
                    <a:pt x="149" y="389"/>
                  </a:lnTo>
                  <a:lnTo>
                    <a:pt x="124" y="388"/>
                  </a:lnTo>
                  <a:lnTo>
                    <a:pt x="102" y="388"/>
                  </a:lnTo>
                  <a:lnTo>
                    <a:pt x="80" y="386"/>
                  </a:lnTo>
                  <a:lnTo>
                    <a:pt x="61" y="384"/>
                  </a:lnTo>
                  <a:lnTo>
                    <a:pt x="44" y="383"/>
                  </a:lnTo>
                  <a:lnTo>
                    <a:pt x="29" y="383"/>
                  </a:lnTo>
                  <a:lnTo>
                    <a:pt x="17" y="381"/>
                  </a:lnTo>
                  <a:lnTo>
                    <a:pt x="7" y="379"/>
                  </a:lnTo>
                  <a:lnTo>
                    <a:pt x="0" y="37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49" name="Freeform 58"/>
            <p:cNvSpPr>
              <a:spLocks/>
            </p:cNvSpPr>
            <p:nvPr/>
          </p:nvSpPr>
          <p:spPr bwMode="auto">
            <a:xfrm>
              <a:off x="2682" y="1797"/>
              <a:ext cx="572" cy="385"/>
            </a:xfrm>
            <a:custGeom>
              <a:avLst/>
              <a:gdLst>
                <a:gd name="T0" fmla="*/ 47 w 588"/>
                <a:gd name="T1" fmla="*/ 239 h 397"/>
                <a:gd name="T2" fmla="*/ 46 w 588"/>
                <a:gd name="T3" fmla="*/ 227 h 397"/>
                <a:gd name="T4" fmla="*/ 47 w 588"/>
                <a:gd name="T5" fmla="*/ 211 h 397"/>
                <a:gd name="T6" fmla="*/ 48 w 588"/>
                <a:gd name="T7" fmla="*/ 204 h 397"/>
                <a:gd name="T8" fmla="*/ 42 w 588"/>
                <a:gd name="T9" fmla="*/ 174 h 397"/>
                <a:gd name="T10" fmla="*/ 32 w 588"/>
                <a:gd name="T11" fmla="*/ 162 h 397"/>
                <a:gd name="T12" fmla="*/ 34 w 588"/>
                <a:gd name="T13" fmla="*/ 153 h 397"/>
                <a:gd name="T14" fmla="*/ 27 w 588"/>
                <a:gd name="T15" fmla="*/ 136 h 397"/>
                <a:gd name="T16" fmla="*/ 20 w 588"/>
                <a:gd name="T17" fmla="*/ 130 h 397"/>
                <a:gd name="T18" fmla="*/ 18 w 588"/>
                <a:gd name="T19" fmla="*/ 119 h 397"/>
                <a:gd name="T20" fmla="*/ 18 w 588"/>
                <a:gd name="T21" fmla="*/ 112 h 397"/>
                <a:gd name="T22" fmla="*/ 0 w 588"/>
                <a:gd name="T23" fmla="*/ 73 h 397"/>
                <a:gd name="T24" fmla="*/ 4 w 588"/>
                <a:gd name="T25" fmla="*/ 26 h 397"/>
                <a:gd name="T26" fmla="*/ 4 w 588"/>
                <a:gd name="T27" fmla="*/ 13 h 397"/>
                <a:gd name="T28" fmla="*/ 18 w 588"/>
                <a:gd name="T29" fmla="*/ 12 h 397"/>
                <a:gd name="T30" fmla="*/ 46 w 588"/>
                <a:gd name="T31" fmla="*/ 12 h 397"/>
                <a:gd name="T32" fmla="*/ 89 w 588"/>
                <a:gd name="T33" fmla="*/ 12 h 397"/>
                <a:gd name="T34" fmla="*/ 141 w 588"/>
                <a:gd name="T35" fmla="*/ 10 h 397"/>
                <a:gd name="T36" fmla="*/ 197 w 588"/>
                <a:gd name="T37" fmla="*/ 10 h 397"/>
                <a:gd name="T38" fmla="*/ 251 w 588"/>
                <a:gd name="T39" fmla="*/ 8 h 397"/>
                <a:gd name="T40" fmla="*/ 294 w 588"/>
                <a:gd name="T41" fmla="*/ 5 h 397"/>
                <a:gd name="T42" fmla="*/ 322 w 588"/>
                <a:gd name="T43" fmla="*/ 1 h 397"/>
                <a:gd name="T44" fmla="*/ 333 w 588"/>
                <a:gd name="T45" fmla="*/ 16 h 397"/>
                <a:gd name="T46" fmla="*/ 337 w 588"/>
                <a:gd name="T47" fmla="*/ 16 h 397"/>
                <a:gd name="T48" fmla="*/ 331 w 588"/>
                <a:gd name="T49" fmla="*/ 36 h 397"/>
                <a:gd name="T50" fmla="*/ 333 w 588"/>
                <a:gd name="T51" fmla="*/ 45 h 397"/>
                <a:gd name="T52" fmla="*/ 339 w 588"/>
                <a:gd name="T53" fmla="*/ 55 h 397"/>
                <a:gd name="T54" fmla="*/ 340 w 588"/>
                <a:gd name="T55" fmla="*/ 63 h 397"/>
                <a:gd name="T56" fmla="*/ 357 w 588"/>
                <a:gd name="T57" fmla="*/ 69 h 397"/>
                <a:gd name="T58" fmla="*/ 362 w 588"/>
                <a:gd name="T59" fmla="*/ 71 h 397"/>
                <a:gd name="T60" fmla="*/ 367 w 588"/>
                <a:gd name="T61" fmla="*/ 80 h 397"/>
                <a:gd name="T62" fmla="*/ 368 w 588"/>
                <a:gd name="T63" fmla="*/ 84 h 397"/>
                <a:gd name="T64" fmla="*/ 378 w 588"/>
                <a:gd name="T65" fmla="*/ 91 h 397"/>
                <a:gd name="T66" fmla="*/ 383 w 588"/>
                <a:gd name="T67" fmla="*/ 98 h 397"/>
                <a:gd name="T68" fmla="*/ 382 w 588"/>
                <a:gd name="T69" fmla="*/ 101 h 397"/>
                <a:gd name="T70" fmla="*/ 393 w 588"/>
                <a:gd name="T71" fmla="*/ 108 h 397"/>
                <a:gd name="T72" fmla="*/ 400 w 588"/>
                <a:gd name="T73" fmla="*/ 123 h 397"/>
                <a:gd name="T74" fmla="*/ 391 w 588"/>
                <a:gd name="T75" fmla="*/ 140 h 397"/>
                <a:gd name="T76" fmla="*/ 388 w 588"/>
                <a:gd name="T77" fmla="*/ 146 h 397"/>
                <a:gd name="T78" fmla="*/ 388 w 588"/>
                <a:gd name="T79" fmla="*/ 156 h 397"/>
                <a:gd name="T80" fmla="*/ 381 w 588"/>
                <a:gd name="T81" fmla="*/ 161 h 397"/>
                <a:gd name="T82" fmla="*/ 375 w 588"/>
                <a:gd name="T83" fmla="*/ 162 h 397"/>
                <a:gd name="T84" fmla="*/ 369 w 588"/>
                <a:gd name="T85" fmla="*/ 166 h 397"/>
                <a:gd name="T86" fmla="*/ 351 w 588"/>
                <a:gd name="T87" fmla="*/ 171 h 397"/>
                <a:gd name="T88" fmla="*/ 345 w 588"/>
                <a:gd name="T89" fmla="*/ 183 h 397"/>
                <a:gd name="T90" fmla="*/ 355 w 588"/>
                <a:gd name="T91" fmla="*/ 201 h 397"/>
                <a:gd name="T92" fmla="*/ 354 w 588"/>
                <a:gd name="T93" fmla="*/ 211 h 397"/>
                <a:gd name="T94" fmla="*/ 348 w 588"/>
                <a:gd name="T95" fmla="*/ 220 h 397"/>
                <a:gd name="T96" fmla="*/ 347 w 588"/>
                <a:gd name="T97" fmla="*/ 225 h 397"/>
                <a:gd name="T98" fmla="*/ 345 w 588"/>
                <a:gd name="T99" fmla="*/ 229 h 397"/>
                <a:gd name="T100" fmla="*/ 339 w 588"/>
                <a:gd name="T101" fmla="*/ 234 h 397"/>
                <a:gd name="T102" fmla="*/ 329 w 588"/>
                <a:gd name="T103" fmla="*/ 241 h 397"/>
                <a:gd name="T104" fmla="*/ 330 w 588"/>
                <a:gd name="T105" fmla="*/ 248 h 397"/>
                <a:gd name="T106" fmla="*/ 331 w 588"/>
                <a:gd name="T107" fmla="*/ 252 h 397"/>
                <a:gd name="T108" fmla="*/ 327 w 588"/>
                <a:gd name="T109" fmla="*/ 257 h 397"/>
                <a:gd name="T110" fmla="*/ 321 w 588"/>
                <a:gd name="T111" fmla="*/ 254 h 397"/>
                <a:gd name="T112" fmla="*/ 310 w 588"/>
                <a:gd name="T113" fmla="*/ 241 h 397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w 588"/>
                <a:gd name="T172" fmla="*/ 0 h 397"/>
                <a:gd name="T173" fmla="*/ 588 w 588"/>
                <a:gd name="T174" fmla="*/ 397 h 397"/>
              </a:gdLst>
              <a:ahLst/>
              <a:cxnLst>
                <a:cxn ang="T114">
                  <a:pos x="T0" y="T1"/>
                </a:cxn>
                <a:cxn ang="T115">
                  <a:pos x="T2" y="T3"/>
                </a:cxn>
                <a:cxn ang="T116">
                  <a:pos x="T4" y="T5"/>
                </a:cxn>
                <a:cxn ang="T117">
                  <a:pos x="T6" y="T7"/>
                </a:cxn>
                <a:cxn ang="T118">
                  <a:pos x="T8" y="T9"/>
                </a:cxn>
                <a:cxn ang="T119">
                  <a:pos x="T10" y="T11"/>
                </a:cxn>
                <a:cxn ang="T120">
                  <a:pos x="T12" y="T13"/>
                </a:cxn>
                <a:cxn ang="T121">
                  <a:pos x="T14" y="T15"/>
                </a:cxn>
                <a:cxn ang="T122">
                  <a:pos x="T16" y="T17"/>
                </a:cxn>
                <a:cxn ang="T123">
                  <a:pos x="T18" y="T19"/>
                </a:cxn>
                <a:cxn ang="T124">
                  <a:pos x="T20" y="T21"/>
                </a:cxn>
                <a:cxn ang="T125">
                  <a:pos x="T22" y="T23"/>
                </a:cxn>
                <a:cxn ang="T126">
                  <a:pos x="T24" y="T25"/>
                </a:cxn>
                <a:cxn ang="T127">
                  <a:pos x="T26" y="T27"/>
                </a:cxn>
                <a:cxn ang="T128">
                  <a:pos x="T28" y="T29"/>
                </a:cxn>
                <a:cxn ang="T129">
                  <a:pos x="T30" y="T31"/>
                </a:cxn>
                <a:cxn ang="T130">
                  <a:pos x="T32" y="T33"/>
                </a:cxn>
                <a:cxn ang="T131">
                  <a:pos x="T34" y="T35"/>
                </a:cxn>
                <a:cxn ang="T132">
                  <a:pos x="T36" y="T37"/>
                </a:cxn>
                <a:cxn ang="T133">
                  <a:pos x="T38" y="T39"/>
                </a:cxn>
                <a:cxn ang="T134">
                  <a:pos x="T40" y="T41"/>
                </a:cxn>
                <a:cxn ang="T135">
                  <a:pos x="T42" y="T43"/>
                </a:cxn>
                <a:cxn ang="T136">
                  <a:pos x="T44" y="T45"/>
                </a:cxn>
                <a:cxn ang="T137">
                  <a:pos x="T46" y="T47"/>
                </a:cxn>
                <a:cxn ang="T138">
                  <a:pos x="T48" y="T49"/>
                </a:cxn>
                <a:cxn ang="T139">
                  <a:pos x="T50" y="T51"/>
                </a:cxn>
                <a:cxn ang="T140">
                  <a:pos x="T52" y="T53"/>
                </a:cxn>
                <a:cxn ang="T141">
                  <a:pos x="T54" y="T55"/>
                </a:cxn>
                <a:cxn ang="T142">
                  <a:pos x="T56" y="T57"/>
                </a:cxn>
                <a:cxn ang="T143">
                  <a:pos x="T58" y="T59"/>
                </a:cxn>
                <a:cxn ang="T144">
                  <a:pos x="T60" y="T61"/>
                </a:cxn>
                <a:cxn ang="T145">
                  <a:pos x="T62" y="T63"/>
                </a:cxn>
                <a:cxn ang="T146">
                  <a:pos x="T64" y="T65"/>
                </a:cxn>
                <a:cxn ang="T147">
                  <a:pos x="T66" y="T67"/>
                </a:cxn>
                <a:cxn ang="T148">
                  <a:pos x="T68" y="T69"/>
                </a:cxn>
                <a:cxn ang="T149">
                  <a:pos x="T70" y="T71"/>
                </a:cxn>
                <a:cxn ang="T150">
                  <a:pos x="T72" y="T73"/>
                </a:cxn>
                <a:cxn ang="T151">
                  <a:pos x="T74" y="T75"/>
                </a:cxn>
                <a:cxn ang="T152">
                  <a:pos x="T76" y="T77"/>
                </a:cxn>
                <a:cxn ang="T153">
                  <a:pos x="T78" y="T79"/>
                </a:cxn>
                <a:cxn ang="T154">
                  <a:pos x="T80" y="T81"/>
                </a:cxn>
                <a:cxn ang="T155">
                  <a:pos x="T82" y="T83"/>
                </a:cxn>
                <a:cxn ang="T156">
                  <a:pos x="T84" y="T85"/>
                </a:cxn>
                <a:cxn ang="T157">
                  <a:pos x="T86" y="T87"/>
                </a:cxn>
                <a:cxn ang="T158">
                  <a:pos x="T88" y="T89"/>
                </a:cxn>
                <a:cxn ang="T159">
                  <a:pos x="T90" y="T91"/>
                </a:cxn>
                <a:cxn ang="T160">
                  <a:pos x="T92" y="T93"/>
                </a:cxn>
                <a:cxn ang="T161">
                  <a:pos x="T94" y="T95"/>
                </a:cxn>
                <a:cxn ang="T162">
                  <a:pos x="T96" y="T97"/>
                </a:cxn>
                <a:cxn ang="T163">
                  <a:pos x="T98" y="T99"/>
                </a:cxn>
                <a:cxn ang="T164">
                  <a:pos x="T100" y="T101"/>
                </a:cxn>
                <a:cxn ang="T165">
                  <a:pos x="T102" y="T103"/>
                </a:cxn>
                <a:cxn ang="T166">
                  <a:pos x="T104" y="T105"/>
                </a:cxn>
                <a:cxn ang="T167">
                  <a:pos x="T106" y="T107"/>
                </a:cxn>
                <a:cxn ang="T168">
                  <a:pos x="T108" y="T109"/>
                </a:cxn>
                <a:cxn ang="T169">
                  <a:pos x="T110" y="T111"/>
                </a:cxn>
                <a:cxn ang="T170">
                  <a:pos x="T112" y="T113"/>
                </a:cxn>
              </a:cxnLst>
              <a:rect l="T171" t="T172" r="T173" b="T174"/>
              <a:pathLst>
                <a:path w="588" h="397">
                  <a:moveTo>
                    <a:pt x="75" y="379"/>
                  </a:moveTo>
                  <a:lnTo>
                    <a:pt x="72" y="375"/>
                  </a:lnTo>
                  <a:lnTo>
                    <a:pt x="70" y="372"/>
                  </a:lnTo>
                  <a:lnTo>
                    <a:pt x="68" y="367"/>
                  </a:lnTo>
                  <a:lnTo>
                    <a:pt x="68" y="362"/>
                  </a:lnTo>
                  <a:lnTo>
                    <a:pt x="66" y="357"/>
                  </a:lnTo>
                  <a:lnTo>
                    <a:pt x="66" y="352"/>
                  </a:lnTo>
                  <a:lnTo>
                    <a:pt x="66" y="347"/>
                  </a:lnTo>
                  <a:lnTo>
                    <a:pt x="66" y="340"/>
                  </a:lnTo>
                  <a:lnTo>
                    <a:pt x="68" y="335"/>
                  </a:lnTo>
                  <a:lnTo>
                    <a:pt x="68" y="330"/>
                  </a:lnTo>
                  <a:lnTo>
                    <a:pt x="68" y="325"/>
                  </a:lnTo>
                  <a:lnTo>
                    <a:pt x="68" y="321"/>
                  </a:lnTo>
                  <a:lnTo>
                    <a:pt x="70" y="318"/>
                  </a:lnTo>
                  <a:lnTo>
                    <a:pt x="70" y="315"/>
                  </a:lnTo>
                  <a:lnTo>
                    <a:pt x="70" y="313"/>
                  </a:lnTo>
                  <a:lnTo>
                    <a:pt x="63" y="304"/>
                  </a:lnTo>
                  <a:lnTo>
                    <a:pt x="61" y="272"/>
                  </a:lnTo>
                  <a:lnTo>
                    <a:pt x="58" y="267"/>
                  </a:lnTo>
                  <a:lnTo>
                    <a:pt x="53" y="264"/>
                  </a:lnTo>
                  <a:lnTo>
                    <a:pt x="50" y="259"/>
                  </a:lnTo>
                  <a:lnTo>
                    <a:pt x="46" y="254"/>
                  </a:lnTo>
                  <a:lnTo>
                    <a:pt x="46" y="249"/>
                  </a:lnTo>
                  <a:lnTo>
                    <a:pt x="46" y="243"/>
                  </a:lnTo>
                  <a:lnTo>
                    <a:pt x="46" y="240"/>
                  </a:lnTo>
                  <a:lnTo>
                    <a:pt x="46" y="237"/>
                  </a:lnTo>
                  <a:lnTo>
                    <a:pt x="48" y="235"/>
                  </a:lnTo>
                  <a:lnTo>
                    <a:pt x="46" y="227"/>
                  </a:lnTo>
                  <a:lnTo>
                    <a:pt x="46" y="218"/>
                  </a:lnTo>
                  <a:lnTo>
                    <a:pt x="44" y="213"/>
                  </a:lnTo>
                  <a:lnTo>
                    <a:pt x="41" y="208"/>
                  </a:lnTo>
                  <a:lnTo>
                    <a:pt x="39" y="205"/>
                  </a:lnTo>
                  <a:lnTo>
                    <a:pt x="38" y="203"/>
                  </a:lnTo>
                  <a:lnTo>
                    <a:pt x="36" y="201"/>
                  </a:lnTo>
                  <a:lnTo>
                    <a:pt x="34" y="199"/>
                  </a:lnTo>
                  <a:lnTo>
                    <a:pt x="29" y="196"/>
                  </a:lnTo>
                  <a:lnTo>
                    <a:pt x="28" y="193"/>
                  </a:lnTo>
                  <a:lnTo>
                    <a:pt x="24" y="188"/>
                  </a:lnTo>
                  <a:lnTo>
                    <a:pt x="24" y="183"/>
                  </a:lnTo>
                  <a:lnTo>
                    <a:pt x="22" y="179"/>
                  </a:lnTo>
                  <a:lnTo>
                    <a:pt x="22" y="174"/>
                  </a:lnTo>
                  <a:lnTo>
                    <a:pt x="22" y="172"/>
                  </a:lnTo>
                  <a:lnTo>
                    <a:pt x="17" y="159"/>
                  </a:lnTo>
                  <a:lnTo>
                    <a:pt x="17" y="144"/>
                  </a:lnTo>
                  <a:lnTo>
                    <a:pt x="9" y="123"/>
                  </a:lnTo>
                  <a:lnTo>
                    <a:pt x="0" y="111"/>
                  </a:lnTo>
                  <a:lnTo>
                    <a:pt x="2" y="103"/>
                  </a:lnTo>
                  <a:lnTo>
                    <a:pt x="16" y="49"/>
                  </a:lnTo>
                  <a:lnTo>
                    <a:pt x="2" y="49"/>
                  </a:lnTo>
                  <a:lnTo>
                    <a:pt x="4" y="40"/>
                  </a:lnTo>
                  <a:lnTo>
                    <a:pt x="7" y="35"/>
                  </a:lnTo>
                  <a:lnTo>
                    <a:pt x="6" y="27"/>
                  </a:lnTo>
                  <a:lnTo>
                    <a:pt x="2" y="18"/>
                  </a:lnTo>
                  <a:lnTo>
                    <a:pt x="4" y="13"/>
                  </a:lnTo>
                  <a:lnTo>
                    <a:pt x="16" y="13"/>
                  </a:lnTo>
                  <a:lnTo>
                    <a:pt x="16" y="12"/>
                  </a:lnTo>
                  <a:lnTo>
                    <a:pt x="19" y="12"/>
                  </a:lnTo>
                  <a:lnTo>
                    <a:pt x="26" y="12"/>
                  </a:lnTo>
                  <a:lnTo>
                    <a:pt x="33" y="12"/>
                  </a:lnTo>
                  <a:lnTo>
                    <a:pt x="43" y="12"/>
                  </a:lnTo>
                  <a:lnTo>
                    <a:pt x="53" y="12"/>
                  </a:lnTo>
                  <a:lnTo>
                    <a:pt x="66" y="12"/>
                  </a:lnTo>
                  <a:lnTo>
                    <a:pt x="80" y="12"/>
                  </a:lnTo>
                  <a:lnTo>
                    <a:pt x="97" y="12"/>
                  </a:lnTo>
                  <a:lnTo>
                    <a:pt x="112" y="12"/>
                  </a:lnTo>
                  <a:lnTo>
                    <a:pt x="131" y="12"/>
                  </a:lnTo>
                  <a:lnTo>
                    <a:pt x="149" y="12"/>
                  </a:lnTo>
                  <a:lnTo>
                    <a:pt x="168" y="12"/>
                  </a:lnTo>
                  <a:lnTo>
                    <a:pt x="188" y="10"/>
                  </a:lnTo>
                  <a:lnTo>
                    <a:pt x="207" y="10"/>
                  </a:lnTo>
                  <a:lnTo>
                    <a:pt x="227" y="10"/>
                  </a:lnTo>
                  <a:lnTo>
                    <a:pt x="249" y="10"/>
                  </a:lnTo>
                  <a:lnTo>
                    <a:pt x="270" y="10"/>
                  </a:lnTo>
                  <a:lnTo>
                    <a:pt x="290" y="10"/>
                  </a:lnTo>
                  <a:lnTo>
                    <a:pt x="310" y="8"/>
                  </a:lnTo>
                  <a:lnTo>
                    <a:pt x="329" y="8"/>
                  </a:lnTo>
                  <a:lnTo>
                    <a:pt x="349" y="8"/>
                  </a:lnTo>
                  <a:lnTo>
                    <a:pt x="368" y="8"/>
                  </a:lnTo>
                  <a:lnTo>
                    <a:pt x="385" y="7"/>
                  </a:lnTo>
                  <a:lnTo>
                    <a:pt x="402" y="7"/>
                  </a:lnTo>
                  <a:lnTo>
                    <a:pt x="418" y="7"/>
                  </a:lnTo>
                  <a:lnTo>
                    <a:pt x="432" y="5"/>
                  </a:lnTo>
                  <a:lnTo>
                    <a:pt x="446" y="5"/>
                  </a:lnTo>
                  <a:lnTo>
                    <a:pt x="456" y="3"/>
                  </a:lnTo>
                  <a:lnTo>
                    <a:pt x="466" y="3"/>
                  </a:lnTo>
                  <a:lnTo>
                    <a:pt x="474" y="1"/>
                  </a:lnTo>
                  <a:lnTo>
                    <a:pt x="479" y="0"/>
                  </a:lnTo>
                  <a:lnTo>
                    <a:pt x="479" y="1"/>
                  </a:lnTo>
                  <a:lnTo>
                    <a:pt x="488" y="22"/>
                  </a:lnTo>
                  <a:lnTo>
                    <a:pt x="490" y="22"/>
                  </a:lnTo>
                  <a:lnTo>
                    <a:pt x="490" y="23"/>
                  </a:lnTo>
                  <a:lnTo>
                    <a:pt x="491" y="23"/>
                  </a:lnTo>
                  <a:lnTo>
                    <a:pt x="493" y="25"/>
                  </a:lnTo>
                  <a:lnTo>
                    <a:pt x="495" y="29"/>
                  </a:lnTo>
                  <a:lnTo>
                    <a:pt x="495" y="34"/>
                  </a:lnTo>
                  <a:lnTo>
                    <a:pt x="493" y="39"/>
                  </a:lnTo>
                  <a:lnTo>
                    <a:pt x="490" y="47"/>
                  </a:lnTo>
                  <a:lnTo>
                    <a:pt x="488" y="52"/>
                  </a:lnTo>
                  <a:lnTo>
                    <a:pt x="486" y="56"/>
                  </a:lnTo>
                  <a:lnTo>
                    <a:pt x="488" y="61"/>
                  </a:lnTo>
                  <a:lnTo>
                    <a:pt x="488" y="64"/>
                  </a:lnTo>
                  <a:lnTo>
                    <a:pt x="490" y="69"/>
                  </a:lnTo>
                  <a:lnTo>
                    <a:pt x="491" y="73"/>
                  </a:lnTo>
                  <a:lnTo>
                    <a:pt x="495" y="76"/>
                  </a:lnTo>
                  <a:lnTo>
                    <a:pt x="496" y="81"/>
                  </a:lnTo>
                  <a:lnTo>
                    <a:pt x="500" y="84"/>
                  </a:lnTo>
                  <a:lnTo>
                    <a:pt x="501" y="89"/>
                  </a:lnTo>
                  <a:lnTo>
                    <a:pt x="501" y="91"/>
                  </a:lnTo>
                  <a:lnTo>
                    <a:pt x="501" y="95"/>
                  </a:lnTo>
                  <a:lnTo>
                    <a:pt x="501" y="96"/>
                  </a:lnTo>
                  <a:lnTo>
                    <a:pt x="501" y="98"/>
                  </a:lnTo>
                  <a:lnTo>
                    <a:pt x="525" y="105"/>
                  </a:lnTo>
                  <a:lnTo>
                    <a:pt x="527" y="106"/>
                  </a:lnTo>
                  <a:lnTo>
                    <a:pt x="530" y="106"/>
                  </a:lnTo>
                  <a:lnTo>
                    <a:pt x="532" y="108"/>
                  </a:lnTo>
                  <a:lnTo>
                    <a:pt x="535" y="111"/>
                  </a:lnTo>
                  <a:lnTo>
                    <a:pt x="537" y="115"/>
                  </a:lnTo>
                  <a:lnTo>
                    <a:pt x="539" y="120"/>
                  </a:lnTo>
                  <a:lnTo>
                    <a:pt x="540" y="125"/>
                  </a:lnTo>
                  <a:lnTo>
                    <a:pt x="540" y="127"/>
                  </a:lnTo>
                  <a:lnTo>
                    <a:pt x="540" y="128"/>
                  </a:lnTo>
                  <a:lnTo>
                    <a:pt x="542" y="130"/>
                  </a:lnTo>
                  <a:lnTo>
                    <a:pt x="545" y="132"/>
                  </a:lnTo>
                  <a:lnTo>
                    <a:pt x="547" y="133"/>
                  </a:lnTo>
                  <a:lnTo>
                    <a:pt x="552" y="135"/>
                  </a:lnTo>
                  <a:lnTo>
                    <a:pt x="556" y="139"/>
                  </a:lnTo>
                  <a:lnTo>
                    <a:pt x="561" y="142"/>
                  </a:lnTo>
                  <a:lnTo>
                    <a:pt x="564" y="145"/>
                  </a:lnTo>
                  <a:lnTo>
                    <a:pt x="564" y="149"/>
                  </a:lnTo>
                  <a:lnTo>
                    <a:pt x="564" y="150"/>
                  </a:lnTo>
                  <a:lnTo>
                    <a:pt x="564" y="152"/>
                  </a:lnTo>
                  <a:lnTo>
                    <a:pt x="562" y="154"/>
                  </a:lnTo>
                  <a:lnTo>
                    <a:pt x="562" y="155"/>
                  </a:lnTo>
                  <a:lnTo>
                    <a:pt x="572" y="162"/>
                  </a:lnTo>
                  <a:lnTo>
                    <a:pt x="574" y="162"/>
                  </a:lnTo>
                  <a:lnTo>
                    <a:pt x="576" y="164"/>
                  </a:lnTo>
                  <a:lnTo>
                    <a:pt x="579" y="166"/>
                  </a:lnTo>
                  <a:lnTo>
                    <a:pt x="584" y="169"/>
                  </a:lnTo>
                  <a:lnTo>
                    <a:pt x="586" y="174"/>
                  </a:lnTo>
                  <a:lnTo>
                    <a:pt x="588" y="181"/>
                  </a:lnTo>
                  <a:lnTo>
                    <a:pt x="588" y="189"/>
                  </a:lnTo>
                  <a:lnTo>
                    <a:pt x="586" y="201"/>
                  </a:lnTo>
                  <a:lnTo>
                    <a:pt x="583" y="210"/>
                  </a:lnTo>
                  <a:lnTo>
                    <a:pt x="579" y="213"/>
                  </a:lnTo>
                  <a:lnTo>
                    <a:pt x="576" y="215"/>
                  </a:lnTo>
                  <a:lnTo>
                    <a:pt x="574" y="213"/>
                  </a:lnTo>
                  <a:lnTo>
                    <a:pt x="572" y="215"/>
                  </a:lnTo>
                  <a:lnTo>
                    <a:pt x="572" y="216"/>
                  </a:lnTo>
                  <a:lnTo>
                    <a:pt x="571" y="225"/>
                  </a:lnTo>
                  <a:lnTo>
                    <a:pt x="571" y="238"/>
                  </a:lnTo>
                  <a:lnTo>
                    <a:pt x="571" y="240"/>
                  </a:lnTo>
                  <a:lnTo>
                    <a:pt x="569" y="242"/>
                  </a:lnTo>
                  <a:lnTo>
                    <a:pt x="567" y="243"/>
                  </a:lnTo>
                  <a:lnTo>
                    <a:pt x="564" y="245"/>
                  </a:lnTo>
                  <a:lnTo>
                    <a:pt x="561" y="247"/>
                  </a:lnTo>
                  <a:lnTo>
                    <a:pt x="554" y="247"/>
                  </a:lnTo>
                  <a:lnTo>
                    <a:pt x="552" y="247"/>
                  </a:lnTo>
                  <a:lnTo>
                    <a:pt x="552" y="249"/>
                  </a:lnTo>
                  <a:lnTo>
                    <a:pt x="552" y="250"/>
                  </a:lnTo>
                  <a:lnTo>
                    <a:pt x="550" y="252"/>
                  </a:lnTo>
                  <a:lnTo>
                    <a:pt x="549" y="254"/>
                  </a:lnTo>
                  <a:lnTo>
                    <a:pt x="544" y="255"/>
                  </a:lnTo>
                  <a:lnTo>
                    <a:pt x="537" y="257"/>
                  </a:lnTo>
                  <a:lnTo>
                    <a:pt x="530" y="257"/>
                  </a:lnTo>
                  <a:lnTo>
                    <a:pt x="523" y="259"/>
                  </a:lnTo>
                  <a:lnTo>
                    <a:pt x="517" y="262"/>
                  </a:lnTo>
                  <a:lnTo>
                    <a:pt x="512" y="265"/>
                  </a:lnTo>
                  <a:lnTo>
                    <a:pt x="508" y="269"/>
                  </a:lnTo>
                  <a:lnTo>
                    <a:pt x="508" y="276"/>
                  </a:lnTo>
                  <a:lnTo>
                    <a:pt x="508" y="282"/>
                  </a:lnTo>
                  <a:lnTo>
                    <a:pt x="512" y="291"/>
                  </a:lnTo>
                  <a:lnTo>
                    <a:pt x="515" y="299"/>
                  </a:lnTo>
                  <a:lnTo>
                    <a:pt x="520" y="304"/>
                  </a:lnTo>
                  <a:lnTo>
                    <a:pt x="522" y="309"/>
                  </a:lnTo>
                  <a:lnTo>
                    <a:pt x="523" y="313"/>
                  </a:lnTo>
                  <a:lnTo>
                    <a:pt x="525" y="318"/>
                  </a:lnTo>
                  <a:lnTo>
                    <a:pt x="523" y="321"/>
                  </a:lnTo>
                  <a:lnTo>
                    <a:pt x="520" y="325"/>
                  </a:lnTo>
                  <a:lnTo>
                    <a:pt x="515" y="331"/>
                  </a:lnTo>
                  <a:lnTo>
                    <a:pt x="515" y="335"/>
                  </a:lnTo>
                  <a:lnTo>
                    <a:pt x="513" y="337"/>
                  </a:lnTo>
                  <a:lnTo>
                    <a:pt x="512" y="340"/>
                  </a:lnTo>
                  <a:lnTo>
                    <a:pt x="512" y="342"/>
                  </a:lnTo>
                  <a:lnTo>
                    <a:pt x="510" y="343"/>
                  </a:lnTo>
                  <a:lnTo>
                    <a:pt x="510" y="345"/>
                  </a:lnTo>
                  <a:lnTo>
                    <a:pt x="510" y="347"/>
                  </a:lnTo>
                  <a:lnTo>
                    <a:pt x="508" y="348"/>
                  </a:lnTo>
                  <a:lnTo>
                    <a:pt x="508" y="352"/>
                  </a:lnTo>
                  <a:lnTo>
                    <a:pt x="508" y="353"/>
                  </a:lnTo>
                  <a:lnTo>
                    <a:pt x="506" y="357"/>
                  </a:lnTo>
                  <a:lnTo>
                    <a:pt x="503" y="359"/>
                  </a:lnTo>
                  <a:lnTo>
                    <a:pt x="498" y="360"/>
                  </a:lnTo>
                  <a:lnTo>
                    <a:pt x="493" y="362"/>
                  </a:lnTo>
                  <a:lnTo>
                    <a:pt x="488" y="364"/>
                  </a:lnTo>
                  <a:lnTo>
                    <a:pt x="484" y="365"/>
                  </a:lnTo>
                  <a:lnTo>
                    <a:pt x="483" y="369"/>
                  </a:lnTo>
                  <a:lnTo>
                    <a:pt x="483" y="372"/>
                  </a:lnTo>
                  <a:lnTo>
                    <a:pt x="483" y="375"/>
                  </a:lnTo>
                  <a:lnTo>
                    <a:pt x="484" y="377"/>
                  </a:lnTo>
                  <a:lnTo>
                    <a:pt x="486" y="381"/>
                  </a:lnTo>
                  <a:lnTo>
                    <a:pt x="488" y="382"/>
                  </a:lnTo>
                  <a:lnTo>
                    <a:pt x="488" y="384"/>
                  </a:lnTo>
                  <a:lnTo>
                    <a:pt x="488" y="387"/>
                  </a:lnTo>
                  <a:lnTo>
                    <a:pt x="486" y="389"/>
                  </a:lnTo>
                  <a:lnTo>
                    <a:pt x="484" y="392"/>
                  </a:lnTo>
                  <a:lnTo>
                    <a:pt x="483" y="394"/>
                  </a:lnTo>
                  <a:lnTo>
                    <a:pt x="481" y="396"/>
                  </a:lnTo>
                  <a:lnTo>
                    <a:pt x="479" y="397"/>
                  </a:lnTo>
                  <a:lnTo>
                    <a:pt x="478" y="397"/>
                  </a:lnTo>
                  <a:lnTo>
                    <a:pt x="476" y="394"/>
                  </a:lnTo>
                  <a:lnTo>
                    <a:pt x="471" y="389"/>
                  </a:lnTo>
                  <a:lnTo>
                    <a:pt x="466" y="384"/>
                  </a:lnTo>
                  <a:lnTo>
                    <a:pt x="462" y="379"/>
                  </a:lnTo>
                  <a:lnTo>
                    <a:pt x="457" y="374"/>
                  </a:lnTo>
                  <a:lnTo>
                    <a:pt x="456" y="370"/>
                  </a:lnTo>
                  <a:lnTo>
                    <a:pt x="454" y="369"/>
                  </a:lnTo>
                  <a:lnTo>
                    <a:pt x="75" y="379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50" name="Freeform 59"/>
            <p:cNvSpPr>
              <a:spLocks/>
            </p:cNvSpPr>
            <p:nvPr/>
          </p:nvSpPr>
          <p:spPr bwMode="auto">
            <a:xfrm>
              <a:off x="2869" y="2644"/>
              <a:ext cx="478" cy="439"/>
            </a:xfrm>
            <a:custGeom>
              <a:avLst/>
              <a:gdLst>
                <a:gd name="T0" fmla="*/ 242 w 492"/>
                <a:gd name="T1" fmla="*/ 294 h 452"/>
                <a:gd name="T2" fmla="*/ 243 w 492"/>
                <a:gd name="T3" fmla="*/ 287 h 452"/>
                <a:gd name="T4" fmla="*/ 244 w 492"/>
                <a:gd name="T5" fmla="*/ 283 h 452"/>
                <a:gd name="T6" fmla="*/ 247 w 492"/>
                <a:gd name="T7" fmla="*/ 280 h 452"/>
                <a:gd name="T8" fmla="*/ 247 w 492"/>
                <a:gd name="T9" fmla="*/ 276 h 452"/>
                <a:gd name="T10" fmla="*/ 242 w 492"/>
                <a:gd name="T11" fmla="*/ 262 h 452"/>
                <a:gd name="T12" fmla="*/ 237 w 492"/>
                <a:gd name="T13" fmla="*/ 246 h 452"/>
                <a:gd name="T14" fmla="*/ 239 w 492"/>
                <a:gd name="T15" fmla="*/ 241 h 452"/>
                <a:gd name="T16" fmla="*/ 247 w 492"/>
                <a:gd name="T17" fmla="*/ 238 h 452"/>
                <a:gd name="T18" fmla="*/ 247 w 492"/>
                <a:gd name="T19" fmla="*/ 234 h 452"/>
                <a:gd name="T20" fmla="*/ 243 w 492"/>
                <a:gd name="T21" fmla="*/ 233 h 452"/>
                <a:gd name="T22" fmla="*/ 243 w 492"/>
                <a:gd name="T23" fmla="*/ 231 h 452"/>
                <a:gd name="T24" fmla="*/ 247 w 492"/>
                <a:gd name="T25" fmla="*/ 226 h 452"/>
                <a:gd name="T26" fmla="*/ 247 w 492"/>
                <a:gd name="T27" fmla="*/ 222 h 452"/>
                <a:gd name="T28" fmla="*/ 245 w 492"/>
                <a:gd name="T29" fmla="*/ 218 h 452"/>
                <a:gd name="T30" fmla="*/ 247 w 492"/>
                <a:gd name="T31" fmla="*/ 213 h 452"/>
                <a:gd name="T32" fmla="*/ 251 w 492"/>
                <a:gd name="T33" fmla="*/ 210 h 452"/>
                <a:gd name="T34" fmla="*/ 254 w 492"/>
                <a:gd name="T35" fmla="*/ 207 h 452"/>
                <a:gd name="T36" fmla="*/ 253 w 492"/>
                <a:gd name="T37" fmla="*/ 202 h 452"/>
                <a:gd name="T38" fmla="*/ 258 w 492"/>
                <a:gd name="T39" fmla="*/ 190 h 452"/>
                <a:gd name="T40" fmla="*/ 278 w 492"/>
                <a:gd name="T41" fmla="*/ 175 h 452"/>
                <a:gd name="T42" fmla="*/ 294 w 492"/>
                <a:gd name="T43" fmla="*/ 136 h 452"/>
                <a:gd name="T44" fmla="*/ 295 w 492"/>
                <a:gd name="T45" fmla="*/ 134 h 452"/>
                <a:gd name="T46" fmla="*/ 297 w 492"/>
                <a:gd name="T47" fmla="*/ 130 h 452"/>
                <a:gd name="T48" fmla="*/ 293 w 492"/>
                <a:gd name="T49" fmla="*/ 128 h 452"/>
                <a:gd name="T50" fmla="*/ 294 w 492"/>
                <a:gd name="T51" fmla="*/ 125 h 452"/>
                <a:gd name="T52" fmla="*/ 301 w 492"/>
                <a:gd name="T53" fmla="*/ 120 h 452"/>
                <a:gd name="T54" fmla="*/ 306 w 492"/>
                <a:gd name="T55" fmla="*/ 112 h 452"/>
                <a:gd name="T56" fmla="*/ 305 w 492"/>
                <a:gd name="T57" fmla="*/ 103 h 452"/>
                <a:gd name="T58" fmla="*/ 302 w 492"/>
                <a:gd name="T59" fmla="*/ 100 h 452"/>
                <a:gd name="T60" fmla="*/ 307 w 492"/>
                <a:gd name="T61" fmla="*/ 88 h 452"/>
                <a:gd name="T62" fmla="*/ 312 w 492"/>
                <a:gd name="T63" fmla="*/ 83 h 452"/>
                <a:gd name="T64" fmla="*/ 315 w 492"/>
                <a:gd name="T65" fmla="*/ 80 h 452"/>
                <a:gd name="T66" fmla="*/ 320 w 492"/>
                <a:gd name="T67" fmla="*/ 72 h 452"/>
                <a:gd name="T68" fmla="*/ 314 w 492"/>
                <a:gd name="T69" fmla="*/ 68 h 452"/>
                <a:gd name="T70" fmla="*/ 312 w 492"/>
                <a:gd name="T71" fmla="*/ 68 h 452"/>
                <a:gd name="T72" fmla="*/ 317 w 492"/>
                <a:gd name="T73" fmla="*/ 64 h 452"/>
                <a:gd name="T74" fmla="*/ 320 w 492"/>
                <a:gd name="T75" fmla="*/ 60 h 452"/>
                <a:gd name="T76" fmla="*/ 327 w 492"/>
                <a:gd name="T77" fmla="*/ 50 h 452"/>
                <a:gd name="T78" fmla="*/ 329 w 492"/>
                <a:gd name="T79" fmla="*/ 45 h 452"/>
                <a:gd name="T80" fmla="*/ 326 w 492"/>
                <a:gd name="T81" fmla="*/ 43 h 452"/>
                <a:gd name="T82" fmla="*/ 283 w 492"/>
                <a:gd name="T83" fmla="*/ 44 h 452"/>
                <a:gd name="T84" fmla="*/ 287 w 492"/>
                <a:gd name="T85" fmla="*/ 37 h 452"/>
                <a:gd name="T86" fmla="*/ 293 w 492"/>
                <a:gd name="T87" fmla="*/ 20 h 452"/>
                <a:gd name="T88" fmla="*/ 302 w 492"/>
                <a:gd name="T89" fmla="*/ 17 h 452"/>
                <a:gd name="T90" fmla="*/ 295 w 492"/>
                <a:gd name="T91" fmla="*/ 5 h 452"/>
                <a:gd name="T92" fmla="*/ 288 w 492"/>
                <a:gd name="T93" fmla="*/ 0 h 452"/>
                <a:gd name="T94" fmla="*/ 280 w 492"/>
                <a:gd name="T95" fmla="*/ 2 h 452"/>
                <a:gd name="T96" fmla="*/ 261 w 492"/>
                <a:gd name="T97" fmla="*/ 3 h 452"/>
                <a:gd name="T98" fmla="*/ 232 w 492"/>
                <a:gd name="T99" fmla="*/ 5 h 452"/>
                <a:gd name="T100" fmla="*/ 198 w 492"/>
                <a:gd name="T101" fmla="*/ 7 h 452"/>
                <a:gd name="T102" fmla="*/ 158 w 492"/>
                <a:gd name="T103" fmla="*/ 10 h 452"/>
                <a:gd name="T104" fmla="*/ 119 w 492"/>
                <a:gd name="T105" fmla="*/ 12 h 452"/>
                <a:gd name="T106" fmla="*/ 83 w 492"/>
                <a:gd name="T107" fmla="*/ 15 h 452"/>
                <a:gd name="T108" fmla="*/ 48 w 492"/>
                <a:gd name="T109" fmla="*/ 17 h 452"/>
                <a:gd name="T110" fmla="*/ 18 w 492"/>
                <a:gd name="T111" fmla="*/ 17 h 452"/>
                <a:gd name="T112" fmla="*/ 6 w 492"/>
                <a:gd name="T113" fmla="*/ 17 h 452"/>
                <a:gd name="T114" fmla="*/ 17 w 492"/>
                <a:gd name="T115" fmla="*/ 106 h 452"/>
                <a:gd name="T116" fmla="*/ 17 w 492"/>
                <a:gd name="T117" fmla="*/ 258 h 452"/>
                <a:gd name="T118" fmla="*/ 44 w 492"/>
                <a:gd name="T119" fmla="*/ 300 h 452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w 492"/>
                <a:gd name="T181" fmla="*/ 0 h 452"/>
                <a:gd name="T182" fmla="*/ 492 w 492"/>
                <a:gd name="T183" fmla="*/ 452 h 452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T180" t="T181" r="T182" b="T183"/>
              <a:pathLst>
                <a:path w="492" h="452">
                  <a:moveTo>
                    <a:pt x="362" y="443"/>
                  </a:moveTo>
                  <a:lnTo>
                    <a:pt x="362" y="443"/>
                  </a:lnTo>
                  <a:lnTo>
                    <a:pt x="362" y="442"/>
                  </a:lnTo>
                  <a:lnTo>
                    <a:pt x="362" y="438"/>
                  </a:lnTo>
                  <a:lnTo>
                    <a:pt x="362" y="435"/>
                  </a:lnTo>
                  <a:lnTo>
                    <a:pt x="364" y="432"/>
                  </a:lnTo>
                  <a:lnTo>
                    <a:pt x="364" y="428"/>
                  </a:lnTo>
                  <a:lnTo>
                    <a:pt x="365" y="426"/>
                  </a:lnTo>
                  <a:lnTo>
                    <a:pt x="369" y="425"/>
                  </a:lnTo>
                  <a:lnTo>
                    <a:pt x="370" y="423"/>
                  </a:lnTo>
                  <a:lnTo>
                    <a:pt x="370" y="421"/>
                  </a:lnTo>
                  <a:lnTo>
                    <a:pt x="370" y="420"/>
                  </a:lnTo>
                  <a:lnTo>
                    <a:pt x="369" y="416"/>
                  </a:lnTo>
                  <a:lnTo>
                    <a:pt x="369" y="415"/>
                  </a:lnTo>
                  <a:lnTo>
                    <a:pt x="367" y="413"/>
                  </a:lnTo>
                  <a:lnTo>
                    <a:pt x="362" y="393"/>
                  </a:lnTo>
                  <a:lnTo>
                    <a:pt x="360" y="386"/>
                  </a:lnTo>
                  <a:lnTo>
                    <a:pt x="352" y="377"/>
                  </a:lnTo>
                  <a:lnTo>
                    <a:pt x="355" y="369"/>
                  </a:lnTo>
                  <a:lnTo>
                    <a:pt x="355" y="364"/>
                  </a:lnTo>
                  <a:lnTo>
                    <a:pt x="357" y="362"/>
                  </a:lnTo>
                  <a:lnTo>
                    <a:pt x="358" y="362"/>
                  </a:lnTo>
                  <a:lnTo>
                    <a:pt x="362" y="360"/>
                  </a:lnTo>
                  <a:lnTo>
                    <a:pt x="364" y="360"/>
                  </a:lnTo>
                  <a:lnTo>
                    <a:pt x="369" y="357"/>
                  </a:lnTo>
                  <a:lnTo>
                    <a:pt x="370" y="355"/>
                  </a:lnTo>
                  <a:lnTo>
                    <a:pt x="370" y="354"/>
                  </a:lnTo>
                  <a:lnTo>
                    <a:pt x="369" y="352"/>
                  </a:lnTo>
                  <a:lnTo>
                    <a:pt x="367" y="350"/>
                  </a:lnTo>
                  <a:lnTo>
                    <a:pt x="365" y="350"/>
                  </a:lnTo>
                  <a:lnTo>
                    <a:pt x="364" y="350"/>
                  </a:lnTo>
                  <a:lnTo>
                    <a:pt x="362" y="350"/>
                  </a:lnTo>
                  <a:lnTo>
                    <a:pt x="362" y="349"/>
                  </a:lnTo>
                  <a:lnTo>
                    <a:pt x="364" y="347"/>
                  </a:lnTo>
                  <a:lnTo>
                    <a:pt x="365" y="345"/>
                  </a:lnTo>
                  <a:lnTo>
                    <a:pt x="367" y="344"/>
                  </a:lnTo>
                  <a:lnTo>
                    <a:pt x="369" y="340"/>
                  </a:lnTo>
                  <a:lnTo>
                    <a:pt x="370" y="338"/>
                  </a:lnTo>
                  <a:lnTo>
                    <a:pt x="370" y="337"/>
                  </a:lnTo>
                  <a:lnTo>
                    <a:pt x="370" y="335"/>
                  </a:lnTo>
                  <a:lnTo>
                    <a:pt x="369" y="332"/>
                  </a:lnTo>
                  <a:lnTo>
                    <a:pt x="367" y="330"/>
                  </a:lnTo>
                  <a:lnTo>
                    <a:pt x="367" y="327"/>
                  </a:lnTo>
                  <a:lnTo>
                    <a:pt x="367" y="323"/>
                  </a:lnTo>
                  <a:lnTo>
                    <a:pt x="367" y="322"/>
                  </a:lnTo>
                  <a:lnTo>
                    <a:pt x="369" y="320"/>
                  </a:lnTo>
                  <a:lnTo>
                    <a:pt x="370" y="318"/>
                  </a:lnTo>
                  <a:lnTo>
                    <a:pt x="372" y="318"/>
                  </a:lnTo>
                  <a:lnTo>
                    <a:pt x="377" y="316"/>
                  </a:lnTo>
                  <a:lnTo>
                    <a:pt x="380" y="315"/>
                  </a:lnTo>
                  <a:lnTo>
                    <a:pt x="380" y="311"/>
                  </a:lnTo>
                  <a:lnTo>
                    <a:pt x="380" y="310"/>
                  </a:lnTo>
                  <a:lnTo>
                    <a:pt x="380" y="308"/>
                  </a:lnTo>
                  <a:lnTo>
                    <a:pt x="379" y="306"/>
                  </a:lnTo>
                  <a:lnTo>
                    <a:pt x="379" y="305"/>
                  </a:lnTo>
                  <a:lnTo>
                    <a:pt x="377" y="305"/>
                  </a:lnTo>
                  <a:lnTo>
                    <a:pt x="392" y="296"/>
                  </a:lnTo>
                  <a:lnTo>
                    <a:pt x="387" y="286"/>
                  </a:lnTo>
                  <a:lnTo>
                    <a:pt x="402" y="271"/>
                  </a:lnTo>
                  <a:lnTo>
                    <a:pt x="408" y="271"/>
                  </a:lnTo>
                  <a:lnTo>
                    <a:pt x="416" y="262"/>
                  </a:lnTo>
                  <a:lnTo>
                    <a:pt x="416" y="232"/>
                  </a:lnTo>
                  <a:lnTo>
                    <a:pt x="426" y="217"/>
                  </a:lnTo>
                  <a:lnTo>
                    <a:pt x="441" y="205"/>
                  </a:lnTo>
                  <a:lnTo>
                    <a:pt x="441" y="203"/>
                  </a:lnTo>
                  <a:lnTo>
                    <a:pt x="443" y="201"/>
                  </a:lnTo>
                  <a:lnTo>
                    <a:pt x="443" y="198"/>
                  </a:lnTo>
                  <a:lnTo>
                    <a:pt x="443" y="196"/>
                  </a:lnTo>
                  <a:lnTo>
                    <a:pt x="445" y="195"/>
                  </a:lnTo>
                  <a:lnTo>
                    <a:pt x="445" y="193"/>
                  </a:lnTo>
                  <a:lnTo>
                    <a:pt x="440" y="193"/>
                  </a:lnTo>
                  <a:lnTo>
                    <a:pt x="438" y="191"/>
                  </a:lnTo>
                  <a:lnTo>
                    <a:pt x="438" y="190"/>
                  </a:lnTo>
                  <a:lnTo>
                    <a:pt x="441" y="188"/>
                  </a:lnTo>
                  <a:lnTo>
                    <a:pt x="445" y="184"/>
                  </a:lnTo>
                  <a:lnTo>
                    <a:pt x="446" y="183"/>
                  </a:lnTo>
                  <a:lnTo>
                    <a:pt x="450" y="181"/>
                  </a:lnTo>
                  <a:lnTo>
                    <a:pt x="452" y="181"/>
                  </a:lnTo>
                  <a:lnTo>
                    <a:pt x="457" y="174"/>
                  </a:lnTo>
                  <a:lnTo>
                    <a:pt x="458" y="168"/>
                  </a:lnTo>
                  <a:lnTo>
                    <a:pt x="460" y="162"/>
                  </a:lnTo>
                  <a:lnTo>
                    <a:pt x="458" y="157"/>
                  </a:lnTo>
                  <a:lnTo>
                    <a:pt x="457" y="154"/>
                  </a:lnTo>
                  <a:lnTo>
                    <a:pt x="455" y="152"/>
                  </a:lnTo>
                  <a:lnTo>
                    <a:pt x="453" y="149"/>
                  </a:lnTo>
                  <a:lnTo>
                    <a:pt x="458" y="137"/>
                  </a:lnTo>
                  <a:lnTo>
                    <a:pt x="458" y="135"/>
                  </a:lnTo>
                  <a:lnTo>
                    <a:pt x="460" y="134"/>
                  </a:lnTo>
                  <a:lnTo>
                    <a:pt x="462" y="132"/>
                  </a:lnTo>
                  <a:lnTo>
                    <a:pt x="463" y="129"/>
                  </a:lnTo>
                  <a:lnTo>
                    <a:pt x="467" y="125"/>
                  </a:lnTo>
                  <a:lnTo>
                    <a:pt x="468" y="122"/>
                  </a:lnTo>
                  <a:lnTo>
                    <a:pt x="470" y="120"/>
                  </a:lnTo>
                  <a:lnTo>
                    <a:pt x="472" y="120"/>
                  </a:lnTo>
                  <a:lnTo>
                    <a:pt x="477" y="113"/>
                  </a:lnTo>
                  <a:lnTo>
                    <a:pt x="479" y="108"/>
                  </a:lnTo>
                  <a:lnTo>
                    <a:pt x="479" y="107"/>
                  </a:lnTo>
                  <a:lnTo>
                    <a:pt x="477" y="103"/>
                  </a:lnTo>
                  <a:lnTo>
                    <a:pt x="474" y="103"/>
                  </a:lnTo>
                  <a:lnTo>
                    <a:pt x="470" y="102"/>
                  </a:lnTo>
                  <a:lnTo>
                    <a:pt x="468" y="102"/>
                  </a:lnTo>
                  <a:lnTo>
                    <a:pt x="470" y="100"/>
                  </a:lnTo>
                  <a:lnTo>
                    <a:pt x="472" y="98"/>
                  </a:lnTo>
                  <a:lnTo>
                    <a:pt x="474" y="96"/>
                  </a:lnTo>
                  <a:lnTo>
                    <a:pt x="477" y="93"/>
                  </a:lnTo>
                  <a:lnTo>
                    <a:pt x="479" y="91"/>
                  </a:lnTo>
                  <a:lnTo>
                    <a:pt x="480" y="90"/>
                  </a:lnTo>
                  <a:lnTo>
                    <a:pt x="482" y="88"/>
                  </a:lnTo>
                  <a:lnTo>
                    <a:pt x="487" y="81"/>
                  </a:lnTo>
                  <a:lnTo>
                    <a:pt x="490" y="76"/>
                  </a:lnTo>
                  <a:lnTo>
                    <a:pt x="492" y="73"/>
                  </a:lnTo>
                  <a:lnTo>
                    <a:pt x="492" y="69"/>
                  </a:lnTo>
                  <a:lnTo>
                    <a:pt x="492" y="66"/>
                  </a:lnTo>
                  <a:lnTo>
                    <a:pt x="490" y="64"/>
                  </a:lnTo>
                  <a:lnTo>
                    <a:pt x="489" y="63"/>
                  </a:lnTo>
                  <a:lnTo>
                    <a:pt x="424" y="66"/>
                  </a:lnTo>
                  <a:lnTo>
                    <a:pt x="424" y="64"/>
                  </a:lnTo>
                  <a:lnTo>
                    <a:pt x="426" y="61"/>
                  </a:lnTo>
                  <a:lnTo>
                    <a:pt x="428" y="58"/>
                  </a:lnTo>
                  <a:lnTo>
                    <a:pt x="430" y="51"/>
                  </a:lnTo>
                  <a:lnTo>
                    <a:pt x="433" y="46"/>
                  </a:lnTo>
                  <a:lnTo>
                    <a:pt x="436" y="39"/>
                  </a:lnTo>
                  <a:lnTo>
                    <a:pt x="440" y="34"/>
                  </a:lnTo>
                  <a:lnTo>
                    <a:pt x="446" y="29"/>
                  </a:lnTo>
                  <a:lnTo>
                    <a:pt x="450" y="24"/>
                  </a:lnTo>
                  <a:lnTo>
                    <a:pt x="452" y="19"/>
                  </a:lnTo>
                  <a:lnTo>
                    <a:pt x="450" y="14"/>
                  </a:lnTo>
                  <a:lnTo>
                    <a:pt x="446" y="8"/>
                  </a:lnTo>
                  <a:lnTo>
                    <a:pt x="443" y="5"/>
                  </a:lnTo>
                  <a:lnTo>
                    <a:pt x="438" y="2"/>
                  </a:lnTo>
                  <a:lnTo>
                    <a:pt x="435" y="0"/>
                  </a:lnTo>
                  <a:lnTo>
                    <a:pt x="431" y="0"/>
                  </a:lnTo>
                  <a:lnTo>
                    <a:pt x="430" y="2"/>
                  </a:lnTo>
                  <a:lnTo>
                    <a:pt x="426" y="2"/>
                  </a:lnTo>
                  <a:lnTo>
                    <a:pt x="419" y="2"/>
                  </a:lnTo>
                  <a:lnTo>
                    <a:pt x="411" y="2"/>
                  </a:lnTo>
                  <a:lnTo>
                    <a:pt x="402" y="3"/>
                  </a:lnTo>
                  <a:lnTo>
                    <a:pt x="391" y="3"/>
                  </a:lnTo>
                  <a:lnTo>
                    <a:pt x="377" y="3"/>
                  </a:lnTo>
                  <a:lnTo>
                    <a:pt x="364" y="5"/>
                  </a:lnTo>
                  <a:lnTo>
                    <a:pt x="348" y="5"/>
                  </a:lnTo>
                  <a:lnTo>
                    <a:pt x="331" y="7"/>
                  </a:lnTo>
                  <a:lnTo>
                    <a:pt x="314" y="7"/>
                  </a:lnTo>
                  <a:lnTo>
                    <a:pt x="296" y="7"/>
                  </a:lnTo>
                  <a:lnTo>
                    <a:pt x="277" y="8"/>
                  </a:lnTo>
                  <a:lnTo>
                    <a:pt x="259" y="8"/>
                  </a:lnTo>
                  <a:lnTo>
                    <a:pt x="238" y="10"/>
                  </a:lnTo>
                  <a:lnTo>
                    <a:pt x="220" y="10"/>
                  </a:lnTo>
                  <a:lnTo>
                    <a:pt x="199" y="12"/>
                  </a:lnTo>
                  <a:lnTo>
                    <a:pt x="179" y="12"/>
                  </a:lnTo>
                  <a:lnTo>
                    <a:pt x="160" y="14"/>
                  </a:lnTo>
                  <a:lnTo>
                    <a:pt x="142" y="14"/>
                  </a:lnTo>
                  <a:lnTo>
                    <a:pt x="123" y="15"/>
                  </a:lnTo>
                  <a:lnTo>
                    <a:pt x="105" y="15"/>
                  </a:lnTo>
                  <a:lnTo>
                    <a:pt x="88" y="17"/>
                  </a:lnTo>
                  <a:lnTo>
                    <a:pt x="72" y="17"/>
                  </a:lnTo>
                  <a:lnTo>
                    <a:pt x="57" y="17"/>
                  </a:lnTo>
                  <a:lnTo>
                    <a:pt x="45" y="19"/>
                  </a:lnTo>
                  <a:lnTo>
                    <a:pt x="32" y="19"/>
                  </a:lnTo>
                  <a:lnTo>
                    <a:pt x="22" y="19"/>
                  </a:lnTo>
                  <a:lnTo>
                    <a:pt x="13" y="19"/>
                  </a:lnTo>
                  <a:lnTo>
                    <a:pt x="6" y="19"/>
                  </a:lnTo>
                  <a:lnTo>
                    <a:pt x="1" y="20"/>
                  </a:lnTo>
                  <a:lnTo>
                    <a:pt x="0" y="20"/>
                  </a:lnTo>
                  <a:lnTo>
                    <a:pt x="20" y="159"/>
                  </a:lnTo>
                  <a:lnTo>
                    <a:pt x="18" y="377"/>
                  </a:lnTo>
                  <a:lnTo>
                    <a:pt x="17" y="374"/>
                  </a:lnTo>
                  <a:lnTo>
                    <a:pt x="28" y="389"/>
                  </a:lnTo>
                  <a:lnTo>
                    <a:pt x="54" y="386"/>
                  </a:lnTo>
                  <a:lnTo>
                    <a:pt x="64" y="388"/>
                  </a:lnTo>
                  <a:lnTo>
                    <a:pt x="64" y="452"/>
                  </a:lnTo>
                  <a:lnTo>
                    <a:pt x="362" y="443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51" name="Freeform 60"/>
            <p:cNvSpPr>
              <a:spLocks/>
            </p:cNvSpPr>
            <p:nvPr/>
          </p:nvSpPr>
          <p:spPr bwMode="auto">
            <a:xfrm>
              <a:off x="2931" y="3072"/>
              <a:ext cx="540" cy="475"/>
            </a:xfrm>
            <a:custGeom>
              <a:avLst/>
              <a:gdLst>
                <a:gd name="T0" fmla="*/ 27 w 555"/>
                <a:gd name="T1" fmla="*/ 234 h 489"/>
                <a:gd name="T2" fmla="*/ 27 w 555"/>
                <a:gd name="T3" fmla="*/ 209 h 489"/>
                <a:gd name="T4" fmla="*/ 43 w 555"/>
                <a:gd name="T5" fmla="*/ 176 h 489"/>
                <a:gd name="T6" fmla="*/ 35 w 555"/>
                <a:gd name="T7" fmla="*/ 153 h 489"/>
                <a:gd name="T8" fmla="*/ 203 w 555"/>
                <a:gd name="T9" fmla="*/ 0 h 489"/>
                <a:gd name="T10" fmla="*/ 204 w 555"/>
                <a:gd name="T11" fmla="*/ 12 h 489"/>
                <a:gd name="T12" fmla="*/ 206 w 555"/>
                <a:gd name="T13" fmla="*/ 30 h 489"/>
                <a:gd name="T14" fmla="*/ 211 w 555"/>
                <a:gd name="T15" fmla="*/ 45 h 489"/>
                <a:gd name="T16" fmla="*/ 217 w 555"/>
                <a:gd name="T17" fmla="*/ 51 h 489"/>
                <a:gd name="T18" fmla="*/ 221 w 555"/>
                <a:gd name="T19" fmla="*/ 63 h 489"/>
                <a:gd name="T20" fmla="*/ 206 w 555"/>
                <a:gd name="T21" fmla="*/ 70 h 489"/>
                <a:gd name="T22" fmla="*/ 209 w 555"/>
                <a:gd name="T23" fmla="*/ 84 h 489"/>
                <a:gd name="T24" fmla="*/ 193 w 555"/>
                <a:gd name="T25" fmla="*/ 118 h 489"/>
                <a:gd name="T26" fmla="*/ 188 w 555"/>
                <a:gd name="T27" fmla="*/ 130 h 489"/>
                <a:gd name="T28" fmla="*/ 186 w 555"/>
                <a:gd name="T29" fmla="*/ 141 h 489"/>
                <a:gd name="T30" fmla="*/ 177 w 555"/>
                <a:gd name="T31" fmla="*/ 153 h 489"/>
                <a:gd name="T32" fmla="*/ 180 w 555"/>
                <a:gd name="T33" fmla="*/ 162 h 489"/>
                <a:gd name="T34" fmla="*/ 313 w 555"/>
                <a:gd name="T35" fmla="*/ 179 h 489"/>
                <a:gd name="T36" fmla="*/ 318 w 555"/>
                <a:gd name="T37" fmla="*/ 202 h 489"/>
                <a:gd name="T38" fmla="*/ 326 w 555"/>
                <a:gd name="T39" fmla="*/ 227 h 489"/>
                <a:gd name="T40" fmla="*/ 304 w 555"/>
                <a:gd name="T41" fmla="*/ 222 h 489"/>
                <a:gd name="T42" fmla="*/ 282 w 555"/>
                <a:gd name="T43" fmla="*/ 220 h 489"/>
                <a:gd name="T44" fmla="*/ 273 w 555"/>
                <a:gd name="T45" fmla="*/ 230 h 489"/>
                <a:gd name="T46" fmla="*/ 289 w 555"/>
                <a:gd name="T47" fmla="*/ 242 h 489"/>
                <a:gd name="T48" fmla="*/ 312 w 555"/>
                <a:gd name="T49" fmla="*/ 234 h 489"/>
                <a:gd name="T50" fmla="*/ 322 w 555"/>
                <a:gd name="T51" fmla="*/ 242 h 489"/>
                <a:gd name="T52" fmla="*/ 322 w 555"/>
                <a:gd name="T53" fmla="*/ 249 h 489"/>
                <a:gd name="T54" fmla="*/ 333 w 555"/>
                <a:gd name="T55" fmla="*/ 247 h 489"/>
                <a:gd name="T56" fmla="*/ 341 w 555"/>
                <a:gd name="T57" fmla="*/ 238 h 489"/>
                <a:gd name="T58" fmla="*/ 342 w 555"/>
                <a:gd name="T59" fmla="*/ 242 h 489"/>
                <a:gd name="T60" fmla="*/ 344 w 555"/>
                <a:gd name="T61" fmla="*/ 263 h 489"/>
                <a:gd name="T62" fmla="*/ 332 w 555"/>
                <a:gd name="T63" fmla="*/ 284 h 489"/>
                <a:gd name="T64" fmla="*/ 370 w 555"/>
                <a:gd name="T65" fmla="*/ 304 h 489"/>
                <a:gd name="T66" fmla="*/ 360 w 555"/>
                <a:gd name="T67" fmla="*/ 320 h 489"/>
                <a:gd name="T68" fmla="*/ 352 w 555"/>
                <a:gd name="T69" fmla="*/ 314 h 489"/>
                <a:gd name="T70" fmla="*/ 342 w 555"/>
                <a:gd name="T71" fmla="*/ 304 h 489"/>
                <a:gd name="T72" fmla="*/ 321 w 555"/>
                <a:gd name="T73" fmla="*/ 300 h 489"/>
                <a:gd name="T74" fmla="*/ 315 w 555"/>
                <a:gd name="T75" fmla="*/ 288 h 489"/>
                <a:gd name="T76" fmla="*/ 291 w 555"/>
                <a:gd name="T77" fmla="*/ 283 h 489"/>
                <a:gd name="T78" fmla="*/ 301 w 555"/>
                <a:gd name="T79" fmla="*/ 300 h 489"/>
                <a:gd name="T80" fmla="*/ 301 w 555"/>
                <a:gd name="T81" fmla="*/ 310 h 489"/>
                <a:gd name="T82" fmla="*/ 290 w 555"/>
                <a:gd name="T83" fmla="*/ 322 h 489"/>
                <a:gd name="T84" fmla="*/ 265 w 555"/>
                <a:gd name="T85" fmla="*/ 313 h 489"/>
                <a:gd name="T86" fmla="*/ 239 w 555"/>
                <a:gd name="T87" fmla="*/ 318 h 489"/>
                <a:gd name="T88" fmla="*/ 223 w 555"/>
                <a:gd name="T89" fmla="*/ 314 h 489"/>
                <a:gd name="T90" fmla="*/ 193 w 555"/>
                <a:gd name="T91" fmla="*/ 291 h 489"/>
                <a:gd name="T92" fmla="*/ 185 w 555"/>
                <a:gd name="T93" fmla="*/ 278 h 489"/>
                <a:gd name="T94" fmla="*/ 173 w 555"/>
                <a:gd name="T95" fmla="*/ 275 h 489"/>
                <a:gd name="T96" fmla="*/ 167 w 555"/>
                <a:gd name="T97" fmla="*/ 268 h 489"/>
                <a:gd name="T98" fmla="*/ 139 w 555"/>
                <a:gd name="T99" fmla="*/ 292 h 489"/>
                <a:gd name="T100" fmla="*/ 114 w 555"/>
                <a:gd name="T101" fmla="*/ 290 h 489"/>
                <a:gd name="T102" fmla="*/ 77 w 555"/>
                <a:gd name="T103" fmla="*/ 278 h 489"/>
                <a:gd name="T104" fmla="*/ 60 w 555"/>
                <a:gd name="T105" fmla="*/ 276 h 489"/>
                <a:gd name="T106" fmla="*/ 57 w 555"/>
                <a:gd name="T107" fmla="*/ 272 h 489"/>
                <a:gd name="T108" fmla="*/ 28 w 555"/>
                <a:gd name="T109" fmla="*/ 280 h 489"/>
                <a:gd name="T110" fmla="*/ 18 w 555"/>
                <a:gd name="T111" fmla="*/ 275 h 489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w 555"/>
                <a:gd name="T169" fmla="*/ 0 h 489"/>
                <a:gd name="T170" fmla="*/ 555 w 555"/>
                <a:gd name="T171" fmla="*/ 489 h 489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T168" t="T169" r="T170" b="T171"/>
              <a:pathLst>
                <a:path w="555" h="489">
                  <a:moveTo>
                    <a:pt x="41" y="390"/>
                  </a:moveTo>
                  <a:lnTo>
                    <a:pt x="47" y="381"/>
                  </a:lnTo>
                  <a:lnTo>
                    <a:pt x="51" y="373"/>
                  </a:lnTo>
                  <a:lnTo>
                    <a:pt x="51" y="366"/>
                  </a:lnTo>
                  <a:lnTo>
                    <a:pt x="49" y="361"/>
                  </a:lnTo>
                  <a:lnTo>
                    <a:pt x="46" y="356"/>
                  </a:lnTo>
                  <a:lnTo>
                    <a:pt x="44" y="352"/>
                  </a:lnTo>
                  <a:lnTo>
                    <a:pt x="41" y="351"/>
                  </a:lnTo>
                  <a:lnTo>
                    <a:pt x="44" y="329"/>
                  </a:lnTo>
                  <a:lnTo>
                    <a:pt x="42" y="327"/>
                  </a:lnTo>
                  <a:lnTo>
                    <a:pt x="41" y="325"/>
                  </a:lnTo>
                  <a:lnTo>
                    <a:pt x="39" y="322"/>
                  </a:lnTo>
                  <a:lnTo>
                    <a:pt x="39" y="319"/>
                  </a:lnTo>
                  <a:lnTo>
                    <a:pt x="41" y="313"/>
                  </a:lnTo>
                  <a:lnTo>
                    <a:pt x="44" y="307"/>
                  </a:lnTo>
                  <a:lnTo>
                    <a:pt x="51" y="298"/>
                  </a:lnTo>
                  <a:lnTo>
                    <a:pt x="54" y="293"/>
                  </a:lnTo>
                  <a:lnTo>
                    <a:pt x="56" y="288"/>
                  </a:lnTo>
                  <a:lnTo>
                    <a:pt x="58" y="281"/>
                  </a:lnTo>
                  <a:lnTo>
                    <a:pt x="59" y="276"/>
                  </a:lnTo>
                  <a:lnTo>
                    <a:pt x="59" y="271"/>
                  </a:lnTo>
                  <a:lnTo>
                    <a:pt x="59" y="264"/>
                  </a:lnTo>
                  <a:lnTo>
                    <a:pt x="59" y="259"/>
                  </a:lnTo>
                  <a:lnTo>
                    <a:pt x="58" y="254"/>
                  </a:lnTo>
                  <a:lnTo>
                    <a:pt x="56" y="249"/>
                  </a:lnTo>
                  <a:lnTo>
                    <a:pt x="54" y="244"/>
                  </a:lnTo>
                  <a:lnTo>
                    <a:pt x="54" y="241"/>
                  </a:lnTo>
                  <a:lnTo>
                    <a:pt x="52" y="236"/>
                  </a:lnTo>
                  <a:lnTo>
                    <a:pt x="51" y="232"/>
                  </a:lnTo>
                  <a:lnTo>
                    <a:pt x="49" y="231"/>
                  </a:lnTo>
                  <a:lnTo>
                    <a:pt x="49" y="229"/>
                  </a:lnTo>
                  <a:lnTo>
                    <a:pt x="42" y="209"/>
                  </a:lnTo>
                  <a:lnTo>
                    <a:pt x="29" y="195"/>
                  </a:lnTo>
                  <a:lnTo>
                    <a:pt x="29" y="165"/>
                  </a:lnTo>
                  <a:lnTo>
                    <a:pt x="5" y="134"/>
                  </a:lnTo>
                  <a:lnTo>
                    <a:pt x="0" y="9"/>
                  </a:lnTo>
                  <a:lnTo>
                    <a:pt x="298" y="0"/>
                  </a:lnTo>
                  <a:lnTo>
                    <a:pt x="296" y="0"/>
                  </a:lnTo>
                  <a:lnTo>
                    <a:pt x="296" y="2"/>
                  </a:lnTo>
                  <a:lnTo>
                    <a:pt x="296" y="4"/>
                  </a:lnTo>
                  <a:lnTo>
                    <a:pt x="296" y="5"/>
                  </a:lnTo>
                  <a:lnTo>
                    <a:pt x="296" y="9"/>
                  </a:lnTo>
                  <a:lnTo>
                    <a:pt x="296" y="11"/>
                  </a:lnTo>
                  <a:lnTo>
                    <a:pt x="298" y="12"/>
                  </a:lnTo>
                  <a:lnTo>
                    <a:pt x="300" y="12"/>
                  </a:lnTo>
                  <a:lnTo>
                    <a:pt x="301" y="11"/>
                  </a:lnTo>
                  <a:lnTo>
                    <a:pt x="303" y="11"/>
                  </a:lnTo>
                  <a:lnTo>
                    <a:pt x="305" y="14"/>
                  </a:lnTo>
                  <a:lnTo>
                    <a:pt x="305" y="16"/>
                  </a:lnTo>
                  <a:lnTo>
                    <a:pt x="306" y="17"/>
                  </a:lnTo>
                  <a:lnTo>
                    <a:pt x="305" y="29"/>
                  </a:lnTo>
                  <a:lnTo>
                    <a:pt x="311" y="34"/>
                  </a:lnTo>
                  <a:lnTo>
                    <a:pt x="303" y="44"/>
                  </a:lnTo>
                  <a:lnTo>
                    <a:pt x="305" y="49"/>
                  </a:lnTo>
                  <a:lnTo>
                    <a:pt x="316" y="48"/>
                  </a:lnTo>
                  <a:lnTo>
                    <a:pt x="316" y="60"/>
                  </a:lnTo>
                  <a:lnTo>
                    <a:pt x="315" y="60"/>
                  </a:lnTo>
                  <a:lnTo>
                    <a:pt x="315" y="61"/>
                  </a:lnTo>
                  <a:lnTo>
                    <a:pt x="313" y="63"/>
                  </a:lnTo>
                  <a:lnTo>
                    <a:pt x="311" y="65"/>
                  </a:lnTo>
                  <a:lnTo>
                    <a:pt x="310" y="66"/>
                  </a:lnTo>
                  <a:lnTo>
                    <a:pt x="311" y="68"/>
                  </a:lnTo>
                  <a:lnTo>
                    <a:pt x="313" y="70"/>
                  </a:lnTo>
                  <a:lnTo>
                    <a:pt x="320" y="70"/>
                  </a:lnTo>
                  <a:lnTo>
                    <a:pt x="320" y="71"/>
                  </a:lnTo>
                  <a:lnTo>
                    <a:pt x="320" y="73"/>
                  </a:lnTo>
                  <a:lnTo>
                    <a:pt x="318" y="75"/>
                  </a:lnTo>
                  <a:lnTo>
                    <a:pt x="318" y="78"/>
                  </a:lnTo>
                  <a:lnTo>
                    <a:pt x="320" y="80"/>
                  </a:lnTo>
                  <a:lnTo>
                    <a:pt x="323" y="82"/>
                  </a:lnTo>
                  <a:lnTo>
                    <a:pt x="328" y="82"/>
                  </a:lnTo>
                  <a:lnTo>
                    <a:pt x="327" y="85"/>
                  </a:lnTo>
                  <a:lnTo>
                    <a:pt x="325" y="87"/>
                  </a:lnTo>
                  <a:lnTo>
                    <a:pt x="325" y="90"/>
                  </a:lnTo>
                  <a:lnTo>
                    <a:pt x="323" y="93"/>
                  </a:lnTo>
                  <a:lnTo>
                    <a:pt x="322" y="97"/>
                  </a:lnTo>
                  <a:lnTo>
                    <a:pt x="320" y="99"/>
                  </a:lnTo>
                  <a:lnTo>
                    <a:pt x="320" y="100"/>
                  </a:lnTo>
                  <a:lnTo>
                    <a:pt x="318" y="100"/>
                  </a:lnTo>
                  <a:lnTo>
                    <a:pt x="315" y="100"/>
                  </a:lnTo>
                  <a:lnTo>
                    <a:pt x="310" y="102"/>
                  </a:lnTo>
                  <a:lnTo>
                    <a:pt x="306" y="102"/>
                  </a:lnTo>
                  <a:lnTo>
                    <a:pt x="303" y="104"/>
                  </a:lnTo>
                  <a:lnTo>
                    <a:pt x="303" y="105"/>
                  </a:lnTo>
                  <a:lnTo>
                    <a:pt x="306" y="107"/>
                  </a:lnTo>
                  <a:lnTo>
                    <a:pt x="313" y="110"/>
                  </a:lnTo>
                  <a:lnTo>
                    <a:pt x="313" y="112"/>
                  </a:lnTo>
                  <a:lnTo>
                    <a:pt x="313" y="114"/>
                  </a:lnTo>
                  <a:lnTo>
                    <a:pt x="311" y="119"/>
                  </a:lnTo>
                  <a:lnTo>
                    <a:pt x="308" y="122"/>
                  </a:lnTo>
                  <a:lnTo>
                    <a:pt x="306" y="126"/>
                  </a:lnTo>
                  <a:lnTo>
                    <a:pt x="303" y="129"/>
                  </a:lnTo>
                  <a:lnTo>
                    <a:pt x="303" y="132"/>
                  </a:lnTo>
                  <a:lnTo>
                    <a:pt x="301" y="134"/>
                  </a:lnTo>
                  <a:lnTo>
                    <a:pt x="300" y="146"/>
                  </a:lnTo>
                  <a:lnTo>
                    <a:pt x="291" y="146"/>
                  </a:lnTo>
                  <a:lnTo>
                    <a:pt x="284" y="173"/>
                  </a:lnTo>
                  <a:lnTo>
                    <a:pt x="276" y="178"/>
                  </a:lnTo>
                  <a:lnTo>
                    <a:pt x="284" y="178"/>
                  </a:lnTo>
                  <a:lnTo>
                    <a:pt x="284" y="180"/>
                  </a:lnTo>
                  <a:lnTo>
                    <a:pt x="283" y="180"/>
                  </a:lnTo>
                  <a:lnTo>
                    <a:pt x="279" y="183"/>
                  </a:lnTo>
                  <a:lnTo>
                    <a:pt x="278" y="185"/>
                  </a:lnTo>
                  <a:lnTo>
                    <a:pt x="274" y="188"/>
                  </a:lnTo>
                  <a:lnTo>
                    <a:pt x="274" y="190"/>
                  </a:lnTo>
                  <a:lnTo>
                    <a:pt x="274" y="193"/>
                  </a:lnTo>
                  <a:lnTo>
                    <a:pt x="276" y="195"/>
                  </a:lnTo>
                  <a:lnTo>
                    <a:pt x="276" y="197"/>
                  </a:lnTo>
                  <a:lnTo>
                    <a:pt x="274" y="198"/>
                  </a:lnTo>
                  <a:lnTo>
                    <a:pt x="272" y="200"/>
                  </a:lnTo>
                  <a:lnTo>
                    <a:pt x="269" y="203"/>
                  </a:lnTo>
                  <a:lnTo>
                    <a:pt x="269" y="207"/>
                  </a:lnTo>
                  <a:lnTo>
                    <a:pt x="267" y="209"/>
                  </a:lnTo>
                  <a:lnTo>
                    <a:pt x="269" y="210"/>
                  </a:lnTo>
                  <a:lnTo>
                    <a:pt x="272" y="210"/>
                  </a:lnTo>
                  <a:lnTo>
                    <a:pt x="274" y="212"/>
                  </a:lnTo>
                  <a:lnTo>
                    <a:pt x="274" y="215"/>
                  </a:lnTo>
                  <a:lnTo>
                    <a:pt x="272" y="217"/>
                  </a:lnTo>
                  <a:lnTo>
                    <a:pt x="267" y="222"/>
                  </a:lnTo>
                  <a:lnTo>
                    <a:pt x="264" y="224"/>
                  </a:lnTo>
                  <a:lnTo>
                    <a:pt x="261" y="225"/>
                  </a:lnTo>
                  <a:lnTo>
                    <a:pt x="259" y="227"/>
                  </a:lnTo>
                  <a:lnTo>
                    <a:pt x="259" y="231"/>
                  </a:lnTo>
                  <a:lnTo>
                    <a:pt x="259" y="232"/>
                  </a:lnTo>
                  <a:lnTo>
                    <a:pt x="261" y="234"/>
                  </a:lnTo>
                  <a:lnTo>
                    <a:pt x="262" y="236"/>
                  </a:lnTo>
                  <a:lnTo>
                    <a:pt x="264" y="236"/>
                  </a:lnTo>
                  <a:lnTo>
                    <a:pt x="266" y="237"/>
                  </a:lnTo>
                  <a:lnTo>
                    <a:pt x="264" y="239"/>
                  </a:lnTo>
                  <a:lnTo>
                    <a:pt x="264" y="242"/>
                  </a:lnTo>
                  <a:lnTo>
                    <a:pt x="264" y="244"/>
                  </a:lnTo>
                  <a:lnTo>
                    <a:pt x="262" y="247"/>
                  </a:lnTo>
                  <a:lnTo>
                    <a:pt x="262" y="251"/>
                  </a:lnTo>
                  <a:lnTo>
                    <a:pt x="262" y="253"/>
                  </a:lnTo>
                  <a:lnTo>
                    <a:pt x="262" y="254"/>
                  </a:lnTo>
                  <a:lnTo>
                    <a:pt x="462" y="241"/>
                  </a:lnTo>
                  <a:lnTo>
                    <a:pt x="462" y="264"/>
                  </a:lnTo>
                  <a:lnTo>
                    <a:pt x="460" y="264"/>
                  </a:lnTo>
                  <a:lnTo>
                    <a:pt x="459" y="268"/>
                  </a:lnTo>
                  <a:lnTo>
                    <a:pt x="457" y="273"/>
                  </a:lnTo>
                  <a:lnTo>
                    <a:pt x="455" y="276"/>
                  </a:lnTo>
                  <a:lnTo>
                    <a:pt x="454" y="283"/>
                  </a:lnTo>
                  <a:lnTo>
                    <a:pt x="454" y="288"/>
                  </a:lnTo>
                  <a:lnTo>
                    <a:pt x="457" y="293"/>
                  </a:lnTo>
                  <a:lnTo>
                    <a:pt x="462" y="297"/>
                  </a:lnTo>
                  <a:lnTo>
                    <a:pt x="464" y="298"/>
                  </a:lnTo>
                  <a:lnTo>
                    <a:pt x="467" y="302"/>
                  </a:lnTo>
                  <a:lnTo>
                    <a:pt x="470" y="307"/>
                  </a:lnTo>
                  <a:lnTo>
                    <a:pt x="476" y="313"/>
                  </a:lnTo>
                  <a:lnTo>
                    <a:pt x="479" y="320"/>
                  </a:lnTo>
                  <a:lnTo>
                    <a:pt x="482" y="327"/>
                  </a:lnTo>
                  <a:lnTo>
                    <a:pt x="482" y="335"/>
                  </a:lnTo>
                  <a:lnTo>
                    <a:pt x="481" y="342"/>
                  </a:lnTo>
                  <a:lnTo>
                    <a:pt x="479" y="342"/>
                  </a:lnTo>
                  <a:lnTo>
                    <a:pt x="477" y="342"/>
                  </a:lnTo>
                  <a:lnTo>
                    <a:pt x="474" y="342"/>
                  </a:lnTo>
                  <a:lnTo>
                    <a:pt x="472" y="342"/>
                  </a:lnTo>
                  <a:lnTo>
                    <a:pt x="470" y="342"/>
                  </a:lnTo>
                  <a:lnTo>
                    <a:pt x="469" y="342"/>
                  </a:lnTo>
                  <a:lnTo>
                    <a:pt x="467" y="342"/>
                  </a:lnTo>
                  <a:lnTo>
                    <a:pt x="450" y="334"/>
                  </a:lnTo>
                  <a:lnTo>
                    <a:pt x="445" y="335"/>
                  </a:lnTo>
                  <a:lnTo>
                    <a:pt x="443" y="334"/>
                  </a:lnTo>
                  <a:lnTo>
                    <a:pt x="442" y="332"/>
                  </a:lnTo>
                  <a:lnTo>
                    <a:pt x="440" y="329"/>
                  </a:lnTo>
                  <a:lnTo>
                    <a:pt x="437" y="325"/>
                  </a:lnTo>
                  <a:lnTo>
                    <a:pt x="432" y="322"/>
                  </a:lnTo>
                  <a:lnTo>
                    <a:pt x="426" y="322"/>
                  </a:lnTo>
                  <a:lnTo>
                    <a:pt x="421" y="324"/>
                  </a:lnTo>
                  <a:lnTo>
                    <a:pt x="415" y="329"/>
                  </a:lnTo>
                  <a:lnTo>
                    <a:pt x="413" y="330"/>
                  </a:lnTo>
                  <a:lnTo>
                    <a:pt x="411" y="332"/>
                  </a:lnTo>
                  <a:lnTo>
                    <a:pt x="410" y="335"/>
                  </a:lnTo>
                  <a:lnTo>
                    <a:pt x="408" y="339"/>
                  </a:lnTo>
                  <a:lnTo>
                    <a:pt x="404" y="341"/>
                  </a:lnTo>
                  <a:lnTo>
                    <a:pt x="403" y="344"/>
                  </a:lnTo>
                  <a:lnTo>
                    <a:pt x="403" y="346"/>
                  </a:lnTo>
                  <a:lnTo>
                    <a:pt x="401" y="346"/>
                  </a:lnTo>
                  <a:lnTo>
                    <a:pt x="401" y="347"/>
                  </a:lnTo>
                  <a:lnTo>
                    <a:pt x="399" y="349"/>
                  </a:lnTo>
                  <a:lnTo>
                    <a:pt x="398" y="352"/>
                  </a:lnTo>
                  <a:lnTo>
                    <a:pt x="398" y="356"/>
                  </a:lnTo>
                  <a:lnTo>
                    <a:pt x="399" y="359"/>
                  </a:lnTo>
                  <a:lnTo>
                    <a:pt x="403" y="361"/>
                  </a:lnTo>
                  <a:lnTo>
                    <a:pt x="411" y="364"/>
                  </a:lnTo>
                  <a:lnTo>
                    <a:pt x="423" y="364"/>
                  </a:lnTo>
                  <a:lnTo>
                    <a:pt x="426" y="366"/>
                  </a:lnTo>
                  <a:lnTo>
                    <a:pt x="428" y="366"/>
                  </a:lnTo>
                  <a:lnTo>
                    <a:pt x="433" y="366"/>
                  </a:lnTo>
                  <a:lnTo>
                    <a:pt x="437" y="364"/>
                  </a:lnTo>
                  <a:lnTo>
                    <a:pt x="443" y="363"/>
                  </a:lnTo>
                  <a:lnTo>
                    <a:pt x="450" y="359"/>
                  </a:lnTo>
                  <a:lnTo>
                    <a:pt x="457" y="352"/>
                  </a:lnTo>
                  <a:lnTo>
                    <a:pt x="459" y="352"/>
                  </a:lnTo>
                  <a:lnTo>
                    <a:pt x="462" y="352"/>
                  </a:lnTo>
                  <a:lnTo>
                    <a:pt x="464" y="356"/>
                  </a:lnTo>
                  <a:lnTo>
                    <a:pt x="465" y="356"/>
                  </a:lnTo>
                  <a:lnTo>
                    <a:pt x="474" y="347"/>
                  </a:lnTo>
                  <a:lnTo>
                    <a:pt x="481" y="352"/>
                  </a:lnTo>
                  <a:lnTo>
                    <a:pt x="474" y="363"/>
                  </a:lnTo>
                  <a:lnTo>
                    <a:pt x="472" y="363"/>
                  </a:lnTo>
                  <a:lnTo>
                    <a:pt x="469" y="364"/>
                  </a:lnTo>
                  <a:lnTo>
                    <a:pt x="465" y="366"/>
                  </a:lnTo>
                  <a:lnTo>
                    <a:pt x="462" y="368"/>
                  </a:lnTo>
                  <a:lnTo>
                    <a:pt x="460" y="369"/>
                  </a:lnTo>
                  <a:lnTo>
                    <a:pt x="459" y="373"/>
                  </a:lnTo>
                  <a:lnTo>
                    <a:pt x="462" y="373"/>
                  </a:lnTo>
                  <a:lnTo>
                    <a:pt x="470" y="374"/>
                  </a:lnTo>
                  <a:lnTo>
                    <a:pt x="472" y="374"/>
                  </a:lnTo>
                  <a:lnTo>
                    <a:pt x="474" y="376"/>
                  </a:lnTo>
                  <a:lnTo>
                    <a:pt x="479" y="378"/>
                  </a:lnTo>
                  <a:lnTo>
                    <a:pt x="484" y="379"/>
                  </a:lnTo>
                  <a:lnTo>
                    <a:pt x="487" y="381"/>
                  </a:lnTo>
                  <a:lnTo>
                    <a:pt x="491" y="379"/>
                  </a:lnTo>
                  <a:lnTo>
                    <a:pt x="491" y="378"/>
                  </a:lnTo>
                  <a:lnTo>
                    <a:pt x="489" y="373"/>
                  </a:lnTo>
                  <a:lnTo>
                    <a:pt x="489" y="371"/>
                  </a:lnTo>
                  <a:lnTo>
                    <a:pt x="491" y="369"/>
                  </a:lnTo>
                  <a:lnTo>
                    <a:pt x="492" y="368"/>
                  </a:lnTo>
                  <a:lnTo>
                    <a:pt x="494" y="364"/>
                  </a:lnTo>
                  <a:lnTo>
                    <a:pt x="496" y="363"/>
                  </a:lnTo>
                  <a:lnTo>
                    <a:pt x="496" y="361"/>
                  </a:lnTo>
                  <a:lnTo>
                    <a:pt x="498" y="359"/>
                  </a:lnTo>
                  <a:lnTo>
                    <a:pt x="499" y="357"/>
                  </a:lnTo>
                  <a:lnTo>
                    <a:pt x="503" y="357"/>
                  </a:lnTo>
                  <a:lnTo>
                    <a:pt x="504" y="357"/>
                  </a:lnTo>
                  <a:lnTo>
                    <a:pt x="506" y="357"/>
                  </a:lnTo>
                  <a:lnTo>
                    <a:pt x="504" y="359"/>
                  </a:lnTo>
                  <a:lnTo>
                    <a:pt x="503" y="361"/>
                  </a:lnTo>
                  <a:lnTo>
                    <a:pt x="503" y="364"/>
                  </a:lnTo>
                  <a:lnTo>
                    <a:pt x="504" y="366"/>
                  </a:lnTo>
                  <a:lnTo>
                    <a:pt x="506" y="369"/>
                  </a:lnTo>
                  <a:lnTo>
                    <a:pt x="508" y="369"/>
                  </a:lnTo>
                  <a:lnTo>
                    <a:pt x="506" y="383"/>
                  </a:lnTo>
                  <a:lnTo>
                    <a:pt x="509" y="388"/>
                  </a:lnTo>
                  <a:lnTo>
                    <a:pt x="523" y="388"/>
                  </a:lnTo>
                  <a:lnTo>
                    <a:pt x="521" y="395"/>
                  </a:lnTo>
                  <a:lnTo>
                    <a:pt x="506" y="395"/>
                  </a:lnTo>
                  <a:lnTo>
                    <a:pt x="499" y="400"/>
                  </a:lnTo>
                  <a:lnTo>
                    <a:pt x="486" y="400"/>
                  </a:lnTo>
                  <a:lnTo>
                    <a:pt x="486" y="417"/>
                  </a:lnTo>
                  <a:lnTo>
                    <a:pt x="486" y="418"/>
                  </a:lnTo>
                  <a:lnTo>
                    <a:pt x="486" y="422"/>
                  </a:lnTo>
                  <a:lnTo>
                    <a:pt x="486" y="423"/>
                  </a:lnTo>
                  <a:lnTo>
                    <a:pt x="486" y="427"/>
                  </a:lnTo>
                  <a:lnTo>
                    <a:pt x="487" y="429"/>
                  </a:lnTo>
                  <a:lnTo>
                    <a:pt x="489" y="430"/>
                  </a:lnTo>
                  <a:lnTo>
                    <a:pt x="494" y="432"/>
                  </a:lnTo>
                  <a:lnTo>
                    <a:pt x="499" y="437"/>
                  </a:lnTo>
                  <a:lnTo>
                    <a:pt x="504" y="442"/>
                  </a:lnTo>
                  <a:lnTo>
                    <a:pt x="516" y="442"/>
                  </a:lnTo>
                  <a:lnTo>
                    <a:pt x="523" y="449"/>
                  </a:lnTo>
                  <a:lnTo>
                    <a:pt x="543" y="456"/>
                  </a:lnTo>
                  <a:lnTo>
                    <a:pt x="542" y="462"/>
                  </a:lnTo>
                  <a:lnTo>
                    <a:pt x="555" y="462"/>
                  </a:lnTo>
                  <a:lnTo>
                    <a:pt x="553" y="474"/>
                  </a:lnTo>
                  <a:lnTo>
                    <a:pt x="542" y="479"/>
                  </a:lnTo>
                  <a:lnTo>
                    <a:pt x="540" y="486"/>
                  </a:lnTo>
                  <a:lnTo>
                    <a:pt x="531" y="478"/>
                  </a:lnTo>
                  <a:lnTo>
                    <a:pt x="530" y="478"/>
                  </a:lnTo>
                  <a:lnTo>
                    <a:pt x="528" y="481"/>
                  </a:lnTo>
                  <a:lnTo>
                    <a:pt x="525" y="484"/>
                  </a:lnTo>
                  <a:lnTo>
                    <a:pt x="521" y="488"/>
                  </a:lnTo>
                  <a:lnTo>
                    <a:pt x="520" y="489"/>
                  </a:lnTo>
                  <a:lnTo>
                    <a:pt x="518" y="489"/>
                  </a:lnTo>
                  <a:lnTo>
                    <a:pt x="518" y="486"/>
                  </a:lnTo>
                  <a:lnTo>
                    <a:pt x="521" y="478"/>
                  </a:lnTo>
                  <a:lnTo>
                    <a:pt x="521" y="474"/>
                  </a:lnTo>
                  <a:lnTo>
                    <a:pt x="518" y="471"/>
                  </a:lnTo>
                  <a:lnTo>
                    <a:pt x="514" y="469"/>
                  </a:lnTo>
                  <a:lnTo>
                    <a:pt x="513" y="467"/>
                  </a:lnTo>
                  <a:lnTo>
                    <a:pt x="513" y="466"/>
                  </a:lnTo>
                  <a:lnTo>
                    <a:pt x="513" y="464"/>
                  </a:lnTo>
                  <a:lnTo>
                    <a:pt x="511" y="462"/>
                  </a:lnTo>
                  <a:lnTo>
                    <a:pt x="508" y="461"/>
                  </a:lnTo>
                  <a:lnTo>
                    <a:pt x="503" y="457"/>
                  </a:lnTo>
                  <a:lnTo>
                    <a:pt x="494" y="456"/>
                  </a:lnTo>
                  <a:lnTo>
                    <a:pt x="484" y="454"/>
                  </a:lnTo>
                  <a:lnTo>
                    <a:pt x="481" y="454"/>
                  </a:lnTo>
                  <a:lnTo>
                    <a:pt x="477" y="454"/>
                  </a:lnTo>
                  <a:lnTo>
                    <a:pt x="476" y="452"/>
                  </a:lnTo>
                  <a:lnTo>
                    <a:pt x="472" y="452"/>
                  </a:lnTo>
                  <a:lnTo>
                    <a:pt x="470" y="452"/>
                  </a:lnTo>
                  <a:lnTo>
                    <a:pt x="469" y="451"/>
                  </a:lnTo>
                  <a:lnTo>
                    <a:pt x="469" y="447"/>
                  </a:lnTo>
                  <a:lnTo>
                    <a:pt x="467" y="442"/>
                  </a:lnTo>
                  <a:lnTo>
                    <a:pt x="465" y="439"/>
                  </a:lnTo>
                  <a:lnTo>
                    <a:pt x="464" y="435"/>
                  </a:lnTo>
                  <a:lnTo>
                    <a:pt x="462" y="432"/>
                  </a:lnTo>
                  <a:lnTo>
                    <a:pt x="459" y="432"/>
                  </a:lnTo>
                  <a:lnTo>
                    <a:pt x="454" y="435"/>
                  </a:lnTo>
                  <a:lnTo>
                    <a:pt x="452" y="435"/>
                  </a:lnTo>
                  <a:lnTo>
                    <a:pt x="447" y="432"/>
                  </a:lnTo>
                  <a:lnTo>
                    <a:pt x="440" y="429"/>
                  </a:lnTo>
                  <a:lnTo>
                    <a:pt x="435" y="425"/>
                  </a:lnTo>
                  <a:lnTo>
                    <a:pt x="430" y="423"/>
                  </a:lnTo>
                  <a:lnTo>
                    <a:pt x="428" y="425"/>
                  </a:lnTo>
                  <a:lnTo>
                    <a:pt x="433" y="430"/>
                  </a:lnTo>
                  <a:lnTo>
                    <a:pt x="443" y="440"/>
                  </a:lnTo>
                  <a:lnTo>
                    <a:pt x="443" y="444"/>
                  </a:lnTo>
                  <a:lnTo>
                    <a:pt x="443" y="445"/>
                  </a:lnTo>
                  <a:lnTo>
                    <a:pt x="445" y="449"/>
                  </a:lnTo>
                  <a:lnTo>
                    <a:pt x="445" y="451"/>
                  </a:lnTo>
                  <a:lnTo>
                    <a:pt x="443" y="451"/>
                  </a:lnTo>
                  <a:lnTo>
                    <a:pt x="442" y="451"/>
                  </a:lnTo>
                  <a:lnTo>
                    <a:pt x="438" y="449"/>
                  </a:lnTo>
                  <a:lnTo>
                    <a:pt x="435" y="451"/>
                  </a:lnTo>
                  <a:lnTo>
                    <a:pt x="433" y="451"/>
                  </a:lnTo>
                  <a:lnTo>
                    <a:pt x="432" y="452"/>
                  </a:lnTo>
                  <a:lnTo>
                    <a:pt x="433" y="456"/>
                  </a:lnTo>
                  <a:lnTo>
                    <a:pt x="437" y="461"/>
                  </a:lnTo>
                  <a:lnTo>
                    <a:pt x="438" y="462"/>
                  </a:lnTo>
                  <a:lnTo>
                    <a:pt x="442" y="466"/>
                  </a:lnTo>
                  <a:lnTo>
                    <a:pt x="445" y="469"/>
                  </a:lnTo>
                  <a:lnTo>
                    <a:pt x="445" y="471"/>
                  </a:lnTo>
                  <a:lnTo>
                    <a:pt x="432" y="484"/>
                  </a:lnTo>
                  <a:lnTo>
                    <a:pt x="430" y="484"/>
                  </a:lnTo>
                  <a:lnTo>
                    <a:pt x="428" y="484"/>
                  </a:lnTo>
                  <a:lnTo>
                    <a:pt x="425" y="483"/>
                  </a:lnTo>
                  <a:lnTo>
                    <a:pt x="425" y="481"/>
                  </a:lnTo>
                  <a:lnTo>
                    <a:pt x="423" y="478"/>
                  </a:lnTo>
                  <a:lnTo>
                    <a:pt x="423" y="473"/>
                  </a:lnTo>
                  <a:lnTo>
                    <a:pt x="411" y="459"/>
                  </a:lnTo>
                  <a:lnTo>
                    <a:pt x="401" y="454"/>
                  </a:lnTo>
                  <a:lnTo>
                    <a:pt x="393" y="462"/>
                  </a:lnTo>
                  <a:lnTo>
                    <a:pt x="386" y="459"/>
                  </a:lnTo>
                  <a:lnTo>
                    <a:pt x="388" y="469"/>
                  </a:lnTo>
                  <a:lnTo>
                    <a:pt x="369" y="484"/>
                  </a:lnTo>
                  <a:lnTo>
                    <a:pt x="366" y="486"/>
                  </a:lnTo>
                  <a:lnTo>
                    <a:pt x="362" y="486"/>
                  </a:lnTo>
                  <a:lnTo>
                    <a:pt x="359" y="486"/>
                  </a:lnTo>
                  <a:lnTo>
                    <a:pt x="355" y="484"/>
                  </a:lnTo>
                  <a:lnTo>
                    <a:pt x="352" y="481"/>
                  </a:lnTo>
                  <a:lnTo>
                    <a:pt x="352" y="478"/>
                  </a:lnTo>
                  <a:lnTo>
                    <a:pt x="355" y="471"/>
                  </a:lnTo>
                  <a:lnTo>
                    <a:pt x="355" y="469"/>
                  </a:lnTo>
                  <a:lnTo>
                    <a:pt x="359" y="467"/>
                  </a:lnTo>
                  <a:lnTo>
                    <a:pt x="360" y="466"/>
                  </a:lnTo>
                  <a:lnTo>
                    <a:pt x="362" y="466"/>
                  </a:lnTo>
                  <a:lnTo>
                    <a:pt x="345" y="467"/>
                  </a:lnTo>
                  <a:lnTo>
                    <a:pt x="342" y="478"/>
                  </a:lnTo>
                  <a:lnTo>
                    <a:pt x="327" y="471"/>
                  </a:lnTo>
                  <a:lnTo>
                    <a:pt x="330" y="462"/>
                  </a:lnTo>
                  <a:lnTo>
                    <a:pt x="308" y="440"/>
                  </a:lnTo>
                  <a:lnTo>
                    <a:pt x="301" y="440"/>
                  </a:lnTo>
                  <a:lnTo>
                    <a:pt x="289" y="435"/>
                  </a:lnTo>
                  <a:lnTo>
                    <a:pt x="288" y="437"/>
                  </a:lnTo>
                  <a:lnTo>
                    <a:pt x="286" y="437"/>
                  </a:lnTo>
                  <a:lnTo>
                    <a:pt x="284" y="439"/>
                  </a:lnTo>
                  <a:lnTo>
                    <a:pt x="281" y="439"/>
                  </a:lnTo>
                  <a:lnTo>
                    <a:pt x="281" y="437"/>
                  </a:lnTo>
                  <a:lnTo>
                    <a:pt x="279" y="435"/>
                  </a:lnTo>
                  <a:lnTo>
                    <a:pt x="278" y="432"/>
                  </a:lnTo>
                  <a:lnTo>
                    <a:pt x="278" y="423"/>
                  </a:lnTo>
                  <a:lnTo>
                    <a:pt x="271" y="420"/>
                  </a:lnTo>
                  <a:lnTo>
                    <a:pt x="271" y="418"/>
                  </a:lnTo>
                  <a:lnTo>
                    <a:pt x="271" y="417"/>
                  </a:lnTo>
                  <a:lnTo>
                    <a:pt x="269" y="413"/>
                  </a:lnTo>
                  <a:lnTo>
                    <a:pt x="269" y="412"/>
                  </a:lnTo>
                  <a:lnTo>
                    <a:pt x="267" y="408"/>
                  </a:lnTo>
                  <a:lnTo>
                    <a:pt x="264" y="407"/>
                  </a:lnTo>
                  <a:lnTo>
                    <a:pt x="261" y="408"/>
                  </a:lnTo>
                  <a:lnTo>
                    <a:pt x="256" y="412"/>
                  </a:lnTo>
                  <a:lnTo>
                    <a:pt x="254" y="413"/>
                  </a:lnTo>
                  <a:lnTo>
                    <a:pt x="252" y="415"/>
                  </a:lnTo>
                  <a:lnTo>
                    <a:pt x="250" y="417"/>
                  </a:lnTo>
                  <a:lnTo>
                    <a:pt x="247" y="417"/>
                  </a:lnTo>
                  <a:lnTo>
                    <a:pt x="245" y="415"/>
                  </a:lnTo>
                  <a:lnTo>
                    <a:pt x="244" y="412"/>
                  </a:lnTo>
                  <a:lnTo>
                    <a:pt x="244" y="405"/>
                  </a:lnTo>
                  <a:lnTo>
                    <a:pt x="245" y="403"/>
                  </a:lnTo>
                  <a:lnTo>
                    <a:pt x="245" y="401"/>
                  </a:lnTo>
                  <a:lnTo>
                    <a:pt x="245" y="400"/>
                  </a:lnTo>
                  <a:lnTo>
                    <a:pt x="232" y="401"/>
                  </a:lnTo>
                  <a:lnTo>
                    <a:pt x="215" y="412"/>
                  </a:lnTo>
                  <a:lnTo>
                    <a:pt x="210" y="415"/>
                  </a:lnTo>
                  <a:lnTo>
                    <a:pt x="225" y="429"/>
                  </a:lnTo>
                  <a:lnTo>
                    <a:pt x="223" y="435"/>
                  </a:lnTo>
                  <a:lnTo>
                    <a:pt x="203" y="440"/>
                  </a:lnTo>
                  <a:lnTo>
                    <a:pt x="200" y="440"/>
                  </a:lnTo>
                  <a:lnTo>
                    <a:pt x="196" y="440"/>
                  </a:lnTo>
                  <a:lnTo>
                    <a:pt x="193" y="440"/>
                  </a:lnTo>
                  <a:lnTo>
                    <a:pt x="186" y="440"/>
                  </a:lnTo>
                  <a:lnTo>
                    <a:pt x="179" y="439"/>
                  </a:lnTo>
                  <a:lnTo>
                    <a:pt x="173" y="439"/>
                  </a:lnTo>
                  <a:lnTo>
                    <a:pt x="166" y="437"/>
                  </a:lnTo>
                  <a:lnTo>
                    <a:pt x="159" y="435"/>
                  </a:lnTo>
                  <a:lnTo>
                    <a:pt x="151" y="434"/>
                  </a:lnTo>
                  <a:lnTo>
                    <a:pt x="142" y="432"/>
                  </a:lnTo>
                  <a:lnTo>
                    <a:pt x="135" y="430"/>
                  </a:lnTo>
                  <a:lnTo>
                    <a:pt x="129" y="427"/>
                  </a:lnTo>
                  <a:lnTo>
                    <a:pt x="122" y="423"/>
                  </a:lnTo>
                  <a:lnTo>
                    <a:pt x="117" y="420"/>
                  </a:lnTo>
                  <a:lnTo>
                    <a:pt x="112" y="417"/>
                  </a:lnTo>
                  <a:lnTo>
                    <a:pt x="108" y="417"/>
                  </a:lnTo>
                  <a:lnTo>
                    <a:pt x="105" y="417"/>
                  </a:lnTo>
                  <a:lnTo>
                    <a:pt x="100" y="415"/>
                  </a:lnTo>
                  <a:lnTo>
                    <a:pt x="95" y="415"/>
                  </a:lnTo>
                  <a:lnTo>
                    <a:pt x="91" y="415"/>
                  </a:lnTo>
                  <a:lnTo>
                    <a:pt x="90" y="415"/>
                  </a:lnTo>
                  <a:lnTo>
                    <a:pt x="88" y="415"/>
                  </a:lnTo>
                  <a:lnTo>
                    <a:pt x="90" y="407"/>
                  </a:lnTo>
                  <a:lnTo>
                    <a:pt x="98" y="400"/>
                  </a:lnTo>
                  <a:lnTo>
                    <a:pt x="88" y="381"/>
                  </a:lnTo>
                  <a:lnTo>
                    <a:pt x="81" y="391"/>
                  </a:lnTo>
                  <a:lnTo>
                    <a:pt x="85" y="396"/>
                  </a:lnTo>
                  <a:lnTo>
                    <a:pt x="81" y="400"/>
                  </a:lnTo>
                  <a:lnTo>
                    <a:pt x="76" y="405"/>
                  </a:lnTo>
                  <a:lnTo>
                    <a:pt x="85" y="408"/>
                  </a:lnTo>
                  <a:lnTo>
                    <a:pt x="81" y="417"/>
                  </a:lnTo>
                  <a:lnTo>
                    <a:pt x="76" y="417"/>
                  </a:lnTo>
                  <a:lnTo>
                    <a:pt x="71" y="417"/>
                  </a:lnTo>
                  <a:lnTo>
                    <a:pt x="64" y="417"/>
                  </a:lnTo>
                  <a:lnTo>
                    <a:pt x="56" y="417"/>
                  </a:lnTo>
                  <a:lnTo>
                    <a:pt x="49" y="418"/>
                  </a:lnTo>
                  <a:lnTo>
                    <a:pt x="42" y="420"/>
                  </a:lnTo>
                  <a:lnTo>
                    <a:pt x="36" y="423"/>
                  </a:lnTo>
                  <a:lnTo>
                    <a:pt x="34" y="423"/>
                  </a:lnTo>
                  <a:lnTo>
                    <a:pt x="32" y="422"/>
                  </a:lnTo>
                  <a:lnTo>
                    <a:pt x="32" y="420"/>
                  </a:lnTo>
                  <a:lnTo>
                    <a:pt x="30" y="417"/>
                  </a:lnTo>
                  <a:lnTo>
                    <a:pt x="29" y="415"/>
                  </a:lnTo>
                  <a:lnTo>
                    <a:pt x="29" y="413"/>
                  </a:lnTo>
                  <a:lnTo>
                    <a:pt x="27" y="413"/>
                  </a:lnTo>
                  <a:lnTo>
                    <a:pt x="39" y="400"/>
                  </a:lnTo>
                  <a:lnTo>
                    <a:pt x="41" y="390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52" name="Freeform 61"/>
            <p:cNvSpPr>
              <a:spLocks/>
            </p:cNvSpPr>
            <p:nvPr/>
          </p:nvSpPr>
          <p:spPr bwMode="auto">
            <a:xfrm>
              <a:off x="3486" y="1959"/>
              <a:ext cx="289" cy="512"/>
            </a:xfrm>
            <a:custGeom>
              <a:avLst/>
              <a:gdLst>
                <a:gd name="T0" fmla="*/ 0 w 298"/>
                <a:gd name="T1" fmla="*/ 333 h 528"/>
                <a:gd name="T2" fmla="*/ 5 w 298"/>
                <a:gd name="T3" fmla="*/ 327 h 528"/>
                <a:gd name="T4" fmla="*/ 7 w 298"/>
                <a:gd name="T5" fmla="*/ 317 h 528"/>
                <a:gd name="T6" fmla="*/ 10 w 298"/>
                <a:gd name="T7" fmla="*/ 307 h 528"/>
                <a:gd name="T8" fmla="*/ 16 w 298"/>
                <a:gd name="T9" fmla="*/ 297 h 528"/>
                <a:gd name="T10" fmla="*/ 20 w 298"/>
                <a:gd name="T11" fmla="*/ 277 h 528"/>
                <a:gd name="T12" fmla="*/ 24 w 298"/>
                <a:gd name="T13" fmla="*/ 271 h 528"/>
                <a:gd name="T14" fmla="*/ 29 w 298"/>
                <a:gd name="T15" fmla="*/ 255 h 528"/>
                <a:gd name="T16" fmla="*/ 18 w 298"/>
                <a:gd name="T17" fmla="*/ 238 h 528"/>
                <a:gd name="T18" fmla="*/ 16 w 298"/>
                <a:gd name="T19" fmla="*/ 217 h 528"/>
                <a:gd name="T20" fmla="*/ 18 w 298"/>
                <a:gd name="T21" fmla="*/ 208 h 528"/>
                <a:gd name="T22" fmla="*/ 16 w 298"/>
                <a:gd name="T23" fmla="*/ 189 h 528"/>
                <a:gd name="T24" fmla="*/ 16 w 298"/>
                <a:gd name="T25" fmla="*/ 161 h 528"/>
                <a:gd name="T26" fmla="*/ 16 w 298"/>
                <a:gd name="T27" fmla="*/ 127 h 528"/>
                <a:gd name="T28" fmla="*/ 16 w 298"/>
                <a:gd name="T29" fmla="*/ 91 h 528"/>
                <a:gd name="T30" fmla="*/ 12 w 298"/>
                <a:gd name="T31" fmla="*/ 59 h 528"/>
                <a:gd name="T32" fmla="*/ 9 w 298"/>
                <a:gd name="T33" fmla="*/ 37 h 528"/>
                <a:gd name="T34" fmla="*/ 7 w 298"/>
                <a:gd name="T35" fmla="*/ 20 h 528"/>
                <a:gd name="T36" fmla="*/ 9 w 298"/>
                <a:gd name="T37" fmla="*/ 22 h 528"/>
                <a:gd name="T38" fmla="*/ 16 w 298"/>
                <a:gd name="T39" fmla="*/ 29 h 528"/>
                <a:gd name="T40" fmla="*/ 18 w 298"/>
                <a:gd name="T41" fmla="*/ 30 h 528"/>
                <a:gd name="T42" fmla="*/ 41 w 298"/>
                <a:gd name="T43" fmla="*/ 16 h 528"/>
                <a:gd name="T44" fmla="*/ 168 w 298"/>
                <a:gd name="T45" fmla="*/ 16 h 528"/>
                <a:gd name="T46" fmla="*/ 191 w 298"/>
                <a:gd name="T47" fmla="*/ 218 h 528"/>
                <a:gd name="T48" fmla="*/ 189 w 298"/>
                <a:gd name="T49" fmla="*/ 228 h 528"/>
                <a:gd name="T50" fmla="*/ 192 w 298"/>
                <a:gd name="T51" fmla="*/ 238 h 528"/>
                <a:gd name="T52" fmla="*/ 193 w 298"/>
                <a:gd name="T53" fmla="*/ 245 h 528"/>
                <a:gd name="T54" fmla="*/ 179 w 298"/>
                <a:gd name="T55" fmla="*/ 247 h 528"/>
                <a:gd name="T56" fmla="*/ 170 w 298"/>
                <a:gd name="T57" fmla="*/ 249 h 528"/>
                <a:gd name="T58" fmla="*/ 166 w 298"/>
                <a:gd name="T59" fmla="*/ 249 h 528"/>
                <a:gd name="T60" fmla="*/ 156 w 298"/>
                <a:gd name="T61" fmla="*/ 256 h 528"/>
                <a:gd name="T62" fmla="*/ 159 w 298"/>
                <a:gd name="T63" fmla="*/ 267 h 528"/>
                <a:gd name="T64" fmla="*/ 156 w 298"/>
                <a:gd name="T65" fmla="*/ 271 h 528"/>
                <a:gd name="T66" fmla="*/ 149 w 298"/>
                <a:gd name="T67" fmla="*/ 278 h 528"/>
                <a:gd name="T68" fmla="*/ 146 w 298"/>
                <a:gd name="T69" fmla="*/ 286 h 528"/>
                <a:gd name="T70" fmla="*/ 146 w 298"/>
                <a:gd name="T71" fmla="*/ 288 h 528"/>
                <a:gd name="T72" fmla="*/ 143 w 298"/>
                <a:gd name="T73" fmla="*/ 289 h 528"/>
                <a:gd name="T74" fmla="*/ 137 w 298"/>
                <a:gd name="T75" fmla="*/ 293 h 528"/>
                <a:gd name="T76" fmla="*/ 133 w 298"/>
                <a:gd name="T77" fmla="*/ 306 h 528"/>
                <a:gd name="T78" fmla="*/ 132 w 298"/>
                <a:gd name="T79" fmla="*/ 311 h 528"/>
                <a:gd name="T80" fmla="*/ 123 w 298"/>
                <a:gd name="T81" fmla="*/ 315 h 528"/>
                <a:gd name="T82" fmla="*/ 110 w 298"/>
                <a:gd name="T83" fmla="*/ 306 h 528"/>
                <a:gd name="T84" fmla="*/ 104 w 298"/>
                <a:gd name="T85" fmla="*/ 302 h 528"/>
                <a:gd name="T86" fmla="*/ 98 w 298"/>
                <a:gd name="T87" fmla="*/ 317 h 528"/>
                <a:gd name="T88" fmla="*/ 92 w 298"/>
                <a:gd name="T89" fmla="*/ 332 h 528"/>
                <a:gd name="T90" fmla="*/ 81 w 298"/>
                <a:gd name="T91" fmla="*/ 324 h 528"/>
                <a:gd name="T92" fmla="*/ 76 w 298"/>
                <a:gd name="T93" fmla="*/ 321 h 528"/>
                <a:gd name="T94" fmla="*/ 67 w 298"/>
                <a:gd name="T95" fmla="*/ 332 h 528"/>
                <a:gd name="T96" fmla="*/ 59 w 298"/>
                <a:gd name="T97" fmla="*/ 337 h 528"/>
                <a:gd name="T98" fmla="*/ 48 w 298"/>
                <a:gd name="T99" fmla="*/ 332 h 528"/>
                <a:gd name="T100" fmla="*/ 42 w 298"/>
                <a:gd name="T101" fmla="*/ 328 h 528"/>
                <a:gd name="T102" fmla="*/ 37 w 298"/>
                <a:gd name="T103" fmla="*/ 329 h 528"/>
                <a:gd name="T104" fmla="*/ 32 w 298"/>
                <a:gd name="T105" fmla="*/ 328 h 528"/>
                <a:gd name="T106" fmla="*/ 32 w 298"/>
                <a:gd name="T107" fmla="*/ 336 h 528"/>
                <a:gd name="T108" fmla="*/ 29 w 298"/>
                <a:gd name="T109" fmla="*/ 339 h 528"/>
                <a:gd name="T110" fmla="*/ 16 w 298"/>
                <a:gd name="T111" fmla="*/ 335 h 528"/>
                <a:gd name="T112" fmla="*/ 12 w 298"/>
                <a:gd name="T113" fmla="*/ 333 h 528"/>
                <a:gd name="T114" fmla="*/ 16 w 298"/>
                <a:gd name="T115" fmla="*/ 339 h 528"/>
                <a:gd name="T116" fmla="*/ 10 w 298"/>
                <a:gd name="T117" fmla="*/ 343 h 528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w 298"/>
                <a:gd name="T178" fmla="*/ 0 h 528"/>
                <a:gd name="T179" fmla="*/ 298 w 298"/>
                <a:gd name="T180" fmla="*/ 528 h 528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T177" t="T178" r="T179" b="T180"/>
              <a:pathLst>
                <a:path w="298" h="528">
                  <a:moveTo>
                    <a:pt x="7" y="528"/>
                  </a:moveTo>
                  <a:lnTo>
                    <a:pt x="2" y="523"/>
                  </a:lnTo>
                  <a:lnTo>
                    <a:pt x="0" y="518"/>
                  </a:lnTo>
                  <a:lnTo>
                    <a:pt x="0" y="513"/>
                  </a:lnTo>
                  <a:lnTo>
                    <a:pt x="0" y="510"/>
                  </a:lnTo>
                  <a:lnTo>
                    <a:pt x="2" y="506"/>
                  </a:lnTo>
                  <a:lnTo>
                    <a:pt x="4" y="505"/>
                  </a:lnTo>
                  <a:lnTo>
                    <a:pt x="5" y="503"/>
                  </a:lnTo>
                  <a:lnTo>
                    <a:pt x="7" y="493"/>
                  </a:lnTo>
                  <a:lnTo>
                    <a:pt x="7" y="491"/>
                  </a:lnTo>
                  <a:lnTo>
                    <a:pt x="7" y="489"/>
                  </a:lnTo>
                  <a:lnTo>
                    <a:pt x="7" y="486"/>
                  </a:lnTo>
                  <a:lnTo>
                    <a:pt x="9" y="481"/>
                  </a:lnTo>
                  <a:lnTo>
                    <a:pt x="9" y="478"/>
                  </a:lnTo>
                  <a:lnTo>
                    <a:pt x="10" y="474"/>
                  </a:lnTo>
                  <a:lnTo>
                    <a:pt x="10" y="471"/>
                  </a:lnTo>
                  <a:lnTo>
                    <a:pt x="10" y="469"/>
                  </a:lnTo>
                  <a:lnTo>
                    <a:pt x="17" y="464"/>
                  </a:lnTo>
                  <a:lnTo>
                    <a:pt x="22" y="456"/>
                  </a:lnTo>
                  <a:lnTo>
                    <a:pt x="26" y="447"/>
                  </a:lnTo>
                  <a:lnTo>
                    <a:pt x="29" y="440"/>
                  </a:lnTo>
                  <a:lnTo>
                    <a:pt x="32" y="432"/>
                  </a:lnTo>
                  <a:lnTo>
                    <a:pt x="34" y="427"/>
                  </a:lnTo>
                  <a:lnTo>
                    <a:pt x="36" y="422"/>
                  </a:lnTo>
                  <a:lnTo>
                    <a:pt x="36" y="420"/>
                  </a:lnTo>
                  <a:lnTo>
                    <a:pt x="38" y="417"/>
                  </a:lnTo>
                  <a:lnTo>
                    <a:pt x="39" y="413"/>
                  </a:lnTo>
                  <a:lnTo>
                    <a:pt x="41" y="412"/>
                  </a:lnTo>
                  <a:lnTo>
                    <a:pt x="43" y="401"/>
                  </a:lnTo>
                  <a:lnTo>
                    <a:pt x="43" y="393"/>
                  </a:lnTo>
                  <a:lnTo>
                    <a:pt x="41" y="384"/>
                  </a:lnTo>
                  <a:lnTo>
                    <a:pt x="38" y="378"/>
                  </a:lnTo>
                  <a:lnTo>
                    <a:pt x="36" y="371"/>
                  </a:lnTo>
                  <a:lnTo>
                    <a:pt x="32" y="366"/>
                  </a:lnTo>
                  <a:lnTo>
                    <a:pt x="31" y="362"/>
                  </a:lnTo>
                  <a:lnTo>
                    <a:pt x="29" y="361"/>
                  </a:lnTo>
                  <a:lnTo>
                    <a:pt x="29" y="357"/>
                  </a:lnTo>
                  <a:lnTo>
                    <a:pt x="29" y="334"/>
                  </a:lnTo>
                  <a:lnTo>
                    <a:pt x="32" y="329"/>
                  </a:lnTo>
                  <a:lnTo>
                    <a:pt x="32" y="327"/>
                  </a:lnTo>
                  <a:lnTo>
                    <a:pt x="32" y="325"/>
                  </a:lnTo>
                  <a:lnTo>
                    <a:pt x="32" y="320"/>
                  </a:lnTo>
                  <a:lnTo>
                    <a:pt x="31" y="315"/>
                  </a:lnTo>
                  <a:lnTo>
                    <a:pt x="31" y="308"/>
                  </a:lnTo>
                  <a:lnTo>
                    <a:pt x="31" y="300"/>
                  </a:lnTo>
                  <a:lnTo>
                    <a:pt x="29" y="291"/>
                  </a:lnTo>
                  <a:lnTo>
                    <a:pt x="29" y="281"/>
                  </a:lnTo>
                  <a:lnTo>
                    <a:pt x="27" y="271"/>
                  </a:lnTo>
                  <a:lnTo>
                    <a:pt x="27" y="259"/>
                  </a:lnTo>
                  <a:lnTo>
                    <a:pt x="26" y="247"/>
                  </a:lnTo>
                  <a:lnTo>
                    <a:pt x="24" y="234"/>
                  </a:lnTo>
                  <a:lnTo>
                    <a:pt x="24" y="222"/>
                  </a:lnTo>
                  <a:lnTo>
                    <a:pt x="22" y="208"/>
                  </a:lnTo>
                  <a:lnTo>
                    <a:pt x="21" y="195"/>
                  </a:lnTo>
                  <a:lnTo>
                    <a:pt x="21" y="181"/>
                  </a:lnTo>
                  <a:lnTo>
                    <a:pt x="19" y="166"/>
                  </a:lnTo>
                  <a:lnTo>
                    <a:pt x="17" y="153"/>
                  </a:lnTo>
                  <a:lnTo>
                    <a:pt x="17" y="139"/>
                  </a:lnTo>
                  <a:lnTo>
                    <a:pt x="16" y="127"/>
                  </a:lnTo>
                  <a:lnTo>
                    <a:pt x="14" y="114"/>
                  </a:lnTo>
                  <a:lnTo>
                    <a:pt x="14" y="102"/>
                  </a:lnTo>
                  <a:lnTo>
                    <a:pt x="12" y="90"/>
                  </a:lnTo>
                  <a:lnTo>
                    <a:pt x="12" y="80"/>
                  </a:lnTo>
                  <a:lnTo>
                    <a:pt x="10" y="70"/>
                  </a:lnTo>
                  <a:lnTo>
                    <a:pt x="10" y="60"/>
                  </a:lnTo>
                  <a:lnTo>
                    <a:pt x="9" y="53"/>
                  </a:lnTo>
                  <a:lnTo>
                    <a:pt x="9" y="46"/>
                  </a:lnTo>
                  <a:lnTo>
                    <a:pt x="9" y="41"/>
                  </a:lnTo>
                  <a:lnTo>
                    <a:pt x="7" y="36"/>
                  </a:lnTo>
                  <a:lnTo>
                    <a:pt x="7" y="34"/>
                  </a:lnTo>
                  <a:lnTo>
                    <a:pt x="7" y="32"/>
                  </a:lnTo>
                  <a:lnTo>
                    <a:pt x="7" y="34"/>
                  </a:lnTo>
                  <a:lnTo>
                    <a:pt x="9" y="36"/>
                  </a:lnTo>
                  <a:lnTo>
                    <a:pt x="10" y="38"/>
                  </a:lnTo>
                  <a:lnTo>
                    <a:pt x="12" y="39"/>
                  </a:lnTo>
                  <a:lnTo>
                    <a:pt x="14" y="41"/>
                  </a:lnTo>
                  <a:lnTo>
                    <a:pt x="16" y="43"/>
                  </a:lnTo>
                  <a:lnTo>
                    <a:pt x="19" y="44"/>
                  </a:lnTo>
                  <a:lnTo>
                    <a:pt x="22" y="44"/>
                  </a:lnTo>
                  <a:lnTo>
                    <a:pt x="27" y="44"/>
                  </a:lnTo>
                  <a:lnTo>
                    <a:pt x="32" y="44"/>
                  </a:lnTo>
                  <a:lnTo>
                    <a:pt x="38" y="43"/>
                  </a:lnTo>
                  <a:lnTo>
                    <a:pt x="46" y="39"/>
                  </a:lnTo>
                  <a:lnTo>
                    <a:pt x="53" y="36"/>
                  </a:lnTo>
                  <a:lnTo>
                    <a:pt x="61" y="29"/>
                  </a:lnTo>
                  <a:lnTo>
                    <a:pt x="71" y="22"/>
                  </a:lnTo>
                  <a:lnTo>
                    <a:pt x="70" y="22"/>
                  </a:lnTo>
                  <a:lnTo>
                    <a:pt x="254" y="0"/>
                  </a:lnTo>
                  <a:lnTo>
                    <a:pt x="258" y="17"/>
                  </a:lnTo>
                  <a:lnTo>
                    <a:pt x="293" y="335"/>
                  </a:lnTo>
                  <a:lnTo>
                    <a:pt x="295" y="334"/>
                  </a:lnTo>
                  <a:lnTo>
                    <a:pt x="293" y="334"/>
                  </a:lnTo>
                  <a:lnTo>
                    <a:pt x="293" y="335"/>
                  </a:lnTo>
                  <a:lnTo>
                    <a:pt x="291" y="337"/>
                  </a:lnTo>
                  <a:lnTo>
                    <a:pt x="291" y="340"/>
                  </a:lnTo>
                  <a:lnTo>
                    <a:pt x="290" y="346"/>
                  </a:lnTo>
                  <a:lnTo>
                    <a:pt x="290" y="351"/>
                  </a:lnTo>
                  <a:lnTo>
                    <a:pt x="290" y="356"/>
                  </a:lnTo>
                  <a:lnTo>
                    <a:pt x="291" y="362"/>
                  </a:lnTo>
                  <a:lnTo>
                    <a:pt x="293" y="364"/>
                  </a:lnTo>
                  <a:lnTo>
                    <a:pt x="295" y="366"/>
                  </a:lnTo>
                  <a:lnTo>
                    <a:pt x="296" y="369"/>
                  </a:lnTo>
                  <a:lnTo>
                    <a:pt x="298" y="371"/>
                  </a:lnTo>
                  <a:lnTo>
                    <a:pt x="298" y="374"/>
                  </a:lnTo>
                  <a:lnTo>
                    <a:pt x="296" y="376"/>
                  </a:lnTo>
                  <a:lnTo>
                    <a:pt x="290" y="378"/>
                  </a:lnTo>
                  <a:lnTo>
                    <a:pt x="281" y="379"/>
                  </a:lnTo>
                  <a:lnTo>
                    <a:pt x="280" y="379"/>
                  </a:lnTo>
                  <a:lnTo>
                    <a:pt x="276" y="379"/>
                  </a:lnTo>
                  <a:lnTo>
                    <a:pt x="273" y="381"/>
                  </a:lnTo>
                  <a:lnTo>
                    <a:pt x="268" y="383"/>
                  </a:lnTo>
                  <a:lnTo>
                    <a:pt x="264" y="383"/>
                  </a:lnTo>
                  <a:lnTo>
                    <a:pt x="261" y="384"/>
                  </a:lnTo>
                  <a:lnTo>
                    <a:pt x="259" y="384"/>
                  </a:lnTo>
                  <a:lnTo>
                    <a:pt x="258" y="384"/>
                  </a:lnTo>
                  <a:lnTo>
                    <a:pt x="254" y="384"/>
                  </a:lnTo>
                  <a:lnTo>
                    <a:pt x="251" y="386"/>
                  </a:lnTo>
                  <a:lnTo>
                    <a:pt x="246" y="388"/>
                  </a:lnTo>
                  <a:lnTo>
                    <a:pt x="242" y="390"/>
                  </a:lnTo>
                  <a:lnTo>
                    <a:pt x="239" y="395"/>
                  </a:lnTo>
                  <a:lnTo>
                    <a:pt x="241" y="400"/>
                  </a:lnTo>
                  <a:lnTo>
                    <a:pt x="244" y="408"/>
                  </a:lnTo>
                  <a:lnTo>
                    <a:pt x="244" y="410"/>
                  </a:lnTo>
                  <a:lnTo>
                    <a:pt x="244" y="412"/>
                  </a:lnTo>
                  <a:lnTo>
                    <a:pt x="242" y="413"/>
                  </a:lnTo>
                  <a:lnTo>
                    <a:pt x="241" y="417"/>
                  </a:lnTo>
                  <a:lnTo>
                    <a:pt x="239" y="418"/>
                  </a:lnTo>
                  <a:lnTo>
                    <a:pt x="236" y="422"/>
                  </a:lnTo>
                  <a:lnTo>
                    <a:pt x="232" y="425"/>
                  </a:lnTo>
                  <a:lnTo>
                    <a:pt x="232" y="427"/>
                  </a:lnTo>
                  <a:lnTo>
                    <a:pt x="230" y="428"/>
                  </a:lnTo>
                  <a:lnTo>
                    <a:pt x="229" y="430"/>
                  </a:lnTo>
                  <a:lnTo>
                    <a:pt x="229" y="434"/>
                  </a:lnTo>
                  <a:lnTo>
                    <a:pt x="227" y="435"/>
                  </a:lnTo>
                  <a:lnTo>
                    <a:pt x="225" y="439"/>
                  </a:lnTo>
                  <a:lnTo>
                    <a:pt x="225" y="440"/>
                  </a:lnTo>
                  <a:lnTo>
                    <a:pt x="225" y="442"/>
                  </a:lnTo>
                  <a:lnTo>
                    <a:pt x="224" y="442"/>
                  </a:lnTo>
                  <a:lnTo>
                    <a:pt x="224" y="444"/>
                  </a:lnTo>
                  <a:lnTo>
                    <a:pt x="222" y="445"/>
                  </a:lnTo>
                  <a:lnTo>
                    <a:pt x="220" y="445"/>
                  </a:lnTo>
                  <a:lnTo>
                    <a:pt x="217" y="447"/>
                  </a:lnTo>
                  <a:lnTo>
                    <a:pt x="212" y="447"/>
                  </a:lnTo>
                  <a:lnTo>
                    <a:pt x="210" y="450"/>
                  </a:lnTo>
                  <a:lnTo>
                    <a:pt x="208" y="456"/>
                  </a:lnTo>
                  <a:lnTo>
                    <a:pt x="207" y="461"/>
                  </a:lnTo>
                  <a:lnTo>
                    <a:pt x="205" y="467"/>
                  </a:lnTo>
                  <a:lnTo>
                    <a:pt x="203" y="471"/>
                  </a:lnTo>
                  <a:lnTo>
                    <a:pt x="203" y="474"/>
                  </a:lnTo>
                  <a:lnTo>
                    <a:pt x="203" y="476"/>
                  </a:lnTo>
                  <a:lnTo>
                    <a:pt x="203" y="478"/>
                  </a:lnTo>
                  <a:lnTo>
                    <a:pt x="202" y="479"/>
                  </a:lnTo>
                  <a:lnTo>
                    <a:pt x="200" y="481"/>
                  </a:lnTo>
                  <a:lnTo>
                    <a:pt x="198" y="483"/>
                  </a:lnTo>
                  <a:lnTo>
                    <a:pt x="193" y="484"/>
                  </a:lnTo>
                  <a:lnTo>
                    <a:pt x="188" y="484"/>
                  </a:lnTo>
                  <a:lnTo>
                    <a:pt x="180" y="483"/>
                  </a:lnTo>
                  <a:lnTo>
                    <a:pt x="170" y="478"/>
                  </a:lnTo>
                  <a:lnTo>
                    <a:pt x="170" y="476"/>
                  </a:lnTo>
                  <a:lnTo>
                    <a:pt x="170" y="472"/>
                  </a:lnTo>
                  <a:lnTo>
                    <a:pt x="168" y="469"/>
                  </a:lnTo>
                  <a:lnTo>
                    <a:pt x="166" y="466"/>
                  </a:lnTo>
                  <a:lnTo>
                    <a:pt x="163" y="464"/>
                  </a:lnTo>
                  <a:lnTo>
                    <a:pt x="159" y="464"/>
                  </a:lnTo>
                  <a:lnTo>
                    <a:pt x="156" y="471"/>
                  </a:lnTo>
                  <a:lnTo>
                    <a:pt x="151" y="481"/>
                  </a:lnTo>
                  <a:lnTo>
                    <a:pt x="151" y="484"/>
                  </a:lnTo>
                  <a:lnTo>
                    <a:pt x="149" y="489"/>
                  </a:lnTo>
                  <a:lnTo>
                    <a:pt x="149" y="496"/>
                  </a:lnTo>
                  <a:lnTo>
                    <a:pt x="148" y="503"/>
                  </a:lnTo>
                  <a:lnTo>
                    <a:pt x="144" y="506"/>
                  </a:lnTo>
                  <a:lnTo>
                    <a:pt x="141" y="510"/>
                  </a:lnTo>
                  <a:lnTo>
                    <a:pt x="134" y="508"/>
                  </a:lnTo>
                  <a:lnTo>
                    <a:pt x="127" y="501"/>
                  </a:lnTo>
                  <a:lnTo>
                    <a:pt x="126" y="500"/>
                  </a:lnTo>
                  <a:lnTo>
                    <a:pt x="126" y="498"/>
                  </a:lnTo>
                  <a:lnTo>
                    <a:pt x="126" y="496"/>
                  </a:lnTo>
                  <a:lnTo>
                    <a:pt x="124" y="493"/>
                  </a:lnTo>
                  <a:lnTo>
                    <a:pt x="122" y="493"/>
                  </a:lnTo>
                  <a:lnTo>
                    <a:pt x="117" y="493"/>
                  </a:lnTo>
                  <a:lnTo>
                    <a:pt x="112" y="498"/>
                  </a:lnTo>
                  <a:lnTo>
                    <a:pt x="104" y="505"/>
                  </a:lnTo>
                  <a:lnTo>
                    <a:pt x="104" y="506"/>
                  </a:lnTo>
                  <a:lnTo>
                    <a:pt x="102" y="510"/>
                  </a:lnTo>
                  <a:lnTo>
                    <a:pt x="100" y="513"/>
                  </a:lnTo>
                  <a:lnTo>
                    <a:pt x="98" y="516"/>
                  </a:lnTo>
                  <a:lnTo>
                    <a:pt x="95" y="520"/>
                  </a:lnTo>
                  <a:lnTo>
                    <a:pt x="90" y="520"/>
                  </a:lnTo>
                  <a:lnTo>
                    <a:pt x="85" y="518"/>
                  </a:lnTo>
                  <a:lnTo>
                    <a:pt x="78" y="513"/>
                  </a:lnTo>
                  <a:lnTo>
                    <a:pt x="78" y="511"/>
                  </a:lnTo>
                  <a:lnTo>
                    <a:pt x="76" y="510"/>
                  </a:lnTo>
                  <a:lnTo>
                    <a:pt x="73" y="508"/>
                  </a:lnTo>
                  <a:lnTo>
                    <a:pt x="70" y="506"/>
                  </a:lnTo>
                  <a:lnTo>
                    <a:pt x="66" y="505"/>
                  </a:lnTo>
                  <a:lnTo>
                    <a:pt x="63" y="505"/>
                  </a:lnTo>
                  <a:lnTo>
                    <a:pt x="58" y="505"/>
                  </a:lnTo>
                  <a:lnTo>
                    <a:pt x="54" y="508"/>
                  </a:lnTo>
                  <a:lnTo>
                    <a:pt x="53" y="506"/>
                  </a:lnTo>
                  <a:lnTo>
                    <a:pt x="51" y="505"/>
                  </a:lnTo>
                  <a:lnTo>
                    <a:pt x="49" y="505"/>
                  </a:lnTo>
                  <a:lnTo>
                    <a:pt x="48" y="505"/>
                  </a:lnTo>
                  <a:lnTo>
                    <a:pt x="46" y="505"/>
                  </a:lnTo>
                  <a:lnTo>
                    <a:pt x="46" y="510"/>
                  </a:lnTo>
                  <a:lnTo>
                    <a:pt x="46" y="515"/>
                  </a:lnTo>
                  <a:lnTo>
                    <a:pt x="46" y="516"/>
                  </a:lnTo>
                  <a:lnTo>
                    <a:pt x="46" y="518"/>
                  </a:lnTo>
                  <a:lnTo>
                    <a:pt x="44" y="520"/>
                  </a:lnTo>
                  <a:lnTo>
                    <a:pt x="44" y="522"/>
                  </a:lnTo>
                  <a:lnTo>
                    <a:pt x="43" y="522"/>
                  </a:lnTo>
                  <a:lnTo>
                    <a:pt x="39" y="520"/>
                  </a:lnTo>
                  <a:lnTo>
                    <a:pt x="36" y="516"/>
                  </a:lnTo>
                  <a:lnTo>
                    <a:pt x="34" y="516"/>
                  </a:lnTo>
                  <a:lnTo>
                    <a:pt x="29" y="515"/>
                  </a:lnTo>
                  <a:lnTo>
                    <a:pt x="24" y="513"/>
                  </a:lnTo>
                  <a:lnTo>
                    <a:pt x="19" y="513"/>
                  </a:lnTo>
                  <a:lnTo>
                    <a:pt x="16" y="513"/>
                  </a:lnTo>
                  <a:lnTo>
                    <a:pt x="12" y="513"/>
                  </a:lnTo>
                  <a:lnTo>
                    <a:pt x="12" y="516"/>
                  </a:lnTo>
                  <a:lnTo>
                    <a:pt x="16" y="520"/>
                  </a:lnTo>
                  <a:lnTo>
                    <a:pt x="16" y="522"/>
                  </a:lnTo>
                  <a:lnTo>
                    <a:pt x="14" y="525"/>
                  </a:lnTo>
                  <a:lnTo>
                    <a:pt x="14" y="527"/>
                  </a:lnTo>
                  <a:lnTo>
                    <a:pt x="12" y="527"/>
                  </a:lnTo>
                  <a:lnTo>
                    <a:pt x="10" y="528"/>
                  </a:lnTo>
                  <a:lnTo>
                    <a:pt x="9" y="528"/>
                  </a:lnTo>
                  <a:lnTo>
                    <a:pt x="7" y="528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53" name="Freeform 62"/>
            <p:cNvSpPr>
              <a:spLocks/>
            </p:cNvSpPr>
            <p:nvPr/>
          </p:nvSpPr>
          <p:spPr bwMode="auto">
            <a:xfrm>
              <a:off x="3357" y="2283"/>
              <a:ext cx="703" cy="359"/>
            </a:xfrm>
            <a:custGeom>
              <a:avLst/>
              <a:gdLst>
                <a:gd name="T0" fmla="*/ 426 w 723"/>
                <a:gd name="T1" fmla="*/ 23 h 370"/>
                <a:gd name="T2" fmla="*/ 415 w 723"/>
                <a:gd name="T3" fmla="*/ 16 h 370"/>
                <a:gd name="T4" fmla="*/ 394 w 723"/>
                <a:gd name="T5" fmla="*/ 26 h 370"/>
                <a:gd name="T6" fmla="*/ 378 w 723"/>
                <a:gd name="T7" fmla="*/ 21 h 370"/>
                <a:gd name="T8" fmla="*/ 362 w 723"/>
                <a:gd name="T9" fmla="*/ 28 h 370"/>
                <a:gd name="T10" fmla="*/ 329 w 723"/>
                <a:gd name="T11" fmla="*/ 16 h 370"/>
                <a:gd name="T12" fmla="*/ 300 w 723"/>
                <a:gd name="T13" fmla="*/ 1 h 370"/>
                <a:gd name="T14" fmla="*/ 289 w 723"/>
                <a:gd name="T15" fmla="*/ 0 h 370"/>
                <a:gd name="T16" fmla="*/ 285 w 723"/>
                <a:gd name="T17" fmla="*/ 16 h 370"/>
                <a:gd name="T18" fmla="*/ 289 w 723"/>
                <a:gd name="T19" fmla="*/ 28 h 370"/>
                <a:gd name="T20" fmla="*/ 267 w 723"/>
                <a:gd name="T21" fmla="*/ 35 h 370"/>
                <a:gd name="T22" fmla="*/ 256 w 723"/>
                <a:gd name="T23" fmla="*/ 38 h 370"/>
                <a:gd name="T24" fmla="*/ 254 w 723"/>
                <a:gd name="T25" fmla="*/ 50 h 370"/>
                <a:gd name="T26" fmla="*/ 245 w 723"/>
                <a:gd name="T27" fmla="*/ 62 h 370"/>
                <a:gd name="T28" fmla="*/ 241 w 723"/>
                <a:gd name="T29" fmla="*/ 70 h 370"/>
                <a:gd name="T30" fmla="*/ 232 w 723"/>
                <a:gd name="T31" fmla="*/ 75 h 370"/>
                <a:gd name="T32" fmla="*/ 226 w 723"/>
                <a:gd name="T33" fmla="*/ 92 h 370"/>
                <a:gd name="T34" fmla="*/ 216 w 723"/>
                <a:gd name="T35" fmla="*/ 99 h 370"/>
                <a:gd name="T36" fmla="*/ 199 w 723"/>
                <a:gd name="T37" fmla="*/ 84 h 370"/>
                <a:gd name="T38" fmla="*/ 188 w 723"/>
                <a:gd name="T39" fmla="*/ 111 h 370"/>
                <a:gd name="T40" fmla="*/ 174 w 723"/>
                <a:gd name="T41" fmla="*/ 106 h 370"/>
                <a:gd name="T42" fmla="*/ 158 w 723"/>
                <a:gd name="T43" fmla="*/ 115 h 370"/>
                <a:gd name="T44" fmla="*/ 142 w 723"/>
                <a:gd name="T45" fmla="*/ 115 h 370"/>
                <a:gd name="T46" fmla="*/ 125 w 723"/>
                <a:gd name="T47" fmla="*/ 114 h 370"/>
                <a:gd name="T48" fmla="*/ 120 w 723"/>
                <a:gd name="T49" fmla="*/ 115 h 370"/>
                <a:gd name="T50" fmla="*/ 118 w 723"/>
                <a:gd name="T51" fmla="*/ 123 h 370"/>
                <a:gd name="T52" fmla="*/ 100 w 723"/>
                <a:gd name="T53" fmla="*/ 117 h 370"/>
                <a:gd name="T54" fmla="*/ 97 w 723"/>
                <a:gd name="T55" fmla="*/ 127 h 370"/>
                <a:gd name="T56" fmla="*/ 90 w 723"/>
                <a:gd name="T57" fmla="*/ 131 h 370"/>
                <a:gd name="T58" fmla="*/ 88 w 723"/>
                <a:gd name="T59" fmla="*/ 146 h 370"/>
                <a:gd name="T60" fmla="*/ 86 w 723"/>
                <a:gd name="T61" fmla="*/ 156 h 370"/>
                <a:gd name="T62" fmla="*/ 65 w 723"/>
                <a:gd name="T63" fmla="*/ 167 h 370"/>
                <a:gd name="T64" fmla="*/ 71 w 723"/>
                <a:gd name="T65" fmla="*/ 188 h 370"/>
                <a:gd name="T66" fmla="*/ 43 w 723"/>
                <a:gd name="T67" fmla="*/ 178 h 370"/>
                <a:gd name="T68" fmla="*/ 18 w 723"/>
                <a:gd name="T69" fmla="*/ 188 h 370"/>
                <a:gd name="T70" fmla="*/ 18 w 723"/>
                <a:gd name="T71" fmla="*/ 198 h 370"/>
                <a:gd name="T72" fmla="*/ 0 w 723"/>
                <a:gd name="T73" fmla="*/ 243 h 370"/>
                <a:gd name="T74" fmla="*/ 108 w 723"/>
                <a:gd name="T75" fmla="*/ 219 h 370"/>
                <a:gd name="T76" fmla="*/ 134 w 723"/>
                <a:gd name="T77" fmla="*/ 219 h 370"/>
                <a:gd name="T78" fmla="*/ 184 w 723"/>
                <a:gd name="T79" fmla="*/ 215 h 370"/>
                <a:gd name="T80" fmla="*/ 264 w 723"/>
                <a:gd name="T81" fmla="*/ 209 h 370"/>
                <a:gd name="T82" fmla="*/ 339 w 723"/>
                <a:gd name="T83" fmla="*/ 203 h 370"/>
                <a:gd name="T84" fmla="*/ 376 w 723"/>
                <a:gd name="T85" fmla="*/ 199 h 370"/>
                <a:gd name="T86" fmla="*/ 390 w 723"/>
                <a:gd name="T87" fmla="*/ 194 h 370"/>
                <a:gd name="T88" fmla="*/ 413 w 723"/>
                <a:gd name="T89" fmla="*/ 181 h 370"/>
                <a:gd name="T90" fmla="*/ 423 w 723"/>
                <a:gd name="T91" fmla="*/ 174 h 370"/>
                <a:gd name="T92" fmla="*/ 436 w 723"/>
                <a:gd name="T93" fmla="*/ 166 h 370"/>
                <a:gd name="T94" fmla="*/ 439 w 723"/>
                <a:gd name="T95" fmla="*/ 156 h 370"/>
                <a:gd name="T96" fmla="*/ 449 w 723"/>
                <a:gd name="T97" fmla="*/ 142 h 370"/>
                <a:gd name="T98" fmla="*/ 473 w 723"/>
                <a:gd name="T99" fmla="*/ 124 h 370"/>
                <a:gd name="T100" fmla="*/ 473 w 723"/>
                <a:gd name="T101" fmla="*/ 123 h 370"/>
                <a:gd name="T102" fmla="*/ 477 w 723"/>
                <a:gd name="T103" fmla="*/ 100 h 370"/>
                <a:gd name="T104" fmla="*/ 464 w 723"/>
                <a:gd name="T105" fmla="*/ 90 h 370"/>
                <a:gd name="T106" fmla="*/ 439 w 723"/>
                <a:gd name="T107" fmla="*/ 58 h 370"/>
                <a:gd name="T108" fmla="*/ 437 w 723"/>
                <a:gd name="T109" fmla="*/ 39 h 370"/>
                <a:gd name="T110" fmla="*/ 439 w 723"/>
                <a:gd name="T111" fmla="*/ 37 h 370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w 723"/>
                <a:gd name="T169" fmla="*/ 0 h 370"/>
                <a:gd name="T170" fmla="*/ 723 w 723"/>
                <a:gd name="T171" fmla="*/ 370 h 370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T168" t="T169" r="T170" b="T171"/>
              <a:pathLst>
                <a:path w="723" h="370">
                  <a:moveTo>
                    <a:pt x="650" y="52"/>
                  </a:moveTo>
                  <a:lnTo>
                    <a:pt x="648" y="50"/>
                  </a:lnTo>
                  <a:lnTo>
                    <a:pt x="647" y="49"/>
                  </a:lnTo>
                  <a:lnTo>
                    <a:pt x="643" y="45"/>
                  </a:lnTo>
                  <a:lnTo>
                    <a:pt x="640" y="42"/>
                  </a:lnTo>
                  <a:lnTo>
                    <a:pt x="635" y="39"/>
                  </a:lnTo>
                  <a:lnTo>
                    <a:pt x="631" y="37"/>
                  </a:lnTo>
                  <a:lnTo>
                    <a:pt x="626" y="37"/>
                  </a:lnTo>
                  <a:lnTo>
                    <a:pt x="623" y="40"/>
                  </a:lnTo>
                  <a:lnTo>
                    <a:pt x="621" y="39"/>
                  </a:lnTo>
                  <a:lnTo>
                    <a:pt x="621" y="35"/>
                  </a:lnTo>
                  <a:lnTo>
                    <a:pt x="621" y="30"/>
                  </a:lnTo>
                  <a:lnTo>
                    <a:pt x="620" y="25"/>
                  </a:lnTo>
                  <a:lnTo>
                    <a:pt x="616" y="22"/>
                  </a:lnTo>
                  <a:lnTo>
                    <a:pt x="611" y="20"/>
                  </a:lnTo>
                  <a:lnTo>
                    <a:pt x="604" y="23"/>
                  </a:lnTo>
                  <a:lnTo>
                    <a:pt x="594" y="32"/>
                  </a:lnTo>
                  <a:lnTo>
                    <a:pt x="593" y="34"/>
                  </a:lnTo>
                  <a:lnTo>
                    <a:pt x="591" y="35"/>
                  </a:lnTo>
                  <a:lnTo>
                    <a:pt x="588" y="39"/>
                  </a:lnTo>
                  <a:lnTo>
                    <a:pt x="584" y="40"/>
                  </a:lnTo>
                  <a:lnTo>
                    <a:pt x="579" y="42"/>
                  </a:lnTo>
                  <a:lnTo>
                    <a:pt x="574" y="44"/>
                  </a:lnTo>
                  <a:lnTo>
                    <a:pt x="567" y="40"/>
                  </a:lnTo>
                  <a:lnTo>
                    <a:pt x="562" y="37"/>
                  </a:lnTo>
                  <a:lnTo>
                    <a:pt x="560" y="35"/>
                  </a:lnTo>
                  <a:lnTo>
                    <a:pt x="559" y="35"/>
                  </a:lnTo>
                  <a:lnTo>
                    <a:pt x="557" y="34"/>
                  </a:lnTo>
                  <a:lnTo>
                    <a:pt x="554" y="35"/>
                  </a:lnTo>
                  <a:lnTo>
                    <a:pt x="550" y="35"/>
                  </a:lnTo>
                  <a:lnTo>
                    <a:pt x="547" y="39"/>
                  </a:lnTo>
                  <a:lnTo>
                    <a:pt x="542" y="44"/>
                  </a:lnTo>
                  <a:lnTo>
                    <a:pt x="540" y="44"/>
                  </a:lnTo>
                  <a:lnTo>
                    <a:pt x="537" y="42"/>
                  </a:lnTo>
                  <a:lnTo>
                    <a:pt x="533" y="42"/>
                  </a:lnTo>
                  <a:lnTo>
                    <a:pt x="532" y="42"/>
                  </a:lnTo>
                  <a:lnTo>
                    <a:pt x="518" y="30"/>
                  </a:lnTo>
                  <a:lnTo>
                    <a:pt x="488" y="28"/>
                  </a:lnTo>
                  <a:lnTo>
                    <a:pt x="488" y="27"/>
                  </a:lnTo>
                  <a:lnTo>
                    <a:pt x="488" y="23"/>
                  </a:lnTo>
                  <a:lnTo>
                    <a:pt x="486" y="20"/>
                  </a:lnTo>
                  <a:lnTo>
                    <a:pt x="484" y="15"/>
                  </a:lnTo>
                  <a:lnTo>
                    <a:pt x="479" y="10"/>
                  </a:lnTo>
                  <a:lnTo>
                    <a:pt x="472" y="5"/>
                  </a:lnTo>
                  <a:lnTo>
                    <a:pt x="462" y="3"/>
                  </a:lnTo>
                  <a:lnTo>
                    <a:pt x="450" y="1"/>
                  </a:lnTo>
                  <a:lnTo>
                    <a:pt x="449" y="1"/>
                  </a:lnTo>
                  <a:lnTo>
                    <a:pt x="445" y="1"/>
                  </a:lnTo>
                  <a:lnTo>
                    <a:pt x="442" y="1"/>
                  </a:lnTo>
                  <a:lnTo>
                    <a:pt x="437" y="1"/>
                  </a:lnTo>
                  <a:lnTo>
                    <a:pt x="432" y="1"/>
                  </a:lnTo>
                  <a:lnTo>
                    <a:pt x="428" y="1"/>
                  </a:lnTo>
                  <a:lnTo>
                    <a:pt x="427" y="1"/>
                  </a:lnTo>
                  <a:lnTo>
                    <a:pt x="425" y="1"/>
                  </a:lnTo>
                  <a:lnTo>
                    <a:pt x="427" y="0"/>
                  </a:lnTo>
                  <a:lnTo>
                    <a:pt x="425" y="0"/>
                  </a:lnTo>
                  <a:lnTo>
                    <a:pt x="425" y="1"/>
                  </a:lnTo>
                  <a:lnTo>
                    <a:pt x="423" y="3"/>
                  </a:lnTo>
                  <a:lnTo>
                    <a:pt x="423" y="6"/>
                  </a:lnTo>
                  <a:lnTo>
                    <a:pt x="422" y="12"/>
                  </a:lnTo>
                  <a:lnTo>
                    <a:pt x="422" y="17"/>
                  </a:lnTo>
                  <a:lnTo>
                    <a:pt x="422" y="22"/>
                  </a:lnTo>
                  <a:lnTo>
                    <a:pt x="423" y="28"/>
                  </a:lnTo>
                  <a:lnTo>
                    <a:pt x="425" y="30"/>
                  </a:lnTo>
                  <a:lnTo>
                    <a:pt x="427" y="32"/>
                  </a:lnTo>
                  <a:lnTo>
                    <a:pt x="428" y="35"/>
                  </a:lnTo>
                  <a:lnTo>
                    <a:pt x="430" y="37"/>
                  </a:lnTo>
                  <a:lnTo>
                    <a:pt x="430" y="40"/>
                  </a:lnTo>
                  <a:lnTo>
                    <a:pt x="428" y="42"/>
                  </a:lnTo>
                  <a:lnTo>
                    <a:pt x="422" y="44"/>
                  </a:lnTo>
                  <a:lnTo>
                    <a:pt x="413" y="45"/>
                  </a:lnTo>
                  <a:lnTo>
                    <a:pt x="412" y="45"/>
                  </a:lnTo>
                  <a:lnTo>
                    <a:pt x="408" y="45"/>
                  </a:lnTo>
                  <a:lnTo>
                    <a:pt x="405" y="47"/>
                  </a:lnTo>
                  <a:lnTo>
                    <a:pt x="400" y="49"/>
                  </a:lnTo>
                  <a:lnTo>
                    <a:pt x="396" y="49"/>
                  </a:lnTo>
                  <a:lnTo>
                    <a:pt x="393" y="50"/>
                  </a:lnTo>
                  <a:lnTo>
                    <a:pt x="391" y="50"/>
                  </a:lnTo>
                  <a:lnTo>
                    <a:pt x="390" y="50"/>
                  </a:lnTo>
                  <a:lnTo>
                    <a:pt x="386" y="50"/>
                  </a:lnTo>
                  <a:lnTo>
                    <a:pt x="383" y="52"/>
                  </a:lnTo>
                  <a:lnTo>
                    <a:pt x="378" y="54"/>
                  </a:lnTo>
                  <a:lnTo>
                    <a:pt x="374" y="56"/>
                  </a:lnTo>
                  <a:lnTo>
                    <a:pt x="371" y="61"/>
                  </a:lnTo>
                  <a:lnTo>
                    <a:pt x="373" y="66"/>
                  </a:lnTo>
                  <a:lnTo>
                    <a:pt x="376" y="74"/>
                  </a:lnTo>
                  <a:lnTo>
                    <a:pt x="376" y="76"/>
                  </a:lnTo>
                  <a:lnTo>
                    <a:pt x="376" y="78"/>
                  </a:lnTo>
                  <a:lnTo>
                    <a:pt x="374" y="79"/>
                  </a:lnTo>
                  <a:lnTo>
                    <a:pt x="373" y="83"/>
                  </a:lnTo>
                  <a:lnTo>
                    <a:pt x="371" y="84"/>
                  </a:lnTo>
                  <a:lnTo>
                    <a:pt x="368" y="88"/>
                  </a:lnTo>
                  <a:lnTo>
                    <a:pt x="364" y="91"/>
                  </a:lnTo>
                  <a:lnTo>
                    <a:pt x="364" y="93"/>
                  </a:lnTo>
                  <a:lnTo>
                    <a:pt x="362" y="94"/>
                  </a:lnTo>
                  <a:lnTo>
                    <a:pt x="361" y="96"/>
                  </a:lnTo>
                  <a:lnTo>
                    <a:pt x="361" y="100"/>
                  </a:lnTo>
                  <a:lnTo>
                    <a:pt x="359" y="101"/>
                  </a:lnTo>
                  <a:lnTo>
                    <a:pt x="357" y="105"/>
                  </a:lnTo>
                  <a:lnTo>
                    <a:pt x="357" y="106"/>
                  </a:lnTo>
                  <a:lnTo>
                    <a:pt x="357" y="108"/>
                  </a:lnTo>
                  <a:lnTo>
                    <a:pt x="356" y="108"/>
                  </a:lnTo>
                  <a:lnTo>
                    <a:pt x="356" y="110"/>
                  </a:lnTo>
                  <a:lnTo>
                    <a:pt x="354" y="111"/>
                  </a:lnTo>
                  <a:lnTo>
                    <a:pt x="352" y="111"/>
                  </a:lnTo>
                  <a:lnTo>
                    <a:pt x="349" y="113"/>
                  </a:lnTo>
                  <a:lnTo>
                    <a:pt x="344" y="113"/>
                  </a:lnTo>
                  <a:lnTo>
                    <a:pt x="342" y="116"/>
                  </a:lnTo>
                  <a:lnTo>
                    <a:pt x="340" y="122"/>
                  </a:lnTo>
                  <a:lnTo>
                    <a:pt x="339" y="127"/>
                  </a:lnTo>
                  <a:lnTo>
                    <a:pt x="337" y="133"/>
                  </a:lnTo>
                  <a:lnTo>
                    <a:pt x="335" y="137"/>
                  </a:lnTo>
                  <a:lnTo>
                    <a:pt x="335" y="140"/>
                  </a:lnTo>
                  <a:lnTo>
                    <a:pt x="335" y="142"/>
                  </a:lnTo>
                  <a:lnTo>
                    <a:pt x="335" y="144"/>
                  </a:lnTo>
                  <a:lnTo>
                    <a:pt x="334" y="145"/>
                  </a:lnTo>
                  <a:lnTo>
                    <a:pt x="332" y="147"/>
                  </a:lnTo>
                  <a:lnTo>
                    <a:pt x="330" y="149"/>
                  </a:lnTo>
                  <a:lnTo>
                    <a:pt x="325" y="150"/>
                  </a:lnTo>
                  <a:lnTo>
                    <a:pt x="320" y="150"/>
                  </a:lnTo>
                  <a:lnTo>
                    <a:pt x="312" y="149"/>
                  </a:lnTo>
                  <a:lnTo>
                    <a:pt x="302" y="144"/>
                  </a:lnTo>
                  <a:lnTo>
                    <a:pt x="302" y="142"/>
                  </a:lnTo>
                  <a:lnTo>
                    <a:pt x="302" y="138"/>
                  </a:lnTo>
                  <a:lnTo>
                    <a:pt x="300" y="135"/>
                  </a:lnTo>
                  <a:lnTo>
                    <a:pt x="298" y="132"/>
                  </a:lnTo>
                  <a:lnTo>
                    <a:pt x="295" y="130"/>
                  </a:lnTo>
                  <a:lnTo>
                    <a:pt x="291" y="130"/>
                  </a:lnTo>
                  <a:lnTo>
                    <a:pt x="288" y="137"/>
                  </a:lnTo>
                  <a:lnTo>
                    <a:pt x="283" y="147"/>
                  </a:lnTo>
                  <a:lnTo>
                    <a:pt x="283" y="150"/>
                  </a:lnTo>
                  <a:lnTo>
                    <a:pt x="281" y="155"/>
                  </a:lnTo>
                  <a:lnTo>
                    <a:pt x="281" y="162"/>
                  </a:lnTo>
                  <a:lnTo>
                    <a:pt x="280" y="169"/>
                  </a:lnTo>
                  <a:lnTo>
                    <a:pt x="276" y="172"/>
                  </a:lnTo>
                  <a:lnTo>
                    <a:pt x="273" y="176"/>
                  </a:lnTo>
                  <a:lnTo>
                    <a:pt x="266" y="174"/>
                  </a:lnTo>
                  <a:lnTo>
                    <a:pt x="259" y="167"/>
                  </a:lnTo>
                  <a:lnTo>
                    <a:pt x="258" y="166"/>
                  </a:lnTo>
                  <a:lnTo>
                    <a:pt x="258" y="164"/>
                  </a:lnTo>
                  <a:lnTo>
                    <a:pt x="258" y="162"/>
                  </a:lnTo>
                  <a:lnTo>
                    <a:pt x="256" y="159"/>
                  </a:lnTo>
                  <a:lnTo>
                    <a:pt x="254" y="159"/>
                  </a:lnTo>
                  <a:lnTo>
                    <a:pt x="249" y="159"/>
                  </a:lnTo>
                  <a:lnTo>
                    <a:pt x="244" y="164"/>
                  </a:lnTo>
                  <a:lnTo>
                    <a:pt x="236" y="171"/>
                  </a:lnTo>
                  <a:lnTo>
                    <a:pt x="236" y="172"/>
                  </a:lnTo>
                  <a:lnTo>
                    <a:pt x="234" y="176"/>
                  </a:lnTo>
                  <a:lnTo>
                    <a:pt x="232" y="179"/>
                  </a:lnTo>
                  <a:lnTo>
                    <a:pt x="230" y="182"/>
                  </a:lnTo>
                  <a:lnTo>
                    <a:pt x="227" y="186"/>
                  </a:lnTo>
                  <a:lnTo>
                    <a:pt x="222" y="186"/>
                  </a:lnTo>
                  <a:lnTo>
                    <a:pt x="217" y="184"/>
                  </a:lnTo>
                  <a:lnTo>
                    <a:pt x="210" y="179"/>
                  </a:lnTo>
                  <a:lnTo>
                    <a:pt x="210" y="177"/>
                  </a:lnTo>
                  <a:lnTo>
                    <a:pt x="208" y="176"/>
                  </a:lnTo>
                  <a:lnTo>
                    <a:pt x="205" y="174"/>
                  </a:lnTo>
                  <a:lnTo>
                    <a:pt x="202" y="172"/>
                  </a:lnTo>
                  <a:lnTo>
                    <a:pt x="198" y="171"/>
                  </a:lnTo>
                  <a:lnTo>
                    <a:pt x="195" y="171"/>
                  </a:lnTo>
                  <a:lnTo>
                    <a:pt x="190" y="171"/>
                  </a:lnTo>
                  <a:lnTo>
                    <a:pt x="186" y="174"/>
                  </a:lnTo>
                  <a:lnTo>
                    <a:pt x="185" y="172"/>
                  </a:lnTo>
                  <a:lnTo>
                    <a:pt x="183" y="171"/>
                  </a:lnTo>
                  <a:lnTo>
                    <a:pt x="181" y="171"/>
                  </a:lnTo>
                  <a:lnTo>
                    <a:pt x="180" y="171"/>
                  </a:lnTo>
                  <a:lnTo>
                    <a:pt x="178" y="171"/>
                  </a:lnTo>
                  <a:lnTo>
                    <a:pt x="178" y="176"/>
                  </a:lnTo>
                  <a:lnTo>
                    <a:pt x="178" y="181"/>
                  </a:lnTo>
                  <a:lnTo>
                    <a:pt x="178" y="182"/>
                  </a:lnTo>
                  <a:lnTo>
                    <a:pt x="178" y="184"/>
                  </a:lnTo>
                  <a:lnTo>
                    <a:pt x="176" y="186"/>
                  </a:lnTo>
                  <a:lnTo>
                    <a:pt x="176" y="188"/>
                  </a:lnTo>
                  <a:lnTo>
                    <a:pt x="175" y="188"/>
                  </a:lnTo>
                  <a:lnTo>
                    <a:pt x="171" y="186"/>
                  </a:lnTo>
                  <a:lnTo>
                    <a:pt x="168" y="182"/>
                  </a:lnTo>
                  <a:lnTo>
                    <a:pt x="166" y="182"/>
                  </a:lnTo>
                  <a:lnTo>
                    <a:pt x="161" y="181"/>
                  </a:lnTo>
                  <a:lnTo>
                    <a:pt x="156" y="179"/>
                  </a:lnTo>
                  <a:lnTo>
                    <a:pt x="151" y="179"/>
                  </a:lnTo>
                  <a:lnTo>
                    <a:pt x="148" y="179"/>
                  </a:lnTo>
                  <a:lnTo>
                    <a:pt x="144" y="179"/>
                  </a:lnTo>
                  <a:lnTo>
                    <a:pt x="144" y="182"/>
                  </a:lnTo>
                  <a:lnTo>
                    <a:pt x="148" y="186"/>
                  </a:lnTo>
                  <a:lnTo>
                    <a:pt x="148" y="188"/>
                  </a:lnTo>
                  <a:lnTo>
                    <a:pt x="146" y="188"/>
                  </a:lnTo>
                  <a:lnTo>
                    <a:pt x="146" y="191"/>
                  </a:lnTo>
                  <a:lnTo>
                    <a:pt x="144" y="193"/>
                  </a:lnTo>
                  <a:lnTo>
                    <a:pt x="142" y="193"/>
                  </a:lnTo>
                  <a:lnTo>
                    <a:pt x="141" y="194"/>
                  </a:lnTo>
                  <a:lnTo>
                    <a:pt x="139" y="194"/>
                  </a:lnTo>
                  <a:lnTo>
                    <a:pt x="136" y="194"/>
                  </a:lnTo>
                  <a:lnTo>
                    <a:pt x="136" y="196"/>
                  </a:lnTo>
                  <a:lnTo>
                    <a:pt x="136" y="198"/>
                  </a:lnTo>
                  <a:lnTo>
                    <a:pt x="134" y="199"/>
                  </a:lnTo>
                  <a:lnTo>
                    <a:pt x="134" y="201"/>
                  </a:lnTo>
                  <a:lnTo>
                    <a:pt x="132" y="204"/>
                  </a:lnTo>
                  <a:lnTo>
                    <a:pt x="131" y="206"/>
                  </a:lnTo>
                  <a:lnTo>
                    <a:pt x="129" y="208"/>
                  </a:lnTo>
                  <a:lnTo>
                    <a:pt x="129" y="210"/>
                  </a:lnTo>
                  <a:lnTo>
                    <a:pt x="127" y="218"/>
                  </a:lnTo>
                  <a:lnTo>
                    <a:pt x="131" y="223"/>
                  </a:lnTo>
                  <a:lnTo>
                    <a:pt x="132" y="225"/>
                  </a:lnTo>
                  <a:lnTo>
                    <a:pt x="134" y="226"/>
                  </a:lnTo>
                  <a:lnTo>
                    <a:pt x="134" y="228"/>
                  </a:lnTo>
                  <a:lnTo>
                    <a:pt x="136" y="232"/>
                  </a:lnTo>
                  <a:lnTo>
                    <a:pt x="136" y="235"/>
                  </a:lnTo>
                  <a:lnTo>
                    <a:pt x="134" y="237"/>
                  </a:lnTo>
                  <a:lnTo>
                    <a:pt x="127" y="238"/>
                  </a:lnTo>
                  <a:lnTo>
                    <a:pt x="119" y="240"/>
                  </a:lnTo>
                  <a:lnTo>
                    <a:pt x="117" y="240"/>
                  </a:lnTo>
                  <a:lnTo>
                    <a:pt x="112" y="240"/>
                  </a:lnTo>
                  <a:lnTo>
                    <a:pt x="107" y="243"/>
                  </a:lnTo>
                  <a:lnTo>
                    <a:pt x="102" y="245"/>
                  </a:lnTo>
                  <a:lnTo>
                    <a:pt x="97" y="250"/>
                  </a:lnTo>
                  <a:lnTo>
                    <a:pt x="95" y="255"/>
                  </a:lnTo>
                  <a:lnTo>
                    <a:pt x="95" y="264"/>
                  </a:lnTo>
                  <a:lnTo>
                    <a:pt x="100" y="272"/>
                  </a:lnTo>
                  <a:lnTo>
                    <a:pt x="100" y="274"/>
                  </a:lnTo>
                  <a:lnTo>
                    <a:pt x="104" y="277"/>
                  </a:lnTo>
                  <a:lnTo>
                    <a:pt x="104" y="281"/>
                  </a:lnTo>
                  <a:lnTo>
                    <a:pt x="105" y="284"/>
                  </a:lnTo>
                  <a:lnTo>
                    <a:pt x="104" y="287"/>
                  </a:lnTo>
                  <a:lnTo>
                    <a:pt x="98" y="289"/>
                  </a:lnTo>
                  <a:lnTo>
                    <a:pt x="88" y="287"/>
                  </a:lnTo>
                  <a:lnTo>
                    <a:pt x="75" y="282"/>
                  </a:lnTo>
                  <a:lnTo>
                    <a:pt x="71" y="281"/>
                  </a:lnTo>
                  <a:lnTo>
                    <a:pt x="68" y="277"/>
                  </a:lnTo>
                  <a:lnTo>
                    <a:pt x="65" y="276"/>
                  </a:lnTo>
                  <a:lnTo>
                    <a:pt x="60" y="272"/>
                  </a:lnTo>
                  <a:lnTo>
                    <a:pt x="54" y="272"/>
                  </a:lnTo>
                  <a:lnTo>
                    <a:pt x="49" y="272"/>
                  </a:lnTo>
                  <a:lnTo>
                    <a:pt x="44" y="276"/>
                  </a:lnTo>
                  <a:lnTo>
                    <a:pt x="38" y="282"/>
                  </a:lnTo>
                  <a:lnTo>
                    <a:pt x="38" y="284"/>
                  </a:lnTo>
                  <a:lnTo>
                    <a:pt x="36" y="286"/>
                  </a:lnTo>
                  <a:lnTo>
                    <a:pt x="32" y="287"/>
                  </a:lnTo>
                  <a:lnTo>
                    <a:pt x="31" y="289"/>
                  </a:lnTo>
                  <a:lnTo>
                    <a:pt x="27" y="292"/>
                  </a:lnTo>
                  <a:lnTo>
                    <a:pt x="26" y="294"/>
                  </a:lnTo>
                  <a:lnTo>
                    <a:pt x="26" y="296"/>
                  </a:lnTo>
                  <a:lnTo>
                    <a:pt x="24" y="296"/>
                  </a:lnTo>
                  <a:lnTo>
                    <a:pt x="26" y="298"/>
                  </a:lnTo>
                  <a:lnTo>
                    <a:pt x="29" y="301"/>
                  </a:lnTo>
                  <a:lnTo>
                    <a:pt x="32" y="303"/>
                  </a:lnTo>
                  <a:lnTo>
                    <a:pt x="34" y="304"/>
                  </a:lnTo>
                  <a:lnTo>
                    <a:pt x="43" y="311"/>
                  </a:lnTo>
                  <a:lnTo>
                    <a:pt x="38" y="320"/>
                  </a:lnTo>
                  <a:lnTo>
                    <a:pt x="38" y="355"/>
                  </a:lnTo>
                  <a:lnTo>
                    <a:pt x="19" y="357"/>
                  </a:lnTo>
                  <a:lnTo>
                    <a:pt x="0" y="370"/>
                  </a:lnTo>
                  <a:lnTo>
                    <a:pt x="0" y="369"/>
                  </a:lnTo>
                  <a:lnTo>
                    <a:pt x="148" y="357"/>
                  </a:lnTo>
                  <a:lnTo>
                    <a:pt x="148" y="333"/>
                  </a:lnTo>
                  <a:lnTo>
                    <a:pt x="149" y="335"/>
                  </a:lnTo>
                  <a:lnTo>
                    <a:pt x="153" y="335"/>
                  </a:lnTo>
                  <a:lnTo>
                    <a:pt x="158" y="335"/>
                  </a:lnTo>
                  <a:lnTo>
                    <a:pt x="164" y="335"/>
                  </a:lnTo>
                  <a:lnTo>
                    <a:pt x="171" y="336"/>
                  </a:lnTo>
                  <a:lnTo>
                    <a:pt x="178" y="336"/>
                  </a:lnTo>
                  <a:lnTo>
                    <a:pt x="186" y="336"/>
                  </a:lnTo>
                  <a:lnTo>
                    <a:pt x="188" y="336"/>
                  </a:lnTo>
                  <a:lnTo>
                    <a:pt x="192" y="336"/>
                  </a:lnTo>
                  <a:lnTo>
                    <a:pt x="197" y="335"/>
                  </a:lnTo>
                  <a:lnTo>
                    <a:pt x="203" y="335"/>
                  </a:lnTo>
                  <a:lnTo>
                    <a:pt x="212" y="333"/>
                  </a:lnTo>
                  <a:lnTo>
                    <a:pt x="222" y="333"/>
                  </a:lnTo>
                  <a:lnTo>
                    <a:pt x="232" y="331"/>
                  </a:lnTo>
                  <a:lnTo>
                    <a:pt x="246" y="331"/>
                  </a:lnTo>
                  <a:lnTo>
                    <a:pt x="259" y="330"/>
                  </a:lnTo>
                  <a:lnTo>
                    <a:pt x="273" y="328"/>
                  </a:lnTo>
                  <a:lnTo>
                    <a:pt x="288" y="328"/>
                  </a:lnTo>
                  <a:lnTo>
                    <a:pt x="305" y="326"/>
                  </a:lnTo>
                  <a:lnTo>
                    <a:pt x="322" y="325"/>
                  </a:lnTo>
                  <a:lnTo>
                    <a:pt x="339" y="323"/>
                  </a:lnTo>
                  <a:lnTo>
                    <a:pt x="356" y="321"/>
                  </a:lnTo>
                  <a:lnTo>
                    <a:pt x="373" y="320"/>
                  </a:lnTo>
                  <a:lnTo>
                    <a:pt x="391" y="318"/>
                  </a:lnTo>
                  <a:lnTo>
                    <a:pt x="408" y="318"/>
                  </a:lnTo>
                  <a:lnTo>
                    <a:pt x="425" y="316"/>
                  </a:lnTo>
                  <a:lnTo>
                    <a:pt x="440" y="314"/>
                  </a:lnTo>
                  <a:lnTo>
                    <a:pt x="457" y="313"/>
                  </a:lnTo>
                  <a:lnTo>
                    <a:pt x="472" y="311"/>
                  </a:lnTo>
                  <a:lnTo>
                    <a:pt x="488" y="309"/>
                  </a:lnTo>
                  <a:lnTo>
                    <a:pt x="501" y="309"/>
                  </a:lnTo>
                  <a:lnTo>
                    <a:pt x="513" y="308"/>
                  </a:lnTo>
                  <a:lnTo>
                    <a:pt x="525" y="306"/>
                  </a:lnTo>
                  <a:lnTo>
                    <a:pt x="535" y="306"/>
                  </a:lnTo>
                  <a:lnTo>
                    <a:pt x="544" y="306"/>
                  </a:lnTo>
                  <a:lnTo>
                    <a:pt x="549" y="304"/>
                  </a:lnTo>
                  <a:lnTo>
                    <a:pt x="554" y="304"/>
                  </a:lnTo>
                  <a:lnTo>
                    <a:pt x="557" y="304"/>
                  </a:lnTo>
                  <a:lnTo>
                    <a:pt x="559" y="304"/>
                  </a:lnTo>
                  <a:lnTo>
                    <a:pt x="560" y="303"/>
                  </a:lnTo>
                  <a:lnTo>
                    <a:pt x="564" y="301"/>
                  </a:lnTo>
                  <a:lnTo>
                    <a:pt x="567" y="299"/>
                  </a:lnTo>
                  <a:lnTo>
                    <a:pt x="571" y="298"/>
                  </a:lnTo>
                  <a:lnTo>
                    <a:pt x="576" y="296"/>
                  </a:lnTo>
                  <a:lnTo>
                    <a:pt x="581" y="292"/>
                  </a:lnTo>
                  <a:lnTo>
                    <a:pt x="586" y="291"/>
                  </a:lnTo>
                  <a:lnTo>
                    <a:pt x="591" y="287"/>
                  </a:lnTo>
                  <a:lnTo>
                    <a:pt x="596" y="286"/>
                  </a:lnTo>
                  <a:lnTo>
                    <a:pt x="601" y="282"/>
                  </a:lnTo>
                  <a:lnTo>
                    <a:pt x="606" y="281"/>
                  </a:lnTo>
                  <a:lnTo>
                    <a:pt x="611" y="277"/>
                  </a:lnTo>
                  <a:lnTo>
                    <a:pt x="615" y="276"/>
                  </a:lnTo>
                  <a:lnTo>
                    <a:pt x="618" y="274"/>
                  </a:lnTo>
                  <a:lnTo>
                    <a:pt x="620" y="274"/>
                  </a:lnTo>
                  <a:lnTo>
                    <a:pt x="621" y="272"/>
                  </a:lnTo>
                  <a:lnTo>
                    <a:pt x="621" y="270"/>
                  </a:lnTo>
                  <a:lnTo>
                    <a:pt x="623" y="269"/>
                  </a:lnTo>
                  <a:lnTo>
                    <a:pt x="625" y="265"/>
                  </a:lnTo>
                  <a:lnTo>
                    <a:pt x="626" y="264"/>
                  </a:lnTo>
                  <a:lnTo>
                    <a:pt x="630" y="260"/>
                  </a:lnTo>
                  <a:lnTo>
                    <a:pt x="635" y="259"/>
                  </a:lnTo>
                  <a:lnTo>
                    <a:pt x="640" y="255"/>
                  </a:lnTo>
                  <a:lnTo>
                    <a:pt x="643" y="255"/>
                  </a:lnTo>
                  <a:lnTo>
                    <a:pt x="643" y="254"/>
                  </a:lnTo>
                  <a:lnTo>
                    <a:pt x="645" y="252"/>
                  </a:lnTo>
                  <a:lnTo>
                    <a:pt x="647" y="252"/>
                  </a:lnTo>
                  <a:lnTo>
                    <a:pt x="647" y="248"/>
                  </a:lnTo>
                  <a:lnTo>
                    <a:pt x="647" y="247"/>
                  </a:lnTo>
                  <a:lnTo>
                    <a:pt x="648" y="245"/>
                  </a:lnTo>
                  <a:lnTo>
                    <a:pt x="648" y="243"/>
                  </a:lnTo>
                  <a:lnTo>
                    <a:pt x="650" y="240"/>
                  </a:lnTo>
                  <a:lnTo>
                    <a:pt x="652" y="238"/>
                  </a:lnTo>
                  <a:lnTo>
                    <a:pt x="653" y="237"/>
                  </a:lnTo>
                  <a:lnTo>
                    <a:pt x="655" y="235"/>
                  </a:lnTo>
                  <a:lnTo>
                    <a:pt x="657" y="232"/>
                  </a:lnTo>
                  <a:lnTo>
                    <a:pt x="659" y="228"/>
                  </a:lnTo>
                  <a:lnTo>
                    <a:pt x="660" y="225"/>
                  </a:lnTo>
                  <a:lnTo>
                    <a:pt x="662" y="221"/>
                  </a:lnTo>
                  <a:lnTo>
                    <a:pt x="664" y="215"/>
                  </a:lnTo>
                  <a:lnTo>
                    <a:pt x="667" y="211"/>
                  </a:lnTo>
                  <a:lnTo>
                    <a:pt x="672" y="208"/>
                  </a:lnTo>
                  <a:lnTo>
                    <a:pt x="677" y="204"/>
                  </a:lnTo>
                  <a:lnTo>
                    <a:pt x="684" y="201"/>
                  </a:lnTo>
                  <a:lnTo>
                    <a:pt x="689" y="198"/>
                  </a:lnTo>
                  <a:lnTo>
                    <a:pt x="694" y="194"/>
                  </a:lnTo>
                  <a:lnTo>
                    <a:pt x="699" y="189"/>
                  </a:lnTo>
                  <a:lnTo>
                    <a:pt x="701" y="184"/>
                  </a:lnTo>
                  <a:lnTo>
                    <a:pt x="703" y="182"/>
                  </a:lnTo>
                  <a:lnTo>
                    <a:pt x="704" y="182"/>
                  </a:lnTo>
                  <a:lnTo>
                    <a:pt x="703" y="184"/>
                  </a:lnTo>
                  <a:lnTo>
                    <a:pt x="701" y="186"/>
                  </a:lnTo>
                  <a:lnTo>
                    <a:pt x="701" y="188"/>
                  </a:lnTo>
                  <a:lnTo>
                    <a:pt x="699" y="188"/>
                  </a:lnTo>
                  <a:lnTo>
                    <a:pt x="699" y="189"/>
                  </a:lnTo>
                  <a:lnTo>
                    <a:pt x="723" y="157"/>
                  </a:lnTo>
                  <a:lnTo>
                    <a:pt x="711" y="157"/>
                  </a:lnTo>
                  <a:lnTo>
                    <a:pt x="711" y="155"/>
                  </a:lnTo>
                  <a:lnTo>
                    <a:pt x="709" y="154"/>
                  </a:lnTo>
                  <a:lnTo>
                    <a:pt x="709" y="152"/>
                  </a:lnTo>
                  <a:lnTo>
                    <a:pt x="708" y="150"/>
                  </a:lnTo>
                  <a:lnTo>
                    <a:pt x="704" y="150"/>
                  </a:lnTo>
                  <a:lnTo>
                    <a:pt x="701" y="149"/>
                  </a:lnTo>
                  <a:lnTo>
                    <a:pt x="696" y="149"/>
                  </a:lnTo>
                  <a:lnTo>
                    <a:pt x="696" y="147"/>
                  </a:lnTo>
                  <a:lnTo>
                    <a:pt x="692" y="142"/>
                  </a:lnTo>
                  <a:lnTo>
                    <a:pt x="687" y="137"/>
                  </a:lnTo>
                  <a:lnTo>
                    <a:pt x="682" y="128"/>
                  </a:lnTo>
                  <a:lnTo>
                    <a:pt x="675" y="120"/>
                  </a:lnTo>
                  <a:lnTo>
                    <a:pt x="669" y="110"/>
                  </a:lnTo>
                  <a:lnTo>
                    <a:pt x="660" y="101"/>
                  </a:lnTo>
                  <a:lnTo>
                    <a:pt x="652" y="91"/>
                  </a:lnTo>
                  <a:lnTo>
                    <a:pt x="652" y="88"/>
                  </a:lnTo>
                  <a:lnTo>
                    <a:pt x="652" y="84"/>
                  </a:lnTo>
                  <a:lnTo>
                    <a:pt x="653" y="79"/>
                  </a:lnTo>
                  <a:lnTo>
                    <a:pt x="653" y="76"/>
                  </a:lnTo>
                  <a:lnTo>
                    <a:pt x="653" y="71"/>
                  </a:lnTo>
                  <a:lnTo>
                    <a:pt x="652" y="64"/>
                  </a:lnTo>
                  <a:lnTo>
                    <a:pt x="650" y="59"/>
                  </a:lnTo>
                  <a:lnTo>
                    <a:pt x="647" y="56"/>
                  </a:lnTo>
                  <a:lnTo>
                    <a:pt x="647" y="52"/>
                  </a:lnTo>
                  <a:lnTo>
                    <a:pt x="647" y="50"/>
                  </a:lnTo>
                  <a:lnTo>
                    <a:pt x="648" y="50"/>
                  </a:lnTo>
                  <a:lnTo>
                    <a:pt x="648" y="52"/>
                  </a:lnTo>
                  <a:lnTo>
                    <a:pt x="650" y="52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754" name="Group 63"/>
            <p:cNvGrpSpPr>
              <a:grpSpLocks/>
            </p:cNvGrpSpPr>
            <p:nvPr/>
          </p:nvGrpSpPr>
          <p:grpSpPr bwMode="auto">
            <a:xfrm>
              <a:off x="4830" y="1006"/>
              <a:ext cx="350" cy="562"/>
              <a:chOff x="5086" y="1113"/>
              <a:chExt cx="359" cy="579"/>
            </a:xfrm>
          </p:grpSpPr>
          <p:sp>
            <p:nvSpPr>
              <p:cNvPr id="880" name="Freeform 64"/>
              <p:cNvSpPr>
                <a:spLocks/>
              </p:cNvSpPr>
              <p:nvPr/>
            </p:nvSpPr>
            <p:spPr bwMode="auto">
              <a:xfrm>
                <a:off x="5086" y="1113"/>
                <a:ext cx="359" cy="579"/>
              </a:xfrm>
              <a:custGeom>
                <a:avLst/>
                <a:gdLst>
                  <a:gd name="T0" fmla="*/ 90 w 359"/>
                  <a:gd name="T1" fmla="*/ 565 h 579"/>
                  <a:gd name="T2" fmla="*/ 74 w 359"/>
                  <a:gd name="T3" fmla="*/ 550 h 579"/>
                  <a:gd name="T4" fmla="*/ 0 w 359"/>
                  <a:gd name="T5" fmla="*/ 318 h 579"/>
                  <a:gd name="T6" fmla="*/ 15 w 359"/>
                  <a:gd name="T7" fmla="*/ 311 h 579"/>
                  <a:gd name="T8" fmla="*/ 18 w 359"/>
                  <a:gd name="T9" fmla="*/ 311 h 579"/>
                  <a:gd name="T10" fmla="*/ 18 w 359"/>
                  <a:gd name="T11" fmla="*/ 294 h 579"/>
                  <a:gd name="T12" fmla="*/ 27 w 359"/>
                  <a:gd name="T13" fmla="*/ 289 h 579"/>
                  <a:gd name="T14" fmla="*/ 30 w 359"/>
                  <a:gd name="T15" fmla="*/ 259 h 579"/>
                  <a:gd name="T16" fmla="*/ 39 w 359"/>
                  <a:gd name="T17" fmla="*/ 250 h 579"/>
                  <a:gd name="T18" fmla="*/ 39 w 359"/>
                  <a:gd name="T19" fmla="*/ 238 h 579"/>
                  <a:gd name="T20" fmla="*/ 47 w 359"/>
                  <a:gd name="T21" fmla="*/ 221 h 579"/>
                  <a:gd name="T22" fmla="*/ 39 w 359"/>
                  <a:gd name="T23" fmla="*/ 198 h 579"/>
                  <a:gd name="T24" fmla="*/ 39 w 359"/>
                  <a:gd name="T25" fmla="*/ 169 h 579"/>
                  <a:gd name="T26" fmla="*/ 44 w 359"/>
                  <a:gd name="T27" fmla="*/ 154 h 579"/>
                  <a:gd name="T28" fmla="*/ 44 w 359"/>
                  <a:gd name="T29" fmla="*/ 125 h 579"/>
                  <a:gd name="T30" fmla="*/ 51 w 359"/>
                  <a:gd name="T31" fmla="*/ 98 h 579"/>
                  <a:gd name="T32" fmla="*/ 91 w 359"/>
                  <a:gd name="T33" fmla="*/ 12 h 579"/>
                  <a:gd name="T34" fmla="*/ 105 w 359"/>
                  <a:gd name="T35" fmla="*/ 34 h 579"/>
                  <a:gd name="T36" fmla="*/ 125 w 359"/>
                  <a:gd name="T37" fmla="*/ 29 h 579"/>
                  <a:gd name="T38" fmla="*/ 145 w 359"/>
                  <a:gd name="T39" fmla="*/ 12 h 579"/>
                  <a:gd name="T40" fmla="*/ 152 w 359"/>
                  <a:gd name="T41" fmla="*/ 3 h 579"/>
                  <a:gd name="T42" fmla="*/ 174 w 359"/>
                  <a:gd name="T43" fmla="*/ 7 h 579"/>
                  <a:gd name="T44" fmla="*/ 205 w 359"/>
                  <a:gd name="T45" fmla="*/ 22 h 579"/>
                  <a:gd name="T46" fmla="*/ 255 w 359"/>
                  <a:gd name="T47" fmla="*/ 177 h 579"/>
                  <a:gd name="T48" fmla="*/ 294 w 359"/>
                  <a:gd name="T49" fmla="*/ 213 h 579"/>
                  <a:gd name="T50" fmla="*/ 311 w 359"/>
                  <a:gd name="T51" fmla="*/ 237 h 579"/>
                  <a:gd name="T52" fmla="*/ 332 w 359"/>
                  <a:gd name="T53" fmla="*/ 243 h 579"/>
                  <a:gd name="T54" fmla="*/ 340 w 359"/>
                  <a:gd name="T55" fmla="*/ 265 h 579"/>
                  <a:gd name="T56" fmla="*/ 359 w 359"/>
                  <a:gd name="T57" fmla="*/ 267 h 579"/>
                  <a:gd name="T58" fmla="*/ 350 w 359"/>
                  <a:gd name="T59" fmla="*/ 289 h 579"/>
                  <a:gd name="T60" fmla="*/ 335 w 359"/>
                  <a:gd name="T61" fmla="*/ 293 h 579"/>
                  <a:gd name="T62" fmla="*/ 323 w 359"/>
                  <a:gd name="T63" fmla="*/ 306 h 579"/>
                  <a:gd name="T64" fmla="*/ 320 w 359"/>
                  <a:gd name="T65" fmla="*/ 320 h 579"/>
                  <a:gd name="T66" fmla="*/ 304 w 359"/>
                  <a:gd name="T67" fmla="*/ 326 h 579"/>
                  <a:gd name="T68" fmla="*/ 299 w 359"/>
                  <a:gd name="T69" fmla="*/ 323 h 579"/>
                  <a:gd name="T70" fmla="*/ 296 w 359"/>
                  <a:gd name="T71" fmla="*/ 330 h 579"/>
                  <a:gd name="T72" fmla="*/ 284 w 359"/>
                  <a:gd name="T73" fmla="*/ 357 h 579"/>
                  <a:gd name="T74" fmla="*/ 264 w 359"/>
                  <a:gd name="T75" fmla="*/ 335 h 579"/>
                  <a:gd name="T76" fmla="*/ 262 w 359"/>
                  <a:gd name="T77" fmla="*/ 348 h 579"/>
                  <a:gd name="T78" fmla="*/ 244 w 359"/>
                  <a:gd name="T79" fmla="*/ 362 h 579"/>
                  <a:gd name="T80" fmla="*/ 220 w 359"/>
                  <a:gd name="T81" fmla="*/ 362 h 579"/>
                  <a:gd name="T82" fmla="*/ 213 w 359"/>
                  <a:gd name="T83" fmla="*/ 353 h 579"/>
                  <a:gd name="T84" fmla="*/ 208 w 359"/>
                  <a:gd name="T85" fmla="*/ 372 h 579"/>
                  <a:gd name="T86" fmla="*/ 198 w 359"/>
                  <a:gd name="T87" fmla="*/ 436 h 579"/>
                  <a:gd name="T88" fmla="*/ 171 w 359"/>
                  <a:gd name="T89" fmla="*/ 450 h 579"/>
                  <a:gd name="T90" fmla="*/ 162 w 359"/>
                  <a:gd name="T91" fmla="*/ 448 h 579"/>
                  <a:gd name="T92" fmla="*/ 156 w 359"/>
                  <a:gd name="T93" fmla="*/ 448 h 579"/>
                  <a:gd name="T94" fmla="*/ 157 w 359"/>
                  <a:gd name="T95" fmla="*/ 475 h 579"/>
                  <a:gd name="T96" fmla="*/ 144 w 359"/>
                  <a:gd name="T97" fmla="*/ 460 h 579"/>
                  <a:gd name="T98" fmla="*/ 125 w 359"/>
                  <a:gd name="T99" fmla="*/ 475 h 579"/>
                  <a:gd name="T100" fmla="*/ 122 w 359"/>
                  <a:gd name="T101" fmla="*/ 506 h 579"/>
                  <a:gd name="T102" fmla="*/ 120 w 359"/>
                  <a:gd name="T103" fmla="*/ 528 h 579"/>
                  <a:gd name="T104" fmla="*/ 106 w 359"/>
                  <a:gd name="T105" fmla="*/ 541 h 579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w 359"/>
                  <a:gd name="T160" fmla="*/ 0 h 579"/>
                  <a:gd name="T161" fmla="*/ 359 w 359"/>
                  <a:gd name="T162" fmla="*/ 579 h 579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T159" t="T160" r="T161" b="T162"/>
                <a:pathLst>
                  <a:path w="359" h="579">
                    <a:moveTo>
                      <a:pt x="98" y="579"/>
                    </a:moveTo>
                    <a:lnTo>
                      <a:pt x="96" y="577"/>
                    </a:lnTo>
                    <a:lnTo>
                      <a:pt x="95" y="575"/>
                    </a:lnTo>
                    <a:lnTo>
                      <a:pt x="91" y="573"/>
                    </a:lnTo>
                    <a:lnTo>
                      <a:pt x="90" y="572"/>
                    </a:lnTo>
                    <a:lnTo>
                      <a:pt x="90" y="565"/>
                    </a:lnTo>
                    <a:lnTo>
                      <a:pt x="88" y="560"/>
                    </a:lnTo>
                    <a:lnTo>
                      <a:pt x="84" y="557"/>
                    </a:lnTo>
                    <a:lnTo>
                      <a:pt x="83" y="553"/>
                    </a:lnTo>
                    <a:lnTo>
                      <a:pt x="79" y="551"/>
                    </a:lnTo>
                    <a:lnTo>
                      <a:pt x="78" y="551"/>
                    </a:lnTo>
                    <a:lnTo>
                      <a:pt x="74" y="550"/>
                    </a:lnTo>
                    <a:lnTo>
                      <a:pt x="68" y="541"/>
                    </a:lnTo>
                    <a:lnTo>
                      <a:pt x="2" y="323"/>
                    </a:lnTo>
                    <a:lnTo>
                      <a:pt x="0" y="323"/>
                    </a:lnTo>
                    <a:lnTo>
                      <a:pt x="0" y="321"/>
                    </a:lnTo>
                    <a:lnTo>
                      <a:pt x="0" y="318"/>
                    </a:lnTo>
                    <a:lnTo>
                      <a:pt x="0" y="315"/>
                    </a:lnTo>
                    <a:lnTo>
                      <a:pt x="2" y="311"/>
                    </a:lnTo>
                    <a:lnTo>
                      <a:pt x="3" y="308"/>
                    </a:lnTo>
                    <a:lnTo>
                      <a:pt x="7" y="306"/>
                    </a:lnTo>
                    <a:lnTo>
                      <a:pt x="10" y="308"/>
                    </a:lnTo>
                    <a:lnTo>
                      <a:pt x="15" y="311"/>
                    </a:lnTo>
                    <a:lnTo>
                      <a:pt x="15" y="313"/>
                    </a:lnTo>
                    <a:lnTo>
                      <a:pt x="17" y="313"/>
                    </a:lnTo>
                    <a:lnTo>
                      <a:pt x="17" y="315"/>
                    </a:lnTo>
                    <a:lnTo>
                      <a:pt x="18" y="315"/>
                    </a:lnTo>
                    <a:lnTo>
                      <a:pt x="18" y="313"/>
                    </a:lnTo>
                    <a:lnTo>
                      <a:pt x="18" y="311"/>
                    </a:lnTo>
                    <a:lnTo>
                      <a:pt x="20" y="306"/>
                    </a:lnTo>
                    <a:lnTo>
                      <a:pt x="20" y="301"/>
                    </a:lnTo>
                    <a:lnTo>
                      <a:pt x="20" y="299"/>
                    </a:lnTo>
                    <a:lnTo>
                      <a:pt x="18" y="298"/>
                    </a:lnTo>
                    <a:lnTo>
                      <a:pt x="18" y="296"/>
                    </a:lnTo>
                    <a:lnTo>
                      <a:pt x="18" y="294"/>
                    </a:lnTo>
                    <a:lnTo>
                      <a:pt x="18" y="293"/>
                    </a:lnTo>
                    <a:lnTo>
                      <a:pt x="20" y="291"/>
                    </a:lnTo>
                    <a:lnTo>
                      <a:pt x="24" y="293"/>
                    </a:lnTo>
                    <a:lnTo>
                      <a:pt x="30" y="294"/>
                    </a:lnTo>
                    <a:lnTo>
                      <a:pt x="29" y="293"/>
                    </a:lnTo>
                    <a:lnTo>
                      <a:pt x="27" y="289"/>
                    </a:lnTo>
                    <a:lnTo>
                      <a:pt x="25" y="284"/>
                    </a:lnTo>
                    <a:lnTo>
                      <a:pt x="24" y="279"/>
                    </a:lnTo>
                    <a:lnTo>
                      <a:pt x="22" y="274"/>
                    </a:lnTo>
                    <a:lnTo>
                      <a:pt x="24" y="267"/>
                    </a:lnTo>
                    <a:lnTo>
                      <a:pt x="25" y="262"/>
                    </a:lnTo>
                    <a:lnTo>
                      <a:pt x="30" y="259"/>
                    </a:lnTo>
                    <a:lnTo>
                      <a:pt x="32" y="257"/>
                    </a:lnTo>
                    <a:lnTo>
                      <a:pt x="34" y="255"/>
                    </a:lnTo>
                    <a:lnTo>
                      <a:pt x="35" y="254"/>
                    </a:lnTo>
                    <a:lnTo>
                      <a:pt x="37" y="252"/>
                    </a:lnTo>
                    <a:lnTo>
                      <a:pt x="39" y="250"/>
                    </a:lnTo>
                    <a:lnTo>
                      <a:pt x="39" y="249"/>
                    </a:lnTo>
                    <a:lnTo>
                      <a:pt x="40" y="249"/>
                    </a:lnTo>
                    <a:lnTo>
                      <a:pt x="40" y="247"/>
                    </a:lnTo>
                    <a:lnTo>
                      <a:pt x="39" y="245"/>
                    </a:lnTo>
                    <a:lnTo>
                      <a:pt x="39" y="242"/>
                    </a:lnTo>
                    <a:lnTo>
                      <a:pt x="39" y="238"/>
                    </a:lnTo>
                    <a:lnTo>
                      <a:pt x="40" y="235"/>
                    </a:lnTo>
                    <a:lnTo>
                      <a:pt x="42" y="230"/>
                    </a:lnTo>
                    <a:lnTo>
                      <a:pt x="44" y="227"/>
                    </a:lnTo>
                    <a:lnTo>
                      <a:pt x="49" y="223"/>
                    </a:lnTo>
                    <a:lnTo>
                      <a:pt x="47" y="223"/>
                    </a:lnTo>
                    <a:lnTo>
                      <a:pt x="47" y="221"/>
                    </a:lnTo>
                    <a:lnTo>
                      <a:pt x="47" y="218"/>
                    </a:lnTo>
                    <a:lnTo>
                      <a:pt x="46" y="215"/>
                    </a:lnTo>
                    <a:lnTo>
                      <a:pt x="44" y="211"/>
                    </a:lnTo>
                    <a:lnTo>
                      <a:pt x="42" y="208"/>
                    </a:lnTo>
                    <a:lnTo>
                      <a:pt x="40" y="203"/>
                    </a:lnTo>
                    <a:lnTo>
                      <a:pt x="39" y="198"/>
                    </a:lnTo>
                    <a:lnTo>
                      <a:pt x="39" y="193"/>
                    </a:lnTo>
                    <a:lnTo>
                      <a:pt x="37" y="188"/>
                    </a:lnTo>
                    <a:lnTo>
                      <a:pt x="37" y="183"/>
                    </a:lnTo>
                    <a:lnTo>
                      <a:pt x="37" y="177"/>
                    </a:lnTo>
                    <a:lnTo>
                      <a:pt x="39" y="172"/>
                    </a:lnTo>
                    <a:lnTo>
                      <a:pt x="39" y="169"/>
                    </a:lnTo>
                    <a:lnTo>
                      <a:pt x="42" y="164"/>
                    </a:lnTo>
                    <a:lnTo>
                      <a:pt x="46" y="161"/>
                    </a:lnTo>
                    <a:lnTo>
                      <a:pt x="46" y="159"/>
                    </a:lnTo>
                    <a:lnTo>
                      <a:pt x="44" y="157"/>
                    </a:lnTo>
                    <a:lnTo>
                      <a:pt x="44" y="154"/>
                    </a:lnTo>
                    <a:lnTo>
                      <a:pt x="44" y="149"/>
                    </a:lnTo>
                    <a:lnTo>
                      <a:pt x="44" y="145"/>
                    </a:lnTo>
                    <a:lnTo>
                      <a:pt x="44" y="140"/>
                    </a:lnTo>
                    <a:lnTo>
                      <a:pt x="44" y="135"/>
                    </a:lnTo>
                    <a:lnTo>
                      <a:pt x="44" y="130"/>
                    </a:lnTo>
                    <a:lnTo>
                      <a:pt x="44" y="125"/>
                    </a:lnTo>
                    <a:lnTo>
                      <a:pt x="44" y="120"/>
                    </a:lnTo>
                    <a:lnTo>
                      <a:pt x="44" y="115"/>
                    </a:lnTo>
                    <a:lnTo>
                      <a:pt x="46" y="110"/>
                    </a:lnTo>
                    <a:lnTo>
                      <a:pt x="47" y="105"/>
                    </a:lnTo>
                    <a:lnTo>
                      <a:pt x="49" y="101"/>
                    </a:lnTo>
                    <a:lnTo>
                      <a:pt x="51" y="98"/>
                    </a:lnTo>
                    <a:lnTo>
                      <a:pt x="78" y="15"/>
                    </a:lnTo>
                    <a:lnTo>
                      <a:pt x="79" y="13"/>
                    </a:lnTo>
                    <a:lnTo>
                      <a:pt x="81" y="13"/>
                    </a:lnTo>
                    <a:lnTo>
                      <a:pt x="84" y="12"/>
                    </a:lnTo>
                    <a:lnTo>
                      <a:pt x="88" y="10"/>
                    </a:lnTo>
                    <a:lnTo>
                      <a:pt x="91" y="12"/>
                    </a:lnTo>
                    <a:lnTo>
                      <a:pt x="95" y="13"/>
                    </a:lnTo>
                    <a:lnTo>
                      <a:pt x="98" y="18"/>
                    </a:lnTo>
                    <a:lnTo>
                      <a:pt x="101" y="29"/>
                    </a:lnTo>
                    <a:lnTo>
                      <a:pt x="101" y="30"/>
                    </a:lnTo>
                    <a:lnTo>
                      <a:pt x="103" y="32"/>
                    </a:lnTo>
                    <a:lnTo>
                      <a:pt x="105" y="34"/>
                    </a:lnTo>
                    <a:lnTo>
                      <a:pt x="108" y="35"/>
                    </a:lnTo>
                    <a:lnTo>
                      <a:pt x="110" y="37"/>
                    </a:lnTo>
                    <a:lnTo>
                      <a:pt x="115" y="37"/>
                    </a:lnTo>
                    <a:lnTo>
                      <a:pt x="118" y="34"/>
                    </a:lnTo>
                    <a:lnTo>
                      <a:pt x="125" y="30"/>
                    </a:lnTo>
                    <a:lnTo>
                      <a:pt x="125" y="29"/>
                    </a:lnTo>
                    <a:lnTo>
                      <a:pt x="128" y="27"/>
                    </a:lnTo>
                    <a:lnTo>
                      <a:pt x="132" y="23"/>
                    </a:lnTo>
                    <a:lnTo>
                      <a:pt x="135" y="20"/>
                    </a:lnTo>
                    <a:lnTo>
                      <a:pt x="139" y="17"/>
                    </a:lnTo>
                    <a:lnTo>
                      <a:pt x="142" y="13"/>
                    </a:lnTo>
                    <a:lnTo>
                      <a:pt x="145" y="12"/>
                    </a:lnTo>
                    <a:lnTo>
                      <a:pt x="152" y="10"/>
                    </a:lnTo>
                    <a:lnTo>
                      <a:pt x="152" y="8"/>
                    </a:lnTo>
                    <a:lnTo>
                      <a:pt x="152" y="5"/>
                    </a:lnTo>
                    <a:lnTo>
                      <a:pt x="152" y="3"/>
                    </a:lnTo>
                    <a:lnTo>
                      <a:pt x="154" y="1"/>
                    </a:lnTo>
                    <a:lnTo>
                      <a:pt x="157" y="0"/>
                    </a:lnTo>
                    <a:lnTo>
                      <a:pt x="162" y="1"/>
                    </a:lnTo>
                    <a:lnTo>
                      <a:pt x="169" y="3"/>
                    </a:lnTo>
                    <a:lnTo>
                      <a:pt x="171" y="5"/>
                    </a:lnTo>
                    <a:lnTo>
                      <a:pt x="174" y="7"/>
                    </a:lnTo>
                    <a:lnTo>
                      <a:pt x="179" y="10"/>
                    </a:lnTo>
                    <a:lnTo>
                      <a:pt x="186" y="13"/>
                    </a:lnTo>
                    <a:lnTo>
                      <a:pt x="193" y="15"/>
                    </a:lnTo>
                    <a:lnTo>
                      <a:pt x="198" y="18"/>
                    </a:lnTo>
                    <a:lnTo>
                      <a:pt x="203" y="20"/>
                    </a:lnTo>
                    <a:lnTo>
                      <a:pt x="205" y="22"/>
                    </a:lnTo>
                    <a:lnTo>
                      <a:pt x="213" y="30"/>
                    </a:lnTo>
                    <a:lnTo>
                      <a:pt x="254" y="164"/>
                    </a:lnTo>
                    <a:lnTo>
                      <a:pt x="254" y="166"/>
                    </a:lnTo>
                    <a:lnTo>
                      <a:pt x="254" y="169"/>
                    </a:lnTo>
                    <a:lnTo>
                      <a:pt x="254" y="172"/>
                    </a:lnTo>
                    <a:lnTo>
                      <a:pt x="255" y="177"/>
                    </a:lnTo>
                    <a:lnTo>
                      <a:pt x="260" y="184"/>
                    </a:lnTo>
                    <a:lnTo>
                      <a:pt x="266" y="188"/>
                    </a:lnTo>
                    <a:lnTo>
                      <a:pt x="276" y="191"/>
                    </a:lnTo>
                    <a:lnTo>
                      <a:pt x="289" y="193"/>
                    </a:lnTo>
                    <a:lnTo>
                      <a:pt x="294" y="196"/>
                    </a:lnTo>
                    <a:lnTo>
                      <a:pt x="294" y="213"/>
                    </a:lnTo>
                    <a:lnTo>
                      <a:pt x="303" y="221"/>
                    </a:lnTo>
                    <a:lnTo>
                      <a:pt x="304" y="225"/>
                    </a:lnTo>
                    <a:lnTo>
                      <a:pt x="306" y="228"/>
                    </a:lnTo>
                    <a:lnTo>
                      <a:pt x="308" y="233"/>
                    </a:lnTo>
                    <a:lnTo>
                      <a:pt x="311" y="237"/>
                    </a:lnTo>
                    <a:lnTo>
                      <a:pt x="315" y="238"/>
                    </a:lnTo>
                    <a:lnTo>
                      <a:pt x="318" y="238"/>
                    </a:lnTo>
                    <a:lnTo>
                      <a:pt x="321" y="237"/>
                    </a:lnTo>
                    <a:lnTo>
                      <a:pt x="323" y="237"/>
                    </a:lnTo>
                    <a:lnTo>
                      <a:pt x="326" y="240"/>
                    </a:lnTo>
                    <a:lnTo>
                      <a:pt x="332" y="243"/>
                    </a:lnTo>
                    <a:lnTo>
                      <a:pt x="337" y="247"/>
                    </a:lnTo>
                    <a:lnTo>
                      <a:pt x="340" y="250"/>
                    </a:lnTo>
                    <a:lnTo>
                      <a:pt x="345" y="254"/>
                    </a:lnTo>
                    <a:lnTo>
                      <a:pt x="348" y="257"/>
                    </a:lnTo>
                    <a:lnTo>
                      <a:pt x="340" y="265"/>
                    </a:lnTo>
                    <a:lnTo>
                      <a:pt x="347" y="276"/>
                    </a:lnTo>
                    <a:lnTo>
                      <a:pt x="350" y="272"/>
                    </a:lnTo>
                    <a:lnTo>
                      <a:pt x="354" y="271"/>
                    </a:lnTo>
                    <a:lnTo>
                      <a:pt x="357" y="267"/>
                    </a:lnTo>
                    <a:lnTo>
                      <a:pt x="359" y="267"/>
                    </a:lnTo>
                    <a:lnTo>
                      <a:pt x="359" y="269"/>
                    </a:lnTo>
                    <a:lnTo>
                      <a:pt x="359" y="274"/>
                    </a:lnTo>
                    <a:lnTo>
                      <a:pt x="354" y="284"/>
                    </a:lnTo>
                    <a:lnTo>
                      <a:pt x="352" y="287"/>
                    </a:lnTo>
                    <a:lnTo>
                      <a:pt x="350" y="289"/>
                    </a:lnTo>
                    <a:lnTo>
                      <a:pt x="347" y="293"/>
                    </a:lnTo>
                    <a:lnTo>
                      <a:pt x="345" y="296"/>
                    </a:lnTo>
                    <a:lnTo>
                      <a:pt x="343" y="298"/>
                    </a:lnTo>
                    <a:lnTo>
                      <a:pt x="342" y="299"/>
                    </a:lnTo>
                    <a:lnTo>
                      <a:pt x="342" y="301"/>
                    </a:lnTo>
                    <a:lnTo>
                      <a:pt x="335" y="293"/>
                    </a:lnTo>
                    <a:lnTo>
                      <a:pt x="330" y="298"/>
                    </a:lnTo>
                    <a:lnTo>
                      <a:pt x="333" y="306"/>
                    </a:lnTo>
                    <a:lnTo>
                      <a:pt x="326" y="308"/>
                    </a:lnTo>
                    <a:lnTo>
                      <a:pt x="325" y="308"/>
                    </a:lnTo>
                    <a:lnTo>
                      <a:pt x="323" y="306"/>
                    </a:lnTo>
                    <a:lnTo>
                      <a:pt x="321" y="306"/>
                    </a:lnTo>
                    <a:lnTo>
                      <a:pt x="318" y="306"/>
                    </a:lnTo>
                    <a:lnTo>
                      <a:pt x="318" y="308"/>
                    </a:lnTo>
                    <a:lnTo>
                      <a:pt x="318" y="311"/>
                    </a:lnTo>
                    <a:lnTo>
                      <a:pt x="320" y="316"/>
                    </a:lnTo>
                    <a:lnTo>
                      <a:pt x="320" y="320"/>
                    </a:lnTo>
                    <a:lnTo>
                      <a:pt x="318" y="321"/>
                    </a:lnTo>
                    <a:lnTo>
                      <a:pt x="316" y="323"/>
                    </a:lnTo>
                    <a:lnTo>
                      <a:pt x="313" y="325"/>
                    </a:lnTo>
                    <a:lnTo>
                      <a:pt x="310" y="326"/>
                    </a:lnTo>
                    <a:lnTo>
                      <a:pt x="306" y="326"/>
                    </a:lnTo>
                    <a:lnTo>
                      <a:pt x="304" y="326"/>
                    </a:lnTo>
                    <a:lnTo>
                      <a:pt x="301" y="325"/>
                    </a:lnTo>
                    <a:lnTo>
                      <a:pt x="298" y="321"/>
                    </a:lnTo>
                    <a:lnTo>
                      <a:pt x="299" y="323"/>
                    </a:lnTo>
                    <a:lnTo>
                      <a:pt x="299" y="321"/>
                    </a:lnTo>
                    <a:lnTo>
                      <a:pt x="298" y="321"/>
                    </a:lnTo>
                    <a:lnTo>
                      <a:pt x="298" y="323"/>
                    </a:lnTo>
                    <a:lnTo>
                      <a:pt x="296" y="326"/>
                    </a:lnTo>
                    <a:lnTo>
                      <a:pt x="296" y="330"/>
                    </a:lnTo>
                    <a:lnTo>
                      <a:pt x="296" y="338"/>
                    </a:lnTo>
                    <a:lnTo>
                      <a:pt x="294" y="340"/>
                    </a:lnTo>
                    <a:lnTo>
                      <a:pt x="293" y="345"/>
                    </a:lnTo>
                    <a:lnTo>
                      <a:pt x="289" y="347"/>
                    </a:lnTo>
                    <a:lnTo>
                      <a:pt x="289" y="348"/>
                    </a:lnTo>
                    <a:lnTo>
                      <a:pt x="284" y="357"/>
                    </a:lnTo>
                    <a:lnTo>
                      <a:pt x="277" y="348"/>
                    </a:lnTo>
                    <a:lnTo>
                      <a:pt x="277" y="342"/>
                    </a:lnTo>
                    <a:lnTo>
                      <a:pt x="267" y="337"/>
                    </a:lnTo>
                    <a:lnTo>
                      <a:pt x="267" y="335"/>
                    </a:lnTo>
                    <a:lnTo>
                      <a:pt x="266" y="335"/>
                    </a:lnTo>
                    <a:lnTo>
                      <a:pt x="264" y="335"/>
                    </a:lnTo>
                    <a:lnTo>
                      <a:pt x="262" y="335"/>
                    </a:lnTo>
                    <a:lnTo>
                      <a:pt x="260" y="337"/>
                    </a:lnTo>
                    <a:lnTo>
                      <a:pt x="260" y="338"/>
                    </a:lnTo>
                    <a:lnTo>
                      <a:pt x="260" y="342"/>
                    </a:lnTo>
                    <a:lnTo>
                      <a:pt x="262" y="347"/>
                    </a:lnTo>
                    <a:lnTo>
                      <a:pt x="262" y="348"/>
                    </a:lnTo>
                    <a:lnTo>
                      <a:pt x="260" y="350"/>
                    </a:lnTo>
                    <a:lnTo>
                      <a:pt x="257" y="353"/>
                    </a:lnTo>
                    <a:lnTo>
                      <a:pt x="254" y="355"/>
                    </a:lnTo>
                    <a:lnTo>
                      <a:pt x="249" y="359"/>
                    </a:lnTo>
                    <a:lnTo>
                      <a:pt x="245" y="360"/>
                    </a:lnTo>
                    <a:lnTo>
                      <a:pt x="244" y="362"/>
                    </a:lnTo>
                    <a:lnTo>
                      <a:pt x="242" y="362"/>
                    </a:lnTo>
                    <a:lnTo>
                      <a:pt x="244" y="375"/>
                    </a:lnTo>
                    <a:lnTo>
                      <a:pt x="223" y="375"/>
                    </a:lnTo>
                    <a:lnTo>
                      <a:pt x="230" y="364"/>
                    </a:lnTo>
                    <a:lnTo>
                      <a:pt x="220" y="364"/>
                    </a:lnTo>
                    <a:lnTo>
                      <a:pt x="220" y="362"/>
                    </a:lnTo>
                    <a:lnTo>
                      <a:pt x="220" y="359"/>
                    </a:lnTo>
                    <a:lnTo>
                      <a:pt x="218" y="353"/>
                    </a:lnTo>
                    <a:lnTo>
                      <a:pt x="218" y="350"/>
                    </a:lnTo>
                    <a:lnTo>
                      <a:pt x="216" y="348"/>
                    </a:lnTo>
                    <a:lnTo>
                      <a:pt x="215" y="348"/>
                    </a:lnTo>
                    <a:lnTo>
                      <a:pt x="213" y="353"/>
                    </a:lnTo>
                    <a:lnTo>
                      <a:pt x="210" y="364"/>
                    </a:lnTo>
                    <a:lnTo>
                      <a:pt x="210" y="365"/>
                    </a:lnTo>
                    <a:lnTo>
                      <a:pt x="210" y="367"/>
                    </a:lnTo>
                    <a:lnTo>
                      <a:pt x="210" y="370"/>
                    </a:lnTo>
                    <a:lnTo>
                      <a:pt x="208" y="372"/>
                    </a:lnTo>
                    <a:lnTo>
                      <a:pt x="208" y="375"/>
                    </a:lnTo>
                    <a:lnTo>
                      <a:pt x="208" y="377"/>
                    </a:lnTo>
                    <a:lnTo>
                      <a:pt x="210" y="411"/>
                    </a:lnTo>
                    <a:lnTo>
                      <a:pt x="205" y="421"/>
                    </a:lnTo>
                    <a:lnTo>
                      <a:pt x="198" y="436"/>
                    </a:lnTo>
                    <a:lnTo>
                      <a:pt x="193" y="428"/>
                    </a:lnTo>
                    <a:lnTo>
                      <a:pt x="183" y="431"/>
                    </a:lnTo>
                    <a:lnTo>
                      <a:pt x="179" y="450"/>
                    </a:lnTo>
                    <a:lnTo>
                      <a:pt x="171" y="448"/>
                    </a:lnTo>
                    <a:lnTo>
                      <a:pt x="171" y="450"/>
                    </a:lnTo>
                    <a:lnTo>
                      <a:pt x="171" y="453"/>
                    </a:lnTo>
                    <a:lnTo>
                      <a:pt x="169" y="453"/>
                    </a:lnTo>
                    <a:lnTo>
                      <a:pt x="169" y="455"/>
                    </a:lnTo>
                    <a:lnTo>
                      <a:pt x="167" y="455"/>
                    </a:lnTo>
                    <a:lnTo>
                      <a:pt x="166" y="453"/>
                    </a:lnTo>
                    <a:lnTo>
                      <a:pt x="162" y="448"/>
                    </a:lnTo>
                    <a:lnTo>
                      <a:pt x="162" y="447"/>
                    </a:lnTo>
                    <a:lnTo>
                      <a:pt x="161" y="447"/>
                    </a:lnTo>
                    <a:lnTo>
                      <a:pt x="161" y="445"/>
                    </a:lnTo>
                    <a:lnTo>
                      <a:pt x="159" y="445"/>
                    </a:lnTo>
                    <a:lnTo>
                      <a:pt x="157" y="447"/>
                    </a:lnTo>
                    <a:lnTo>
                      <a:pt x="156" y="448"/>
                    </a:lnTo>
                    <a:lnTo>
                      <a:pt x="156" y="453"/>
                    </a:lnTo>
                    <a:lnTo>
                      <a:pt x="154" y="462"/>
                    </a:lnTo>
                    <a:lnTo>
                      <a:pt x="156" y="463"/>
                    </a:lnTo>
                    <a:lnTo>
                      <a:pt x="156" y="467"/>
                    </a:lnTo>
                    <a:lnTo>
                      <a:pt x="156" y="472"/>
                    </a:lnTo>
                    <a:lnTo>
                      <a:pt x="157" y="475"/>
                    </a:lnTo>
                    <a:lnTo>
                      <a:pt x="156" y="477"/>
                    </a:lnTo>
                    <a:lnTo>
                      <a:pt x="154" y="475"/>
                    </a:lnTo>
                    <a:lnTo>
                      <a:pt x="152" y="469"/>
                    </a:lnTo>
                    <a:lnTo>
                      <a:pt x="147" y="457"/>
                    </a:lnTo>
                    <a:lnTo>
                      <a:pt x="144" y="460"/>
                    </a:lnTo>
                    <a:lnTo>
                      <a:pt x="140" y="462"/>
                    </a:lnTo>
                    <a:lnTo>
                      <a:pt x="137" y="465"/>
                    </a:lnTo>
                    <a:lnTo>
                      <a:pt x="132" y="469"/>
                    </a:lnTo>
                    <a:lnTo>
                      <a:pt x="128" y="472"/>
                    </a:lnTo>
                    <a:lnTo>
                      <a:pt x="127" y="475"/>
                    </a:lnTo>
                    <a:lnTo>
                      <a:pt x="125" y="475"/>
                    </a:lnTo>
                    <a:lnTo>
                      <a:pt x="122" y="497"/>
                    </a:lnTo>
                    <a:lnTo>
                      <a:pt x="127" y="499"/>
                    </a:lnTo>
                    <a:lnTo>
                      <a:pt x="127" y="506"/>
                    </a:lnTo>
                    <a:lnTo>
                      <a:pt x="123" y="506"/>
                    </a:lnTo>
                    <a:lnTo>
                      <a:pt x="122" y="506"/>
                    </a:lnTo>
                    <a:lnTo>
                      <a:pt x="118" y="507"/>
                    </a:lnTo>
                    <a:lnTo>
                      <a:pt x="117" y="511"/>
                    </a:lnTo>
                    <a:lnTo>
                      <a:pt x="115" y="514"/>
                    </a:lnTo>
                    <a:lnTo>
                      <a:pt x="117" y="519"/>
                    </a:lnTo>
                    <a:lnTo>
                      <a:pt x="120" y="528"/>
                    </a:lnTo>
                    <a:lnTo>
                      <a:pt x="118" y="529"/>
                    </a:lnTo>
                    <a:lnTo>
                      <a:pt x="117" y="533"/>
                    </a:lnTo>
                    <a:lnTo>
                      <a:pt x="113" y="536"/>
                    </a:lnTo>
                    <a:lnTo>
                      <a:pt x="110" y="538"/>
                    </a:lnTo>
                    <a:lnTo>
                      <a:pt x="108" y="541"/>
                    </a:lnTo>
                    <a:lnTo>
                      <a:pt x="106" y="541"/>
                    </a:lnTo>
                    <a:lnTo>
                      <a:pt x="106" y="543"/>
                    </a:lnTo>
                    <a:lnTo>
                      <a:pt x="106" y="565"/>
                    </a:lnTo>
                    <a:lnTo>
                      <a:pt x="98" y="57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81" name="Freeform 65"/>
              <p:cNvSpPr>
                <a:spLocks/>
              </p:cNvSpPr>
              <p:nvPr/>
            </p:nvSpPr>
            <p:spPr bwMode="auto">
              <a:xfrm>
                <a:off x="5343" y="1465"/>
                <a:ext cx="17" cy="23"/>
              </a:xfrm>
              <a:custGeom>
                <a:avLst/>
                <a:gdLst>
                  <a:gd name="T0" fmla="*/ 9 w 17"/>
                  <a:gd name="T1" fmla="*/ 0 h 23"/>
                  <a:gd name="T2" fmla="*/ 17 w 17"/>
                  <a:gd name="T3" fmla="*/ 7 h 23"/>
                  <a:gd name="T4" fmla="*/ 14 w 17"/>
                  <a:gd name="T5" fmla="*/ 15 h 23"/>
                  <a:gd name="T6" fmla="*/ 10 w 17"/>
                  <a:gd name="T7" fmla="*/ 17 h 23"/>
                  <a:gd name="T8" fmla="*/ 10 w 17"/>
                  <a:gd name="T9" fmla="*/ 17 h 23"/>
                  <a:gd name="T10" fmla="*/ 12 w 17"/>
                  <a:gd name="T11" fmla="*/ 18 h 23"/>
                  <a:gd name="T12" fmla="*/ 12 w 17"/>
                  <a:gd name="T13" fmla="*/ 20 h 23"/>
                  <a:gd name="T14" fmla="*/ 12 w 17"/>
                  <a:gd name="T15" fmla="*/ 23 h 23"/>
                  <a:gd name="T16" fmla="*/ 10 w 17"/>
                  <a:gd name="T17" fmla="*/ 23 h 23"/>
                  <a:gd name="T18" fmla="*/ 9 w 17"/>
                  <a:gd name="T19" fmla="*/ 23 h 23"/>
                  <a:gd name="T20" fmla="*/ 5 w 17"/>
                  <a:gd name="T21" fmla="*/ 22 h 23"/>
                  <a:gd name="T22" fmla="*/ 0 w 17"/>
                  <a:gd name="T23" fmla="*/ 18 h 23"/>
                  <a:gd name="T24" fmla="*/ 0 w 17"/>
                  <a:gd name="T25" fmla="*/ 17 h 23"/>
                  <a:gd name="T26" fmla="*/ 0 w 17"/>
                  <a:gd name="T27" fmla="*/ 12 h 23"/>
                  <a:gd name="T28" fmla="*/ 0 w 17"/>
                  <a:gd name="T29" fmla="*/ 10 h 23"/>
                  <a:gd name="T30" fmla="*/ 2 w 17"/>
                  <a:gd name="T31" fmla="*/ 8 h 23"/>
                  <a:gd name="T32" fmla="*/ 9 w 17"/>
                  <a:gd name="T33" fmla="*/ 0 h 23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7"/>
                  <a:gd name="T52" fmla="*/ 0 h 23"/>
                  <a:gd name="T53" fmla="*/ 17 w 17"/>
                  <a:gd name="T54" fmla="*/ 23 h 23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7" h="23">
                    <a:moveTo>
                      <a:pt x="9" y="0"/>
                    </a:moveTo>
                    <a:lnTo>
                      <a:pt x="17" y="7"/>
                    </a:lnTo>
                    <a:lnTo>
                      <a:pt x="14" y="15"/>
                    </a:lnTo>
                    <a:lnTo>
                      <a:pt x="10" y="17"/>
                    </a:lnTo>
                    <a:lnTo>
                      <a:pt x="12" y="18"/>
                    </a:lnTo>
                    <a:lnTo>
                      <a:pt x="12" y="20"/>
                    </a:lnTo>
                    <a:lnTo>
                      <a:pt x="12" y="23"/>
                    </a:lnTo>
                    <a:lnTo>
                      <a:pt x="10" y="23"/>
                    </a:lnTo>
                    <a:lnTo>
                      <a:pt x="9" y="23"/>
                    </a:lnTo>
                    <a:lnTo>
                      <a:pt x="5" y="22"/>
                    </a:lnTo>
                    <a:lnTo>
                      <a:pt x="0" y="18"/>
                    </a:lnTo>
                    <a:lnTo>
                      <a:pt x="0" y="17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2" y="8"/>
                    </a:lnTo>
                    <a:lnTo>
                      <a:pt x="9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755" name="Group 66"/>
            <p:cNvGrpSpPr>
              <a:grpSpLocks/>
            </p:cNvGrpSpPr>
            <p:nvPr/>
          </p:nvGrpSpPr>
          <p:grpSpPr bwMode="auto">
            <a:xfrm>
              <a:off x="4607" y="1852"/>
              <a:ext cx="126" cy="291"/>
              <a:chOff x="4856" y="1462"/>
              <a:chExt cx="130" cy="300"/>
            </a:xfrm>
          </p:grpSpPr>
          <p:sp>
            <p:nvSpPr>
              <p:cNvPr id="878" name="Freeform 67"/>
              <p:cNvSpPr>
                <a:spLocks/>
              </p:cNvSpPr>
              <p:nvPr/>
            </p:nvSpPr>
            <p:spPr bwMode="auto">
              <a:xfrm>
                <a:off x="4856" y="1462"/>
                <a:ext cx="130" cy="300"/>
              </a:xfrm>
              <a:custGeom>
                <a:avLst/>
                <a:gdLst>
                  <a:gd name="T0" fmla="*/ 12 w 130"/>
                  <a:gd name="T1" fmla="*/ 202 h 300"/>
                  <a:gd name="T2" fmla="*/ 23 w 130"/>
                  <a:gd name="T3" fmla="*/ 192 h 300"/>
                  <a:gd name="T4" fmla="*/ 32 w 130"/>
                  <a:gd name="T5" fmla="*/ 186 h 300"/>
                  <a:gd name="T6" fmla="*/ 39 w 130"/>
                  <a:gd name="T7" fmla="*/ 171 h 300"/>
                  <a:gd name="T8" fmla="*/ 49 w 130"/>
                  <a:gd name="T9" fmla="*/ 159 h 300"/>
                  <a:gd name="T10" fmla="*/ 57 w 130"/>
                  <a:gd name="T11" fmla="*/ 154 h 300"/>
                  <a:gd name="T12" fmla="*/ 59 w 130"/>
                  <a:gd name="T13" fmla="*/ 146 h 300"/>
                  <a:gd name="T14" fmla="*/ 56 w 130"/>
                  <a:gd name="T15" fmla="*/ 141 h 300"/>
                  <a:gd name="T16" fmla="*/ 49 w 130"/>
                  <a:gd name="T17" fmla="*/ 137 h 300"/>
                  <a:gd name="T18" fmla="*/ 32 w 130"/>
                  <a:gd name="T19" fmla="*/ 122 h 300"/>
                  <a:gd name="T20" fmla="*/ 20 w 130"/>
                  <a:gd name="T21" fmla="*/ 112 h 300"/>
                  <a:gd name="T22" fmla="*/ 3 w 130"/>
                  <a:gd name="T23" fmla="*/ 93 h 300"/>
                  <a:gd name="T24" fmla="*/ 6 w 130"/>
                  <a:gd name="T25" fmla="*/ 76 h 300"/>
                  <a:gd name="T26" fmla="*/ 0 w 130"/>
                  <a:gd name="T27" fmla="*/ 56 h 300"/>
                  <a:gd name="T28" fmla="*/ 28 w 130"/>
                  <a:gd name="T29" fmla="*/ 0 h 300"/>
                  <a:gd name="T30" fmla="*/ 113 w 130"/>
                  <a:gd name="T31" fmla="*/ 60 h 300"/>
                  <a:gd name="T32" fmla="*/ 106 w 130"/>
                  <a:gd name="T33" fmla="*/ 76 h 300"/>
                  <a:gd name="T34" fmla="*/ 106 w 130"/>
                  <a:gd name="T35" fmla="*/ 87 h 300"/>
                  <a:gd name="T36" fmla="*/ 96 w 130"/>
                  <a:gd name="T37" fmla="*/ 95 h 300"/>
                  <a:gd name="T38" fmla="*/ 113 w 130"/>
                  <a:gd name="T39" fmla="*/ 102 h 300"/>
                  <a:gd name="T40" fmla="*/ 118 w 130"/>
                  <a:gd name="T41" fmla="*/ 100 h 300"/>
                  <a:gd name="T42" fmla="*/ 120 w 130"/>
                  <a:gd name="T43" fmla="*/ 97 h 300"/>
                  <a:gd name="T44" fmla="*/ 122 w 130"/>
                  <a:gd name="T45" fmla="*/ 95 h 300"/>
                  <a:gd name="T46" fmla="*/ 125 w 130"/>
                  <a:gd name="T47" fmla="*/ 98 h 300"/>
                  <a:gd name="T48" fmla="*/ 127 w 130"/>
                  <a:gd name="T49" fmla="*/ 107 h 300"/>
                  <a:gd name="T50" fmla="*/ 127 w 130"/>
                  <a:gd name="T51" fmla="*/ 127 h 300"/>
                  <a:gd name="T52" fmla="*/ 127 w 130"/>
                  <a:gd name="T53" fmla="*/ 141 h 300"/>
                  <a:gd name="T54" fmla="*/ 127 w 130"/>
                  <a:gd name="T55" fmla="*/ 146 h 300"/>
                  <a:gd name="T56" fmla="*/ 127 w 130"/>
                  <a:gd name="T57" fmla="*/ 151 h 300"/>
                  <a:gd name="T58" fmla="*/ 130 w 130"/>
                  <a:gd name="T59" fmla="*/ 161 h 300"/>
                  <a:gd name="T60" fmla="*/ 130 w 130"/>
                  <a:gd name="T61" fmla="*/ 173 h 300"/>
                  <a:gd name="T62" fmla="*/ 130 w 130"/>
                  <a:gd name="T63" fmla="*/ 183 h 300"/>
                  <a:gd name="T64" fmla="*/ 128 w 130"/>
                  <a:gd name="T65" fmla="*/ 181 h 300"/>
                  <a:gd name="T66" fmla="*/ 125 w 130"/>
                  <a:gd name="T67" fmla="*/ 163 h 300"/>
                  <a:gd name="T68" fmla="*/ 122 w 130"/>
                  <a:gd name="T69" fmla="*/ 151 h 300"/>
                  <a:gd name="T70" fmla="*/ 118 w 130"/>
                  <a:gd name="T71" fmla="*/ 151 h 300"/>
                  <a:gd name="T72" fmla="*/ 122 w 130"/>
                  <a:gd name="T73" fmla="*/ 168 h 300"/>
                  <a:gd name="T74" fmla="*/ 122 w 130"/>
                  <a:gd name="T75" fmla="*/ 175 h 300"/>
                  <a:gd name="T76" fmla="*/ 122 w 130"/>
                  <a:gd name="T77" fmla="*/ 186 h 300"/>
                  <a:gd name="T78" fmla="*/ 122 w 130"/>
                  <a:gd name="T79" fmla="*/ 190 h 300"/>
                  <a:gd name="T80" fmla="*/ 122 w 130"/>
                  <a:gd name="T81" fmla="*/ 193 h 300"/>
                  <a:gd name="T82" fmla="*/ 118 w 130"/>
                  <a:gd name="T83" fmla="*/ 202 h 300"/>
                  <a:gd name="T84" fmla="*/ 115 w 130"/>
                  <a:gd name="T85" fmla="*/ 208 h 300"/>
                  <a:gd name="T86" fmla="*/ 110 w 130"/>
                  <a:gd name="T87" fmla="*/ 219 h 300"/>
                  <a:gd name="T88" fmla="*/ 108 w 130"/>
                  <a:gd name="T89" fmla="*/ 230 h 300"/>
                  <a:gd name="T90" fmla="*/ 103 w 130"/>
                  <a:gd name="T91" fmla="*/ 239 h 300"/>
                  <a:gd name="T92" fmla="*/ 94 w 130"/>
                  <a:gd name="T93" fmla="*/ 249 h 300"/>
                  <a:gd name="T94" fmla="*/ 96 w 130"/>
                  <a:gd name="T95" fmla="*/ 256 h 300"/>
                  <a:gd name="T96" fmla="*/ 86 w 130"/>
                  <a:gd name="T97" fmla="*/ 290 h 300"/>
                  <a:gd name="T98" fmla="*/ 76 w 130"/>
                  <a:gd name="T99" fmla="*/ 300 h 300"/>
                  <a:gd name="T100" fmla="*/ 71 w 130"/>
                  <a:gd name="T101" fmla="*/ 295 h 300"/>
                  <a:gd name="T102" fmla="*/ 72 w 130"/>
                  <a:gd name="T103" fmla="*/ 285 h 300"/>
                  <a:gd name="T104" fmla="*/ 74 w 130"/>
                  <a:gd name="T105" fmla="*/ 276 h 300"/>
                  <a:gd name="T106" fmla="*/ 64 w 130"/>
                  <a:gd name="T107" fmla="*/ 271 h 300"/>
                  <a:gd name="T108" fmla="*/ 49 w 130"/>
                  <a:gd name="T109" fmla="*/ 278 h 300"/>
                  <a:gd name="T110" fmla="*/ 44 w 130"/>
                  <a:gd name="T111" fmla="*/ 271 h 300"/>
                  <a:gd name="T112" fmla="*/ 34 w 130"/>
                  <a:gd name="T113" fmla="*/ 266 h 300"/>
                  <a:gd name="T114" fmla="*/ 23 w 130"/>
                  <a:gd name="T115" fmla="*/ 261 h 300"/>
                  <a:gd name="T116" fmla="*/ 6 w 130"/>
                  <a:gd name="T117" fmla="*/ 247 h 300"/>
                  <a:gd name="T118" fmla="*/ 3 w 130"/>
                  <a:gd name="T119" fmla="*/ 237 h 300"/>
                  <a:gd name="T120" fmla="*/ 1 w 130"/>
                  <a:gd name="T121" fmla="*/ 227 h 300"/>
                  <a:gd name="T122" fmla="*/ 3 w 130"/>
                  <a:gd name="T123" fmla="*/ 219 h 300"/>
                  <a:gd name="T124" fmla="*/ 13 w 130"/>
                  <a:gd name="T125" fmla="*/ 205 h 300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  <a:gd name="T189" fmla="*/ 0 w 130"/>
                  <a:gd name="T190" fmla="*/ 0 h 300"/>
                  <a:gd name="T191" fmla="*/ 130 w 130"/>
                  <a:gd name="T192" fmla="*/ 300 h 300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T189" t="T190" r="T191" b="T192"/>
                <a:pathLst>
                  <a:path w="130" h="300">
                    <a:moveTo>
                      <a:pt x="8" y="205"/>
                    </a:moveTo>
                    <a:lnTo>
                      <a:pt x="8" y="203"/>
                    </a:lnTo>
                    <a:lnTo>
                      <a:pt x="12" y="202"/>
                    </a:lnTo>
                    <a:lnTo>
                      <a:pt x="15" y="198"/>
                    </a:lnTo>
                    <a:lnTo>
                      <a:pt x="20" y="195"/>
                    </a:lnTo>
                    <a:lnTo>
                      <a:pt x="23" y="192"/>
                    </a:lnTo>
                    <a:lnTo>
                      <a:pt x="28" y="190"/>
                    </a:lnTo>
                    <a:lnTo>
                      <a:pt x="30" y="186"/>
                    </a:lnTo>
                    <a:lnTo>
                      <a:pt x="32" y="186"/>
                    </a:lnTo>
                    <a:lnTo>
                      <a:pt x="32" y="181"/>
                    </a:lnTo>
                    <a:lnTo>
                      <a:pt x="35" y="176"/>
                    </a:lnTo>
                    <a:lnTo>
                      <a:pt x="39" y="171"/>
                    </a:lnTo>
                    <a:lnTo>
                      <a:pt x="42" y="166"/>
                    </a:lnTo>
                    <a:lnTo>
                      <a:pt x="45" y="163"/>
                    </a:lnTo>
                    <a:lnTo>
                      <a:pt x="49" y="159"/>
                    </a:lnTo>
                    <a:lnTo>
                      <a:pt x="52" y="158"/>
                    </a:lnTo>
                    <a:lnTo>
                      <a:pt x="54" y="156"/>
                    </a:lnTo>
                    <a:lnTo>
                      <a:pt x="57" y="154"/>
                    </a:lnTo>
                    <a:lnTo>
                      <a:pt x="59" y="151"/>
                    </a:lnTo>
                    <a:lnTo>
                      <a:pt x="59" y="149"/>
                    </a:lnTo>
                    <a:lnTo>
                      <a:pt x="59" y="146"/>
                    </a:lnTo>
                    <a:lnTo>
                      <a:pt x="57" y="144"/>
                    </a:lnTo>
                    <a:lnTo>
                      <a:pt x="56" y="142"/>
                    </a:lnTo>
                    <a:lnTo>
                      <a:pt x="56" y="141"/>
                    </a:lnTo>
                    <a:lnTo>
                      <a:pt x="54" y="141"/>
                    </a:lnTo>
                    <a:lnTo>
                      <a:pt x="52" y="139"/>
                    </a:lnTo>
                    <a:lnTo>
                      <a:pt x="49" y="137"/>
                    </a:lnTo>
                    <a:lnTo>
                      <a:pt x="44" y="132"/>
                    </a:lnTo>
                    <a:lnTo>
                      <a:pt x="39" y="127"/>
                    </a:lnTo>
                    <a:lnTo>
                      <a:pt x="32" y="122"/>
                    </a:lnTo>
                    <a:lnTo>
                      <a:pt x="27" y="117"/>
                    </a:lnTo>
                    <a:lnTo>
                      <a:pt x="22" y="114"/>
                    </a:lnTo>
                    <a:lnTo>
                      <a:pt x="20" y="112"/>
                    </a:lnTo>
                    <a:lnTo>
                      <a:pt x="10" y="107"/>
                    </a:lnTo>
                    <a:lnTo>
                      <a:pt x="5" y="100"/>
                    </a:lnTo>
                    <a:lnTo>
                      <a:pt x="3" y="93"/>
                    </a:lnTo>
                    <a:lnTo>
                      <a:pt x="3" y="87"/>
                    </a:lnTo>
                    <a:lnTo>
                      <a:pt x="5" y="82"/>
                    </a:lnTo>
                    <a:lnTo>
                      <a:pt x="6" y="76"/>
                    </a:lnTo>
                    <a:lnTo>
                      <a:pt x="8" y="73"/>
                    </a:lnTo>
                    <a:lnTo>
                      <a:pt x="10" y="73"/>
                    </a:lnTo>
                    <a:lnTo>
                      <a:pt x="0" y="56"/>
                    </a:lnTo>
                    <a:lnTo>
                      <a:pt x="17" y="31"/>
                    </a:lnTo>
                    <a:lnTo>
                      <a:pt x="23" y="9"/>
                    </a:lnTo>
                    <a:lnTo>
                      <a:pt x="28" y="0"/>
                    </a:lnTo>
                    <a:lnTo>
                      <a:pt x="113" y="27"/>
                    </a:lnTo>
                    <a:lnTo>
                      <a:pt x="115" y="60"/>
                    </a:lnTo>
                    <a:lnTo>
                      <a:pt x="113" y="60"/>
                    </a:lnTo>
                    <a:lnTo>
                      <a:pt x="105" y="75"/>
                    </a:lnTo>
                    <a:lnTo>
                      <a:pt x="105" y="76"/>
                    </a:lnTo>
                    <a:lnTo>
                      <a:pt x="106" y="76"/>
                    </a:lnTo>
                    <a:lnTo>
                      <a:pt x="106" y="80"/>
                    </a:lnTo>
                    <a:lnTo>
                      <a:pt x="106" y="83"/>
                    </a:lnTo>
                    <a:lnTo>
                      <a:pt x="106" y="87"/>
                    </a:lnTo>
                    <a:lnTo>
                      <a:pt x="105" y="90"/>
                    </a:lnTo>
                    <a:lnTo>
                      <a:pt x="101" y="93"/>
                    </a:lnTo>
                    <a:lnTo>
                      <a:pt x="96" y="95"/>
                    </a:lnTo>
                    <a:lnTo>
                      <a:pt x="94" y="100"/>
                    </a:lnTo>
                    <a:lnTo>
                      <a:pt x="113" y="100"/>
                    </a:lnTo>
                    <a:lnTo>
                      <a:pt x="113" y="102"/>
                    </a:lnTo>
                    <a:lnTo>
                      <a:pt x="116" y="104"/>
                    </a:lnTo>
                    <a:lnTo>
                      <a:pt x="118" y="104"/>
                    </a:lnTo>
                    <a:lnTo>
                      <a:pt x="118" y="100"/>
                    </a:lnTo>
                    <a:lnTo>
                      <a:pt x="118" y="98"/>
                    </a:lnTo>
                    <a:lnTo>
                      <a:pt x="120" y="97"/>
                    </a:lnTo>
                    <a:lnTo>
                      <a:pt x="122" y="95"/>
                    </a:lnTo>
                    <a:lnTo>
                      <a:pt x="123" y="95"/>
                    </a:lnTo>
                    <a:lnTo>
                      <a:pt x="123" y="97"/>
                    </a:lnTo>
                    <a:lnTo>
                      <a:pt x="125" y="98"/>
                    </a:lnTo>
                    <a:lnTo>
                      <a:pt x="125" y="100"/>
                    </a:lnTo>
                    <a:lnTo>
                      <a:pt x="125" y="104"/>
                    </a:lnTo>
                    <a:lnTo>
                      <a:pt x="127" y="107"/>
                    </a:lnTo>
                    <a:lnTo>
                      <a:pt x="127" y="112"/>
                    </a:lnTo>
                    <a:lnTo>
                      <a:pt x="127" y="119"/>
                    </a:lnTo>
                    <a:lnTo>
                      <a:pt x="127" y="127"/>
                    </a:lnTo>
                    <a:lnTo>
                      <a:pt x="125" y="137"/>
                    </a:lnTo>
                    <a:lnTo>
                      <a:pt x="125" y="139"/>
                    </a:lnTo>
                    <a:lnTo>
                      <a:pt x="127" y="141"/>
                    </a:lnTo>
                    <a:lnTo>
                      <a:pt x="127" y="142"/>
                    </a:lnTo>
                    <a:lnTo>
                      <a:pt x="127" y="144"/>
                    </a:lnTo>
                    <a:lnTo>
                      <a:pt x="127" y="146"/>
                    </a:lnTo>
                    <a:lnTo>
                      <a:pt x="127" y="148"/>
                    </a:lnTo>
                    <a:lnTo>
                      <a:pt x="127" y="149"/>
                    </a:lnTo>
                    <a:lnTo>
                      <a:pt x="127" y="151"/>
                    </a:lnTo>
                    <a:lnTo>
                      <a:pt x="128" y="153"/>
                    </a:lnTo>
                    <a:lnTo>
                      <a:pt x="128" y="156"/>
                    </a:lnTo>
                    <a:lnTo>
                      <a:pt x="130" y="161"/>
                    </a:lnTo>
                    <a:lnTo>
                      <a:pt x="130" y="164"/>
                    </a:lnTo>
                    <a:lnTo>
                      <a:pt x="130" y="170"/>
                    </a:lnTo>
                    <a:lnTo>
                      <a:pt x="130" y="173"/>
                    </a:lnTo>
                    <a:lnTo>
                      <a:pt x="130" y="178"/>
                    </a:lnTo>
                    <a:lnTo>
                      <a:pt x="130" y="180"/>
                    </a:lnTo>
                    <a:lnTo>
                      <a:pt x="130" y="183"/>
                    </a:lnTo>
                    <a:lnTo>
                      <a:pt x="128" y="181"/>
                    </a:lnTo>
                    <a:lnTo>
                      <a:pt x="127" y="178"/>
                    </a:lnTo>
                    <a:lnTo>
                      <a:pt x="127" y="171"/>
                    </a:lnTo>
                    <a:lnTo>
                      <a:pt x="125" y="163"/>
                    </a:lnTo>
                    <a:lnTo>
                      <a:pt x="123" y="153"/>
                    </a:lnTo>
                    <a:lnTo>
                      <a:pt x="123" y="151"/>
                    </a:lnTo>
                    <a:lnTo>
                      <a:pt x="122" y="151"/>
                    </a:lnTo>
                    <a:lnTo>
                      <a:pt x="120" y="149"/>
                    </a:lnTo>
                    <a:lnTo>
                      <a:pt x="118" y="151"/>
                    </a:lnTo>
                    <a:lnTo>
                      <a:pt x="118" y="154"/>
                    </a:lnTo>
                    <a:lnTo>
                      <a:pt x="120" y="159"/>
                    </a:lnTo>
                    <a:lnTo>
                      <a:pt x="122" y="168"/>
                    </a:lnTo>
                    <a:lnTo>
                      <a:pt x="122" y="170"/>
                    </a:lnTo>
                    <a:lnTo>
                      <a:pt x="122" y="171"/>
                    </a:lnTo>
                    <a:lnTo>
                      <a:pt x="122" y="175"/>
                    </a:lnTo>
                    <a:lnTo>
                      <a:pt x="122" y="178"/>
                    </a:lnTo>
                    <a:lnTo>
                      <a:pt x="122" y="183"/>
                    </a:lnTo>
                    <a:lnTo>
                      <a:pt x="122" y="186"/>
                    </a:lnTo>
                    <a:lnTo>
                      <a:pt x="122" y="188"/>
                    </a:lnTo>
                    <a:lnTo>
                      <a:pt x="122" y="190"/>
                    </a:lnTo>
                    <a:lnTo>
                      <a:pt x="122" y="192"/>
                    </a:lnTo>
                    <a:lnTo>
                      <a:pt x="122" y="193"/>
                    </a:lnTo>
                    <a:lnTo>
                      <a:pt x="122" y="197"/>
                    </a:lnTo>
                    <a:lnTo>
                      <a:pt x="122" y="198"/>
                    </a:lnTo>
                    <a:lnTo>
                      <a:pt x="118" y="202"/>
                    </a:lnTo>
                    <a:lnTo>
                      <a:pt x="116" y="205"/>
                    </a:lnTo>
                    <a:lnTo>
                      <a:pt x="116" y="207"/>
                    </a:lnTo>
                    <a:lnTo>
                      <a:pt x="115" y="208"/>
                    </a:lnTo>
                    <a:lnTo>
                      <a:pt x="115" y="212"/>
                    </a:lnTo>
                    <a:lnTo>
                      <a:pt x="115" y="214"/>
                    </a:lnTo>
                    <a:lnTo>
                      <a:pt x="110" y="219"/>
                    </a:lnTo>
                    <a:lnTo>
                      <a:pt x="108" y="227"/>
                    </a:lnTo>
                    <a:lnTo>
                      <a:pt x="108" y="229"/>
                    </a:lnTo>
                    <a:lnTo>
                      <a:pt x="108" y="230"/>
                    </a:lnTo>
                    <a:lnTo>
                      <a:pt x="106" y="232"/>
                    </a:lnTo>
                    <a:lnTo>
                      <a:pt x="105" y="236"/>
                    </a:lnTo>
                    <a:lnTo>
                      <a:pt x="103" y="239"/>
                    </a:lnTo>
                    <a:lnTo>
                      <a:pt x="100" y="244"/>
                    </a:lnTo>
                    <a:lnTo>
                      <a:pt x="98" y="247"/>
                    </a:lnTo>
                    <a:lnTo>
                      <a:pt x="94" y="249"/>
                    </a:lnTo>
                    <a:lnTo>
                      <a:pt x="94" y="251"/>
                    </a:lnTo>
                    <a:lnTo>
                      <a:pt x="96" y="254"/>
                    </a:lnTo>
                    <a:lnTo>
                      <a:pt x="96" y="256"/>
                    </a:lnTo>
                    <a:lnTo>
                      <a:pt x="96" y="258"/>
                    </a:lnTo>
                    <a:lnTo>
                      <a:pt x="89" y="281"/>
                    </a:lnTo>
                    <a:lnTo>
                      <a:pt x="86" y="290"/>
                    </a:lnTo>
                    <a:lnTo>
                      <a:pt x="83" y="296"/>
                    </a:lnTo>
                    <a:lnTo>
                      <a:pt x="79" y="300"/>
                    </a:lnTo>
                    <a:lnTo>
                      <a:pt x="76" y="300"/>
                    </a:lnTo>
                    <a:lnTo>
                      <a:pt x="74" y="300"/>
                    </a:lnTo>
                    <a:lnTo>
                      <a:pt x="72" y="296"/>
                    </a:lnTo>
                    <a:lnTo>
                      <a:pt x="71" y="295"/>
                    </a:lnTo>
                    <a:lnTo>
                      <a:pt x="71" y="290"/>
                    </a:lnTo>
                    <a:lnTo>
                      <a:pt x="72" y="286"/>
                    </a:lnTo>
                    <a:lnTo>
                      <a:pt x="72" y="285"/>
                    </a:lnTo>
                    <a:lnTo>
                      <a:pt x="74" y="283"/>
                    </a:lnTo>
                    <a:lnTo>
                      <a:pt x="74" y="280"/>
                    </a:lnTo>
                    <a:lnTo>
                      <a:pt x="74" y="276"/>
                    </a:lnTo>
                    <a:lnTo>
                      <a:pt x="72" y="273"/>
                    </a:lnTo>
                    <a:lnTo>
                      <a:pt x="69" y="271"/>
                    </a:lnTo>
                    <a:lnTo>
                      <a:pt x="64" y="271"/>
                    </a:lnTo>
                    <a:lnTo>
                      <a:pt x="56" y="273"/>
                    </a:lnTo>
                    <a:lnTo>
                      <a:pt x="49" y="278"/>
                    </a:lnTo>
                    <a:lnTo>
                      <a:pt x="49" y="276"/>
                    </a:lnTo>
                    <a:lnTo>
                      <a:pt x="47" y="274"/>
                    </a:lnTo>
                    <a:lnTo>
                      <a:pt x="44" y="271"/>
                    </a:lnTo>
                    <a:lnTo>
                      <a:pt x="42" y="269"/>
                    </a:lnTo>
                    <a:lnTo>
                      <a:pt x="39" y="266"/>
                    </a:lnTo>
                    <a:lnTo>
                      <a:pt x="34" y="266"/>
                    </a:lnTo>
                    <a:lnTo>
                      <a:pt x="28" y="264"/>
                    </a:lnTo>
                    <a:lnTo>
                      <a:pt x="27" y="263"/>
                    </a:lnTo>
                    <a:lnTo>
                      <a:pt x="23" y="261"/>
                    </a:lnTo>
                    <a:lnTo>
                      <a:pt x="20" y="258"/>
                    </a:lnTo>
                    <a:lnTo>
                      <a:pt x="18" y="256"/>
                    </a:lnTo>
                    <a:lnTo>
                      <a:pt x="6" y="247"/>
                    </a:lnTo>
                    <a:lnTo>
                      <a:pt x="6" y="239"/>
                    </a:lnTo>
                    <a:lnTo>
                      <a:pt x="3" y="237"/>
                    </a:lnTo>
                    <a:lnTo>
                      <a:pt x="1" y="234"/>
                    </a:lnTo>
                    <a:lnTo>
                      <a:pt x="1" y="230"/>
                    </a:lnTo>
                    <a:lnTo>
                      <a:pt x="1" y="227"/>
                    </a:lnTo>
                    <a:lnTo>
                      <a:pt x="1" y="224"/>
                    </a:lnTo>
                    <a:lnTo>
                      <a:pt x="1" y="220"/>
                    </a:lnTo>
                    <a:lnTo>
                      <a:pt x="3" y="219"/>
                    </a:lnTo>
                    <a:lnTo>
                      <a:pt x="5" y="217"/>
                    </a:lnTo>
                    <a:lnTo>
                      <a:pt x="12" y="208"/>
                    </a:lnTo>
                    <a:lnTo>
                      <a:pt x="13" y="205"/>
                    </a:lnTo>
                    <a:lnTo>
                      <a:pt x="8" y="20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79" name="Freeform 68"/>
              <p:cNvSpPr>
                <a:spLocks/>
              </p:cNvSpPr>
              <p:nvPr/>
            </p:nvSpPr>
            <p:spPr bwMode="auto">
              <a:xfrm>
                <a:off x="4856" y="1462"/>
                <a:ext cx="130" cy="300"/>
              </a:xfrm>
              <a:custGeom>
                <a:avLst/>
                <a:gdLst>
                  <a:gd name="T0" fmla="*/ 12 w 130"/>
                  <a:gd name="T1" fmla="*/ 202 h 300"/>
                  <a:gd name="T2" fmla="*/ 28 w 130"/>
                  <a:gd name="T3" fmla="*/ 190 h 300"/>
                  <a:gd name="T4" fmla="*/ 32 w 130"/>
                  <a:gd name="T5" fmla="*/ 181 h 300"/>
                  <a:gd name="T6" fmla="*/ 45 w 130"/>
                  <a:gd name="T7" fmla="*/ 163 h 300"/>
                  <a:gd name="T8" fmla="*/ 54 w 130"/>
                  <a:gd name="T9" fmla="*/ 156 h 300"/>
                  <a:gd name="T10" fmla="*/ 59 w 130"/>
                  <a:gd name="T11" fmla="*/ 146 h 300"/>
                  <a:gd name="T12" fmla="*/ 54 w 130"/>
                  <a:gd name="T13" fmla="*/ 141 h 300"/>
                  <a:gd name="T14" fmla="*/ 44 w 130"/>
                  <a:gd name="T15" fmla="*/ 132 h 300"/>
                  <a:gd name="T16" fmla="*/ 22 w 130"/>
                  <a:gd name="T17" fmla="*/ 114 h 300"/>
                  <a:gd name="T18" fmla="*/ 5 w 130"/>
                  <a:gd name="T19" fmla="*/ 100 h 300"/>
                  <a:gd name="T20" fmla="*/ 6 w 130"/>
                  <a:gd name="T21" fmla="*/ 76 h 300"/>
                  <a:gd name="T22" fmla="*/ 17 w 130"/>
                  <a:gd name="T23" fmla="*/ 31 h 300"/>
                  <a:gd name="T24" fmla="*/ 115 w 130"/>
                  <a:gd name="T25" fmla="*/ 60 h 300"/>
                  <a:gd name="T26" fmla="*/ 105 w 130"/>
                  <a:gd name="T27" fmla="*/ 76 h 300"/>
                  <a:gd name="T28" fmla="*/ 106 w 130"/>
                  <a:gd name="T29" fmla="*/ 87 h 300"/>
                  <a:gd name="T30" fmla="*/ 94 w 130"/>
                  <a:gd name="T31" fmla="*/ 100 h 300"/>
                  <a:gd name="T32" fmla="*/ 116 w 130"/>
                  <a:gd name="T33" fmla="*/ 104 h 300"/>
                  <a:gd name="T34" fmla="*/ 118 w 130"/>
                  <a:gd name="T35" fmla="*/ 98 h 300"/>
                  <a:gd name="T36" fmla="*/ 122 w 130"/>
                  <a:gd name="T37" fmla="*/ 95 h 300"/>
                  <a:gd name="T38" fmla="*/ 125 w 130"/>
                  <a:gd name="T39" fmla="*/ 98 h 300"/>
                  <a:gd name="T40" fmla="*/ 127 w 130"/>
                  <a:gd name="T41" fmla="*/ 112 h 300"/>
                  <a:gd name="T42" fmla="*/ 125 w 130"/>
                  <a:gd name="T43" fmla="*/ 137 h 300"/>
                  <a:gd name="T44" fmla="*/ 127 w 130"/>
                  <a:gd name="T45" fmla="*/ 144 h 300"/>
                  <a:gd name="T46" fmla="*/ 127 w 130"/>
                  <a:gd name="T47" fmla="*/ 151 h 300"/>
                  <a:gd name="T48" fmla="*/ 130 w 130"/>
                  <a:gd name="T49" fmla="*/ 161 h 300"/>
                  <a:gd name="T50" fmla="*/ 130 w 130"/>
                  <a:gd name="T51" fmla="*/ 178 h 300"/>
                  <a:gd name="T52" fmla="*/ 130 w 130"/>
                  <a:gd name="T53" fmla="*/ 183 h 300"/>
                  <a:gd name="T54" fmla="*/ 125 w 130"/>
                  <a:gd name="T55" fmla="*/ 163 h 300"/>
                  <a:gd name="T56" fmla="*/ 122 w 130"/>
                  <a:gd name="T57" fmla="*/ 151 h 300"/>
                  <a:gd name="T58" fmla="*/ 118 w 130"/>
                  <a:gd name="T59" fmla="*/ 154 h 300"/>
                  <a:gd name="T60" fmla="*/ 122 w 130"/>
                  <a:gd name="T61" fmla="*/ 170 h 300"/>
                  <a:gd name="T62" fmla="*/ 122 w 130"/>
                  <a:gd name="T63" fmla="*/ 183 h 300"/>
                  <a:gd name="T64" fmla="*/ 122 w 130"/>
                  <a:gd name="T65" fmla="*/ 190 h 300"/>
                  <a:gd name="T66" fmla="*/ 122 w 130"/>
                  <a:gd name="T67" fmla="*/ 193 h 300"/>
                  <a:gd name="T68" fmla="*/ 116 w 130"/>
                  <a:gd name="T69" fmla="*/ 205 h 300"/>
                  <a:gd name="T70" fmla="*/ 115 w 130"/>
                  <a:gd name="T71" fmla="*/ 212 h 300"/>
                  <a:gd name="T72" fmla="*/ 108 w 130"/>
                  <a:gd name="T73" fmla="*/ 227 h 300"/>
                  <a:gd name="T74" fmla="*/ 105 w 130"/>
                  <a:gd name="T75" fmla="*/ 236 h 300"/>
                  <a:gd name="T76" fmla="*/ 94 w 130"/>
                  <a:gd name="T77" fmla="*/ 249 h 300"/>
                  <a:gd name="T78" fmla="*/ 96 w 130"/>
                  <a:gd name="T79" fmla="*/ 256 h 300"/>
                  <a:gd name="T80" fmla="*/ 86 w 130"/>
                  <a:gd name="T81" fmla="*/ 290 h 300"/>
                  <a:gd name="T82" fmla="*/ 74 w 130"/>
                  <a:gd name="T83" fmla="*/ 300 h 300"/>
                  <a:gd name="T84" fmla="*/ 72 w 130"/>
                  <a:gd name="T85" fmla="*/ 286 h 300"/>
                  <a:gd name="T86" fmla="*/ 74 w 130"/>
                  <a:gd name="T87" fmla="*/ 280 h 300"/>
                  <a:gd name="T88" fmla="*/ 64 w 130"/>
                  <a:gd name="T89" fmla="*/ 271 h 300"/>
                  <a:gd name="T90" fmla="*/ 49 w 130"/>
                  <a:gd name="T91" fmla="*/ 278 h 300"/>
                  <a:gd name="T92" fmla="*/ 42 w 130"/>
                  <a:gd name="T93" fmla="*/ 269 h 300"/>
                  <a:gd name="T94" fmla="*/ 28 w 130"/>
                  <a:gd name="T95" fmla="*/ 264 h 300"/>
                  <a:gd name="T96" fmla="*/ 18 w 130"/>
                  <a:gd name="T97" fmla="*/ 256 h 300"/>
                  <a:gd name="T98" fmla="*/ 3 w 130"/>
                  <a:gd name="T99" fmla="*/ 237 h 300"/>
                  <a:gd name="T100" fmla="*/ 1 w 130"/>
                  <a:gd name="T101" fmla="*/ 227 h 300"/>
                  <a:gd name="T102" fmla="*/ 5 w 130"/>
                  <a:gd name="T103" fmla="*/ 217 h 300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w 130"/>
                  <a:gd name="T157" fmla="*/ 0 h 300"/>
                  <a:gd name="T158" fmla="*/ 130 w 130"/>
                  <a:gd name="T159" fmla="*/ 300 h 300"/>
                </a:gdLst>
                <a:ahLst/>
                <a:cxnLst>
                  <a:cxn ang="T104">
                    <a:pos x="T0" y="T1"/>
                  </a:cxn>
                  <a:cxn ang="T105">
                    <a:pos x="T2" y="T3"/>
                  </a:cxn>
                  <a:cxn ang="T106">
                    <a:pos x="T4" y="T5"/>
                  </a:cxn>
                  <a:cxn ang="T107">
                    <a:pos x="T6" y="T7"/>
                  </a:cxn>
                  <a:cxn ang="T108">
                    <a:pos x="T8" y="T9"/>
                  </a:cxn>
                  <a:cxn ang="T109">
                    <a:pos x="T10" y="T11"/>
                  </a:cxn>
                  <a:cxn ang="T110">
                    <a:pos x="T12" y="T13"/>
                  </a:cxn>
                  <a:cxn ang="T111">
                    <a:pos x="T14" y="T15"/>
                  </a:cxn>
                  <a:cxn ang="T112">
                    <a:pos x="T16" y="T17"/>
                  </a:cxn>
                  <a:cxn ang="T113">
                    <a:pos x="T18" y="T19"/>
                  </a:cxn>
                  <a:cxn ang="T114">
                    <a:pos x="T20" y="T21"/>
                  </a:cxn>
                  <a:cxn ang="T115">
                    <a:pos x="T22" y="T23"/>
                  </a:cxn>
                  <a:cxn ang="T116">
                    <a:pos x="T24" y="T25"/>
                  </a:cxn>
                  <a:cxn ang="T117">
                    <a:pos x="T26" y="T27"/>
                  </a:cxn>
                  <a:cxn ang="T118">
                    <a:pos x="T28" y="T29"/>
                  </a:cxn>
                  <a:cxn ang="T119">
                    <a:pos x="T30" y="T31"/>
                  </a:cxn>
                  <a:cxn ang="T120">
                    <a:pos x="T32" y="T33"/>
                  </a:cxn>
                  <a:cxn ang="T121">
                    <a:pos x="T34" y="T35"/>
                  </a:cxn>
                  <a:cxn ang="T122">
                    <a:pos x="T36" y="T37"/>
                  </a:cxn>
                  <a:cxn ang="T123">
                    <a:pos x="T38" y="T39"/>
                  </a:cxn>
                  <a:cxn ang="T124">
                    <a:pos x="T40" y="T41"/>
                  </a:cxn>
                  <a:cxn ang="T125">
                    <a:pos x="T42" y="T43"/>
                  </a:cxn>
                  <a:cxn ang="T126">
                    <a:pos x="T44" y="T45"/>
                  </a:cxn>
                  <a:cxn ang="T127">
                    <a:pos x="T46" y="T47"/>
                  </a:cxn>
                  <a:cxn ang="T128">
                    <a:pos x="T48" y="T49"/>
                  </a:cxn>
                  <a:cxn ang="T129">
                    <a:pos x="T50" y="T51"/>
                  </a:cxn>
                  <a:cxn ang="T130">
                    <a:pos x="T52" y="T53"/>
                  </a:cxn>
                  <a:cxn ang="T131">
                    <a:pos x="T54" y="T55"/>
                  </a:cxn>
                  <a:cxn ang="T132">
                    <a:pos x="T56" y="T57"/>
                  </a:cxn>
                  <a:cxn ang="T133">
                    <a:pos x="T58" y="T59"/>
                  </a:cxn>
                  <a:cxn ang="T134">
                    <a:pos x="T60" y="T61"/>
                  </a:cxn>
                  <a:cxn ang="T135">
                    <a:pos x="T62" y="T63"/>
                  </a:cxn>
                  <a:cxn ang="T136">
                    <a:pos x="T64" y="T65"/>
                  </a:cxn>
                  <a:cxn ang="T137">
                    <a:pos x="T66" y="T67"/>
                  </a:cxn>
                  <a:cxn ang="T138">
                    <a:pos x="T68" y="T69"/>
                  </a:cxn>
                  <a:cxn ang="T139">
                    <a:pos x="T70" y="T71"/>
                  </a:cxn>
                  <a:cxn ang="T140">
                    <a:pos x="T72" y="T73"/>
                  </a:cxn>
                  <a:cxn ang="T141">
                    <a:pos x="T74" y="T75"/>
                  </a:cxn>
                  <a:cxn ang="T142">
                    <a:pos x="T76" y="T77"/>
                  </a:cxn>
                  <a:cxn ang="T143">
                    <a:pos x="T78" y="T79"/>
                  </a:cxn>
                  <a:cxn ang="T144">
                    <a:pos x="T80" y="T81"/>
                  </a:cxn>
                  <a:cxn ang="T145">
                    <a:pos x="T82" y="T83"/>
                  </a:cxn>
                  <a:cxn ang="T146">
                    <a:pos x="T84" y="T85"/>
                  </a:cxn>
                  <a:cxn ang="T147">
                    <a:pos x="T86" y="T87"/>
                  </a:cxn>
                  <a:cxn ang="T148">
                    <a:pos x="T88" y="T89"/>
                  </a:cxn>
                  <a:cxn ang="T149">
                    <a:pos x="T90" y="T91"/>
                  </a:cxn>
                  <a:cxn ang="T150">
                    <a:pos x="T92" y="T93"/>
                  </a:cxn>
                  <a:cxn ang="T151">
                    <a:pos x="T94" y="T95"/>
                  </a:cxn>
                  <a:cxn ang="T152">
                    <a:pos x="T96" y="T97"/>
                  </a:cxn>
                  <a:cxn ang="T153">
                    <a:pos x="T98" y="T99"/>
                  </a:cxn>
                  <a:cxn ang="T154">
                    <a:pos x="T100" y="T101"/>
                  </a:cxn>
                  <a:cxn ang="T155">
                    <a:pos x="T102" y="T103"/>
                  </a:cxn>
                </a:cxnLst>
                <a:rect l="T156" t="T157" r="T158" b="T159"/>
                <a:pathLst>
                  <a:path w="130" h="300">
                    <a:moveTo>
                      <a:pt x="8" y="205"/>
                    </a:moveTo>
                    <a:lnTo>
                      <a:pt x="8" y="205"/>
                    </a:lnTo>
                    <a:lnTo>
                      <a:pt x="8" y="203"/>
                    </a:lnTo>
                    <a:lnTo>
                      <a:pt x="12" y="202"/>
                    </a:lnTo>
                    <a:lnTo>
                      <a:pt x="15" y="198"/>
                    </a:lnTo>
                    <a:lnTo>
                      <a:pt x="20" y="195"/>
                    </a:lnTo>
                    <a:lnTo>
                      <a:pt x="23" y="192"/>
                    </a:lnTo>
                    <a:lnTo>
                      <a:pt x="28" y="190"/>
                    </a:lnTo>
                    <a:lnTo>
                      <a:pt x="30" y="186"/>
                    </a:lnTo>
                    <a:lnTo>
                      <a:pt x="32" y="186"/>
                    </a:lnTo>
                    <a:lnTo>
                      <a:pt x="32" y="181"/>
                    </a:lnTo>
                    <a:lnTo>
                      <a:pt x="35" y="176"/>
                    </a:lnTo>
                    <a:lnTo>
                      <a:pt x="39" y="171"/>
                    </a:lnTo>
                    <a:lnTo>
                      <a:pt x="42" y="166"/>
                    </a:lnTo>
                    <a:lnTo>
                      <a:pt x="45" y="163"/>
                    </a:lnTo>
                    <a:lnTo>
                      <a:pt x="49" y="159"/>
                    </a:lnTo>
                    <a:lnTo>
                      <a:pt x="52" y="158"/>
                    </a:lnTo>
                    <a:lnTo>
                      <a:pt x="54" y="156"/>
                    </a:lnTo>
                    <a:lnTo>
                      <a:pt x="57" y="154"/>
                    </a:lnTo>
                    <a:lnTo>
                      <a:pt x="59" y="151"/>
                    </a:lnTo>
                    <a:lnTo>
                      <a:pt x="59" y="149"/>
                    </a:lnTo>
                    <a:lnTo>
                      <a:pt x="59" y="146"/>
                    </a:lnTo>
                    <a:lnTo>
                      <a:pt x="57" y="144"/>
                    </a:lnTo>
                    <a:lnTo>
                      <a:pt x="56" y="142"/>
                    </a:lnTo>
                    <a:lnTo>
                      <a:pt x="56" y="141"/>
                    </a:lnTo>
                    <a:lnTo>
                      <a:pt x="54" y="141"/>
                    </a:lnTo>
                    <a:lnTo>
                      <a:pt x="52" y="139"/>
                    </a:lnTo>
                    <a:lnTo>
                      <a:pt x="49" y="137"/>
                    </a:lnTo>
                    <a:lnTo>
                      <a:pt x="44" y="132"/>
                    </a:lnTo>
                    <a:lnTo>
                      <a:pt x="39" y="127"/>
                    </a:lnTo>
                    <a:lnTo>
                      <a:pt x="32" y="122"/>
                    </a:lnTo>
                    <a:lnTo>
                      <a:pt x="27" y="117"/>
                    </a:lnTo>
                    <a:lnTo>
                      <a:pt x="22" y="114"/>
                    </a:lnTo>
                    <a:lnTo>
                      <a:pt x="20" y="112"/>
                    </a:lnTo>
                    <a:lnTo>
                      <a:pt x="10" y="107"/>
                    </a:lnTo>
                    <a:lnTo>
                      <a:pt x="5" y="100"/>
                    </a:lnTo>
                    <a:lnTo>
                      <a:pt x="3" y="93"/>
                    </a:lnTo>
                    <a:lnTo>
                      <a:pt x="3" y="87"/>
                    </a:lnTo>
                    <a:lnTo>
                      <a:pt x="5" y="82"/>
                    </a:lnTo>
                    <a:lnTo>
                      <a:pt x="6" y="76"/>
                    </a:lnTo>
                    <a:lnTo>
                      <a:pt x="8" y="73"/>
                    </a:lnTo>
                    <a:lnTo>
                      <a:pt x="10" y="73"/>
                    </a:lnTo>
                    <a:lnTo>
                      <a:pt x="0" y="56"/>
                    </a:lnTo>
                    <a:lnTo>
                      <a:pt x="17" y="31"/>
                    </a:lnTo>
                    <a:lnTo>
                      <a:pt x="23" y="9"/>
                    </a:lnTo>
                    <a:lnTo>
                      <a:pt x="28" y="0"/>
                    </a:lnTo>
                    <a:lnTo>
                      <a:pt x="113" y="27"/>
                    </a:lnTo>
                    <a:lnTo>
                      <a:pt x="115" y="60"/>
                    </a:lnTo>
                    <a:lnTo>
                      <a:pt x="113" y="60"/>
                    </a:lnTo>
                    <a:lnTo>
                      <a:pt x="105" y="75"/>
                    </a:lnTo>
                    <a:lnTo>
                      <a:pt x="105" y="76"/>
                    </a:lnTo>
                    <a:lnTo>
                      <a:pt x="106" y="76"/>
                    </a:lnTo>
                    <a:lnTo>
                      <a:pt x="106" y="80"/>
                    </a:lnTo>
                    <a:lnTo>
                      <a:pt x="106" y="83"/>
                    </a:lnTo>
                    <a:lnTo>
                      <a:pt x="106" y="87"/>
                    </a:lnTo>
                    <a:lnTo>
                      <a:pt x="105" y="90"/>
                    </a:lnTo>
                    <a:lnTo>
                      <a:pt x="101" y="93"/>
                    </a:lnTo>
                    <a:lnTo>
                      <a:pt x="96" y="95"/>
                    </a:lnTo>
                    <a:lnTo>
                      <a:pt x="94" y="100"/>
                    </a:lnTo>
                    <a:lnTo>
                      <a:pt x="113" y="100"/>
                    </a:lnTo>
                    <a:lnTo>
                      <a:pt x="113" y="102"/>
                    </a:lnTo>
                    <a:lnTo>
                      <a:pt x="116" y="104"/>
                    </a:lnTo>
                    <a:lnTo>
                      <a:pt x="118" y="104"/>
                    </a:lnTo>
                    <a:lnTo>
                      <a:pt x="118" y="100"/>
                    </a:lnTo>
                    <a:lnTo>
                      <a:pt x="118" y="98"/>
                    </a:lnTo>
                    <a:lnTo>
                      <a:pt x="120" y="97"/>
                    </a:lnTo>
                    <a:lnTo>
                      <a:pt x="122" y="95"/>
                    </a:lnTo>
                    <a:lnTo>
                      <a:pt x="123" y="95"/>
                    </a:lnTo>
                    <a:lnTo>
                      <a:pt x="123" y="97"/>
                    </a:lnTo>
                    <a:lnTo>
                      <a:pt x="125" y="98"/>
                    </a:lnTo>
                    <a:lnTo>
                      <a:pt x="125" y="100"/>
                    </a:lnTo>
                    <a:lnTo>
                      <a:pt x="125" y="104"/>
                    </a:lnTo>
                    <a:lnTo>
                      <a:pt x="127" y="107"/>
                    </a:lnTo>
                    <a:lnTo>
                      <a:pt x="127" y="112"/>
                    </a:lnTo>
                    <a:lnTo>
                      <a:pt x="127" y="119"/>
                    </a:lnTo>
                    <a:lnTo>
                      <a:pt x="127" y="127"/>
                    </a:lnTo>
                    <a:lnTo>
                      <a:pt x="125" y="137"/>
                    </a:lnTo>
                    <a:lnTo>
                      <a:pt x="125" y="139"/>
                    </a:lnTo>
                    <a:lnTo>
                      <a:pt x="127" y="141"/>
                    </a:lnTo>
                    <a:lnTo>
                      <a:pt x="127" y="142"/>
                    </a:lnTo>
                    <a:lnTo>
                      <a:pt x="127" y="144"/>
                    </a:lnTo>
                    <a:lnTo>
                      <a:pt x="127" y="146"/>
                    </a:lnTo>
                    <a:lnTo>
                      <a:pt x="127" y="148"/>
                    </a:lnTo>
                    <a:lnTo>
                      <a:pt x="127" y="149"/>
                    </a:lnTo>
                    <a:lnTo>
                      <a:pt x="127" y="151"/>
                    </a:lnTo>
                    <a:lnTo>
                      <a:pt x="128" y="153"/>
                    </a:lnTo>
                    <a:lnTo>
                      <a:pt x="128" y="156"/>
                    </a:lnTo>
                    <a:lnTo>
                      <a:pt x="130" y="161"/>
                    </a:lnTo>
                    <a:lnTo>
                      <a:pt x="130" y="164"/>
                    </a:lnTo>
                    <a:lnTo>
                      <a:pt x="130" y="170"/>
                    </a:lnTo>
                    <a:lnTo>
                      <a:pt x="130" y="173"/>
                    </a:lnTo>
                    <a:lnTo>
                      <a:pt x="130" y="178"/>
                    </a:lnTo>
                    <a:lnTo>
                      <a:pt x="130" y="180"/>
                    </a:lnTo>
                    <a:lnTo>
                      <a:pt x="130" y="183"/>
                    </a:lnTo>
                    <a:lnTo>
                      <a:pt x="128" y="181"/>
                    </a:lnTo>
                    <a:lnTo>
                      <a:pt x="127" y="178"/>
                    </a:lnTo>
                    <a:lnTo>
                      <a:pt x="127" y="171"/>
                    </a:lnTo>
                    <a:lnTo>
                      <a:pt x="125" y="163"/>
                    </a:lnTo>
                    <a:lnTo>
                      <a:pt x="123" y="153"/>
                    </a:lnTo>
                    <a:lnTo>
                      <a:pt x="123" y="151"/>
                    </a:lnTo>
                    <a:lnTo>
                      <a:pt x="122" y="151"/>
                    </a:lnTo>
                    <a:lnTo>
                      <a:pt x="120" y="149"/>
                    </a:lnTo>
                    <a:lnTo>
                      <a:pt x="118" y="151"/>
                    </a:lnTo>
                    <a:lnTo>
                      <a:pt x="118" y="154"/>
                    </a:lnTo>
                    <a:lnTo>
                      <a:pt x="120" y="159"/>
                    </a:lnTo>
                    <a:lnTo>
                      <a:pt x="122" y="168"/>
                    </a:lnTo>
                    <a:lnTo>
                      <a:pt x="122" y="170"/>
                    </a:lnTo>
                    <a:lnTo>
                      <a:pt x="122" y="171"/>
                    </a:lnTo>
                    <a:lnTo>
                      <a:pt x="122" y="175"/>
                    </a:lnTo>
                    <a:lnTo>
                      <a:pt x="122" y="178"/>
                    </a:lnTo>
                    <a:lnTo>
                      <a:pt x="122" y="183"/>
                    </a:lnTo>
                    <a:lnTo>
                      <a:pt x="122" y="186"/>
                    </a:lnTo>
                    <a:lnTo>
                      <a:pt x="122" y="188"/>
                    </a:lnTo>
                    <a:lnTo>
                      <a:pt x="122" y="190"/>
                    </a:lnTo>
                    <a:lnTo>
                      <a:pt x="122" y="192"/>
                    </a:lnTo>
                    <a:lnTo>
                      <a:pt x="122" y="193"/>
                    </a:lnTo>
                    <a:lnTo>
                      <a:pt x="122" y="197"/>
                    </a:lnTo>
                    <a:lnTo>
                      <a:pt x="122" y="198"/>
                    </a:lnTo>
                    <a:lnTo>
                      <a:pt x="118" y="202"/>
                    </a:lnTo>
                    <a:lnTo>
                      <a:pt x="116" y="205"/>
                    </a:lnTo>
                    <a:lnTo>
                      <a:pt x="116" y="207"/>
                    </a:lnTo>
                    <a:lnTo>
                      <a:pt x="115" y="208"/>
                    </a:lnTo>
                    <a:lnTo>
                      <a:pt x="115" y="212"/>
                    </a:lnTo>
                    <a:lnTo>
                      <a:pt x="115" y="214"/>
                    </a:lnTo>
                    <a:lnTo>
                      <a:pt x="110" y="219"/>
                    </a:lnTo>
                    <a:lnTo>
                      <a:pt x="108" y="227"/>
                    </a:lnTo>
                    <a:lnTo>
                      <a:pt x="108" y="229"/>
                    </a:lnTo>
                    <a:lnTo>
                      <a:pt x="108" y="230"/>
                    </a:lnTo>
                    <a:lnTo>
                      <a:pt x="106" y="232"/>
                    </a:lnTo>
                    <a:lnTo>
                      <a:pt x="105" y="236"/>
                    </a:lnTo>
                    <a:lnTo>
                      <a:pt x="103" y="239"/>
                    </a:lnTo>
                    <a:lnTo>
                      <a:pt x="100" y="244"/>
                    </a:lnTo>
                    <a:lnTo>
                      <a:pt x="98" y="247"/>
                    </a:lnTo>
                    <a:lnTo>
                      <a:pt x="94" y="249"/>
                    </a:lnTo>
                    <a:lnTo>
                      <a:pt x="94" y="251"/>
                    </a:lnTo>
                    <a:lnTo>
                      <a:pt x="96" y="254"/>
                    </a:lnTo>
                    <a:lnTo>
                      <a:pt x="96" y="256"/>
                    </a:lnTo>
                    <a:lnTo>
                      <a:pt x="96" y="258"/>
                    </a:lnTo>
                    <a:lnTo>
                      <a:pt x="89" y="281"/>
                    </a:lnTo>
                    <a:lnTo>
                      <a:pt x="86" y="290"/>
                    </a:lnTo>
                    <a:lnTo>
                      <a:pt x="83" y="296"/>
                    </a:lnTo>
                    <a:lnTo>
                      <a:pt x="79" y="300"/>
                    </a:lnTo>
                    <a:lnTo>
                      <a:pt x="76" y="300"/>
                    </a:lnTo>
                    <a:lnTo>
                      <a:pt x="74" y="300"/>
                    </a:lnTo>
                    <a:lnTo>
                      <a:pt x="72" y="296"/>
                    </a:lnTo>
                    <a:lnTo>
                      <a:pt x="71" y="295"/>
                    </a:lnTo>
                    <a:lnTo>
                      <a:pt x="71" y="290"/>
                    </a:lnTo>
                    <a:lnTo>
                      <a:pt x="72" y="286"/>
                    </a:lnTo>
                    <a:lnTo>
                      <a:pt x="72" y="285"/>
                    </a:lnTo>
                    <a:lnTo>
                      <a:pt x="74" y="283"/>
                    </a:lnTo>
                    <a:lnTo>
                      <a:pt x="74" y="280"/>
                    </a:lnTo>
                    <a:lnTo>
                      <a:pt x="74" y="276"/>
                    </a:lnTo>
                    <a:lnTo>
                      <a:pt x="72" y="273"/>
                    </a:lnTo>
                    <a:lnTo>
                      <a:pt x="69" y="271"/>
                    </a:lnTo>
                    <a:lnTo>
                      <a:pt x="64" y="271"/>
                    </a:lnTo>
                    <a:lnTo>
                      <a:pt x="56" y="273"/>
                    </a:lnTo>
                    <a:lnTo>
                      <a:pt x="49" y="278"/>
                    </a:lnTo>
                    <a:lnTo>
                      <a:pt x="49" y="276"/>
                    </a:lnTo>
                    <a:lnTo>
                      <a:pt x="47" y="274"/>
                    </a:lnTo>
                    <a:lnTo>
                      <a:pt x="44" y="271"/>
                    </a:lnTo>
                    <a:lnTo>
                      <a:pt x="42" y="269"/>
                    </a:lnTo>
                    <a:lnTo>
                      <a:pt x="39" y="266"/>
                    </a:lnTo>
                    <a:lnTo>
                      <a:pt x="34" y="266"/>
                    </a:lnTo>
                    <a:lnTo>
                      <a:pt x="28" y="264"/>
                    </a:lnTo>
                    <a:lnTo>
                      <a:pt x="27" y="263"/>
                    </a:lnTo>
                    <a:lnTo>
                      <a:pt x="23" y="261"/>
                    </a:lnTo>
                    <a:lnTo>
                      <a:pt x="20" y="258"/>
                    </a:lnTo>
                    <a:lnTo>
                      <a:pt x="18" y="256"/>
                    </a:lnTo>
                    <a:lnTo>
                      <a:pt x="6" y="247"/>
                    </a:lnTo>
                    <a:lnTo>
                      <a:pt x="6" y="239"/>
                    </a:lnTo>
                    <a:lnTo>
                      <a:pt x="3" y="237"/>
                    </a:lnTo>
                    <a:lnTo>
                      <a:pt x="1" y="234"/>
                    </a:lnTo>
                    <a:lnTo>
                      <a:pt x="1" y="230"/>
                    </a:lnTo>
                    <a:lnTo>
                      <a:pt x="1" y="227"/>
                    </a:lnTo>
                    <a:lnTo>
                      <a:pt x="1" y="224"/>
                    </a:lnTo>
                    <a:lnTo>
                      <a:pt x="1" y="220"/>
                    </a:lnTo>
                    <a:lnTo>
                      <a:pt x="3" y="219"/>
                    </a:lnTo>
                    <a:lnTo>
                      <a:pt x="5" y="217"/>
                    </a:lnTo>
                    <a:lnTo>
                      <a:pt x="12" y="208"/>
                    </a:lnTo>
                    <a:lnTo>
                      <a:pt x="13" y="205"/>
                    </a:lnTo>
                    <a:lnTo>
                      <a:pt x="8" y="205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756" name="Freeform 69"/>
            <p:cNvSpPr>
              <a:spLocks/>
            </p:cNvSpPr>
            <p:nvPr/>
          </p:nvSpPr>
          <p:spPr bwMode="auto">
            <a:xfrm>
              <a:off x="3295" y="2545"/>
              <a:ext cx="810" cy="287"/>
            </a:xfrm>
            <a:custGeom>
              <a:avLst/>
              <a:gdLst>
                <a:gd name="T0" fmla="*/ 562 w 833"/>
                <a:gd name="T1" fmla="*/ 0 h 295"/>
                <a:gd name="T2" fmla="*/ 562 w 833"/>
                <a:gd name="T3" fmla="*/ 12 h 295"/>
                <a:gd name="T4" fmla="*/ 562 w 833"/>
                <a:gd name="T5" fmla="*/ 18 h 295"/>
                <a:gd name="T6" fmla="*/ 556 w 833"/>
                <a:gd name="T7" fmla="*/ 22 h 295"/>
                <a:gd name="T8" fmla="*/ 549 w 833"/>
                <a:gd name="T9" fmla="*/ 37 h 295"/>
                <a:gd name="T10" fmla="*/ 544 w 833"/>
                <a:gd name="T11" fmla="*/ 46 h 295"/>
                <a:gd name="T12" fmla="*/ 534 w 833"/>
                <a:gd name="T13" fmla="*/ 45 h 295"/>
                <a:gd name="T14" fmla="*/ 519 w 833"/>
                <a:gd name="T15" fmla="*/ 55 h 295"/>
                <a:gd name="T16" fmla="*/ 508 w 833"/>
                <a:gd name="T17" fmla="*/ 65 h 295"/>
                <a:gd name="T18" fmla="*/ 505 w 833"/>
                <a:gd name="T19" fmla="*/ 57 h 295"/>
                <a:gd name="T20" fmla="*/ 497 w 833"/>
                <a:gd name="T21" fmla="*/ 60 h 295"/>
                <a:gd name="T22" fmla="*/ 492 w 833"/>
                <a:gd name="T23" fmla="*/ 69 h 295"/>
                <a:gd name="T24" fmla="*/ 488 w 833"/>
                <a:gd name="T25" fmla="*/ 78 h 295"/>
                <a:gd name="T26" fmla="*/ 483 w 833"/>
                <a:gd name="T27" fmla="*/ 84 h 295"/>
                <a:gd name="T28" fmla="*/ 473 w 833"/>
                <a:gd name="T29" fmla="*/ 88 h 295"/>
                <a:gd name="T30" fmla="*/ 457 w 833"/>
                <a:gd name="T31" fmla="*/ 99 h 295"/>
                <a:gd name="T32" fmla="*/ 449 w 833"/>
                <a:gd name="T33" fmla="*/ 108 h 295"/>
                <a:gd name="T34" fmla="*/ 432 w 833"/>
                <a:gd name="T35" fmla="*/ 114 h 295"/>
                <a:gd name="T36" fmla="*/ 424 w 833"/>
                <a:gd name="T37" fmla="*/ 123 h 295"/>
                <a:gd name="T38" fmla="*/ 421 w 833"/>
                <a:gd name="T39" fmla="*/ 130 h 295"/>
                <a:gd name="T40" fmla="*/ 413 w 833"/>
                <a:gd name="T41" fmla="*/ 139 h 295"/>
                <a:gd name="T42" fmla="*/ 405 w 833"/>
                <a:gd name="T43" fmla="*/ 140 h 295"/>
                <a:gd name="T44" fmla="*/ 317 w 833"/>
                <a:gd name="T45" fmla="*/ 172 h 295"/>
                <a:gd name="T46" fmla="*/ 7 w 833"/>
                <a:gd name="T47" fmla="*/ 200 h 295"/>
                <a:gd name="T48" fmla="*/ 0 w 833"/>
                <a:gd name="T49" fmla="*/ 198 h 295"/>
                <a:gd name="T50" fmla="*/ 8 w 833"/>
                <a:gd name="T51" fmla="*/ 193 h 295"/>
                <a:gd name="T52" fmla="*/ 18 w 833"/>
                <a:gd name="T53" fmla="*/ 188 h 295"/>
                <a:gd name="T54" fmla="*/ 18 w 833"/>
                <a:gd name="T55" fmla="*/ 177 h 295"/>
                <a:gd name="T56" fmla="*/ 15 w 833"/>
                <a:gd name="T57" fmla="*/ 171 h 295"/>
                <a:gd name="T58" fmla="*/ 18 w 833"/>
                <a:gd name="T59" fmla="*/ 161 h 295"/>
                <a:gd name="T60" fmla="*/ 18 w 833"/>
                <a:gd name="T61" fmla="*/ 157 h 295"/>
                <a:gd name="T62" fmla="*/ 18 w 833"/>
                <a:gd name="T63" fmla="*/ 151 h 295"/>
                <a:gd name="T64" fmla="*/ 27 w 833"/>
                <a:gd name="T65" fmla="*/ 143 h 295"/>
                <a:gd name="T66" fmla="*/ 22 w 833"/>
                <a:gd name="T67" fmla="*/ 140 h 295"/>
                <a:gd name="T68" fmla="*/ 18 w 833"/>
                <a:gd name="T69" fmla="*/ 139 h 295"/>
                <a:gd name="T70" fmla="*/ 20 w 833"/>
                <a:gd name="T71" fmla="*/ 137 h 295"/>
                <a:gd name="T72" fmla="*/ 27 w 833"/>
                <a:gd name="T73" fmla="*/ 131 h 295"/>
                <a:gd name="T74" fmla="*/ 35 w 833"/>
                <a:gd name="T75" fmla="*/ 124 h 295"/>
                <a:gd name="T76" fmla="*/ 40 w 833"/>
                <a:gd name="T77" fmla="*/ 117 h 295"/>
                <a:gd name="T78" fmla="*/ 37 w 833"/>
                <a:gd name="T79" fmla="*/ 114 h 295"/>
                <a:gd name="T80" fmla="*/ 43 w 833"/>
                <a:gd name="T81" fmla="*/ 101 h 295"/>
                <a:gd name="T82" fmla="*/ 45 w 833"/>
                <a:gd name="T83" fmla="*/ 101 h 295"/>
                <a:gd name="T84" fmla="*/ 44 w 833"/>
                <a:gd name="T85" fmla="*/ 97 h 295"/>
                <a:gd name="T86" fmla="*/ 38 w 833"/>
                <a:gd name="T87" fmla="*/ 90 h 295"/>
                <a:gd name="T88" fmla="*/ 42 w 833"/>
                <a:gd name="T89" fmla="*/ 88 h 295"/>
                <a:gd name="T90" fmla="*/ 44 w 833"/>
                <a:gd name="T91" fmla="*/ 88 h 295"/>
                <a:gd name="T92" fmla="*/ 143 w 833"/>
                <a:gd name="T93" fmla="*/ 59 h 295"/>
                <a:gd name="T94" fmla="*/ 144 w 833"/>
                <a:gd name="T95" fmla="*/ 46 h 295"/>
                <a:gd name="T96" fmla="*/ 154 w 833"/>
                <a:gd name="T97" fmla="*/ 46 h 295"/>
                <a:gd name="T98" fmla="*/ 169 w 833"/>
                <a:gd name="T99" fmla="*/ 46 h 295"/>
                <a:gd name="T100" fmla="*/ 177 w 833"/>
                <a:gd name="T101" fmla="*/ 46 h 295"/>
                <a:gd name="T102" fmla="*/ 194 w 833"/>
                <a:gd name="T103" fmla="*/ 45 h 295"/>
                <a:gd name="T104" fmla="*/ 218 w 833"/>
                <a:gd name="T105" fmla="*/ 43 h 295"/>
                <a:gd name="T106" fmla="*/ 250 w 833"/>
                <a:gd name="T107" fmla="*/ 41 h 295"/>
                <a:gd name="T108" fmla="*/ 283 w 833"/>
                <a:gd name="T109" fmla="*/ 37 h 295"/>
                <a:gd name="T110" fmla="*/ 319 w 833"/>
                <a:gd name="T111" fmla="*/ 34 h 295"/>
                <a:gd name="T112" fmla="*/ 352 w 833"/>
                <a:gd name="T113" fmla="*/ 29 h 295"/>
                <a:gd name="T114" fmla="*/ 382 w 833"/>
                <a:gd name="T115" fmla="*/ 25 h 295"/>
                <a:gd name="T116" fmla="*/ 405 w 833"/>
                <a:gd name="T117" fmla="*/ 22 h 295"/>
                <a:gd name="T118" fmla="*/ 417 w 833"/>
                <a:gd name="T119" fmla="*/ 20 h 295"/>
                <a:gd name="T120" fmla="*/ 544 w 833"/>
                <a:gd name="T121" fmla="*/ 7 h 295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w 833"/>
                <a:gd name="T184" fmla="*/ 0 h 295"/>
                <a:gd name="T185" fmla="*/ 833 w 833"/>
                <a:gd name="T186" fmla="*/ 295 h 295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T183" t="T184" r="T185" b="T186"/>
              <a:pathLst>
                <a:path w="833" h="295">
                  <a:moveTo>
                    <a:pt x="804" y="7"/>
                  </a:moveTo>
                  <a:lnTo>
                    <a:pt x="816" y="0"/>
                  </a:lnTo>
                  <a:lnTo>
                    <a:pt x="831" y="0"/>
                  </a:lnTo>
                  <a:lnTo>
                    <a:pt x="831" y="2"/>
                  </a:lnTo>
                  <a:lnTo>
                    <a:pt x="831" y="6"/>
                  </a:lnTo>
                  <a:lnTo>
                    <a:pt x="831" y="12"/>
                  </a:lnTo>
                  <a:lnTo>
                    <a:pt x="831" y="17"/>
                  </a:lnTo>
                  <a:lnTo>
                    <a:pt x="833" y="24"/>
                  </a:lnTo>
                  <a:lnTo>
                    <a:pt x="831" y="31"/>
                  </a:lnTo>
                  <a:lnTo>
                    <a:pt x="831" y="34"/>
                  </a:lnTo>
                  <a:lnTo>
                    <a:pt x="831" y="36"/>
                  </a:lnTo>
                  <a:lnTo>
                    <a:pt x="824" y="36"/>
                  </a:lnTo>
                  <a:lnTo>
                    <a:pt x="819" y="39"/>
                  </a:lnTo>
                  <a:lnTo>
                    <a:pt x="814" y="44"/>
                  </a:lnTo>
                  <a:lnTo>
                    <a:pt x="811" y="51"/>
                  </a:lnTo>
                  <a:lnTo>
                    <a:pt x="807" y="58"/>
                  </a:lnTo>
                  <a:lnTo>
                    <a:pt x="805" y="63"/>
                  </a:lnTo>
                  <a:lnTo>
                    <a:pt x="804" y="66"/>
                  </a:lnTo>
                  <a:lnTo>
                    <a:pt x="797" y="63"/>
                  </a:lnTo>
                  <a:lnTo>
                    <a:pt x="790" y="63"/>
                  </a:lnTo>
                  <a:lnTo>
                    <a:pt x="782" y="68"/>
                  </a:lnTo>
                  <a:lnTo>
                    <a:pt x="773" y="75"/>
                  </a:lnTo>
                  <a:lnTo>
                    <a:pt x="767" y="83"/>
                  </a:lnTo>
                  <a:lnTo>
                    <a:pt x="760" y="90"/>
                  </a:lnTo>
                  <a:lnTo>
                    <a:pt x="755" y="94"/>
                  </a:lnTo>
                  <a:lnTo>
                    <a:pt x="753" y="94"/>
                  </a:lnTo>
                  <a:lnTo>
                    <a:pt x="751" y="88"/>
                  </a:lnTo>
                  <a:lnTo>
                    <a:pt x="748" y="87"/>
                  </a:lnTo>
                  <a:lnTo>
                    <a:pt x="746" y="85"/>
                  </a:lnTo>
                  <a:lnTo>
                    <a:pt x="743" y="85"/>
                  </a:lnTo>
                  <a:lnTo>
                    <a:pt x="739" y="87"/>
                  </a:lnTo>
                  <a:lnTo>
                    <a:pt x="736" y="88"/>
                  </a:lnTo>
                  <a:lnTo>
                    <a:pt x="733" y="92"/>
                  </a:lnTo>
                  <a:lnTo>
                    <a:pt x="731" y="97"/>
                  </a:lnTo>
                  <a:lnTo>
                    <a:pt x="728" y="100"/>
                  </a:lnTo>
                  <a:lnTo>
                    <a:pt x="724" y="105"/>
                  </a:lnTo>
                  <a:lnTo>
                    <a:pt x="723" y="110"/>
                  </a:lnTo>
                  <a:lnTo>
                    <a:pt x="721" y="114"/>
                  </a:lnTo>
                  <a:lnTo>
                    <a:pt x="717" y="119"/>
                  </a:lnTo>
                  <a:lnTo>
                    <a:pt x="717" y="121"/>
                  </a:lnTo>
                  <a:lnTo>
                    <a:pt x="716" y="122"/>
                  </a:lnTo>
                  <a:lnTo>
                    <a:pt x="716" y="124"/>
                  </a:lnTo>
                  <a:lnTo>
                    <a:pt x="707" y="126"/>
                  </a:lnTo>
                  <a:lnTo>
                    <a:pt x="699" y="129"/>
                  </a:lnTo>
                  <a:lnTo>
                    <a:pt x="690" y="134"/>
                  </a:lnTo>
                  <a:lnTo>
                    <a:pt x="682" y="141"/>
                  </a:lnTo>
                  <a:lnTo>
                    <a:pt x="677" y="146"/>
                  </a:lnTo>
                  <a:lnTo>
                    <a:pt x="670" y="153"/>
                  </a:lnTo>
                  <a:lnTo>
                    <a:pt x="667" y="156"/>
                  </a:lnTo>
                  <a:lnTo>
                    <a:pt x="665" y="158"/>
                  </a:lnTo>
                  <a:lnTo>
                    <a:pt x="655" y="158"/>
                  </a:lnTo>
                  <a:lnTo>
                    <a:pt x="646" y="161"/>
                  </a:lnTo>
                  <a:lnTo>
                    <a:pt x="640" y="165"/>
                  </a:lnTo>
                  <a:lnTo>
                    <a:pt x="633" y="170"/>
                  </a:lnTo>
                  <a:lnTo>
                    <a:pt x="630" y="175"/>
                  </a:lnTo>
                  <a:lnTo>
                    <a:pt x="626" y="180"/>
                  </a:lnTo>
                  <a:lnTo>
                    <a:pt x="624" y="183"/>
                  </a:lnTo>
                  <a:lnTo>
                    <a:pt x="624" y="185"/>
                  </a:lnTo>
                  <a:lnTo>
                    <a:pt x="623" y="192"/>
                  </a:lnTo>
                  <a:lnTo>
                    <a:pt x="619" y="197"/>
                  </a:lnTo>
                  <a:lnTo>
                    <a:pt x="616" y="202"/>
                  </a:lnTo>
                  <a:lnTo>
                    <a:pt x="611" y="204"/>
                  </a:lnTo>
                  <a:lnTo>
                    <a:pt x="608" y="205"/>
                  </a:lnTo>
                  <a:lnTo>
                    <a:pt x="602" y="205"/>
                  </a:lnTo>
                  <a:lnTo>
                    <a:pt x="599" y="205"/>
                  </a:lnTo>
                  <a:lnTo>
                    <a:pt x="599" y="239"/>
                  </a:lnTo>
                  <a:lnTo>
                    <a:pt x="470" y="253"/>
                  </a:lnTo>
                  <a:lnTo>
                    <a:pt x="218" y="275"/>
                  </a:lnTo>
                  <a:lnTo>
                    <a:pt x="7" y="293"/>
                  </a:lnTo>
                  <a:lnTo>
                    <a:pt x="7" y="295"/>
                  </a:lnTo>
                  <a:lnTo>
                    <a:pt x="2" y="295"/>
                  </a:lnTo>
                  <a:lnTo>
                    <a:pt x="0" y="293"/>
                  </a:lnTo>
                  <a:lnTo>
                    <a:pt x="0" y="292"/>
                  </a:lnTo>
                  <a:lnTo>
                    <a:pt x="3" y="290"/>
                  </a:lnTo>
                  <a:lnTo>
                    <a:pt x="7" y="286"/>
                  </a:lnTo>
                  <a:lnTo>
                    <a:pt x="8" y="285"/>
                  </a:lnTo>
                  <a:lnTo>
                    <a:pt x="12" y="283"/>
                  </a:lnTo>
                  <a:lnTo>
                    <a:pt x="14" y="283"/>
                  </a:lnTo>
                  <a:lnTo>
                    <a:pt x="19" y="276"/>
                  </a:lnTo>
                  <a:lnTo>
                    <a:pt x="20" y="270"/>
                  </a:lnTo>
                  <a:lnTo>
                    <a:pt x="22" y="264"/>
                  </a:lnTo>
                  <a:lnTo>
                    <a:pt x="20" y="259"/>
                  </a:lnTo>
                  <a:lnTo>
                    <a:pt x="19" y="256"/>
                  </a:lnTo>
                  <a:lnTo>
                    <a:pt x="17" y="254"/>
                  </a:lnTo>
                  <a:lnTo>
                    <a:pt x="15" y="251"/>
                  </a:lnTo>
                  <a:lnTo>
                    <a:pt x="20" y="239"/>
                  </a:lnTo>
                  <a:lnTo>
                    <a:pt x="20" y="237"/>
                  </a:lnTo>
                  <a:lnTo>
                    <a:pt x="22" y="236"/>
                  </a:lnTo>
                  <a:lnTo>
                    <a:pt x="24" y="234"/>
                  </a:lnTo>
                  <a:lnTo>
                    <a:pt x="25" y="231"/>
                  </a:lnTo>
                  <a:lnTo>
                    <a:pt x="29" y="227"/>
                  </a:lnTo>
                  <a:lnTo>
                    <a:pt x="30" y="224"/>
                  </a:lnTo>
                  <a:lnTo>
                    <a:pt x="32" y="222"/>
                  </a:lnTo>
                  <a:lnTo>
                    <a:pt x="34" y="222"/>
                  </a:lnTo>
                  <a:lnTo>
                    <a:pt x="39" y="215"/>
                  </a:lnTo>
                  <a:lnTo>
                    <a:pt x="41" y="210"/>
                  </a:lnTo>
                  <a:lnTo>
                    <a:pt x="41" y="209"/>
                  </a:lnTo>
                  <a:lnTo>
                    <a:pt x="39" y="205"/>
                  </a:lnTo>
                  <a:lnTo>
                    <a:pt x="36" y="205"/>
                  </a:lnTo>
                  <a:lnTo>
                    <a:pt x="32" y="204"/>
                  </a:lnTo>
                  <a:lnTo>
                    <a:pt x="30" y="204"/>
                  </a:lnTo>
                  <a:lnTo>
                    <a:pt x="32" y="202"/>
                  </a:lnTo>
                  <a:lnTo>
                    <a:pt x="34" y="200"/>
                  </a:lnTo>
                  <a:lnTo>
                    <a:pt x="36" y="198"/>
                  </a:lnTo>
                  <a:lnTo>
                    <a:pt x="39" y="195"/>
                  </a:lnTo>
                  <a:lnTo>
                    <a:pt x="41" y="193"/>
                  </a:lnTo>
                  <a:lnTo>
                    <a:pt x="42" y="192"/>
                  </a:lnTo>
                  <a:lnTo>
                    <a:pt x="44" y="190"/>
                  </a:lnTo>
                  <a:lnTo>
                    <a:pt x="49" y="183"/>
                  </a:lnTo>
                  <a:lnTo>
                    <a:pt x="52" y="178"/>
                  </a:lnTo>
                  <a:lnTo>
                    <a:pt x="54" y="175"/>
                  </a:lnTo>
                  <a:lnTo>
                    <a:pt x="54" y="171"/>
                  </a:lnTo>
                  <a:lnTo>
                    <a:pt x="54" y="168"/>
                  </a:lnTo>
                  <a:lnTo>
                    <a:pt x="52" y="166"/>
                  </a:lnTo>
                  <a:lnTo>
                    <a:pt x="51" y="165"/>
                  </a:lnTo>
                  <a:lnTo>
                    <a:pt x="61" y="148"/>
                  </a:lnTo>
                  <a:lnTo>
                    <a:pt x="63" y="148"/>
                  </a:lnTo>
                  <a:lnTo>
                    <a:pt x="64" y="148"/>
                  </a:lnTo>
                  <a:lnTo>
                    <a:pt x="64" y="146"/>
                  </a:lnTo>
                  <a:lnTo>
                    <a:pt x="63" y="143"/>
                  </a:lnTo>
                  <a:lnTo>
                    <a:pt x="58" y="139"/>
                  </a:lnTo>
                  <a:lnTo>
                    <a:pt x="54" y="136"/>
                  </a:lnTo>
                  <a:lnTo>
                    <a:pt x="52" y="132"/>
                  </a:lnTo>
                  <a:lnTo>
                    <a:pt x="52" y="131"/>
                  </a:lnTo>
                  <a:lnTo>
                    <a:pt x="54" y="129"/>
                  </a:lnTo>
                  <a:lnTo>
                    <a:pt x="58" y="129"/>
                  </a:lnTo>
                  <a:lnTo>
                    <a:pt x="59" y="129"/>
                  </a:lnTo>
                  <a:lnTo>
                    <a:pt x="61" y="129"/>
                  </a:lnTo>
                  <a:lnTo>
                    <a:pt x="63" y="129"/>
                  </a:lnTo>
                  <a:lnTo>
                    <a:pt x="64" y="100"/>
                  </a:lnTo>
                  <a:lnTo>
                    <a:pt x="64" y="99"/>
                  </a:lnTo>
                  <a:lnTo>
                    <a:pt x="212" y="87"/>
                  </a:lnTo>
                  <a:lnTo>
                    <a:pt x="212" y="63"/>
                  </a:lnTo>
                  <a:lnTo>
                    <a:pt x="213" y="65"/>
                  </a:lnTo>
                  <a:lnTo>
                    <a:pt x="217" y="65"/>
                  </a:lnTo>
                  <a:lnTo>
                    <a:pt x="222" y="65"/>
                  </a:lnTo>
                  <a:lnTo>
                    <a:pt x="228" y="65"/>
                  </a:lnTo>
                  <a:lnTo>
                    <a:pt x="235" y="66"/>
                  </a:lnTo>
                  <a:lnTo>
                    <a:pt x="242" y="66"/>
                  </a:lnTo>
                  <a:lnTo>
                    <a:pt x="250" y="66"/>
                  </a:lnTo>
                  <a:lnTo>
                    <a:pt x="252" y="66"/>
                  </a:lnTo>
                  <a:lnTo>
                    <a:pt x="256" y="66"/>
                  </a:lnTo>
                  <a:lnTo>
                    <a:pt x="261" y="65"/>
                  </a:lnTo>
                  <a:lnTo>
                    <a:pt x="267" y="65"/>
                  </a:lnTo>
                  <a:lnTo>
                    <a:pt x="276" y="63"/>
                  </a:lnTo>
                  <a:lnTo>
                    <a:pt x="286" y="63"/>
                  </a:lnTo>
                  <a:lnTo>
                    <a:pt x="296" y="61"/>
                  </a:lnTo>
                  <a:lnTo>
                    <a:pt x="310" y="61"/>
                  </a:lnTo>
                  <a:lnTo>
                    <a:pt x="323" y="60"/>
                  </a:lnTo>
                  <a:lnTo>
                    <a:pt x="337" y="58"/>
                  </a:lnTo>
                  <a:lnTo>
                    <a:pt x="352" y="58"/>
                  </a:lnTo>
                  <a:lnTo>
                    <a:pt x="369" y="56"/>
                  </a:lnTo>
                  <a:lnTo>
                    <a:pt x="386" y="55"/>
                  </a:lnTo>
                  <a:lnTo>
                    <a:pt x="403" y="53"/>
                  </a:lnTo>
                  <a:lnTo>
                    <a:pt x="420" y="51"/>
                  </a:lnTo>
                  <a:lnTo>
                    <a:pt x="437" y="50"/>
                  </a:lnTo>
                  <a:lnTo>
                    <a:pt x="455" y="48"/>
                  </a:lnTo>
                  <a:lnTo>
                    <a:pt x="472" y="48"/>
                  </a:lnTo>
                  <a:lnTo>
                    <a:pt x="489" y="46"/>
                  </a:lnTo>
                  <a:lnTo>
                    <a:pt x="504" y="44"/>
                  </a:lnTo>
                  <a:lnTo>
                    <a:pt x="521" y="43"/>
                  </a:lnTo>
                  <a:lnTo>
                    <a:pt x="536" y="41"/>
                  </a:lnTo>
                  <a:lnTo>
                    <a:pt x="552" y="39"/>
                  </a:lnTo>
                  <a:lnTo>
                    <a:pt x="565" y="39"/>
                  </a:lnTo>
                  <a:lnTo>
                    <a:pt x="577" y="38"/>
                  </a:lnTo>
                  <a:lnTo>
                    <a:pt x="589" y="36"/>
                  </a:lnTo>
                  <a:lnTo>
                    <a:pt x="599" y="36"/>
                  </a:lnTo>
                  <a:lnTo>
                    <a:pt x="608" y="36"/>
                  </a:lnTo>
                  <a:lnTo>
                    <a:pt x="613" y="34"/>
                  </a:lnTo>
                  <a:lnTo>
                    <a:pt x="618" y="34"/>
                  </a:lnTo>
                  <a:lnTo>
                    <a:pt x="621" y="34"/>
                  </a:lnTo>
                  <a:lnTo>
                    <a:pt x="623" y="34"/>
                  </a:lnTo>
                  <a:lnTo>
                    <a:pt x="804" y="7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757" name="Group 70"/>
            <p:cNvGrpSpPr>
              <a:grpSpLocks/>
            </p:cNvGrpSpPr>
            <p:nvPr/>
          </p:nvGrpSpPr>
          <p:grpSpPr bwMode="auto">
            <a:xfrm>
              <a:off x="3183" y="2812"/>
              <a:ext cx="342" cy="594"/>
              <a:chOff x="3392" y="2451"/>
              <a:chExt cx="352" cy="612"/>
            </a:xfrm>
          </p:grpSpPr>
          <p:sp>
            <p:nvSpPr>
              <p:cNvPr id="876" name="Freeform 71"/>
              <p:cNvSpPr>
                <a:spLocks/>
              </p:cNvSpPr>
              <p:nvPr/>
            </p:nvSpPr>
            <p:spPr bwMode="auto">
              <a:xfrm>
                <a:off x="3392" y="2451"/>
                <a:ext cx="352" cy="612"/>
              </a:xfrm>
              <a:custGeom>
                <a:avLst/>
                <a:gdLst>
                  <a:gd name="T0" fmla="*/ 262 w 352"/>
                  <a:gd name="T1" fmla="*/ 594 h 612"/>
                  <a:gd name="T2" fmla="*/ 276 w 352"/>
                  <a:gd name="T3" fmla="*/ 589 h 612"/>
                  <a:gd name="T4" fmla="*/ 291 w 352"/>
                  <a:gd name="T5" fmla="*/ 585 h 612"/>
                  <a:gd name="T6" fmla="*/ 305 w 352"/>
                  <a:gd name="T7" fmla="*/ 580 h 612"/>
                  <a:gd name="T8" fmla="*/ 293 w 352"/>
                  <a:gd name="T9" fmla="*/ 577 h 612"/>
                  <a:gd name="T10" fmla="*/ 313 w 352"/>
                  <a:gd name="T11" fmla="*/ 577 h 612"/>
                  <a:gd name="T12" fmla="*/ 315 w 352"/>
                  <a:gd name="T13" fmla="*/ 583 h 612"/>
                  <a:gd name="T14" fmla="*/ 333 w 352"/>
                  <a:gd name="T15" fmla="*/ 577 h 612"/>
                  <a:gd name="T16" fmla="*/ 343 w 352"/>
                  <a:gd name="T17" fmla="*/ 585 h 612"/>
                  <a:gd name="T18" fmla="*/ 352 w 352"/>
                  <a:gd name="T19" fmla="*/ 578 h 612"/>
                  <a:gd name="T20" fmla="*/ 333 w 352"/>
                  <a:gd name="T21" fmla="*/ 0 h 612"/>
                  <a:gd name="T22" fmla="*/ 122 w 352"/>
                  <a:gd name="T23" fmla="*/ 20 h 612"/>
                  <a:gd name="T24" fmla="*/ 120 w 352"/>
                  <a:gd name="T25" fmla="*/ 28 h 612"/>
                  <a:gd name="T26" fmla="*/ 93 w 352"/>
                  <a:gd name="T27" fmla="*/ 59 h 612"/>
                  <a:gd name="T28" fmla="*/ 64 w 352"/>
                  <a:gd name="T29" fmla="*/ 113 h 612"/>
                  <a:gd name="T30" fmla="*/ 56 w 352"/>
                  <a:gd name="T31" fmla="*/ 133 h 612"/>
                  <a:gd name="T32" fmla="*/ 57 w 352"/>
                  <a:gd name="T33" fmla="*/ 142 h 612"/>
                  <a:gd name="T34" fmla="*/ 46 w 352"/>
                  <a:gd name="T35" fmla="*/ 147 h 612"/>
                  <a:gd name="T36" fmla="*/ 44 w 352"/>
                  <a:gd name="T37" fmla="*/ 157 h 612"/>
                  <a:gd name="T38" fmla="*/ 47 w 352"/>
                  <a:gd name="T39" fmla="*/ 165 h 612"/>
                  <a:gd name="T40" fmla="*/ 41 w 352"/>
                  <a:gd name="T41" fmla="*/ 174 h 612"/>
                  <a:gd name="T42" fmla="*/ 42 w 352"/>
                  <a:gd name="T43" fmla="*/ 177 h 612"/>
                  <a:gd name="T44" fmla="*/ 47 w 352"/>
                  <a:gd name="T45" fmla="*/ 182 h 612"/>
                  <a:gd name="T46" fmla="*/ 35 w 352"/>
                  <a:gd name="T47" fmla="*/ 189 h 612"/>
                  <a:gd name="T48" fmla="*/ 29 w 352"/>
                  <a:gd name="T49" fmla="*/ 204 h 612"/>
                  <a:gd name="T50" fmla="*/ 44 w 352"/>
                  <a:gd name="T51" fmla="*/ 240 h 612"/>
                  <a:gd name="T52" fmla="*/ 47 w 352"/>
                  <a:gd name="T53" fmla="*/ 248 h 612"/>
                  <a:gd name="T54" fmla="*/ 42 w 352"/>
                  <a:gd name="T55" fmla="*/ 253 h 612"/>
                  <a:gd name="T56" fmla="*/ 39 w 352"/>
                  <a:gd name="T57" fmla="*/ 265 h 612"/>
                  <a:gd name="T58" fmla="*/ 37 w 352"/>
                  <a:gd name="T59" fmla="*/ 270 h 612"/>
                  <a:gd name="T60" fmla="*/ 37 w 352"/>
                  <a:gd name="T61" fmla="*/ 279 h 612"/>
                  <a:gd name="T62" fmla="*/ 42 w 352"/>
                  <a:gd name="T63" fmla="*/ 281 h 612"/>
                  <a:gd name="T64" fmla="*/ 47 w 352"/>
                  <a:gd name="T65" fmla="*/ 287 h 612"/>
                  <a:gd name="T66" fmla="*/ 46 w 352"/>
                  <a:gd name="T67" fmla="*/ 319 h 612"/>
                  <a:gd name="T68" fmla="*/ 56 w 352"/>
                  <a:gd name="T69" fmla="*/ 331 h 612"/>
                  <a:gd name="T70" fmla="*/ 52 w 352"/>
                  <a:gd name="T71" fmla="*/ 338 h 612"/>
                  <a:gd name="T72" fmla="*/ 61 w 352"/>
                  <a:gd name="T73" fmla="*/ 341 h 612"/>
                  <a:gd name="T74" fmla="*/ 61 w 352"/>
                  <a:gd name="T75" fmla="*/ 350 h 612"/>
                  <a:gd name="T76" fmla="*/ 68 w 352"/>
                  <a:gd name="T77" fmla="*/ 355 h 612"/>
                  <a:gd name="T78" fmla="*/ 63 w 352"/>
                  <a:gd name="T79" fmla="*/ 367 h 612"/>
                  <a:gd name="T80" fmla="*/ 56 w 352"/>
                  <a:gd name="T81" fmla="*/ 370 h 612"/>
                  <a:gd name="T82" fmla="*/ 44 w 352"/>
                  <a:gd name="T83" fmla="*/ 375 h 612"/>
                  <a:gd name="T84" fmla="*/ 54 w 352"/>
                  <a:gd name="T85" fmla="*/ 384 h 612"/>
                  <a:gd name="T86" fmla="*/ 44 w 352"/>
                  <a:gd name="T87" fmla="*/ 399 h 612"/>
                  <a:gd name="T88" fmla="*/ 32 w 352"/>
                  <a:gd name="T89" fmla="*/ 416 h 612"/>
                  <a:gd name="T90" fmla="*/ 25 w 352"/>
                  <a:gd name="T91" fmla="*/ 450 h 612"/>
                  <a:gd name="T92" fmla="*/ 15 w 352"/>
                  <a:gd name="T93" fmla="*/ 458 h 612"/>
                  <a:gd name="T94" fmla="*/ 17 w 352"/>
                  <a:gd name="T95" fmla="*/ 467 h 612"/>
                  <a:gd name="T96" fmla="*/ 10 w 352"/>
                  <a:gd name="T97" fmla="*/ 477 h 612"/>
                  <a:gd name="T98" fmla="*/ 15 w 352"/>
                  <a:gd name="T99" fmla="*/ 482 h 612"/>
                  <a:gd name="T100" fmla="*/ 5 w 352"/>
                  <a:gd name="T101" fmla="*/ 494 h 612"/>
                  <a:gd name="T102" fmla="*/ 0 w 352"/>
                  <a:gd name="T103" fmla="*/ 502 h 612"/>
                  <a:gd name="T104" fmla="*/ 7 w 352"/>
                  <a:gd name="T105" fmla="*/ 507 h 612"/>
                  <a:gd name="T106" fmla="*/ 3 w 352"/>
                  <a:gd name="T107" fmla="*/ 517 h 612"/>
                  <a:gd name="T108" fmla="*/ 203 w 352"/>
                  <a:gd name="T109" fmla="*/ 511 h 612"/>
                  <a:gd name="T110" fmla="*/ 198 w 352"/>
                  <a:gd name="T111" fmla="*/ 543 h 612"/>
                  <a:gd name="T112" fmla="*/ 198 w 352"/>
                  <a:gd name="T113" fmla="*/ 563 h 612"/>
                  <a:gd name="T114" fmla="*/ 211 w 352"/>
                  <a:gd name="T115" fmla="*/ 577 h 612"/>
                  <a:gd name="T116" fmla="*/ 223 w 352"/>
                  <a:gd name="T117" fmla="*/ 605 h 612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352"/>
                  <a:gd name="T178" fmla="*/ 0 h 612"/>
                  <a:gd name="T179" fmla="*/ 352 w 352"/>
                  <a:gd name="T180" fmla="*/ 612 h 612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352" h="612">
                    <a:moveTo>
                      <a:pt x="240" y="609"/>
                    </a:moveTo>
                    <a:lnTo>
                      <a:pt x="252" y="599"/>
                    </a:lnTo>
                    <a:lnTo>
                      <a:pt x="252" y="590"/>
                    </a:lnTo>
                    <a:lnTo>
                      <a:pt x="262" y="594"/>
                    </a:lnTo>
                    <a:lnTo>
                      <a:pt x="266" y="592"/>
                    </a:lnTo>
                    <a:lnTo>
                      <a:pt x="271" y="590"/>
                    </a:lnTo>
                    <a:lnTo>
                      <a:pt x="276" y="589"/>
                    </a:lnTo>
                    <a:lnTo>
                      <a:pt x="281" y="587"/>
                    </a:lnTo>
                    <a:lnTo>
                      <a:pt x="284" y="585"/>
                    </a:lnTo>
                    <a:lnTo>
                      <a:pt x="288" y="585"/>
                    </a:lnTo>
                    <a:lnTo>
                      <a:pt x="291" y="585"/>
                    </a:lnTo>
                    <a:lnTo>
                      <a:pt x="301" y="583"/>
                    </a:lnTo>
                    <a:lnTo>
                      <a:pt x="306" y="583"/>
                    </a:lnTo>
                    <a:lnTo>
                      <a:pt x="306" y="582"/>
                    </a:lnTo>
                    <a:lnTo>
                      <a:pt x="305" y="580"/>
                    </a:lnTo>
                    <a:lnTo>
                      <a:pt x="301" y="578"/>
                    </a:lnTo>
                    <a:lnTo>
                      <a:pt x="296" y="577"/>
                    </a:lnTo>
                    <a:lnTo>
                      <a:pt x="293" y="577"/>
                    </a:lnTo>
                    <a:lnTo>
                      <a:pt x="301" y="573"/>
                    </a:lnTo>
                    <a:lnTo>
                      <a:pt x="306" y="573"/>
                    </a:lnTo>
                    <a:lnTo>
                      <a:pt x="311" y="575"/>
                    </a:lnTo>
                    <a:lnTo>
                      <a:pt x="313" y="577"/>
                    </a:lnTo>
                    <a:lnTo>
                      <a:pt x="315" y="578"/>
                    </a:lnTo>
                    <a:lnTo>
                      <a:pt x="315" y="582"/>
                    </a:lnTo>
                    <a:lnTo>
                      <a:pt x="315" y="583"/>
                    </a:lnTo>
                    <a:lnTo>
                      <a:pt x="323" y="585"/>
                    </a:lnTo>
                    <a:lnTo>
                      <a:pt x="332" y="575"/>
                    </a:lnTo>
                    <a:lnTo>
                      <a:pt x="333" y="577"/>
                    </a:lnTo>
                    <a:lnTo>
                      <a:pt x="335" y="578"/>
                    </a:lnTo>
                    <a:lnTo>
                      <a:pt x="335" y="580"/>
                    </a:lnTo>
                    <a:lnTo>
                      <a:pt x="340" y="583"/>
                    </a:lnTo>
                    <a:lnTo>
                      <a:pt x="343" y="585"/>
                    </a:lnTo>
                    <a:lnTo>
                      <a:pt x="347" y="585"/>
                    </a:lnTo>
                    <a:lnTo>
                      <a:pt x="349" y="583"/>
                    </a:lnTo>
                    <a:lnTo>
                      <a:pt x="350" y="582"/>
                    </a:lnTo>
                    <a:lnTo>
                      <a:pt x="352" y="578"/>
                    </a:lnTo>
                    <a:lnTo>
                      <a:pt x="352" y="577"/>
                    </a:lnTo>
                    <a:lnTo>
                      <a:pt x="328" y="392"/>
                    </a:lnTo>
                    <a:lnTo>
                      <a:pt x="333" y="0"/>
                    </a:lnTo>
                    <a:lnTo>
                      <a:pt x="122" y="18"/>
                    </a:lnTo>
                    <a:lnTo>
                      <a:pt x="122" y="20"/>
                    </a:lnTo>
                    <a:lnTo>
                      <a:pt x="122" y="22"/>
                    </a:lnTo>
                    <a:lnTo>
                      <a:pt x="120" y="25"/>
                    </a:lnTo>
                    <a:lnTo>
                      <a:pt x="120" y="27"/>
                    </a:lnTo>
                    <a:lnTo>
                      <a:pt x="120" y="28"/>
                    </a:lnTo>
                    <a:lnTo>
                      <a:pt x="118" y="30"/>
                    </a:lnTo>
                    <a:lnTo>
                      <a:pt x="118" y="32"/>
                    </a:lnTo>
                    <a:lnTo>
                      <a:pt x="103" y="44"/>
                    </a:lnTo>
                    <a:lnTo>
                      <a:pt x="93" y="59"/>
                    </a:lnTo>
                    <a:lnTo>
                      <a:pt x="93" y="89"/>
                    </a:lnTo>
                    <a:lnTo>
                      <a:pt x="85" y="98"/>
                    </a:lnTo>
                    <a:lnTo>
                      <a:pt x="79" y="98"/>
                    </a:lnTo>
                    <a:lnTo>
                      <a:pt x="64" y="113"/>
                    </a:lnTo>
                    <a:lnTo>
                      <a:pt x="69" y="123"/>
                    </a:lnTo>
                    <a:lnTo>
                      <a:pt x="54" y="132"/>
                    </a:lnTo>
                    <a:lnTo>
                      <a:pt x="56" y="132"/>
                    </a:lnTo>
                    <a:lnTo>
                      <a:pt x="56" y="133"/>
                    </a:lnTo>
                    <a:lnTo>
                      <a:pt x="57" y="135"/>
                    </a:lnTo>
                    <a:lnTo>
                      <a:pt x="57" y="137"/>
                    </a:lnTo>
                    <a:lnTo>
                      <a:pt x="57" y="138"/>
                    </a:lnTo>
                    <a:lnTo>
                      <a:pt x="57" y="142"/>
                    </a:lnTo>
                    <a:lnTo>
                      <a:pt x="54" y="143"/>
                    </a:lnTo>
                    <a:lnTo>
                      <a:pt x="49" y="145"/>
                    </a:lnTo>
                    <a:lnTo>
                      <a:pt x="47" y="145"/>
                    </a:lnTo>
                    <a:lnTo>
                      <a:pt x="46" y="147"/>
                    </a:lnTo>
                    <a:lnTo>
                      <a:pt x="44" y="149"/>
                    </a:lnTo>
                    <a:lnTo>
                      <a:pt x="44" y="150"/>
                    </a:lnTo>
                    <a:lnTo>
                      <a:pt x="44" y="154"/>
                    </a:lnTo>
                    <a:lnTo>
                      <a:pt x="44" y="157"/>
                    </a:lnTo>
                    <a:lnTo>
                      <a:pt x="46" y="159"/>
                    </a:lnTo>
                    <a:lnTo>
                      <a:pt x="47" y="162"/>
                    </a:lnTo>
                    <a:lnTo>
                      <a:pt x="47" y="164"/>
                    </a:lnTo>
                    <a:lnTo>
                      <a:pt x="47" y="165"/>
                    </a:lnTo>
                    <a:lnTo>
                      <a:pt x="46" y="167"/>
                    </a:lnTo>
                    <a:lnTo>
                      <a:pt x="44" y="171"/>
                    </a:lnTo>
                    <a:lnTo>
                      <a:pt x="42" y="172"/>
                    </a:lnTo>
                    <a:lnTo>
                      <a:pt x="41" y="174"/>
                    </a:lnTo>
                    <a:lnTo>
                      <a:pt x="39" y="176"/>
                    </a:lnTo>
                    <a:lnTo>
                      <a:pt x="39" y="177"/>
                    </a:lnTo>
                    <a:lnTo>
                      <a:pt x="41" y="177"/>
                    </a:lnTo>
                    <a:lnTo>
                      <a:pt x="42" y="177"/>
                    </a:lnTo>
                    <a:lnTo>
                      <a:pt x="44" y="177"/>
                    </a:lnTo>
                    <a:lnTo>
                      <a:pt x="46" y="179"/>
                    </a:lnTo>
                    <a:lnTo>
                      <a:pt x="47" y="181"/>
                    </a:lnTo>
                    <a:lnTo>
                      <a:pt x="47" y="182"/>
                    </a:lnTo>
                    <a:lnTo>
                      <a:pt x="46" y="184"/>
                    </a:lnTo>
                    <a:lnTo>
                      <a:pt x="41" y="187"/>
                    </a:lnTo>
                    <a:lnTo>
                      <a:pt x="39" y="187"/>
                    </a:lnTo>
                    <a:lnTo>
                      <a:pt x="35" y="189"/>
                    </a:lnTo>
                    <a:lnTo>
                      <a:pt x="34" y="189"/>
                    </a:lnTo>
                    <a:lnTo>
                      <a:pt x="32" y="191"/>
                    </a:lnTo>
                    <a:lnTo>
                      <a:pt x="32" y="196"/>
                    </a:lnTo>
                    <a:lnTo>
                      <a:pt x="29" y="204"/>
                    </a:lnTo>
                    <a:lnTo>
                      <a:pt x="37" y="213"/>
                    </a:lnTo>
                    <a:lnTo>
                      <a:pt x="39" y="220"/>
                    </a:lnTo>
                    <a:lnTo>
                      <a:pt x="44" y="240"/>
                    </a:lnTo>
                    <a:lnTo>
                      <a:pt x="46" y="242"/>
                    </a:lnTo>
                    <a:lnTo>
                      <a:pt x="46" y="243"/>
                    </a:lnTo>
                    <a:lnTo>
                      <a:pt x="47" y="247"/>
                    </a:lnTo>
                    <a:lnTo>
                      <a:pt x="47" y="248"/>
                    </a:lnTo>
                    <a:lnTo>
                      <a:pt x="47" y="250"/>
                    </a:lnTo>
                    <a:lnTo>
                      <a:pt x="46" y="252"/>
                    </a:lnTo>
                    <a:lnTo>
                      <a:pt x="42" y="253"/>
                    </a:lnTo>
                    <a:lnTo>
                      <a:pt x="41" y="255"/>
                    </a:lnTo>
                    <a:lnTo>
                      <a:pt x="41" y="259"/>
                    </a:lnTo>
                    <a:lnTo>
                      <a:pt x="39" y="262"/>
                    </a:lnTo>
                    <a:lnTo>
                      <a:pt x="39" y="265"/>
                    </a:lnTo>
                    <a:lnTo>
                      <a:pt x="39" y="269"/>
                    </a:lnTo>
                    <a:lnTo>
                      <a:pt x="39" y="270"/>
                    </a:lnTo>
                    <a:lnTo>
                      <a:pt x="37" y="270"/>
                    </a:lnTo>
                    <a:lnTo>
                      <a:pt x="37" y="272"/>
                    </a:lnTo>
                    <a:lnTo>
                      <a:pt x="37" y="274"/>
                    </a:lnTo>
                    <a:lnTo>
                      <a:pt x="37" y="275"/>
                    </a:lnTo>
                    <a:lnTo>
                      <a:pt x="37" y="279"/>
                    </a:lnTo>
                    <a:lnTo>
                      <a:pt x="37" y="281"/>
                    </a:lnTo>
                    <a:lnTo>
                      <a:pt x="39" y="282"/>
                    </a:lnTo>
                    <a:lnTo>
                      <a:pt x="41" y="282"/>
                    </a:lnTo>
                    <a:lnTo>
                      <a:pt x="42" y="281"/>
                    </a:lnTo>
                    <a:lnTo>
                      <a:pt x="44" y="281"/>
                    </a:lnTo>
                    <a:lnTo>
                      <a:pt x="46" y="284"/>
                    </a:lnTo>
                    <a:lnTo>
                      <a:pt x="46" y="286"/>
                    </a:lnTo>
                    <a:lnTo>
                      <a:pt x="47" y="287"/>
                    </a:lnTo>
                    <a:lnTo>
                      <a:pt x="46" y="299"/>
                    </a:lnTo>
                    <a:lnTo>
                      <a:pt x="52" y="304"/>
                    </a:lnTo>
                    <a:lnTo>
                      <a:pt x="44" y="314"/>
                    </a:lnTo>
                    <a:lnTo>
                      <a:pt x="46" y="319"/>
                    </a:lnTo>
                    <a:lnTo>
                      <a:pt x="57" y="318"/>
                    </a:lnTo>
                    <a:lnTo>
                      <a:pt x="57" y="330"/>
                    </a:lnTo>
                    <a:lnTo>
                      <a:pt x="56" y="330"/>
                    </a:lnTo>
                    <a:lnTo>
                      <a:pt x="56" y="331"/>
                    </a:lnTo>
                    <a:lnTo>
                      <a:pt x="54" y="333"/>
                    </a:lnTo>
                    <a:lnTo>
                      <a:pt x="52" y="335"/>
                    </a:lnTo>
                    <a:lnTo>
                      <a:pt x="51" y="336"/>
                    </a:lnTo>
                    <a:lnTo>
                      <a:pt x="52" y="338"/>
                    </a:lnTo>
                    <a:lnTo>
                      <a:pt x="54" y="340"/>
                    </a:lnTo>
                    <a:lnTo>
                      <a:pt x="61" y="340"/>
                    </a:lnTo>
                    <a:lnTo>
                      <a:pt x="61" y="341"/>
                    </a:lnTo>
                    <a:lnTo>
                      <a:pt x="61" y="343"/>
                    </a:lnTo>
                    <a:lnTo>
                      <a:pt x="59" y="345"/>
                    </a:lnTo>
                    <a:lnTo>
                      <a:pt x="59" y="348"/>
                    </a:lnTo>
                    <a:lnTo>
                      <a:pt x="61" y="350"/>
                    </a:lnTo>
                    <a:lnTo>
                      <a:pt x="64" y="352"/>
                    </a:lnTo>
                    <a:lnTo>
                      <a:pt x="69" y="352"/>
                    </a:lnTo>
                    <a:lnTo>
                      <a:pt x="68" y="355"/>
                    </a:lnTo>
                    <a:lnTo>
                      <a:pt x="66" y="357"/>
                    </a:lnTo>
                    <a:lnTo>
                      <a:pt x="66" y="360"/>
                    </a:lnTo>
                    <a:lnTo>
                      <a:pt x="64" y="363"/>
                    </a:lnTo>
                    <a:lnTo>
                      <a:pt x="63" y="367"/>
                    </a:lnTo>
                    <a:lnTo>
                      <a:pt x="61" y="369"/>
                    </a:lnTo>
                    <a:lnTo>
                      <a:pt x="61" y="370"/>
                    </a:lnTo>
                    <a:lnTo>
                      <a:pt x="59" y="370"/>
                    </a:lnTo>
                    <a:lnTo>
                      <a:pt x="56" y="370"/>
                    </a:lnTo>
                    <a:lnTo>
                      <a:pt x="51" y="372"/>
                    </a:lnTo>
                    <a:lnTo>
                      <a:pt x="47" y="372"/>
                    </a:lnTo>
                    <a:lnTo>
                      <a:pt x="44" y="374"/>
                    </a:lnTo>
                    <a:lnTo>
                      <a:pt x="44" y="375"/>
                    </a:lnTo>
                    <a:lnTo>
                      <a:pt x="47" y="377"/>
                    </a:lnTo>
                    <a:lnTo>
                      <a:pt x="54" y="380"/>
                    </a:lnTo>
                    <a:lnTo>
                      <a:pt x="54" y="382"/>
                    </a:lnTo>
                    <a:lnTo>
                      <a:pt x="54" y="384"/>
                    </a:lnTo>
                    <a:lnTo>
                      <a:pt x="52" y="389"/>
                    </a:lnTo>
                    <a:lnTo>
                      <a:pt x="49" y="392"/>
                    </a:lnTo>
                    <a:lnTo>
                      <a:pt x="47" y="396"/>
                    </a:lnTo>
                    <a:lnTo>
                      <a:pt x="44" y="399"/>
                    </a:lnTo>
                    <a:lnTo>
                      <a:pt x="44" y="402"/>
                    </a:lnTo>
                    <a:lnTo>
                      <a:pt x="42" y="404"/>
                    </a:lnTo>
                    <a:lnTo>
                      <a:pt x="41" y="416"/>
                    </a:lnTo>
                    <a:lnTo>
                      <a:pt x="32" y="416"/>
                    </a:lnTo>
                    <a:lnTo>
                      <a:pt x="25" y="443"/>
                    </a:lnTo>
                    <a:lnTo>
                      <a:pt x="17" y="448"/>
                    </a:lnTo>
                    <a:lnTo>
                      <a:pt x="25" y="448"/>
                    </a:lnTo>
                    <a:lnTo>
                      <a:pt x="25" y="450"/>
                    </a:lnTo>
                    <a:lnTo>
                      <a:pt x="24" y="450"/>
                    </a:lnTo>
                    <a:lnTo>
                      <a:pt x="20" y="453"/>
                    </a:lnTo>
                    <a:lnTo>
                      <a:pt x="19" y="455"/>
                    </a:lnTo>
                    <a:lnTo>
                      <a:pt x="15" y="458"/>
                    </a:lnTo>
                    <a:lnTo>
                      <a:pt x="15" y="460"/>
                    </a:lnTo>
                    <a:lnTo>
                      <a:pt x="15" y="463"/>
                    </a:lnTo>
                    <a:lnTo>
                      <a:pt x="17" y="465"/>
                    </a:lnTo>
                    <a:lnTo>
                      <a:pt x="17" y="467"/>
                    </a:lnTo>
                    <a:lnTo>
                      <a:pt x="15" y="468"/>
                    </a:lnTo>
                    <a:lnTo>
                      <a:pt x="13" y="470"/>
                    </a:lnTo>
                    <a:lnTo>
                      <a:pt x="10" y="473"/>
                    </a:lnTo>
                    <a:lnTo>
                      <a:pt x="10" y="477"/>
                    </a:lnTo>
                    <a:lnTo>
                      <a:pt x="8" y="479"/>
                    </a:lnTo>
                    <a:lnTo>
                      <a:pt x="10" y="480"/>
                    </a:lnTo>
                    <a:lnTo>
                      <a:pt x="13" y="480"/>
                    </a:lnTo>
                    <a:lnTo>
                      <a:pt x="15" y="482"/>
                    </a:lnTo>
                    <a:lnTo>
                      <a:pt x="15" y="485"/>
                    </a:lnTo>
                    <a:lnTo>
                      <a:pt x="13" y="487"/>
                    </a:lnTo>
                    <a:lnTo>
                      <a:pt x="8" y="492"/>
                    </a:lnTo>
                    <a:lnTo>
                      <a:pt x="5" y="494"/>
                    </a:lnTo>
                    <a:lnTo>
                      <a:pt x="2" y="495"/>
                    </a:lnTo>
                    <a:lnTo>
                      <a:pt x="0" y="497"/>
                    </a:lnTo>
                    <a:lnTo>
                      <a:pt x="0" y="501"/>
                    </a:lnTo>
                    <a:lnTo>
                      <a:pt x="0" y="502"/>
                    </a:lnTo>
                    <a:lnTo>
                      <a:pt x="2" y="504"/>
                    </a:lnTo>
                    <a:lnTo>
                      <a:pt x="3" y="506"/>
                    </a:lnTo>
                    <a:lnTo>
                      <a:pt x="5" y="506"/>
                    </a:lnTo>
                    <a:lnTo>
                      <a:pt x="7" y="507"/>
                    </a:lnTo>
                    <a:lnTo>
                      <a:pt x="5" y="509"/>
                    </a:lnTo>
                    <a:lnTo>
                      <a:pt x="5" y="512"/>
                    </a:lnTo>
                    <a:lnTo>
                      <a:pt x="5" y="514"/>
                    </a:lnTo>
                    <a:lnTo>
                      <a:pt x="3" y="517"/>
                    </a:lnTo>
                    <a:lnTo>
                      <a:pt x="3" y="521"/>
                    </a:lnTo>
                    <a:lnTo>
                      <a:pt x="3" y="523"/>
                    </a:lnTo>
                    <a:lnTo>
                      <a:pt x="3" y="524"/>
                    </a:lnTo>
                    <a:lnTo>
                      <a:pt x="203" y="511"/>
                    </a:lnTo>
                    <a:lnTo>
                      <a:pt x="203" y="534"/>
                    </a:lnTo>
                    <a:lnTo>
                      <a:pt x="201" y="534"/>
                    </a:lnTo>
                    <a:lnTo>
                      <a:pt x="200" y="538"/>
                    </a:lnTo>
                    <a:lnTo>
                      <a:pt x="198" y="543"/>
                    </a:lnTo>
                    <a:lnTo>
                      <a:pt x="196" y="546"/>
                    </a:lnTo>
                    <a:lnTo>
                      <a:pt x="195" y="553"/>
                    </a:lnTo>
                    <a:lnTo>
                      <a:pt x="195" y="558"/>
                    </a:lnTo>
                    <a:lnTo>
                      <a:pt x="198" y="563"/>
                    </a:lnTo>
                    <a:lnTo>
                      <a:pt x="203" y="567"/>
                    </a:lnTo>
                    <a:lnTo>
                      <a:pt x="205" y="568"/>
                    </a:lnTo>
                    <a:lnTo>
                      <a:pt x="208" y="572"/>
                    </a:lnTo>
                    <a:lnTo>
                      <a:pt x="211" y="577"/>
                    </a:lnTo>
                    <a:lnTo>
                      <a:pt x="217" y="583"/>
                    </a:lnTo>
                    <a:lnTo>
                      <a:pt x="220" y="590"/>
                    </a:lnTo>
                    <a:lnTo>
                      <a:pt x="223" y="597"/>
                    </a:lnTo>
                    <a:lnTo>
                      <a:pt x="223" y="605"/>
                    </a:lnTo>
                    <a:lnTo>
                      <a:pt x="222" y="612"/>
                    </a:lnTo>
                    <a:lnTo>
                      <a:pt x="240" y="60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77" name="Freeform 72"/>
              <p:cNvSpPr>
                <a:spLocks/>
              </p:cNvSpPr>
              <p:nvPr/>
            </p:nvSpPr>
            <p:spPr bwMode="auto">
              <a:xfrm>
                <a:off x="3392" y="2451"/>
                <a:ext cx="352" cy="612"/>
              </a:xfrm>
              <a:custGeom>
                <a:avLst/>
                <a:gdLst>
                  <a:gd name="T0" fmla="*/ 262 w 352"/>
                  <a:gd name="T1" fmla="*/ 594 h 612"/>
                  <a:gd name="T2" fmla="*/ 281 w 352"/>
                  <a:gd name="T3" fmla="*/ 587 h 612"/>
                  <a:gd name="T4" fmla="*/ 301 w 352"/>
                  <a:gd name="T5" fmla="*/ 583 h 612"/>
                  <a:gd name="T6" fmla="*/ 296 w 352"/>
                  <a:gd name="T7" fmla="*/ 577 h 612"/>
                  <a:gd name="T8" fmla="*/ 306 w 352"/>
                  <a:gd name="T9" fmla="*/ 573 h 612"/>
                  <a:gd name="T10" fmla="*/ 315 w 352"/>
                  <a:gd name="T11" fmla="*/ 582 h 612"/>
                  <a:gd name="T12" fmla="*/ 332 w 352"/>
                  <a:gd name="T13" fmla="*/ 575 h 612"/>
                  <a:gd name="T14" fmla="*/ 340 w 352"/>
                  <a:gd name="T15" fmla="*/ 583 h 612"/>
                  <a:gd name="T16" fmla="*/ 352 w 352"/>
                  <a:gd name="T17" fmla="*/ 578 h 612"/>
                  <a:gd name="T18" fmla="*/ 333 w 352"/>
                  <a:gd name="T19" fmla="*/ 0 h 612"/>
                  <a:gd name="T20" fmla="*/ 122 w 352"/>
                  <a:gd name="T21" fmla="*/ 22 h 612"/>
                  <a:gd name="T22" fmla="*/ 118 w 352"/>
                  <a:gd name="T23" fmla="*/ 32 h 612"/>
                  <a:gd name="T24" fmla="*/ 79 w 352"/>
                  <a:gd name="T25" fmla="*/ 98 h 612"/>
                  <a:gd name="T26" fmla="*/ 56 w 352"/>
                  <a:gd name="T27" fmla="*/ 132 h 612"/>
                  <a:gd name="T28" fmla="*/ 57 w 352"/>
                  <a:gd name="T29" fmla="*/ 142 h 612"/>
                  <a:gd name="T30" fmla="*/ 46 w 352"/>
                  <a:gd name="T31" fmla="*/ 147 h 612"/>
                  <a:gd name="T32" fmla="*/ 46 w 352"/>
                  <a:gd name="T33" fmla="*/ 159 h 612"/>
                  <a:gd name="T34" fmla="*/ 46 w 352"/>
                  <a:gd name="T35" fmla="*/ 167 h 612"/>
                  <a:gd name="T36" fmla="*/ 39 w 352"/>
                  <a:gd name="T37" fmla="*/ 177 h 612"/>
                  <a:gd name="T38" fmla="*/ 46 w 352"/>
                  <a:gd name="T39" fmla="*/ 179 h 612"/>
                  <a:gd name="T40" fmla="*/ 41 w 352"/>
                  <a:gd name="T41" fmla="*/ 187 h 612"/>
                  <a:gd name="T42" fmla="*/ 32 w 352"/>
                  <a:gd name="T43" fmla="*/ 196 h 612"/>
                  <a:gd name="T44" fmla="*/ 44 w 352"/>
                  <a:gd name="T45" fmla="*/ 240 h 612"/>
                  <a:gd name="T46" fmla="*/ 47 w 352"/>
                  <a:gd name="T47" fmla="*/ 248 h 612"/>
                  <a:gd name="T48" fmla="*/ 42 w 352"/>
                  <a:gd name="T49" fmla="*/ 253 h 612"/>
                  <a:gd name="T50" fmla="*/ 39 w 352"/>
                  <a:gd name="T51" fmla="*/ 269 h 612"/>
                  <a:gd name="T52" fmla="*/ 37 w 352"/>
                  <a:gd name="T53" fmla="*/ 272 h 612"/>
                  <a:gd name="T54" fmla="*/ 39 w 352"/>
                  <a:gd name="T55" fmla="*/ 282 h 612"/>
                  <a:gd name="T56" fmla="*/ 46 w 352"/>
                  <a:gd name="T57" fmla="*/ 284 h 612"/>
                  <a:gd name="T58" fmla="*/ 44 w 352"/>
                  <a:gd name="T59" fmla="*/ 314 h 612"/>
                  <a:gd name="T60" fmla="*/ 56 w 352"/>
                  <a:gd name="T61" fmla="*/ 330 h 612"/>
                  <a:gd name="T62" fmla="*/ 52 w 352"/>
                  <a:gd name="T63" fmla="*/ 338 h 612"/>
                  <a:gd name="T64" fmla="*/ 61 w 352"/>
                  <a:gd name="T65" fmla="*/ 341 h 612"/>
                  <a:gd name="T66" fmla="*/ 64 w 352"/>
                  <a:gd name="T67" fmla="*/ 352 h 612"/>
                  <a:gd name="T68" fmla="*/ 66 w 352"/>
                  <a:gd name="T69" fmla="*/ 357 h 612"/>
                  <a:gd name="T70" fmla="*/ 61 w 352"/>
                  <a:gd name="T71" fmla="*/ 370 h 612"/>
                  <a:gd name="T72" fmla="*/ 47 w 352"/>
                  <a:gd name="T73" fmla="*/ 372 h 612"/>
                  <a:gd name="T74" fmla="*/ 54 w 352"/>
                  <a:gd name="T75" fmla="*/ 380 h 612"/>
                  <a:gd name="T76" fmla="*/ 47 w 352"/>
                  <a:gd name="T77" fmla="*/ 396 h 612"/>
                  <a:gd name="T78" fmla="*/ 32 w 352"/>
                  <a:gd name="T79" fmla="*/ 416 h 612"/>
                  <a:gd name="T80" fmla="*/ 25 w 352"/>
                  <a:gd name="T81" fmla="*/ 450 h 612"/>
                  <a:gd name="T82" fmla="*/ 15 w 352"/>
                  <a:gd name="T83" fmla="*/ 460 h 612"/>
                  <a:gd name="T84" fmla="*/ 15 w 352"/>
                  <a:gd name="T85" fmla="*/ 468 h 612"/>
                  <a:gd name="T86" fmla="*/ 10 w 352"/>
                  <a:gd name="T87" fmla="*/ 480 h 612"/>
                  <a:gd name="T88" fmla="*/ 13 w 352"/>
                  <a:gd name="T89" fmla="*/ 487 h 612"/>
                  <a:gd name="T90" fmla="*/ 0 w 352"/>
                  <a:gd name="T91" fmla="*/ 497 h 612"/>
                  <a:gd name="T92" fmla="*/ 5 w 352"/>
                  <a:gd name="T93" fmla="*/ 506 h 612"/>
                  <a:gd name="T94" fmla="*/ 5 w 352"/>
                  <a:gd name="T95" fmla="*/ 514 h 612"/>
                  <a:gd name="T96" fmla="*/ 203 w 352"/>
                  <a:gd name="T97" fmla="*/ 511 h 612"/>
                  <a:gd name="T98" fmla="*/ 198 w 352"/>
                  <a:gd name="T99" fmla="*/ 543 h 612"/>
                  <a:gd name="T100" fmla="*/ 203 w 352"/>
                  <a:gd name="T101" fmla="*/ 567 h 612"/>
                  <a:gd name="T102" fmla="*/ 217 w 352"/>
                  <a:gd name="T103" fmla="*/ 583 h 612"/>
                  <a:gd name="T104" fmla="*/ 240 w 352"/>
                  <a:gd name="T105" fmla="*/ 609 h 612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w 352"/>
                  <a:gd name="T160" fmla="*/ 0 h 612"/>
                  <a:gd name="T161" fmla="*/ 352 w 352"/>
                  <a:gd name="T162" fmla="*/ 612 h 612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T159" t="T160" r="T161" b="T162"/>
                <a:pathLst>
                  <a:path w="352" h="612">
                    <a:moveTo>
                      <a:pt x="240" y="609"/>
                    </a:moveTo>
                    <a:lnTo>
                      <a:pt x="252" y="599"/>
                    </a:lnTo>
                    <a:lnTo>
                      <a:pt x="252" y="590"/>
                    </a:lnTo>
                    <a:lnTo>
                      <a:pt x="262" y="594"/>
                    </a:lnTo>
                    <a:lnTo>
                      <a:pt x="266" y="592"/>
                    </a:lnTo>
                    <a:lnTo>
                      <a:pt x="271" y="590"/>
                    </a:lnTo>
                    <a:lnTo>
                      <a:pt x="276" y="589"/>
                    </a:lnTo>
                    <a:lnTo>
                      <a:pt x="281" y="587"/>
                    </a:lnTo>
                    <a:lnTo>
                      <a:pt x="284" y="585"/>
                    </a:lnTo>
                    <a:lnTo>
                      <a:pt x="288" y="585"/>
                    </a:lnTo>
                    <a:lnTo>
                      <a:pt x="291" y="585"/>
                    </a:lnTo>
                    <a:lnTo>
                      <a:pt x="301" y="583"/>
                    </a:lnTo>
                    <a:lnTo>
                      <a:pt x="306" y="583"/>
                    </a:lnTo>
                    <a:lnTo>
                      <a:pt x="306" y="582"/>
                    </a:lnTo>
                    <a:lnTo>
                      <a:pt x="305" y="580"/>
                    </a:lnTo>
                    <a:lnTo>
                      <a:pt x="301" y="578"/>
                    </a:lnTo>
                    <a:lnTo>
                      <a:pt x="296" y="577"/>
                    </a:lnTo>
                    <a:lnTo>
                      <a:pt x="293" y="577"/>
                    </a:lnTo>
                    <a:lnTo>
                      <a:pt x="301" y="573"/>
                    </a:lnTo>
                    <a:lnTo>
                      <a:pt x="306" y="573"/>
                    </a:lnTo>
                    <a:lnTo>
                      <a:pt x="311" y="575"/>
                    </a:lnTo>
                    <a:lnTo>
                      <a:pt x="313" y="577"/>
                    </a:lnTo>
                    <a:lnTo>
                      <a:pt x="315" y="578"/>
                    </a:lnTo>
                    <a:lnTo>
                      <a:pt x="315" y="582"/>
                    </a:lnTo>
                    <a:lnTo>
                      <a:pt x="315" y="583"/>
                    </a:lnTo>
                    <a:lnTo>
                      <a:pt x="323" y="585"/>
                    </a:lnTo>
                    <a:lnTo>
                      <a:pt x="332" y="575"/>
                    </a:lnTo>
                    <a:lnTo>
                      <a:pt x="333" y="577"/>
                    </a:lnTo>
                    <a:lnTo>
                      <a:pt x="335" y="578"/>
                    </a:lnTo>
                    <a:lnTo>
                      <a:pt x="335" y="580"/>
                    </a:lnTo>
                    <a:lnTo>
                      <a:pt x="340" y="583"/>
                    </a:lnTo>
                    <a:lnTo>
                      <a:pt x="343" y="585"/>
                    </a:lnTo>
                    <a:lnTo>
                      <a:pt x="347" y="585"/>
                    </a:lnTo>
                    <a:lnTo>
                      <a:pt x="349" y="583"/>
                    </a:lnTo>
                    <a:lnTo>
                      <a:pt x="350" y="582"/>
                    </a:lnTo>
                    <a:lnTo>
                      <a:pt x="352" y="578"/>
                    </a:lnTo>
                    <a:lnTo>
                      <a:pt x="352" y="577"/>
                    </a:lnTo>
                    <a:lnTo>
                      <a:pt x="328" y="392"/>
                    </a:lnTo>
                    <a:lnTo>
                      <a:pt x="333" y="0"/>
                    </a:lnTo>
                    <a:lnTo>
                      <a:pt x="122" y="18"/>
                    </a:lnTo>
                    <a:lnTo>
                      <a:pt x="122" y="20"/>
                    </a:lnTo>
                    <a:lnTo>
                      <a:pt x="122" y="22"/>
                    </a:lnTo>
                    <a:lnTo>
                      <a:pt x="120" y="25"/>
                    </a:lnTo>
                    <a:lnTo>
                      <a:pt x="120" y="27"/>
                    </a:lnTo>
                    <a:lnTo>
                      <a:pt x="120" y="28"/>
                    </a:lnTo>
                    <a:lnTo>
                      <a:pt x="118" y="30"/>
                    </a:lnTo>
                    <a:lnTo>
                      <a:pt x="118" y="32"/>
                    </a:lnTo>
                    <a:lnTo>
                      <a:pt x="103" y="44"/>
                    </a:lnTo>
                    <a:lnTo>
                      <a:pt x="93" y="59"/>
                    </a:lnTo>
                    <a:lnTo>
                      <a:pt x="93" y="89"/>
                    </a:lnTo>
                    <a:lnTo>
                      <a:pt x="85" y="98"/>
                    </a:lnTo>
                    <a:lnTo>
                      <a:pt x="79" y="98"/>
                    </a:lnTo>
                    <a:lnTo>
                      <a:pt x="64" y="113"/>
                    </a:lnTo>
                    <a:lnTo>
                      <a:pt x="69" y="123"/>
                    </a:lnTo>
                    <a:lnTo>
                      <a:pt x="54" y="132"/>
                    </a:lnTo>
                    <a:lnTo>
                      <a:pt x="56" y="132"/>
                    </a:lnTo>
                    <a:lnTo>
                      <a:pt x="56" y="133"/>
                    </a:lnTo>
                    <a:lnTo>
                      <a:pt x="57" y="135"/>
                    </a:lnTo>
                    <a:lnTo>
                      <a:pt x="57" y="137"/>
                    </a:lnTo>
                    <a:lnTo>
                      <a:pt x="57" y="138"/>
                    </a:lnTo>
                    <a:lnTo>
                      <a:pt x="57" y="142"/>
                    </a:lnTo>
                    <a:lnTo>
                      <a:pt x="54" y="143"/>
                    </a:lnTo>
                    <a:lnTo>
                      <a:pt x="49" y="145"/>
                    </a:lnTo>
                    <a:lnTo>
                      <a:pt x="47" y="145"/>
                    </a:lnTo>
                    <a:lnTo>
                      <a:pt x="46" y="147"/>
                    </a:lnTo>
                    <a:lnTo>
                      <a:pt x="44" y="149"/>
                    </a:lnTo>
                    <a:lnTo>
                      <a:pt x="44" y="150"/>
                    </a:lnTo>
                    <a:lnTo>
                      <a:pt x="44" y="154"/>
                    </a:lnTo>
                    <a:lnTo>
                      <a:pt x="44" y="157"/>
                    </a:lnTo>
                    <a:lnTo>
                      <a:pt x="46" y="159"/>
                    </a:lnTo>
                    <a:lnTo>
                      <a:pt x="47" y="162"/>
                    </a:lnTo>
                    <a:lnTo>
                      <a:pt x="47" y="164"/>
                    </a:lnTo>
                    <a:lnTo>
                      <a:pt x="47" y="165"/>
                    </a:lnTo>
                    <a:lnTo>
                      <a:pt x="46" y="167"/>
                    </a:lnTo>
                    <a:lnTo>
                      <a:pt x="44" y="171"/>
                    </a:lnTo>
                    <a:lnTo>
                      <a:pt x="42" y="172"/>
                    </a:lnTo>
                    <a:lnTo>
                      <a:pt x="41" y="174"/>
                    </a:lnTo>
                    <a:lnTo>
                      <a:pt x="39" y="176"/>
                    </a:lnTo>
                    <a:lnTo>
                      <a:pt x="39" y="177"/>
                    </a:lnTo>
                    <a:lnTo>
                      <a:pt x="41" y="177"/>
                    </a:lnTo>
                    <a:lnTo>
                      <a:pt x="42" y="177"/>
                    </a:lnTo>
                    <a:lnTo>
                      <a:pt x="44" y="177"/>
                    </a:lnTo>
                    <a:lnTo>
                      <a:pt x="46" y="179"/>
                    </a:lnTo>
                    <a:lnTo>
                      <a:pt x="47" y="181"/>
                    </a:lnTo>
                    <a:lnTo>
                      <a:pt x="47" y="182"/>
                    </a:lnTo>
                    <a:lnTo>
                      <a:pt x="46" y="184"/>
                    </a:lnTo>
                    <a:lnTo>
                      <a:pt x="41" y="187"/>
                    </a:lnTo>
                    <a:lnTo>
                      <a:pt x="39" y="187"/>
                    </a:lnTo>
                    <a:lnTo>
                      <a:pt x="35" y="189"/>
                    </a:lnTo>
                    <a:lnTo>
                      <a:pt x="34" y="189"/>
                    </a:lnTo>
                    <a:lnTo>
                      <a:pt x="32" y="191"/>
                    </a:lnTo>
                    <a:lnTo>
                      <a:pt x="32" y="196"/>
                    </a:lnTo>
                    <a:lnTo>
                      <a:pt x="29" y="204"/>
                    </a:lnTo>
                    <a:lnTo>
                      <a:pt x="37" y="213"/>
                    </a:lnTo>
                    <a:lnTo>
                      <a:pt x="39" y="220"/>
                    </a:lnTo>
                    <a:lnTo>
                      <a:pt x="44" y="240"/>
                    </a:lnTo>
                    <a:lnTo>
                      <a:pt x="46" y="242"/>
                    </a:lnTo>
                    <a:lnTo>
                      <a:pt x="46" y="243"/>
                    </a:lnTo>
                    <a:lnTo>
                      <a:pt x="47" y="247"/>
                    </a:lnTo>
                    <a:lnTo>
                      <a:pt x="47" y="248"/>
                    </a:lnTo>
                    <a:lnTo>
                      <a:pt x="47" y="250"/>
                    </a:lnTo>
                    <a:lnTo>
                      <a:pt x="46" y="252"/>
                    </a:lnTo>
                    <a:lnTo>
                      <a:pt x="42" y="253"/>
                    </a:lnTo>
                    <a:lnTo>
                      <a:pt x="41" y="255"/>
                    </a:lnTo>
                    <a:lnTo>
                      <a:pt x="41" y="259"/>
                    </a:lnTo>
                    <a:lnTo>
                      <a:pt x="39" y="262"/>
                    </a:lnTo>
                    <a:lnTo>
                      <a:pt x="39" y="265"/>
                    </a:lnTo>
                    <a:lnTo>
                      <a:pt x="39" y="269"/>
                    </a:lnTo>
                    <a:lnTo>
                      <a:pt x="39" y="270"/>
                    </a:lnTo>
                    <a:lnTo>
                      <a:pt x="37" y="270"/>
                    </a:lnTo>
                    <a:lnTo>
                      <a:pt x="37" y="272"/>
                    </a:lnTo>
                    <a:lnTo>
                      <a:pt x="37" y="274"/>
                    </a:lnTo>
                    <a:lnTo>
                      <a:pt x="37" y="275"/>
                    </a:lnTo>
                    <a:lnTo>
                      <a:pt x="37" y="279"/>
                    </a:lnTo>
                    <a:lnTo>
                      <a:pt x="37" y="281"/>
                    </a:lnTo>
                    <a:lnTo>
                      <a:pt x="39" y="282"/>
                    </a:lnTo>
                    <a:lnTo>
                      <a:pt x="41" y="282"/>
                    </a:lnTo>
                    <a:lnTo>
                      <a:pt x="42" y="281"/>
                    </a:lnTo>
                    <a:lnTo>
                      <a:pt x="44" y="281"/>
                    </a:lnTo>
                    <a:lnTo>
                      <a:pt x="46" y="284"/>
                    </a:lnTo>
                    <a:lnTo>
                      <a:pt x="46" y="286"/>
                    </a:lnTo>
                    <a:lnTo>
                      <a:pt x="47" y="287"/>
                    </a:lnTo>
                    <a:lnTo>
                      <a:pt x="46" y="299"/>
                    </a:lnTo>
                    <a:lnTo>
                      <a:pt x="52" y="304"/>
                    </a:lnTo>
                    <a:lnTo>
                      <a:pt x="44" y="314"/>
                    </a:lnTo>
                    <a:lnTo>
                      <a:pt x="46" y="319"/>
                    </a:lnTo>
                    <a:lnTo>
                      <a:pt x="57" y="318"/>
                    </a:lnTo>
                    <a:lnTo>
                      <a:pt x="57" y="330"/>
                    </a:lnTo>
                    <a:lnTo>
                      <a:pt x="56" y="330"/>
                    </a:lnTo>
                    <a:lnTo>
                      <a:pt x="56" y="331"/>
                    </a:lnTo>
                    <a:lnTo>
                      <a:pt x="54" y="333"/>
                    </a:lnTo>
                    <a:lnTo>
                      <a:pt x="52" y="335"/>
                    </a:lnTo>
                    <a:lnTo>
                      <a:pt x="51" y="336"/>
                    </a:lnTo>
                    <a:lnTo>
                      <a:pt x="52" y="338"/>
                    </a:lnTo>
                    <a:lnTo>
                      <a:pt x="54" y="340"/>
                    </a:lnTo>
                    <a:lnTo>
                      <a:pt x="61" y="340"/>
                    </a:lnTo>
                    <a:lnTo>
                      <a:pt x="61" y="341"/>
                    </a:lnTo>
                    <a:lnTo>
                      <a:pt x="61" y="343"/>
                    </a:lnTo>
                    <a:lnTo>
                      <a:pt x="59" y="345"/>
                    </a:lnTo>
                    <a:lnTo>
                      <a:pt x="59" y="348"/>
                    </a:lnTo>
                    <a:lnTo>
                      <a:pt x="61" y="350"/>
                    </a:lnTo>
                    <a:lnTo>
                      <a:pt x="64" y="352"/>
                    </a:lnTo>
                    <a:lnTo>
                      <a:pt x="69" y="352"/>
                    </a:lnTo>
                    <a:lnTo>
                      <a:pt x="68" y="355"/>
                    </a:lnTo>
                    <a:lnTo>
                      <a:pt x="66" y="357"/>
                    </a:lnTo>
                    <a:lnTo>
                      <a:pt x="66" y="360"/>
                    </a:lnTo>
                    <a:lnTo>
                      <a:pt x="64" y="363"/>
                    </a:lnTo>
                    <a:lnTo>
                      <a:pt x="63" y="367"/>
                    </a:lnTo>
                    <a:lnTo>
                      <a:pt x="61" y="369"/>
                    </a:lnTo>
                    <a:lnTo>
                      <a:pt x="61" y="370"/>
                    </a:lnTo>
                    <a:lnTo>
                      <a:pt x="59" y="370"/>
                    </a:lnTo>
                    <a:lnTo>
                      <a:pt x="56" y="370"/>
                    </a:lnTo>
                    <a:lnTo>
                      <a:pt x="51" y="372"/>
                    </a:lnTo>
                    <a:lnTo>
                      <a:pt x="47" y="372"/>
                    </a:lnTo>
                    <a:lnTo>
                      <a:pt x="44" y="374"/>
                    </a:lnTo>
                    <a:lnTo>
                      <a:pt x="44" y="375"/>
                    </a:lnTo>
                    <a:lnTo>
                      <a:pt x="47" y="377"/>
                    </a:lnTo>
                    <a:lnTo>
                      <a:pt x="54" y="380"/>
                    </a:lnTo>
                    <a:lnTo>
                      <a:pt x="54" y="382"/>
                    </a:lnTo>
                    <a:lnTo>
                      <a:pt x="54" y="384"/>
                    </a:lnTo>
                    <a:lnTo>
                      <a:pt x="52" y="389"/>
                    </a:lnTo>
                    <a:lnTo>
                      <a:pt x="49" y="392"/>
                    </a:lnTo>
                    <a:lnTo>
                      <a:pt x="47" y="396"/>
                    </a:lnTo>
                    <a:lnTo>
                      <a:pt x="44" y="399"/>
                    </a:lnTo>
                    <a:lnTo>
                      <a:pt x="44" y="402"/>
                    </a:lnTo>
                    <a:lnTo>
                      <a:pt x="42" y="404"/>
                    </a:lnTo>
                    <a:lnTo>
                      <a:pt x="41" y="416"/>
                    </a:lnTo>
                    <a:lnTo>
                      <a:pt x="32" y="416"/>
                    </a:lnTo>
                    <a:lnTo>
                      <a:pt x="25" y="443"/>
                    </a:lnTo>
                    <a:lnTo>
                      <a:pt x="17" y="448"/>
                    </a:lnTo>
                    <a:lnTo>
                      <a:pt x="25" y="448"/>
                    </a:lnTo>
                    <a:lnTo>
                      <a:pt x="25" y="450"/>
                    </a:lnTo>
                    <a:lnTo>
                      <a:pt x="24" y="450"/>
                    </a:lnTo>
                    <a:lnTo>
                      <a:pt x="20" y="453"/>
                    </a:lnTo>
                    <a:lnTo>
                      <a:pt x="19" y="455"/>
                    </a:lnTo>
                    <a:lnTo>
                      <a:pt x="15" y="458"/>
                    </a:lnTo>
                    <a:lnTo>
                      <a:pt x="15" y="460"/>
                    </a:lnTo>
                    <a:lnTo>
                      <a:pt x="15" y="463"/>
                    </a:lnTo>
                    <a:lnTo>
                      <a:pt x="17" y="465"/>
                    </a:lnTo>
                    <a:lnTo>
                      <a:pt x="17" y="467"/>
                    </a:lnTo>
                    <a:lnTo>
                      <a:pt x="15" y="468"/>
                    </a:lnTo>
                    <a:lnTo>
                      <a:pt x="13" y="470"/>
                    </a:lnTo>
                    <a:lnTo>
                      <a:pt x="10" y="473"/>
                    </a:lnTo>
                    <a:lnTo>
                      <a:pt x="10" y="477"/>
                    </a:lnTo>
                    <a:lnTo>
                      <a:pt x="8" y="479"/>
                    </a:lnTo>
                    <a:lnTo>
                      <a:pt x="10" y="480"/>
                    </a:lnTo>
                    <a:lnTo>
                      <a:pt x="13" y="480"/>
                    </a:lnTo>
                    <a:lnTo>
                      <a:pt x="15" y="482"/>
                    </a:lnTo>
                    <a:lnTo>
                      <a:pt x="15" y="485"/>
                    </a:lnTo>
                    <a:lnTo>
                      <a:pt x="13" y="487"/>
                    </a:lnTo>
                    <a:lnTo>
                      <a:pt x="8" y="492"/>
                    </a:lnTo>
                    <a:lnTo>
                      <a:pt x="5" y="494"/>
                    </a:lnTo>
                    <a:lnTo>
                      <a:pt x="2" y="495"/>
                    </a:lnTo>
                    <a:lnTo>
                      <a:pt x="0" y="497"/>
                    </a:lnTo>
                    <a:lnTo>
                      <a:pt x="0" y="501"/>
                    </a:lnTo>
                    <a:lnTo>
                      <a:pt x="0" y="502"/>
                    </a:lnTo>
                    <a:lnTo>
                      <a:pt x="2" y="504"/>
                    </a:lnTo>
                    <a:lnTo>
                      <a:pt x="3" y="506"/>
                    </a:lnTo>
                    <a:lnTo>
                      <a:pt x="5" y="506"/>
                    </a:lnTo>
                    <a:lnTo>
                      <a:pt x="7" y="507"/>
                    </a:lnTo>
                    <a:lnTo>
                      <a:pt x="5" y="509"/>
                    </a:lnTo>
                    <a:lnTo>
                      <a:pt x="5" y="512"/>
                    </a:lnTo>
                    <a:lnTo>
                      <a:pt x="5" y="514"/>
                    </a:lnTo>
                    <a:lnTo>
                      <a:pt x="3" y="517"/>
                    </a:lnTo>
                    <a:lnTo>
                      <a:pt x="3" y="521"/>
                    </a:lnTo>
                    <a:lnTo>
                      <a:pt x="3" y="523"/>
                    </a:lnTo>
                    <a:lnTo>
                      <a:pt x="3" y="524"/>
                    </a:lnTo>
                    <a:lnTo>
                      <a:pt x="203" y="511"/>
                    </a:lnTo>
                    <a:lnTo>
                      <a:pt x="203" y="534"/>
                    </a:lnTo>
                    <a:lnTo>
                      <a:pt x="201" y="534"/>
                    </a:lnTo>
                    <a:lnTo>
                      <a:pt x="200" y="538"/>
                    </a:lnTo>
                    <a:lnTo>
                      <a:pt x="198" y="543"/>
                    </a:lnTo>
                    <a:lnTo>
                      <a:pt x="196" y="546"/>
                    </a:lnTo>
                    <a:lnTo>
                      <a:pt x="195" y="553"/>
                    </a:lnTo>
                    <a:lnTo>
                      <a:pt x="195" y="558"/>
                    </a:lnTo>
                    <a:lnTo>
                      <a:pt x="198" y="563"/>
                    </a:lnTo>
                    <a:lnTo>
                      <a:pt x="203" y="567"/>
                    </a:lnTo>
                    <a:lnTo>
                      <a:pt x="205" y="568"/>
                    </a:lnTo>
                    <a:lnTo>
                      <a:pt x="208" y="572"/>
                    </a:lnTo>
                    <a:lnTo>
                      <a:pt x="211" y="577"/>
                    </a:lnTo>
                    <a:lnTo>
                      <a:pt x="217" y="583"/>
                    </a:lnTo>
                    <a:lnTo>
                      <a:pt x="220" y="590"/>
                    </a:lnTo>
                    <a:lnTo>
                      <a:pt x="223" y="597"/>
                    </a:lnTo>
                    <a:lnTo>
                      <a:pt x="223" y="605"/>
                    </a:lnTo>
                    <a:lnTo>
                      <a:pt x="222" y="612"/>
                    </a:lnTo>
                    <a:lnTo>
                      <a:pt x="240" y="609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758" name="Group 73"/>
            <p:cNvGrpSpPr>
              <a:grpSpLocks/>
            </p:cNvGrpSpPr>
            <p:nvPr/>
          </p:nvGrpSpPr>
          <p:grpSpPr bwMode="auto">
            <a:xfrm>
              <a:off x="4248" y="2069"/>
              <a:ext cx="436" cy="217"/>
              <a:chOff x="4487" y="1686"/>
              <a:chExt cx="448" cy="223"/>
            </a:xfrm>
          </p:grpSpPr>
          <p:sp>
            <p:nvSpPr>
              <p:cNvPr id="874" name="Freeform 74"/>
              <p:cNvSpPr>
                <a:spLocks/>
              </p:cNvSpPr>
              <p:nvPr/>
            </p:nvSpPr>
            <p:spPr bwMode="auto">
              <a:xfrm>
                <a:off x="4487" y="1686"/>
                <a:ext cx="448" cy="223"/>
              </a:xfrm>
              <a:custGeom>
                <a:avLst/>
                <a:gdLst>
                  <a:gd name="T0" fmla="*/ 249 w 448"/>
                  <a:gd name="T1" fmla="*/ 155 h 223"/>
                  <a:gd name="T2" fmla="*/ 238 w 448"/>
                  <a:gd name="T3" fmla="*/ 189 h 223"/>
                  <a:gd name="T4" fmla="*/ 252 w 448"/>
                  <a:gd name="T5" fmla="*/ 186 h 223"/>
                  <a:gd name="T6" fmla="*/ 264 w 448"/>
                  <a:gd name="T7" fmla="*/ 188 h 223"/>
                  <a:gd name="T8" fmla="*/ 284 w 448"/>
                  <a:gd name="T9" fmla="*/ 201 h 223"/>
                  <a:gd name="T10" fmla="*/ 330 w 448"/>
                  <a:gd name="T11" fmla="*/ 215 h 223"/>
                  <a:gd name="T12" fmla="*/ 299 w 448"/>
                  <a:gd name="T13" fmla="*/ 179 h 223"/>
                  <a:gd name="T14" fmla="*/ 308 w 448"/>
                  <a:gd name="T15" fmla="*/ 177 h 223"/>
                  <a:gd name="T16" fmla="*/ 316 w 448"/>
                  <a:gd name="T17" fmla="*/ 172 h 223"/>
                  <a:gd name="T18" fmla="*/ 299 w 448"/>
                  <a:gd name="T19" fmla="*/ 142 h 223"/>
                  <a:gd name="T20" fmla="*/ 299 w 448"/>
                  <a:gd name="T21" fmla="*/ 111 h 223"/>
                  <a:gd name="T22" fmla="*/ 291 w 448"/>
                  <a:gd name="T23" fmla="*/ 81 h 223"/>
                  <a:gd name="T24" fmla="*/ 301 w 448"/>
                  <a:gd name="T25" fmla="*/ 66 h 223"/>
                  <a:gd name="T26" fmla="*/ 301 w 448"/>
                  <a:gd name="T27" fmla="*/ 52 h 223"/>
                  <a:gd name="T28" fmla="*/ 308 w 448"/>
                  <a:gd name="T29" fmla="*/ 61 h 223"/>
                  <a:gd name="T30" fmla="*/ 321 w 448"/>
                  <a:gd name="T31" fmla="*/ 42 h 223"/>
                  <a:gd name="T32" fmla="*/ 320 w 448"/>
                  <a:gd name="T33" fmla="*/ 28 h 223"/>
                  <a:gd name="T34" fmla="*/ 331 w 448"/>
                  <a:gd name="T35" fmla="*/ 27 h 223"/>
                  <a:gd name="T36" fmla="*/ 337 w 448"/>
                  <a:gd name="T37" fmla="*/ 32 h 223"/>
                  <a:gd name="T38" fmla="*/ 331 w 448"/>
                  <a:gd name="T39" fmla="*/ 44 h 223"/>
                  <a:gd name="T40" fmla="*/ 316 w 448"/>
                  <a:gd name="T41" fmla="*/ 72 h 223"/>
                  <a:gd name="T42" fmla="*/ 326 w 448"/>
                  <a:gd name="T43" fmla="*/ 83 h 223"/>
                  <a:gd name="T44" fmla="*/ 335 w 448"/>
                  <a:gd name="T45" fmla="*/ 76 h 223"/>
                  <a:gd name="T46" fmla="*/ 326 w 448"/>
                  <a:gd name="T47" fmla="*/ 91 h 223"/>
                  <a:gd name="T48" fmla="*/ 325 w 448"/>
                  <a:gd name="T49" fmla="*/ 110 h 223"/>
                  <a:gd name="T50" fmla="*/ 320 w 448"/>
                  <a:gd name="T51" fmla="*/ 127 h 223"/>
                  <a:gd name="T52" fmla="*/ 340 w 448"/>
                  <a:gd name="T53" fmla="*/ 145 h 223"/>
                  <a:gd name="T54" fmla="*/ 325 w 448"/>
                  <a:gd name="T55" fmla="*/ 150 h 223"/>
                  <a:gd name="T56" fmla="*/ 335 w 448"/>
                  <a:gd name="T57" fmla="*/ 157 h 223"/>
                  <a:gd name="T58" fmla="*/ 337 w 448"/>
                  <a:gd name="T59" fmla="*/ 176 h 223"/>
                  <a:gd name="T60" fmla="*/ 348 w 448"/>
                  <a:gd name="T61" fmla="*/ 182 h 223"/>
                  <a:gd name="T62" fmla="*/ 360 w 448"/>
                  <a:gd name="T63" fmla="*/ 186 h 223"/>
                  <a:gd name="T64" fmla="*/ 355 w 448"/>
                  <a:gd name="T65" fmla="*/ 176 h 223"/>
                  <a:gd name="T66" fmla="*/ 364 w 448"/>
                  <a:gd name="T67" fmla="*/ 177 h 223"/>
                  <a:gd name="T68" fmla="*/ 372 w 448"/>
                  <a:gd name="T69" fmla="*/ 181 h 223"/>
                  <a:gd name="T70" fmla="*/ 369 w 448"/>
                  <a:gd name="T71" fmla="*/ 198 h 223"/>
                  <a:gd name="T72" fmla="*/ 382 w 448"/>
                  <a:gd name="T73" fmla="*/ 194 h 223"/>
                  <a:gd name="T74" fmla="*/ 381 w 448"/>
                  <a:gd name="T75" fmla="*/ 211 h 223"/>
                  <a:gd name="T76" fmla="*/ 387 w 448"/>
                  <a:gd name="T77" fmla="*/ 223 h 223"/>
                  <a:gd name="T78" fmla="*/ 409 w 448"/>
                  <a:gd name="T79" fmla="*/ 206 h 223"/>
                  <a:gd name="T80" fmla="*/ 440 w 448"/>
                  <a:gd name="T81" fmla="*/ 145 h 223"/>
                  <a:gd name="T82" fmla="*/ 441 w 448"/>
                  <a:gd name="T83" fmla="*/ 172 h 223"/>
                  <a:gd name="T84" fmla="*/ 435 w 448"/>
                  <a:gd name="T85" fmla="*/ 203 h 223"/>
                  <a:gd name="T86" fmla="*/ 433 w 448"/>
                  <a:gd name="T87" fmla="*/ 215 h 223"/>
                  <a:gd name="T88" fmla="*/ 436 w 448"/>
                  <a:gd name="T89" fmla="*/ 213 h 223"/>
                  <a:gd name="T90" fmla="*/ 447 w 448"/>
                  <a:gd name="T91" fmla="*/ 179 h 223"/>
                  <a:gd name="T92" fmla="*/ 448 w 448"/>
                  <a:gd name="T93" fmla="*/ 144 h 223"/>
                  <a:gd name="T94" fmla="*/ 0 w 448"/>
                  <a:gd name="T95" fmla="*/ 66 h 223"/>
                  <a:gd name="T96" fmla="*/ 52 w 448"/>
                  <a:gd name="T97" fmla="*/ 94 h 223"/>
                  <a:gd name="T98" fmla="*/ 84 w 448"/>
                  <a:gd name="T99" fmla="*/ 74 h 223"/>
                  <a:gd name="T100" fmla="*/ 111 w 448"/>
                  <a:gd name="T101" fmla="*/ 54 h 223"/>
                  <a:gd name="T102" fmla="*/ 147 w 448"/>
                  <a:gd name="T103" fmla="*/ 56 h 223"/>
                  <a:gd name="T104" fmla="*/ 159 w 448"/>
                  <a:gd name="T105" fmla="*/ 62 h 223"/>
                  <a:gd name="T106" fmla="*/ 176 w 448"/>
                  <a:gd name="T107" fmla="*/ 88 h 223"/>
                  <a:gd name="T108" fmla="*/ 193 w 448"/>
                  <a:gd name="T109" fmla="*/ 86 h 223"/>
                  <a:gd name="T110" fmla="*/ 198 w 448"/>
                  <a:gd name="T111" fmla="*/ 108 h 223"/>
                  <a:gd name="T112" fmla="*/ 228 w 448"/>
                  <a:gd name="T113" fmla="*/ 115 h 223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448"/>
                  <a:gd name="T172" fmla="*/ 0 h 223"/>
                  <a:gd name="T173" fmla="*/ 448 w 448"/>
                  <a:gd name="T174" fmla="*/ 223 h 223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448" h="223">
                    <a:moveTo>
                      <a:pt x="247" y="115"/>
                    </a:moveTo>
                    <a:lnTo>
                      <a:pt x="260" y="123"/>
                    </a:lnTo>
                    <a:lnTo>
                      <a:pt x="252" y="137"/>
                    </a:lnTo>
                    <a:lnTo>
                      <a:pt x="252" y="145"/>
                    </a:lnTo>
                    <a:lnTo>
                      <a:pt x="252" y="147"/>
                    </a:lnTo>
                    <a:lnTo>
                      <a:pt x="250" y="150"/>
                    </a:lnTo>
                    <a:lnTo>
                      <a:pt x="249" y="155"/>
                    </a:lnTo>
                    <a:lnTo>
                      <a:pt x="245" y="162"/>
                    </a:lnTo>
                    <a:lnTo>
                      <a:pt x="243" y="169"/>
                    </a:lnTo>
                    <a:lnTo>
                      <a:pt x="240" y="176"/>
                    </a:lnTo>
                    <a:lnTo>
                      <a:pt x="238" y="179"/>
                    </a:lnTo>
                    <a:lnTo>
                      <a:pt x="238" y="181"/>
                    </a:lnTo>
                    <a:lnTo>
                      <a:pt x="237" y="186"/>
                    </a:lnTo>
                    <a:lnTo>
                      <a:pt x="238" y="189"/>
                    </a:lnTo>
                    <a:lnTo>
                      <a:pt x="240" y="193"/>
                    </a:lnTo>
                    <a:lnTo>
                      <a:pt x="242" y="193"/>
                    </a:lnTo>
                    <a:lnTo>
                      <a:pt x="243" y="193"/>
                    </a:lnTo>
                    <a:lnTo>
                      <a:pt x="247" y="193"/>
                    </a:lnTo>
                    <a:lnTo>
                      <a:pt x="249" y="191"/>
                    </a:lnTo>
                    <a:lnTo>
                      <a:pt x="250" y="191"/>
                    </a:lnTo>
                    <a:lnTo>
                      <a:pt x="252" y="186"/>
                    </a:lnTo>
                    <a:lnTo>
                      <a:pt x="255" y="182"/>
                    </a:lnTo>
                    <a:lnTo>
                      <a:pt x="257" y="182"/>
                    </a:lnTo>
                    <a:lnTo>
                      <a:pt x="259" y="182"/>
                    </a:lnTo>
                    <a:lnTo>
                      <a:pt x="260" y="184"/>
                    </a:lnTo>
                    <a:lnTo>
                      <a:pt x="262" y="186"/>
                    </a:lnTo>
                    <a:lnTo>
                      <a:pt x="264" y="188"/>
                    </a:lnTo>
                    <a:lnTo>
                      <a:pt x="274" y="201"/>
                    </a:lnTo>
                    <a:lnTo>
                      <a:pt x="277" y="201"/>
                    </a:lnTo>
                    <a:lnTo>
                      <a:pt x="277" y="193"/>
                    </a:lnTo>
                    <a:lnTo>
                      <a:pt x="282" y="193"/>
                    </a:lnTo>
                    <a:lnTo>
                      <a:pt x="282" y="194"/>
                    </a:lnTo>
                    <a:lnTo>
                      <a:pt x="284" y="198"/>
                    </a:lnTo>
                    <a:lnTo>
                      <a:pt x="284" y="201"/>
                    </a:lnTo>
                    <a:lnTo>
                      <a:pt x="286" y="201"/>
                    </a:lnTo>
                    <a:lnTo>
                      <a:pt x="298" y="201"/>
                    </a:lnTo>
                    <a:lnTo>
                      <a:pt x="308" y="203"/>
                    </a:lnTo>
                    <a:lnTo>
                      <a:pt x="316" y="204"/>
                    </a:lnTo>
                    <a:lnTo>
                      <a:pt x="321" y="208"/>
                    </a:lnTo>
                    <a:lnTo>
                      <a:pt x="326" y="211"/>
                    </a:lnTo>
                    <a:lnTo>
                      <a:pt x="330" y="215"/>
                    </a:lnTo>
                    <a:lnTo>
                      <a:pt x="331" y="216"/>
                    </a:lnTo>
                    <a:lnTo>
                      <a:pt x="331" y="218"/>
                    </a:lnTo>
                    <a:lnTo>
                      <a:pt x="335" y="210"/>
                    </a:lnTo>
                    <a:lnTo>
                      <a:pt x="326" y="199"/>
                    </a:lnTo>
                    <a:lnTo>
                      <a:pt x="325" y="191"/>
                    </a:lnTo>
                    <a:lnTo>
                      <a:pt x="313" y="188"/>
                    </a:lnTo>
                    <a:lnTo>
                      <a:pt x="299" y="179"/>
                    </a:lnTo>
                    <a:lnTo>
                      <a:pt x="289" y="171"/>
                    </a:lnTo>
                    <a:lnTo>
                      <a:pt x="291" y="167"/>
                    </a:lnTo>
                    <a:lnTo>
                      <a:pt x="299" y="174"/>
                    </a:lnTo>
                    <a:lnTo>
                      <a:pt x="301" y="174"/>
                    </a:lnTo>
                    <a:lnTo>
                      <a:pt x="303" y="176"/>
                    </a:lnTo>
                    <a:lnTo>
                      <a:pt x="306" y="176"/>
                    </a:lnTo>
                    <a:lnTo>
                      <a:pt x="308" y="177"/>
                    </a:lnTo>
                    <a:lnTo>
                      <a:pt x="316" y="182"/>
                    </a:lnTo>
                    <a:lnTo>
                      <a:pt x="321" y="184"/>
                    </a:lnTo>
                    <a:lnTo>
                      <a:pt x="323" y="182"/>
                    </a:lnTo>
                    <a:lnTo>
                      <a:pt x="323" y="181"/>
                    </a:lnTo>
                    <a:lnTo>
                      <a:pt x="321" y="177"/>
                    </a:lnTo>
                    <a:lnTo>
                      <a:pt x="318" y="176"/>
                    </a:lnTo>
                    <a:lnTo>
                      <a:pt x="316" y="172"/>
                    </a:lnTo>
                    <a:lnTo>
                      <a:pt x="315" y="172"/>
                    </a:lnTo>
                    <a:lnTo>
                      <a:pt x="311" y="167"/>
                    </a:lnTo>
                    <a:lnTo>
                      <a:pt x="308" y="164"/>
                    </a:lnTo>
                    <a:lnTo>
                      <a:pt x="304" y="159"/>
                    </a:lnTo>
                    <a:lnTo>
                      <a:pt x="303" y="154"/>
                    </a:lnTo>
                    <a:lnTo>
                      <a:pt x="299" y="149"/>
                    </a:lnTo>
                    <a:lnTo>
                      <a:pt x="299" y="142"/>
                    </a:lnTo>
                    <a:lnTo>
                      <a:pt x="298" y="137"/>
                    </a:lnTo>
                    <a:lnTo>
                      <a:pt x="298" y="132"/>
                    </a:lnTo>
                    <a:lnTo>
                      <a:pt x="298" y="127"/>
                    </a:lnTo>
                    <a:lnTo>
                      <a:pt x="298" y="122"/>
                    </a:lnTo>
                    <a:lnTo>
                      <a:pt x="298" y="118"/>
                    </a:lnTo>
                    <a:lnTo>
                      <a:pt x="299" y="115"/>
                    </a:lnTo>
                    <a:lnTo>
                      <a:pt x="299" y="111"/>
                    </a:lnTo>
                    <a:lnTo>
                      <a:pt x="299" y="108"/>
                    </a:lnTo>
                    <a:lnTo>
                      <a:pt x="299" y="106"/>
                    </a:lnTo>
                    <a:lnTo>
                      <a:pt x="299" y="98"/>
                    </a:lnTo>
                    <a:lnTo>
                      <a:pt x="296" y="93"/>
                    </a:lnTo>
                    <a:lnTo>
                      <a:pt x="294" y="86"/>
                    </a:lnTo>
                    <a:lnTo>
                      <a:pt x="291" y="81"/>
                    </a:lnTo>
                    <a:lnTo>
                      <a:pt x="287" y="78"/>
                    </a:lnTo>
                    <a:lnTo>
                      <a:pt x="286" y="74"/>
                    </a:lnTo>
                    <a:lnTo>
                      <a:pt x="284" y="72"/>
                    </a:lnTo>
                    <a:lnTo>
                      <a:pt x="282" y="72"/>
                    </a:lnTo>
                    <a:lnTo>
                      <a:pt x="296" y="72"/>
                    </a:lnTo>
                    <a:lnTo>
                      <a:pt x="301" y="67"/>
                    </a:lnTo>
                    <a:lnTo>
                      <a:pt x="301" y="66"/>
                    </a:lnTo>
                    <a:lnTo>
                      <a:pt x="301" y="64"/>
                    </a:lnTo>
                    <a:lnTo>
                      <a:pt x="301" y="61"/>
                    </a:lnTo>
                    <a:lnTo>
                      <a:pt x="301" y="59"/>
                    </a:lnTo>
                    <a:lnTo>
                      <a:pt x="299" y="56"/>
                    </a:lnTo>
                    <a:lnTo>
                      <a:pt x="298" y="52"/>
                    </a:lnTo>
                    <a:lnTo>
                      <a:pt x="299" y="52"/>
                    </a:lnTo>
                    <a:lnTo>
                      <a:pt x="301" y="52"/>
                    </a:lnTo>
                    <a:lnTo>
                      <a:pt x="303" y="52"/>
                    </a:lnTo>
                    <a:lnTo>
                      <a:pt x="303" y="54"/>
                    </a:lnTo>
                    <a:lnTo>
                      <a:pt x="304" y="56"/>
                    </a:lnTo>
                    <a:lnTo>
                      <a:pt x="306" y="59"/>
                    </a:lnTo>
                    <a:lnTo>
                      <a:pt x="306" y="61"/>
                    </a:lnTo>
                    <a:lnTo>
                      <a:pt x="308" y="61"/>
                    </a:lnTo>
                    <a:lnTo>
                      <a:pt x="309" y="59"/>
                    </a:lnTo>
                    <a:lnTo>
                      <a:pt x="309" y="57"/>
                    </a:lnTo>
                    <a:lnTo>
                      <a:pt x="311" y="56"/>
                    </a:lnTo>
                    <a:lnTo>
                      <a:pt x="321" y="42"/>
                    </a:lnTo>
                    <a:lnTo>
                      <a:pt x="320" y="40"/>
                    </a:lnTo>
                    <a:lnTo>
                      <a:pt x="320" y="39"/>
                    </a:lnTo>
                    <a:lnTo>
                      <a:pt x="320" y="35"/>
                    </a:lnTo>
                    <a:lnTo>
                      <a:pt x="320" y="34"/>
                    </a:lnTo>
                    <a:lnTo>
                      <a:pt x="320" y="32"/>
                    </a:lnTo>
                    <a:lnTo>
                      <a:pt x="320" y="28"/>
                    </a:lnTo>
                    <a:lnTo>
                      <a:pt x="325" y="23"/>
                    </a:lnTo>
                    <a:lnTo>
                      <a:pt x="328" y="22"/>
                    </a:lnTo>
                    <a:lnTo>
                      <a:pt x="330" y="20"/>
                    </a:lnTo>
                    <a:lnTo>
                      <a:pt x="331" y="22"/>
                    </a:lnTo>
                    <a:lnTo>
                      <a:pt x="331" y="23"/>
                    </a:lnTo>
                    <a:lnTo>
                      <a:pt x="331" y="25"/>
                    </a:lnTo>
                    <a:lnTo>
                      <a:pt x="331" y="27"/>
                    </a:lnTo>
                    <a:lnTo>
                      <a:pt x="330" y="27"/>
                    </a:lnTo>
                    <a:lnTo>
                      <a:pt x="330" y="32"/>
                    </a:lnTo>
                    <a:lnTo>
                      <a:pt x="330" y="35"/>
                    </a:lnTo>
                    <a:lnTo>
                      <a:pt x="333" y="35"/>
                    </a:lnTo>
                    <a:lnTo>
                      <a:pt x="335" y="34"/>
                    </a:lnTo>
                    <a:lnTo>
                      <a:pt x="337" y="32"/>
                    </a:lnTo>
                    <a:lnTo>
                      <a:pt x="338" y="30"/>
                    </a:lnTo>
                    <a:lnTo>
                      <a:pt x="340" y="30"/>
                    </a:lnTo>
                    <a:lnTo>
                      <a:pt x="338" y="34"/>
                    </a:lnTo>
                    <a:lnTo>
                      <a:pt x="338" y="37"/>
                    </a:lnTo>
                    <a:lnTo>
                      <a:pt x="337" y="39"/>
                    </a:lnTo>
                    <a:lnTo>
                      <a:pt x="333" y="42"/>
                    </a:lnTo>
                    <a:lnTo>
                      <a:pt x="331" y="44"/>
                    </a:lnTo>
                    <a:lnTo>
                      <a:pt x="330" y="45"/>
                    </a:lnTo>
                    <a:lnTo>
                      <a:pt x="330" y="47"/>
                    </a:lnTo>
                    <a:lnTo>
                      <a:pt x="328" y="47"/>
                    </a:lnTo>
                    <a:lnTo>
                      <a:pt x="323" y="52"/>
                    </a:lnTo>
                    <a:lnTo>
                      <a:pt x="320" y="59"/>
                    </a:lnTo>
                    <a:lnTo>
                      <a:pt x="316" y="66"/>
                    </a:lnTo>
                    <a:lnTo>
                      <a:pt x="316" y="72"/>
                    </a:lnTo>
                    <a:lnTo>
                      <a:pt x="316" y="79"/>
                    </a:lnTo>
                    <a:lnTo>
                      <a:pt x="316" y="84"/>
                    </a:lnTo>
                    <a:lnTo>
                      <a:pt x="318" y="88"/>
                    </a:lnTo>
                    <a:lnTo>
                      <a:pt x="318" y="89"/>
                    </a:lnTo>
                    <a:lnTo>
                      <a:pt x="321" y="88"/>
                    </a:lnTo>
                    <a:lnTo>
                      <a:pt x="323" y="86"/>
                    </a:lnTo>
                    <a:lnTo>
                      <a:pt x="326" y="83"/>
                    </a:lnTo>
                    <a:lnTo>
                      <a:pt x="328" y="79"/>
                    </a:lnTo>
                    <a:lnTo>
                      <a:pt x="330" y="76"/>
                    </a:lnTo>
                    <a:lnTo>
                      <a:pt x="331" y="72"/>
                    </a:lnTo>
                    <a:lnTo>
                      <a:pt x="333" y="71"/>
                    </a:lnTo>
                    <a:lnTo>
                      <a:pt x="333" y="69"/>
                    </a:lnTo>
                    <a:lnTo>
                      <a:pt x="335" y="72"/>
                    </a:lnTo>
                    <a:lnTo>
                      <a:pt x="335" y="76"/>
                    </a:lnTo>
                    <a:lnTo>
                      <a:pt x="333" y="79"/>
                    </a:lnTo>
                    <a:lnTo>
                      <a:pt x="331" y="83"/>
                    </a:lnTo>
                    <a:lnTo>
                      <a:pt x="330" y="86"/>
                    </a:lnTo>
                    <a:lnTo>
                      <a:pt x="328" y="88"/>
                    </a:lnTo>
                    <a:lnTo>
                      <a:pt x="328" y="89"/>
                    </a:lnTo>
                    <a:lnTo>
                      <a:pt x="326" y="89"/>
                    </a:lnTo>
                    <a:lnTo>
                      <a:pt x="326" y="91"/>
                    </a:lnTo>
                    <a:lnTo>
                      <a:pt x="326" y="93"/>
                    </a:lnTo>
                    <a:lnTo>
                      <a:pt x="326" y="96"/>
                    </a:lnTo>
                    <a:lnTo>
                      <a:pt x="326" y="100"/>
                    </a:lnTo>
                    <a:lnTo>
                      <a:pt x="326" y="103"/>
                    </a:lnTo>
                    <a:lnTo>
                      <a:pt x="326" y="106"/>
                    </a:lnTo>
                    <a:lnTo>
                      <a:pt x="325" y="110"/>
                    </a:lnTo>
                    <a:lnTo>
                      <a:pt x="320" y="116"/>
                    </a:lnTo>
                    <a:lnTo>
                      <a:pt x="318" y="120"/>
                    </a:lnTo>
                    <a:lnTo>
                      <a:pt x="316" y="123"/>
                    </a:lnTo>
                    <a:lnTo>
                      <a:pt x="316" y="125"/>
                    </a:lnTo>
                    <a:lnTo>
                      <a:pt x="318" y="127"/>
                    </a:lnTo>
                    <a:lnTo>
                      <a:pt x="320" y="127"/>
                    </a:lnTo>
                    <a:lnTo>
                      <a:pt x="330" y="132"/>
                    </a:lnTo>
                    <a:lnTo>
                      <a:pt x="337" y="137"/>
                    </a:lnTo>
                    <a:lnTo>
                      <a:pt x="340" y="140"/>
                    </a:lnTo>
                    <a:lnTo>
                      <a:pt x="342" y="142"/>
                    </a:lnTo>
                    <a:lnTo>
                      <a:pt x="342" y="144"/>
                    </a:lnTo>
                    <a:lnTo>
                      <a:pt x="340" y="145"/>
                    </a:lnTo>
                    <a:lnTo>
                      <a:pt x="338" y="145"/>
                    </a:lnTo>
                    <a:lnTo>
                      <a:pt x="337" y="145"/>
                    </a:lnTo>
                    <a:lnTo>
                      <a:pt x="331" y="145"/>
                    </a:lnTo>
                    <a:lnTo>
                      <a:pt x="328" y="147"/>
                    </a:lnTo>
                    <a:lnTo>
                      <a:pt x="325" y="147"/>
                    </a:lnTo>
                    <a:lnTo>
                      <a:pt x="325" y="149"/>
                    </a:lnTo>
                    <a:lnTo>
                      <a:pt x="325" y="150"/>
                    </a:lnTo>
                    <a:lnTo>
                      <a:pt x="325" y="152"/>
                    </a:lnTo>
                    <a:lnTo>
                      <a:pt x="326" y="152"/>
                    </a:lnTo>
                    <a:lnTo>
                      <a:pt x="333" y="152"/>
                    </a:lnTo>
                    <a:lnTo>
                      <a:pt x="337" y="154"/>
                    </a:lnTo>
                    <a:lnTo>
                      <a:pt x="337" y="155"/>
                    </a:lnTo>
                    <a:lnTo>
                      <a:pt x="335" y="157"/>
                    </a:lnTo>
                    <a:lnTo>
                      <a:pt x="331" y="159"/>
                    </a:lnTo>
                    <a:lnTo>
                      <a:pt x="328" y="160"/>
                    </a:lnTo>
                    <a:lnTo>
                      <a:pt x="326" y="160"/>
                    </a:lnTo>
                    <a:lnTo>
                      <a:pt x="325" y="162"/>
                    </a:lnTo>
                    <a:lnTo>
                      <a:pt x="325" y="166"/>
                    </a:lnTo>
                    <a:lnTo>
                      <a:pt x="335" y="177"/>
                    </a:lnTo>
                    <a:lnTo>
                      <a:pt x="337" y="176"/>
                    </a:lnTo>
                    <a:lnTo>
                      <a:pt x="338" y="176"/>
                    </a:lnTo>
                    <a:lnTo>
                      <a:pt x="340" y="174"/>
                    </a:lnTo>
                    <a:lnTo>
                      <a:pt x="342" y="176"/>
                    </a:lnTo>
                    <a:lnTo>
                      <a:pt x="345" y="177"/>
                    </a:lnTo>
                    <a:lnTo>
                      <a:pt x="347" y="181"/>
                    </a:lnTo>
                    <a:lnTo>
                      <a:pt x="348" y="182"/>
                    </a:lnTo>
                    <a:lnTo>
                      <a:pt x="348" y="184"/>
                    </a:lnTo>
                    <a:lnTo>
                      <a:pt x="350" y="186"/>
                    </a:lnTo>
                    <a:lnTo>
                      <a:pt x="352" y="188"/>
                    </a:lnTo>
                    <a:lnTo>
                      <a:pt x="355" y="188"/>
                    </a:lnTo>
                    <a:lnTo>
                      <a:pt x="359" y="186"/>
                    </a:lnTo>
                    <a:lnTo>
                      <a:pt x="360" y="186"/>
                    </a:lnTo>
                    <a:lnTo>
                      <a:pt x="359" y="184"/>
                    </a:lnTo>
                    <a:lnTo>
                      <a:pt x="359" y="182"/>
                    </a:lnTo>
                    <a:lnTo>
                      <a:pt x="357" y="179"/>
                    </a:lnTo>
                    <a:lnTo>
                      <a:pt x="355" y="176"/>
                    </a:lnTo>
                    <a:lnTo>
                      <a:pt x="357" y="174"/>
                    </a:lnTo>
                    <a:lnTo>
                      <a:pt x="359" y="172"/>
                    </a:lnTo>
                    <a:lnTo>
                      <a:pt x="360" y="171"/>
                    </a:lnTo>
                    <a:lnTo>
                      <a:pt x="362" y="171"/>
                    </a:lnTo>
                    <a:lnTo>
                      <a:pt x="364" y="171"/>
                    </a:lnTo>
                    <a:lnTo>
                      <a:pt x="364" y="177"/>
                    </a:lnTo>
                    <a:lnTo>
                      <a:pt x="364" y="182"/>
                    </a:lnTo>
                    <a:lnTo>
                      <a:pt x="365" y="184"/>
                    </a:lnTo>
                    <a:lnTo>
                      <a:pt x="367" y="186"/>
                    </a:lnTo>
                    <a:lnTo>
                      <a:pt x="369" y="184"/>
                    </a:lnTo>
                    <a:lnTo>
                      <a:pt x="370" y="182"/>
                    </a:lnTo>
                    <a:lnTo>
                      <a:pt x="372" y="182"/>
                    </a:lnTo>
                    <a:lnTo>
                      <a:pt x="372" y="181"/>
                    </a:lnTo>
                    <a:lnTo>
                      <a:pt x="374" y="181"/>
                    </a:lnTo>
                    <a:lnTo>
                      <a:pt x="375" y="182"/>
                    </a:lnTo>
                    <a:lnTo>
                      <a:pt x="377" y="184"/>
                    </a:lnTo>
                    <a:lnTo>
                      <a:pt x="370" y="191"/>
                    </a:lnTo>
                    <a:lnTo>
                      <a:pt x="369" y="194"/>
                    </a:lnTo>
                    <a:lnTo>
                      <a:pt x="369" y="198"/>
                    </a:lnTo>
                    <a:lnTo>
                      <a:pt x="372" y="198"/>
                    </a:lnTo>
                    <a:lnTo>
                      <a:pt x="375" y="196"/>
                    </a:lnTo>
                    <a:lnTo>
                      <a:pt x="379" y="194"/>
                    </a:lnTo>
                    <a:lnTo>
                      <a:pt x="382" y="193"/>
                    </a:lnTo>
                    <a:lnTo>
                      <a:pt x="382" y="194"/>
                    </a:lnTo>
                    <a:lnTo>
                      <a:pt x="382" y="198"/>
                    </a:lnTo>
                    <a:lnTo>
                      <a:pt x="382" y="199"/>
                    </a:lnTo>
                    <a:lnTo>
                      <a:pt x="382" y="203"/>
                    </a:lnTo>
                    <a:lnTo>
                      <a:pt x="382" y="204"/>
                    </a:lnTo>
                    <a:lnTo>
                      <a:pt x="382" y="206"/>
                    </a:lnTo>
                    <a:lnTo>
                      <a:pt x="381" y="211"/>
                    </a:lnTo>
                    <a:lnTo>
                      <a:pt x="381" y="215"/>
                    </a:lnTo>
                    <a:lnTo>
                      <a:pt x="381" y="218"/>
                    </a:lnTo>
                    <a:lnTo>
                      <a:pt x="382" y="220"/>
                    </a:lnTo>
                    <a:lnTo>
                      <a:pt x="384" y="221"/>
                    </a:lnTo>
                    <a:lnTo>
                      <a:pt x="386" y="223"/>
                    </a:lnTo>
                    <a:lnTo>
                      <a:pt x="387" y="223"/>
                    </a:lnTo>
                    <a:lnTo>
                      <a:pt x="394" y="220"/>
                    </a:lnTo>
                    <a:lnTo>
                      <a:pt x="397" y="216"/>
                    </a:lnTo>
                    <a:lnTo>
                      <a:pt x="399" y="215"/>
                    </a:lnTo>
                    <a:lnTo>
                      <a:pt x="403" y="211"/>
                    </a:lnTo>
                    <a:lnTo>
                      <a:pt x="406" y="210"/>
                    </a:lnTo>
                    <a:lnTo>
                      <a:pt x="409" y="206"/>
                    </a:lnTo>
                    <a:lnTo>
                      <a:pt x="413" y="204"/>
                    </a:lnTo>
                    <a:lnTo>
                      <a:pt x="418" y="203"/>
                    </a:lnTo>
                    <a:lnTo>
                      <a:pt x="425" y="203"/>
                    </a:lnTo>
                    <a:lnTo>
                      <a:pt x="430" y="198"/>
                    </a:lnTo>
                    <a:lnTo>
                      <a:pt x="431" y="171"/>
                    </a:lnTo>
                    <a:lnTo>
                      <a:pt x="436" y="171"/>
                    </a:lnTo>
                    <a:lnTo>
                      <a:pt x="440" y="145"/>
                    </a:lnTo>
                    <a:lnTo>
                      <a:pt x="441" y="144"/>
                    </a:lnTo>
                    <a:lnTo>
                      <a:pt x="443" y="144"/>
                    </a:lnTo>
                    <a:lnTo>
                      <a:pt x="443" y="145"/>
                    </a:lnTo>
                    <a:lnTo>
                      <a:pt x="443" y="155"/>
                    </a:lnTo>
                    <a:lnTo>
                      <a:pt x="441" y="164"/>
                    </a:lnTo>
                    <a:lnTo>
                      <a:pt x="441" y="172"/>
                    </a:lnTo>
                    <a:lnTo>
                      <a:pt x="440" y="179"/>
                    </a:lnTo>
                    <a:lnTo>
                      <a:pt x="438" y="184"/>
                    </a:lnTo>
                    <a:lnTo>
                      <a:pt x="438" y="189"/>
                    </a:lnTo>
                    <a:lnTo>
                      <a:pt x="436" y="194"/>
                    </a:lnTo>
                    <a:lnTo>
                      <a:pt x="436" y="198"/>
                    </a:lnTo>
                    <a:lnTo>
                      <a:pt x="435" y="201"/>
                    </a:lnTo>
                    <a:lnTo>
                      <a:pt x="435" y="203"/>
                    </a:lnTo>
                    <a:lnTo>
                      <a:pt x="435" y="204"/>
                    </a:lnTo>
                    <a:lnTo>
                      <a:pt x="433" y="206"/>
                    </a:lnTo>
                    <a:lnTo>
                      <a:pt x="433" y="208"/>
                    </a:lnTo>
                    <a:lnTo>
                      <a:pt x="433" y="210"/>
                    </a:lnTo>
                    <a:lnTo>
                      <a:pt x="433" y="215"/>
                    </a:lnTo>
                    <a:lnTo>
                      <a:pt x="433" y="216"/>
                    </a:lnTo>
                    <a:lnTo>
                      <a:pt x="433" y="218"/>
                    </a:lnTo>
                    <a:lnTo>
                      <a:pt x="435" y="216"/>
                    </a:lnTo>
                    <a:lnTo>
                      <a:pt x="435" y="215"/>
                    </a:lnTo>
                    <a:lnTo>
                      <a:pt x="436" y="215"/>
                    </a:lnTo>
                    <a:lnTo>
                      <a:pt x="436" y="213"/>
                    </a:lnTo>
                    <a:lnTo>
                      <a:pt x="438" y="211"/>
                    </a:lnTo>
                    <a:lnTo>
                      <a:pt x="440" y="206"/>
                    </a:lnTo>
                    <a:lnTo>
                      <a:pt x="441" y="203"/>
                    </a:lnTo>
                    <a:lnTo>
                      <a:pt x="443" y="198"/>
                    </a:lnTo>
                    <a:lnTo>
                      <a:pt x="443" y="191"/>
                    </a:lnTo>
                    <a:lnTo>
                      <a:pt x="445" y="186"/>
                    </a:lnTo>
                    <a:lnTo>
                      <a:pt x="447" y="179"/>
                    </a:lnTo>
                    <a:lnTo>
                      <a:pt x="447" y="172"/>
                    </a:lnTo>
                    <a:lnTo>
                      <a:pt x="447" y="167"/>
                    </a:lnTo>
                    <a:lnTo>
                      <a:pt x="447" y="160"/>
                    </a:lnTo>
                    <a:lnTo>
                      <a:pt x="447" y="155"/>
                    </a:lnTo>
                    <a:lnTo>
                      <a:pt x="448" y="150"/>
                    </a:lnTo>
                    <a:lnTo>
                      <a:pt x="448" y="147"/>
                    </a:lnTo>
                    <a:lnTo>
                      <a:pt x="448" y="144"/>
                    </a:lnTo>
                    <a:lnTo>
                      <a:pt x="448" y="142"/>
                    </a:lnTo>
                    <a:lnTo>
                      <a:pt x="386" y="154"/>
                    </a:lnTo>
                    <a:lnTo>
                      <a:pt x="345" y="0"/>
                    </a:lnTo>
                    <a:lnTo>
                      <a:pt x="0" y="66"/>
                    </a:lnTo>
                    <a:lnTo>
                      <a:pt x="10" y="127"/>
                    </a:lnTo>
                    <a:lnTo>
                      <a:pt x="45" y="94"/>
                    </a:lnTo>
                    <a:lnTo>
                      <a:pt x="45" y="96"/>
                    </a:lnTo>
                    <a:lnTo>
                      <a:pt x="47" y="96"/>
                    </a:lnTo>
                    <a:lnTo>
                      <a:pt x="49" y="96"/>
                    </a:lnTo>
                    <a:lnTo>
                      <a:pt x="52" y="94"/>
                    </a:lnTo>
                    <a:lnTo>
                      <a:pt x="57" y="89"/>
                    </a:lnTo>
                    <a:lnTo>
                      <a:pt x="62" y="83"/>
                    </a:lnTo>
                    <a:lnTo>
                      <a:pt x="69" y="71"/>
                    </a:lnTo>
                    <a:lnTo>
                      <a:pt x="71" y="71"/>
                    </a:lnTo>
                    <a:lnTo>
                      <a:pt x="74" y="72"/>
                    </a:lnTo>
                    <a:lnTo>
                      <a:pt x="79" y="74"/>
                    </a:lnTo>
                    <a:lnTo>
                      <a:pt x="84" y="74"/>
                    </a:lnTo>
                    <a:lnTo>
                      <a:pt x="89" y="74"/>
                    </a:lnTo>
                    <a:lnTo>
                      <a:pt x="96" y="72"/>
                    </a:lnTo>
                    <a:lnTo>
                      <a:pt x="101" y="67"/>
                    </a:lnTo>
                    <a:lnTo>
                      <a:pt x="106" y="61"/>
                    </a:lnTo>
                    <a:lnTo>
                      <a:pt x="108" y="59"/>
                    </a:lnTo>
                    <a:lnTo>
                      <a:pt x="108" y="57"/>
                    </a:lnTo>
                    <a:lnTo>
                      <a:pt x="111" y="54"/>
                    </a:lnTo>
                    <a:lnTo>
                      <a:pt x="115" y="52"/>
                    </a:lnTo>
                    <a:lnTo>
                      <a:pt x="120" y="50"/>
                    </a:lnTo>
                    <a:lnTo>
                      <a:pt x="125" y="50"/>
                    </a:lnTo>
                    <a:lnTo>
                      <a:pt x="133" y="52"/>
                    </a:lnTo>
                    <a:lnTo>
                      <a:pt x="144" y="56"/>
                    </a:lnTo>
                    <a:lnTo>
                      <a:pt x="145" y="56"/>
                    </a:lnTo>
                    <a:lnTo>
                      <a:pt x="147" y="56"/>
                    </a:lnTo>
                    <a:lnTo>
                      <a:pt x="149" y="56"/>
                    </a:lnTo>
                    <a:lnTo>
                      <a:pt x="150" y="56"/>
                    </a:lnTo>
                    <a:lnTo>
                      <a:pt x="154" y="56"/>
                    </a:lnTo>
                    <a:lnTo>
                      <a:pt x="155" y="56"/>
                    </a:lnTo>
                    <a:lnTo>
                      <a:pt x="157" y="56"/>
                    </a:lnTo>
                    <a:lnTo>
                      <a:pt x="159" y="62"/>
                    </a:lnTo>
                    <a:lnTo>
                      <a:pt x="161" y="64"/>
                    </a:lnTo>
                    <a:lnTo>
                      <a:pt x="164" y="66"/>
                    </a:lnTo>
                    <a:lnTo>
                      <a:pt x="167" y="69"/>
                    </a:lnTo>
                    <a:lnTo>
                      <a:pt x="171" y="72"/>
                    </a:lnTo>
                    <a:lnTo>
                      <a:pt x="174" y="78"/>
                    </a:lnTo>
                    <a:lnTo>
                      <a:pt x="176" y="83"/>
                    </a:lnTo>
                    <a:lnTo>
                      <a:pt x="176" y="88"/>
                    </a:lnTo>
                    <a:lnTo>
                      <a:pt x="172" y="93"/>
                    </a:lnTo>
                    <a:lnTo>
                      <a:pt x="174" y="91"/>
                    </a:lnTo>
                    <a:lnTo>
                      <a:pt x="176" y="89"/>
                    </a:lnTo>
                    <a:lnTo>
                      <a:pt x="179" y="89"/>
                    </a:lnTo>
                    <a:lnTo>
                      <a:pt x="184" y="88"/>
                    </a:lnTo>
                    <a:lnTo>
                      <a:pt x="188" y="86"/>
                    </a:lnTo>
                    <a:lnTo>
                      <a:pt x="193" y="86"/>
                    </a:lnTo>
                    <a:lnTo>
                      <a:pt x="196" y="89"/>
                    </a:lnTo>
                    <a:lnTo>
                      <a:pt x="199" y="93"/>
                    </a:lnTo>
                    <a:lnTo>
                      <a:pt x="199" y="94"/>
                    </a:lnTo>
                    <a:lnTo>
                      <a:pt x="198" y="98"/>
                    </a:lnTo>
                    <a:lnTo>
                      <a:pt x="198" y="100"/>
                    </a:lnTo>
                    <a:lnTo>
                      <a:pt x="198" y="103"/>
                    </a:lnTo>
                    <a:lnTo>
                      <a:pt x="198" y="108"/>
                    </a:lnTo>
                    <a:lnTo>
                      <a:pt x="203" y="110"/>
                    </a:lnTo>
                    <a:lnTo>
                      <a:pt x="210" y="113"/>
                    </a:lnTo>
                    <a:lnTo>
                      <a:pt x="221" y="113"/>
                    </a:lnTo>
                    <a:lnTo>
                      <a:pt x="223" y="113"/>
                    </a:lnTo>
                    <a:lnTo>
                      <a:pt x="227" y="115"/>
                    </a:lnTo>
                    <a:lnTo>
                      <a:pt x="228" y="115"/>
                    </a:lnTo>
                    <a:lnTo>
                      <a:pt x="230" y="116"/>
                    </a:lnTo>
                    <a:lnTo>
                      <a:pt x="233" y="118"/>
                    </a:lnTo>
                    <a:lnTo>
                      <a:pt x="237" y="120"/>
                    </a:lnTo>
                    <a:lnTo>
                      <a:pt x="240" y="122"/>
                    </a:lnTo>
                    <a:lnTo>
                      <a:pt x="247" y="11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75" name="Freeform 75"/>
              <p:cNvSpPr>
                <a:spLocks/>
              </p:cNvSpPr>
              <p:nvPr/>
            </p:nvSpPr>
            <p:spPr bwMode="auto">
              <a:xfrm>
                <a:off x="4487" y="1686"/>
                <a:ext cx="448" cy="223"/>
              </a:xfrm>
              <a:custGeom>
                <a:avLst/>
                <a:gdLst>
                  <a:gd name="T0" fmla="*/ 249 w 448"/>
                  <a:gd name="T1" fmla="*/ 155 h 223"/>
                  <a:gd name="T2" fmla="*/ 238 w 448"/>
                  <a:gd name="T3" fmla="*/ 189 h 223"/>
                  <a:gd name="T4" fmla="*/ 252 w 448"/>
                  <a:gd name="T5" fmla="*/ 186 h 223"/>
                  <a:gd name="T6" fmla="*/ 274 w 448"/>
                  <a:gd name="T7" fmla="*/ 201 h 223"/>
                  <a:gd name="T8" fmla="*/ 286 w 448"/>
                  <a:gd name="T9" fmla="*/ 201 h 223"/>
                  <a:gd name="T10" fmla="*/ 331 w 448"/>
                  <a:gd name="T11" fmla="*/ 216 h 223"/>
                  <a:gd name="T12" fmla="*/ 291 w 448"/>
                  <a:gd name="T13" fmla="*/ 167 h 223"/>
                  <a:gd name="T14" fmla="*/ 316 w 448"/>
                  <a:gd name="T15" fmla="*/ 182 h 223"/>
                  <a:gd name="T16" fmla="*/ 315 w 448"/>
                  <a:gd name="T17" fmla="*/ 172 h 223"/>
                  <a:gd name="T18" fmla="*/ 298 w 448"/>
                  <a:gd name="T19" fmla="*/ 132 h 223"/>
                  <a:gd name="T20" fmla="*/ 299 w 448"/>
                  <a:gd name="T21" fmla="*/ 106 h 223"/>
                  <a:gd name="T22" fmla="*/ 284 w 448"/>
                  <a:gd name="T23" fmla="*/ 72 h 223"/>
                  <a:gd name="T24" fmla="*/ 301 w 448"/>
                  <a:gd name="T25" fmla="*/ 59 h 223"/>
                  <a:gd name="T26" fmla="*/ 304 w 448"/>
                  <a:gd name="T27" fmla="*/ 56 h 223"/>
                  <a:gd name="T28" fmla="*/ 309 w 448"/>
                  <a:gd name="T29" fmla="*/ 57 h 223"/>
                  <a:gd name="T30" fmla="*/ 320 w 448"/>
                  <a:gd name="T31" fmla="*/ 35 h 223"/>
                  <a:gd name="T32" fmla="*/ 330 w 448"/>
                  <a:gd name="T33" fmla="*/ 20 h 223"/>
                  <a:gd name="T34" fmla="*/ 330 w 448"/>
                  <a:gd name="T35" fmla="*/ 35 h 223"/>
                  <a:gd name="T36" fmla="*/ 338 w 448"/>
                  <a:gd name="T37" fmla="*/ 34 h 223"/>
                  <a:gd name="T38" fmla="*/ 328 w 448"/>
                  <a:gd name="T39" fmla="*/ 47 h 223"/>
                  <a:gd name="T40" fmla="*/ 318 w 448"/>
                  <a:gd name="T41" fmla="*/ 89 h 223"/>
                  <a:gd name="T42" fmla="*/ 333 w 448"/>
                  <a:gd name="T43" fmla="*/ 71 h 223"/>
                  <a:gd name="T44" fmla="*/ 328 w 448"/>
                  <a:gd name="T45" fmla="*/ 88 h 223"/>
                  <a:gd name="T46" fmla="*/ 326 w 448"/>
                  <a:gd name="T47" fmla="*/ 103 h 223"/>
                  <a:gd name="T48" fmla="*/ 316 w 448"/>
                  <a:gd name="T49" fmla="*/ 125 h 223"/>
                  <a:gd name="T50" fmla="*/ 340 w 448"/>
                  <a:gd name="T51" fmla="*/ 140 h 223"/>
                  <a:gd name="T52" fmla="*/ 328 w 448"/>
                  <a:gd name="T53" fmla="*/ 147 h 223"/>
                  <a:gd name="T54" fmla="*/ 333 w 448"/>
                  <a:gd name="T55" fmla="*/ 152 h 223"/>
                  <a:gd name="T56" fmla="*/ 325 w 448"/>
                  <a:gd name="T57" fmla="*/ 166 h 223"/>
                  <a:gd name="T58" fmla="*/ 342 w 448"/>
                  <a:gd name="T59" fmla="*/ 176 h 223"/>
                  <a:gd name="T60" fmla="*/ 352 w 448"/>
                  <a:gd name="T61" fmla="*/ 188 h 223"/>
                  <a:gd name="T62" fmla="*/ 359 w 448"/>
                  <a:gd name="T63" fmla="*/ 182 h 223"/>
                  <a:gd name="T64" fmla="*/ 362 w 448"/>
                  <a:gd name="T65" fmla="*/ 171 h 223"/>
                  <a:gd name="T66" fmla="*/ 370 w 448"/>
                  <a:gd name="T67" fmla="*/ 182 h 223"/>
                  <a:gd name="T68" fmla="*/ 377 w 448"/>
                  <a:gd name="T69" fmla="*/ 184 h 223"/>
                  <a:gd name="T70" fmla="*/ 382 w 448"/>
                  <a:gd name="T71" fmla="*/ 193 h 223"/>
                  <a:gd name="T72" fmla="*/ 382 w 448"/>
                  <a:gd name="T73" fmla="*/ 206 h 223"/>
                  <a:gd name="T74" fmla="*/ 386 w 448"/>
                  <a:gd name="T75" fmla="*/ 223 h 223"/>
                  <a:gd name="T76" fmla="*/ 403 w 448"/>
                  <a:gd name="T77" fmla="*/ 211 h 223"/>
                  <a:gd name="T78" fmla="*/ 436 w 448"/>
                  <a:gd name="T79" fmla="*/ 171 h 223"/>
                  <a:gd name="T80" fmla="*/ 443 w 448"/>
                  <a:gd name="T81" fmla="*/ 155 h 223"/>
                  <a:gd name="T82" fmla="*/ 435 w 448"/>
                  <a:gd name="T83" fmla="*/ 201 h 223"/>
                  <a:gd name="T84" fmla="*/ 433 w 448"/>
                  <a:gd name="T85" fmla="*/ 210 h 223"/>
                  <a:gd name="T86" fmla="*/ 436 w 448"/>
                  <a:gd name="T87" fmla="*/ 213 h 223"/>
                  <a:gd name="T88" fmla="*/ 447 w 448"/>
                  <a:gd name="T89" fmla="*/ 179 h 223"/>
                  <a:gd name="T90" fmla="*/ 448 w 448"/>
                  <a:gd name="T91" fmla="*/ 142 h 223"/>
                  <a:gd name="T92" fmla="*/ 45 w 448"/>
                  <a:gd name="T93" fmla="*/ 94 h 223"/>
                  <a:gd name="T94" fmla="*/ 62 w 448"/>
                  <a:gd name="T95" fmla="*/ 83 h 223"/>
                  <a:gd name="T96" fmla="*/ 96 w 448"/>
                  <a:gd name="T97" fmla="*/ 72 h 223"/>
                  <a:gd name="T98" fmla="*/ 120 w 448"/>
                  <a:gd name="T99" fmla="*/ 50 h 223"/>
                  <a:gd name="T100" fmla="*/ 150 w 448"/>
                  <a:gd name="T101" fmla="*/ 56 h 223"/>
                  <a:gd name="T102" fmla="*/ 164 w 448"/>
                  <a:gd name="T103" fmla="*/ 66 h 223"/>
                  <a:gd name="T104" fmla="*/ 174 w 448"/>
                  <a:gd name="T105" fmla="*/ 91 h 223"/>
                  <a:gd name="T106" fmla="*/ 199 w 448"/>
                  <a:gd name="T107" fmla="*/ 93 h 223"/>
                  <a:gd name="T108" fmla="*/ 221 w 448"/>
                  <a:gd name="T109" fmla="*/ 113 h 223"/>
                  <a:gd name="T110" fmla="*/ 237 w 448"/>
                  <a:gd name="T111" fmla="*/ 120 h 223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448"/>
                  <a:gd name="T169" fmla="*/ 0 h 223"/>
                  <a:gd name="T170" fmla="*/ 448 w 448"/>
                  <a:gd name="T171" fmla="*/ 223 h 223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448" h="223">
                    <a:moveTo>
                      <a:pt x="247" y="115"/>
                    </a:moveTo>
                    <a:lnTo>
                      <a:pt x="260" y="123"/>
                    </a:lnTo>
                    <a:lnTo>
                      <a:pt x="252" y="137"/>
                    </a:lnTo>
                    <a:lnTo>
                      <a:pt x="252" y="145"/>
                    </a:lnTo>
                    <a:lnTo>
                      <a:pt x="252" y="147"/>
                    </a:lnTo>
                    <a:lnTo>
                      <a:pt x="250" y="150"/>
                    </a:lnTo>
                    <a:lnTo>
                      <a:pt x="249" y="155"/>
                    </a:lnTo>
                    <a:lnTo>
                      <a:pt x="245" y="162"/>
                    </a:lnTo>
                    <a:lnTo>
                      <a:pt x="243" y="169"/>
                    </a:lnTo>
                    <a:lnTo>
                      <a:pt x="240" y="176"/>
                    </a:lnTo>
                    <a:lnTo>
                      <a:pt x="238" y="179"/>
                    </a:lnTo>
                    <a:lnTo>
                      <a:pt x="238" y="181"/>
                    </a:lnTo>
                    <a:lnTo>
                      <a:pt x="237" y="186"/>
                    </a:lnTo>
                    <a:lnTo>
                      <a:pt x="238" y="189"/>
                    </a:lnTo>
                    <a:lnTo>
                      <a:pt x="240" y="193"/>
                    </a:lnTo>
                    <a:lnTo>
                      <a:pt x="242" y="193"/>
                    </a:lnTo>
                    <a:lnTo>
                      <a:pt x="243" y="193"/>
                    </a:lnTo>
                    <a:lnTo>
                      <a:pt x="247" y="193"/>
                    </a:lnTo>
                    <a:lnTo>
                      <a:pt x="249" y="191"/>
                    </a:lnTo>
                    <a:lnTo>
                      <a:pt x="250" y="191"/>
                    </a:lnTo>
                    <a:lnTo>
                      <a:pt x="252" y="186"/>
                    </a:lnTo>
                    <a:lnTo>
                      <a:pt x="255" y="182"/>
                    </a:lnTo>
                    <a:lnTo>
                      <a:pt x="257" y="182"/>
                    </a:lnTo>
                    <a:lnTo>
                      <a:pt x="259" y="182"/>
                    </a:lnTo>
                    <a:lnTo>
                      <a:pt x="260" y="184"/>
                    </a:lnTo>
                    <a:lnTo>
                      <a:pt x="262" y="186"/>
                    </a:lnTo>
                    <a:lnTo>
                      <a:pt x="264" y="188"/>
                    </a:lnTo>
                    <a:lnTo>
                      <a:pt x="274" y="201"/>
                    </a:lnTo>
                    <a:lnTo>
                      <a:pt x="277" y="201"/>
                    </a:lnTo>
                    <a:lnTo>
                      <a:pt x="277" y="193"/>
                    </a:lnTo>
                    <a:lnTo>
                      <a:pt x="282" y="193"/>
                    </a:lnTo>
                    <a:lnTo>
                      <a:pt x="282" y="194"/>
                    </a:lnTo>
                    <a:lnTo>
                      <a:pt x="284" y="198"/>
                    </a:lnTo>
                    <a:lnTo>
                      <a:pt x="284" y="201"/>
                    </a:lnTo>
                    <a:lnTo>
                      <a:pt x="286" y="201"/>
                    </a:lnTo>
                    <a:lnTo>
                      <a:pt x="298" y="201"/>
                    </a:lnTo>
                    <a:lnTo>
                      <a:pt x="308" y="203"/>
                    </a:lnTo>
                    <a:lnTo>
                      <a:pt x="316" y="204"/>
                    </a:lnTo>
                    <a:lnTo>
                      <a:pt x="321" y="208"/>
                    </a:lnTo>
                    <a:lnTo>
                      <a:pt x="326" y="211"/>
                    </a:lnTo>
                    <a:lnTo>
                      <a:pt x="330" y="215"/>
                    </a:lnTo>
                    <a:lnTo>
                      <a:pt x="331" y="216"/>
                    </a:lnTo>
                    <a:lnTo>
                      <a:pt x="331" y="218"/>
                    </a:lnTo>
                    <a:lnTo>
                      <a:pt x="335" y="210"/>
                    </a:lnTo>
                    <a:lnTo>
                      <a:pt x="326" y="199"/>
                    </a:lnTo>
                    <a:lnTo>
                      <a:pt x="325" y="191"/>
                    </a:lnTo>
                    <a:lnTo>
                      <a:pt x="313" y="188"/>
                    </a:lnTo>
                    <a:lnTo>
                      <a:pt x="299" y="179"/>
                    </a:lnTo>
                    <a:lnTo>
                      <a:pt x="289" y="171"/>
                    </a:lnTo>
                    <a:lnTo>
                      <a:pt x="291" y="167"/>
                    </a:lnTo>
                    <a:lnTo>
                      <a:pt x="299" y="174"/>
                    </a:lnTo>
                    <a:lnTo>
                      <a:pt x="301" y="174"/>
                    </a:lnTo>
                    <a:lnTo>
                      <a:pt x="303" y="176"/>
                    </a:lnTo>
                    <a:lnTo>
                      <a:pt x="306" y="176"/>
                    </a:lnTo>
                    <a:lnTo>
                      <a:pt x="308" y="177"/>
                    </a:lnTo>
                    <a:lnTo>
                      <a:pt x="316" y="182"/>
                    </a:lnTo>
                    <a:lnTo>
                      <a:pt x="321" y="184"/>
                    </a:lnTo>
                    <a:lnTo>
                      <a:pt x="323" y="182"/>
                    </a:lnTo>
                    <a:lnTo>
                      <a:pt x="323" y="181"/>
                    </a:lnTo>
                    <a:lnTo>
                      <a:pt x="321" y="177"/>
                    </a:lnTo>
                    <a:lnTo>
                      <a:pt x="318" y="176"/>
                    </a:lnTo>
                    <a:lnTo>
                      <a:pt x="316" y="172"/>
                    </a:lnTo>
                    <a:lnTo>
                      <a:pt x="315" y="172"/>
                    </a:lnTo>
                    <a:lnTo>
                      <a:pt x="311" y="167"/>
                    </a:lnTo>
                    <a:lnTo>
                      <a:pt x="308" y="164"/>
                    </a:lnTo>
                    <a:lnTo>
                      <a:pt x="304" y="159"/>
                    </a:lnTo>
                    <a:lnTo>
                      <a:pt x="303" y="154"/>
                    </a:lnTo>
                    <a:lnTo>
                      <a:pt x="299" y="149"/>
                    </a:lnTo>
                    <a:lnTo>
                      <a:pt x="299" y="142"/>
                    </a:lnTo>
                    <a:lnTo>
                      <a:pt x="298" y="137"/>
                    </a:lnTo>
                    <a:lnTo>
                      <a:pt x="298" y="132"/>
                    </a:lnTo>
                    <a:lnTo>
                      <a:pt x="298" y="127"/>
                    </a:lnTo>
                    <a:lnTo>
                      <a:pt x="298" y="122"/>
                    </a:lnTo>
                    <a:lnTo>
                      <a:pt x="298" y="118"/>
                    </a:lnTo>
                    <a:lnTo>
                      <a:pt x="299" y="115"/>
                    </a:lnTo>
                    <a:lnTo>
                      <a:pt x="299" y="111"/>
                    </a:lnTo>
                    <a:lnTo>
                      <a:pt x="299" y="108"/>
                    </a:lnTo>
                    <a:lnTo>
                      <a:pt x="299" y="106"/>
                    </a:lnTo>
                    <a:lnTo>
                      <a:pt x="299" y="98"/>
                    </a:lnTo>
                    <a:lnTo>
                      <a:pt x="296" y="93"/>
                    </a:lnTo>
                    <a:lnTo>
                      <a:pt x="294" y="86"/>
                    </a:lnTo>
                    <a:lnTo>
                      <a:pt x="291" y="81"/>
                    </a:lnTo>
                    <a:lnTo>
                      <a:pt x="287" y="78"/>
                    </a:lnTo>
                    <a:lnTo>
                      <a:pt x="286" y="74"/>
                    </a:lnTo>
                    <a:lnTo>
                      <a:pt x="284" y="72"/>
                    </a:lnTo>
                    <a:lnTo>
                      <a:pt x="282" y="72"/>
                    </a:lnTo>
                    <a:lnTo>
                      <a:pt x="296" y="72"/>
                    </a:lnTo>
                    <a:lnTo>
                      <a:pt x="301" y="67"/>
                    </a:lnTo>
                    <a:lnTo>
                      <a:pt x="301" y="66"/>
                    </a:lnTo>
                    <a:lnTo>
                      <a:pt x="301" y="64"/>
                    </a:lnTo>
                    <a:lnTo>
                      <a:pt x="301" y="61"/>
                    </a:lnTo>
                    <a:lnTo>
                      <a:pt x="301" y="59"/>
                    </a:lnTo>
                    <a:lnTo>
                      <a:pt x="299" y="56"/>
                    </a:lnTo>
                    <a:lnTo>
                      <a:pt x="298" y="52"/>
                    </a:lnTo>
                    <a:lnTo>
                      <a:pt x="299" y="52"/>
                    </a:lnTo>
                    <a:lnTo>
                      <a:pt x="301" y="52"/>
                    </a:lnTo>
                    <a:lnTo>
                      <a:pt x="303" y="52"/>
                    </a:lnTo>
                    <a:lnTo>
                      <a:pt x="303" y="54"/>
                    </a:lnTo>
                    <a:lnTo>
                      <a:pt x="304" y="56"/>
                    </a:lnTo>
                    <a:lnTo>
                      <a:pt x="306" y="59"/>
                    </a:lnTo>
                    <a:lnTo>
                      <a:pt x="306" y="61"/>
                    </a:lnTo>
                    <a:lnTo>
                      <a:pt x="308" y="61"/>
                    </a:lnTo>
                    <a:lnTo>
                      <a:pt x="309" y="59"/>
                    </a:lnTo>
                    <a:lnTo>
                      <a:pt x="309" y="57"/>
                    </a:lnTo>
                    <a:lnTo>
                      <a:pt x="311" y="56"/>
                    </a:lnTo>
                    <a:lnTo>
                      <a:pt x="321" y="42"/>
                    </a:lnTo>
                    <a:lnTo>
                      <a:pt x="320" y="40"/>
                    </a:lnTo>
                    <a:lnTo>
                      <a:pt x="320" y="39"/>
                    </a:lnTo>
                    <a:lnTo>
                      <a:pt x="320" y="35"/>
                    </a:lnTo>
                    <a:lnTo>
                      <a:pt x="320" y="34"/>
                    </a:lnTo>
                    <a:lnTo>
                      <a:pt x="320" y="32"/>
                    </a:lnTo>
                    <a:lnTo>
                      <a:pt x="320" y="28"/>
                    </a:lnTo>
                    <a:lnTo>
                      <a:pt x="325" y="23"/>
                    </a:lnTo>
                    <a:lnTo>
                      <a:pt x="328" y="22"/>
                    </a:lnTo>
                    <a:lnTo>
                      <a:pt x="330" y="20"/>
                    </a:lnTo>
                    <a:lnTo>
                      <a:pt x="331" y="22"/>
                    </a:lnTo>
                    <a:lnTo>
                      <a:pt x="331" y="23"/>
                    </a:lnTo>
                    <a:lnTo>
                      <a:pt x="331" y="25"/>
                    </a:lnTo>
                    <a:lnTo>
                      <a:pt x="331" y="27"/>
                    </a:lnTo>
                    <a:lnTo>
                      <a:pt x="330" y="27"/>
                    </a:lnTo>
                    <a:lnTo>
                      <a:pt x="330" y="32"/>
                    </a:lnTo>
                    <a:lnTo>
                      <a:pt x="330" y="35"/>
                    </a:lnTo>
                    <a:lnTo>
                      <a:pt x="333" y="35"/>
                    </a:lnTo>
                    <a:lnTo>
                      <a:pt x="335" y="34"/>
                    </a:lnTo>
                    <a:lnTo>
                      <a:pt x="337" y="32"/>
                    </a:lnTo>
                    <a:lnTo>
                      <a:pt x="338" y="30"/>
                    </a:lnTo>
                    <a:lnTo>
                      <a:pt x="340" y="30"/>
                    </a:lnTo>
                    <a:lnTo>
                      <a:pt x="338" y="34"/>
                    </a:lnTo>
                    <a:lnTo>
                      <a:pt x="338" y="37"/>
                    </a:lnTo>
                    <a:lnTo>
                      <a:pt x="337" y="39"/>
                    </a:lnTo>
                    <a:lnTo>
                      <a:pt x="333" y="42"/>
                    </a:lnTo>
                    <a:lnTo>
                      <a:pt x="331" y="44"/>
                    </a:lnTo>
                    <a:lnTo>
                      <a:pt x="330" y="45"/>
                    </a:lnTo>
                    <a:lnTo>
                      <a:pt x="330" y="47"/>
                    </a:lnTo>
                    <a:lnTo>
                      <a:pt x="328" y="47"/>
                    </a:lnTo>
                    <a:lnTo>
                      <a:pt x="323" y="52"/>
                    </a:lnTo>
                    <a:lnTo>
                      <a:pt x="320" y="59"/>
                    </a:lnTo>
                    <a:lnTo>
                      <a:pt x="316" y="66"/>
                    </a:lnTo>
                    <a:lnTo>
                      <a:pt x="316" y="72"/>
                    </a:lnTo>
                    <a:lnTo>
                      <a:pt x="316" y="79"/>
                    </a:lnTo>
                    <a:lnTo>
                      <a:pt x="316" y="84"/>
                    </a:lnTo>
                    <a:lnTo>
                      <a:pt x="318" y="88"/>
                    </a:lnTo>
                    <a:lnTo>
                      <a:pt x="318" y="89"/>
                    </a:lnTo>
                    <a:lnTo>
                      <a:pt x="321" y="88"/>
                    </a:lnTo>
                    <a:lnTo>
                      <a:pt x="323" y="86"/>
                    </a:lnTo>
                    <a:lnTo>
                      <a:pt x="326" y="83"/>
                    </a:lnTo>
                    <a:lnTo>
                      <a:pt x="328" y="79"/>
                    </a:lnTo>
                    <a:lnTo>
                      <a:pt x="330" y="76"/>
                    </a:lnTo>
                    <a:lnTo>
                      <a:pt x="331" y="72"/>
                    </a:lnTo>
                    <a:lnTo>
                      <a:pt x="333" y="71"/>
                    </a:lnTo>
                    <a:lnTo>
                      <a:pt x="333" y="69"/>
                    </a:lnTo>
                    <a:lnTo>
                      <a:pt x="335" y="72"/>
                    </a:lnTo>
                    <a:lnTo>
                      <a:pt x="335" y="76"/>
                    </a:lnTo>
                    <a:lnTo>
                      <a:pt x="333" y="79"/>
                    </a:lnTo>
                    <a:lnTo>
                      <a:pt x="331" y="83"/>
                    </a:lnTo>
                    <a:lnTo>
                      <a:pt x="330" y="86"/>
                    </a:lnTo>
                    <a:lnTo>
                      <a:pt x="328" y="88"/>
                    </a:lnTo>
                    <a:lnTo>
                      <a:pt x="328" y="89"/>
                    </a:lnTo>
                    <a:lnTo>
                      <a:pt x="326" y="89"/>
                    </a:lnTo>
                    <a:lnTo>
                      <a:pt x="326" y="91"/>
                    </a:lnTo>
                    <a:lnTo>
                      <a:pt x="326" y="93"/>
                    </a:lnTo>
                    <a:lnTo>
                      <a:pt x="326" y="96"/>
                    </a:lnTo>
                    <a:lnTo>
                      <a:pt x="326" y="100"/>
                    </a:lnTo>
                    <a:lnTo>
                      <a:pt x="326" y="103"/>
                    </a:lnTo>
                    <a:lnTo>
                      <a:pt x="326" y="106"/>
                    </a:lnTo>
                    <a:lnTo>
                      <a:pt x="325" y="110"/>
                    </a:lnTo>
                    <a:lnTo>
                      <a:pt x="320" y="116"/>
                    </a:lnTo>
                    <a:lnTo>
                      <a:pt x="318" y="120"/>
                    </a:lnTo>
                    <a:lnTo>
                      <a:pt x="316" y="123"/>
                    </a:lnTo>
                    <a:lnTo>
                      <a:pt x="316" y="125"/>
                    </a:lnTo>
                    <a:lnTo>
                      <a:pt x="318" y="127"/>
                    </a:lnTo>
                    <a:lnTo>
                      <a:pt x="320" y="127"/>
                    </a:lnTo>
                    <a:lnTo>
                      <a:pt x="330" y="132"/>
                    </a:lnTo>
                    <a:lnTo>
                      <a:pt x="337" y="137"/>
                    </a:lnTo>
                    <a:lnTo>
                      <a:pt x="340" y="140"/>
                    </a:lnTo>
                    <a:lnTo>
                      <a:pt x="342" y="142"/>
                    </a:lnTo>
                    <a:lnTo>
                      <a:pt x="342" y="144"/>
                    </a:lnTo>
                    <a:lnTo>
                      <a:pt x="340" y="145"/>
                    </a:lnTo>
                    <a:lnTo>
                      <a:pt x="338" y="145"/>
                    </a:lnTo>
                    <a:lnTo>
                      <a:pt x="337" y="145"/>
                    </a:lnTo>
                    <a:lnTo>
                      <a:pt x="331" y="145"/>
                    </a:lnTo>
                    <a:lnTo>
                      <a:pt x="328" y="147"/>
                    </a:lnTo>
                    <a:lnTo>
                      <a:pt x="325" y="147"/>
                    </a:lnTo>
                    <a:lnTo>
                      <a:pt x="325" y="149"/>
                    </a:lnTo>
                    <a:lnTo>
                      <a:pt x="325" y="150"/>
                    </a:lnTo>
                    <a:lnTo>
                      <a:pt x="325" y="152"/>
                    </a:lnTo>
                    <a:lnTo>
                      <a:pt x="326" y="152"/>
                    </a:lnTo>
                    <a:lnTo>
                      <a:pt x="333" y="152"/>
                    </a:lnTo>
                    <a:lnTo>
                      <a:pt x="337" y="154"/>
                    </a:lnTo>
                    <a:lnTo>
                      <a:pt x="337" y="155"/>
                    </a:lnTo>
                    <a:lnTo>
                      <a:pt x="335" y="157"/>
                    </a:lnTo>
                    <a:lnTo>
                      <a:pt x="331" y="159"/>
                    </a:lnTo>
                    <a:lnTo>
                      <a:pt x="328" y="160"/>
                    </a:lnTo>
                    <a:lnTo>
                      <a:pt x="326" y="160"/>
                    </a:lnTo>
                    <a:lnTo>
                      <a:pt x="325" y="162"/>
                    </a:lnTo>
                    <a:lnTo>
                      <a:pt x="325" y="166"/>
                    </a:lnTo>
                    <a:lnTo>
                      <a:pt x="335" y="177"/>
                    </a:lnTo>
                    <a:lnTo>
                      <a:pt x="337" y="176"/>
                    </a:lnTo>
                    <a:lnTo>
                      <a:pt x="338" y="176"/>
                    </a:lnTo>
                    <a:lnTo>
                      <a:pt x="340" y="174"/>
                    </a:lnTo>
                    <a:lnTo>
                      <a:pt x="342" y="176"/>
                    </a:lnTo>
                    <a:lnTo>
                      <a:pt x="345" y="177"/>
                    </a:lnTo>
                    <a:lnTo>
                      <a:pt x="347" y="181"/>
                    </a:lnTo>
                    <a:lnTo>
                      <a:pt x="348" y="182"/>
                    </a:lnTo>
                    <a:lnTo>
                      <a:pt x="348" y="184"/>
                    </a:lnTo>
                    <a:lnTo>
                      <a:pt x="350" y="186"/>
                    </a:lnTo>
                    <a:lnTo>
                      <a:pt x="352" y="188"/>
                    </a:lnTo>
                    <a:lnTo>
                      <a:pt x="355" y="188"/>
                    </a:lnTo>
                    <a:lnTo>
                      <a:pt x="359" y="186"/>
                    </a:lnTo>
                    <a:lnTo>
                      <a:pt x="360" y="186"/>
                    </a:lnTo>
                    <a:lnTo>
                      <a:pt x="359" y="184"/>
                    </a:lnTo>
                    <a:lnTo>
                      <a:pt x="359" y="182"/>
                    </a:lnTo>
                    <a:lnTo>
                      <a:pt x="357" y="179"/>
                    </a:lnTo>
                    <a:lnTo>
                      <a:pt x="355" y="176"/>
                    </a:lnTo>
                    <a:lnTo>
                      <a:pt x="357" y="174"/>
                    </a:lnTo>
                    <a:lnTo>
                      <a:pt x="359" y="172"/>
                    </a:lnTo>
                    <a:lnTo>
                      <a:pt x="360" y="171"/>
                    </a:lnTo>
                    <a:lnTo>
                      <a:pt x="362" y="171"/>
                    </a:lnTo>
                    <a:lnTo>
                      <a:pt x="364" y="171"/>
                    </a:lnTo>
                    <a:lnTo>
                      <a:pt x="364" y="177"/>
                    </a:lnTo>
                    <a:lnTo>
                      <a:pt x="364" y="182"/>
                    </a:lnTo>
                    <a:lnTo>
                      <a:pt x="365" y="184"/>
                    </a:lnTo>
                    <a:lnTo>
                      <a:pt x="367" y="186"/>
                    </a:lnTo>
                    <a:lnTo>
                      <a:pt x="369" y="184"/>
                    </a:lnTo>
                    <a:lnTo>
                      <a:pt x="370" y="182"/>
                    </a:lnTo>
                    <a:lnTo>
                      <a:pt x="372" y="182"/>
                    </a:lnTo>
                    <a:lnTo>
                      <a:pt x="372" y="181"/>
                    </a:lnTo>
                    <a:lnTo>
                      <a:pt x="374" y="181"/>
                    </a:lnTo>
                    <a:lnTo>
                      <a:pt x="375" y="182"/>
                    </a:lnTo>
                    <a:lnTo>
                      <a:pt x="377" y="184"/>
                    </a:lnTo>
                    <a:lnTo>
                      <a:pt x="370" y="191"/>
                    </a:lnTo>
                    <a:lnTo>
                      <a:pt x="369" y="194"/>
                    </a:lnTo>
                    <a:lnTo>
                      <a:pt x="369" y="198"/>
                    </a:lnTo>
                    <a:lnTo>
                      <a:pt x="372" y="198"/>
                    </a:lnTo>
                    <a:lnTo>
                      <a:pt x="375" y="196"/>
                    </a:lnTo>
                    <a:lnTo>
                      <a:pt x="379" y="194"/>
                    </a:lnTo>
                    <a:lnTo>
                      <a:pt x="382" y="193"/>
                    </a:lnTo>
                    <a:lnTo>
                      <a:pt x="382" y="194"/>
                    </a:lnTo>
                    <a:lnTo>
                      <a:pt x="382" y="198"/>
                    </a:lnTo>
                    <a:lnTo>
                      <a:pt x="382" y="199"/>
                    </a:lnTo>
                    <a:lnTo>
                      <a:pt x="382" y="203"/>
                    </a:lnTo>
                    <a:lnTo>
                      <a:pt x="382" y="204"/>
                    </a:lnTo>
                    <a:lnTo>
                      <a:pt x="382" y="206"/>
                    </a:lnTo>
                    <a:lnTo>
                      <a:pt x="381" y="211"/>
                    </a:lnTo>
                    <a:lnTo>
                      <a:pt x="381" y="215"/>
                    </a:lnTo>
                    <a:lnTo>
                      <a:pt x="381" y="218"/>
                    </a:lnTo>
                    <a:lnTo>
                      <a:pt x="382" y="220"/>
                    </a:lnTo>
                    <a:lnTo>
                      <a:pt x="384" y="221"/>
                    </a:lnTo>
                    <a:lnTo>
                      <a:pt x="386" y="223"/>
                    </a:lnTo>
                    <a:lnTo>
                      <a:pt x="387" y="223"/>
                    </a:lnTo>
                    <a:lnTo>
                      <a:pt x="394" y="220"/>
                    </a:lnTo>
                    <a:lnTo>
                      <a:pt x="397" y="216"/>
                    </a:lnTo>
                    <a:lnTo>
                      <a:pt x="399" y="215"/>
                    </a:lnTo>
                    <a:lnTo>
                      <a:pt x="403" y="211"/>
                    </a:lnTo>
                    <a:lnTo>
                      <a:pt x="406" y="210"/>
                    </a:lnTo>
                    <a:lnTo>
                      <a:pt x="409" y="206"/>
                    </a:lnTo>
                    <a:lnTo>
                      <a:pt x="413" y="204"/>
                    </a:lnTo>
                    <a:lnTo>
                      <a:pt x="418" y="203"/>
                    </a:lnTo>
                    <a:lnTo>
                      <a:pt x="425" y="203"/>
                    </a:lnTo>
                    <a:lnTo>
                      <a:pt x="430" y="198"/>
                    </a:lnTo>
                    <a:lnTo>
                      <a:pt x="431" y="171"/>
                    </a:lnTo>
                    <a:lnTo>
                      <a:pt x="436" y="171"/>
                    </a:lnTo>
                    <a:lnTo>
                      <a:pt x="440" y="145"/>
                    </a:lnTo>
                    <a:lnTo>
                      <a:pt x="441" y="144"/>
                    </a:lnTo>
                    <a:lnTo>
                      <a:pt x="443" y="144"/>
                    </a:lnTo>
                    <a:lnTo>
                      <a:pt x="443" y="145"/>
                    </a:lnTo>
                    <a:lnTo>
                      <a:pt x="443" y="155"/>
                    </a:lnTo>
                    <a:lnTo>
                      <a:pt x="441" y="164"/>
                    </a:lnTo>
                    <a:lnTo>
                      <a:pt x="441" y="172"/>
                    </a:lnTo>
                    <a:lnTo>
                      <a:pt x="440" y="179"/>
                    </a:lnTo>
                    <a:lnTo>
                      <a:pt x="438" y="184"/>
                    </a:lnTo>
                    <a:lnTo>
                      <a:pt x="438" y="189"/>
                    </a:lnTo>
                    <a:lnTo>
                      <a:pt x="436" y="194"/>
                    </a:lnTo>
                    <a:lnTo>
                      <a:pt x="436" y="198"/>
                    </a:lnTo>
                    <a:lnTo>
                      <a:pt x="435" y="201"/>
                    </a:lnTo>
                    <a:lnTo>
                      <a:pt x="435" y="203"/>
                    </a:lnTo>
                    <a:lnTo>
                      <a:pt x="435" y="204"/>
                    </a:lnTo>
                    <a:lnTo>
                      <a:pt x="433" y="206"/>
                    </a:lnTo>
                    <a:lnTo>
                      <a:pt x="433" y="208"/>
                    </a:lnTo>
                    <a:lnTo>
                      <a:pt x="433" y="210"/>
                    </a:lnTo>
                    <a:lnTo>
                      <a:pt x="433" y="215"/>
                    </a:lnTo>
                    <a:lnTo>
                      <a:pt x="433" y="216"/>
                    </a:lnTo>
                    <a:lnTo>
                      <a:pt x="433" y="218"/>
                    </a:lnTo>
                    <a:lnTo>
                      <a:pt x="435" y="216"/>
                    </a:lnTo>
                    <a:lnTo>
                      <a:pt x="435" y="215"/>
                    </a:lnTo>
                    <a:lnTo>
                      <a:pt x="436" y="215"/>
                    </a:lnTo>
                    <a:lnTo>
                      <a:pt x="436" y="213"/>
                    </a:lnTo>
                    <a:lnTo>
                      <a:pt x="438" y="211"/>
                    </a:lnTo>
                    <a:lnTo>
                      <a:pt x="440" y="206"/>
                    </a:lnTo>
                    <a:lnTo>
                      <a:pt x="441" y="203"/>
                    </a:lnTo>
                    <a:lnTo>
                      <a:pt x="443" y="198"/>
                    </a:lnTo>
                    <a:lnTo>
                      <a:pt x="443" y="191"/>
                    </a:lnTo>
                    <a:lnTo>
                      <a:pt x="445" y="186"/>
                    </a:lnTo>
                    <a:lnTo>
                      <a:pt x="447" y="179"/>
                    </a:lnTo>
                    <a:lnTo>
                      <a:pt x="447" y="172"/>
                    </a:lnTo>
                    <a:lnTo>
                      <a:pt x="447" y="167"/>
                    </a:lnTo>
                    <a:lnTo>
                      <a:pt x="447" y="160"/>
                    </a:lnTo>
                    <a:lnTo>
                      <a:pt x="447" y="155"/>
                    </a:lnTo>
                    <a:lnTo>
                      <a:pt x="448" y="150"/>
                    </a:lnTo>
                    <a:lnTo>
                      <a:pt x="448" y="147"/>
                    </a:lnTo>
                    <a:lnTo>
                      <a:pt x="448" y="144"/>
                    </a:lnTo>
                    <a:lnTo>
                      <a:pt x="448" y="142"/>
                    </a:lnTo>
                    <a:lnTo>
                      <a:pt x="386" y="154"/>
                    </a:lnTo>
                    <a:lnTo>
                      <a:pt x="345" y="0"/>
                    </a:lnTo>
                    <a:lnTo>
                      <a:pt x="0" y="66"/>
                    </a:lnTo>
                    <a:lnTo>
                      <a:pt x="10" y="127"/>
                    </a:lnTo>
                    <a:lnTo>
                      <a:pt x="45" y="94"/>
                    </a:lnTo>
                    <a:lnTo>
                      <a:pt x="45" y="96"/>
                    </a:lnTo>
                    <a:lnTo>
                      <a:pt x="47" y="96"/>
                    </a:lnTo>
                    <a:lnTo>
                      <a:pt x="49" y="96"/>
                    </a:lnTo>
                    <a:lnTo>
                      <a:pt x="52" y="94"/>
                    </a:lnTo>
                    <a:lnTo>
                      <a:pt x="57" y="89"/>
                    </a:lnTo>
                    <a:lnTo>
                      <a:pt x="62" y="83"/>
                    </a:lnTo>
                    <a:lnTo>
                      <a:pt x="69" y="71"/>
                    </a:lnTo>
                    <a:lnTo>
                      <a:pt x="71" y="71"/>
                    </a:lnTo>
                    <a:lnTo>
                      <a:pt x="74" y="72"/>
                    </a:lnTo>
                    <a:lnTo>
                      <a:pt x="79" y="74"/>
                    </a:lnTo>
                    <a:lnTo>
                      <a:pt x="84" y="74"/>
                    </a:lnTo>
                    <a:lnTo>
                      <a:pt x="89" y="74"/>
                    </a:lnTo>
                    <a:lnTo>
                      <a:pt x="96" y="72"/>
                    </a:lnTo>
                    <a:lnTo>
                      <a:pt x="101" y="67"/>
                    </a:lnTo>
                    <a:lnTo>
                      <a:pt x="106" y="61"/>
                    </a:lnTo>
                    <a:lnTo>
                      <a:pt x="108" y="59"/>
                    </a:lnTo>
                    <a:lnTo>
                      <a:pt x="108" y="57"/>
                    </a:lnTo>
                    <a:lnTo>
                      <a:pt x="111" y="54"/>
                    </a:lnTo>
                    <a:lnTo>
                      <a:pt x="115" y="52"/>
                    </a:lnTo>
                    <a:lnTo>
                      <a:pt x="120" y="50"/>
                    </a:lnTo>
                    <a:lnTo>
                      <a:pt x="125" y="50"/>
                    </a:lnTo>
                    <a:lnTo>
                      <a:pt x="133" y="52"/>
                    </a:lnTo>
                    <a:lnTo>
                      <a:pt x="144" y="56"/>
                    </a:lnTo>
                    <a:lnTo>
                      <a:pt x="145" y="56"/>
                    </a:lnTo>
                    <a:lnTo>
                      <a:pt x="147" y="56"/>
                    </a:lnTo>
                    <a:lnTo>
                      <a:pt x="149" y="56"/>
                    </a:lnTo>
                    <a:lnTo>
                      <a:pt x="150" y="56"/>
                    </a:lnTo>
                    <a:lnTo>
                      <a:pt x="154" y="56"/>
                    </a:lnTo>
                    <a:lnTo>
                      <a:pt x="155" y="56"/>
                    </a:lnTo>
                    <a:lnTo>
                      <a:pt x="157" y="56"/>
                    </a:lnTo>
                    <a:lnTo>
                      <a:pt x="159" y="62"/>
                    </a:lnTo>
                    <a:lnTo>
                      <a:pt x="161" y="64"/>
                    </a:lnTo>
                    <a:lnTo>
                      <a:pt x="164" y="66"/>
                    </a:lnTo>
                    <a:lnTo>
                      <a:pt x="167" y="69"/>
                    </a:lnTo>
                    <a:lnTo>
                      <a:pt x="171" y="72"/>
                    </a:lnTo>
                    <a:lnTo>
                      <a:pt x="174" y="78"/>
                    </a:lnTo>
                    <a:lnTo>
                      <a:pt x="176" y="83"/>
                    </a:lnTo>
                    <a:lnTo>
                      <a:pt x="176" y="88"/>
                    </a:lnTo>
                    <a:lnTo>
                      <a:pt x="172" y="93"/>
                    </a:lnTo>
                    <a:lnTo>
                      <a:pt x="174" y="91"/>
                    </a:lnTo>
                    <a:lnTo>
                      <a:pt x="176" y="89"/>
                    </a:lnTo>
                    <a:lnTo>
                      <a:pt x="179" y="89"/>
                    </a:lnTo>
                    <a:lnTo>
                      <a:pt x="184" y="88"/>
                    </a:lnTo>
                    <a:lnTo>
                      <a:pt x="188" y="86"/>
                    </a:lnTo>
                    <a:lnTo>
                      <a:pt x="193" y="86"/>
                    </a:lnTo>
                    <a:lnTo>
                      <a:pt x="196" y="89"/>
                    </a:lnTo>
                    <a:lnTo>
                      <a:pt x="199" y="93"/>
                    </a:lnTo>
                    <a:lnTo>
                      <a:pt x="199" y="94"/>
                    </a:lnTo>
                    <a:lnTo>
                      <a:pt x="198" y="98"/>
                    </a:lnTo>
                    <a:lnTo>
                      <a:pt x="198" y="100"/>
                    </a:lnTo>
                    <a:lnTo>
                      <a:pt x="198" y="103"/>
                    </a:lnTo>
                    <a:lnTo>
                      <a:pt x="198" y="108"/>
                    </a:lnTo>
                    <a:lnTo>
                      <a:pt x="203" y="110"/>
                    </a:lnTo>
                    <a:lnTo>
                      <a:pt x="210" y="113"/>
                    </a:lnTo>
                    <a:lnTo>
                      <a:pt x="221" y="113"/>
                    </a:lnTo>
                    <a:lnTo>
                      <a:pt x="223" y="113"/>
                    </a:lnTo>
                    <a:lnTo>
                      <a:pt x="227" y="115"/>
                    </a:lnTo>
                    <a:lnTo>
                      <a:pt x="228" y="115"/>
                    </a:lnTo>
                    <a:lnTo>
                      <a:pt x="230" y="116"/>
                    </a:lnTo>
                    <a:lnTo>
                      <a:pt x="233" y="118"/>
                    </a:lnTo>
                    <a:lnTo>
                      <a:pt x="237" y="120"/>
                    </a:lnTo>
                    <a:lnTo>
                      <a:pt x="240" y="122"/>
                    </a:lnTo>
                    <a:lnTo>
                      <a:pt x="247" y="115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759" name="Group 76"/>
            <p:cNvGrpSpPr>
              <a:grpSpLocks/>
            </p:cNvGrpSpPr>
            <p:nvPr/>
          </p:nvGrpSpPr>
          <p:grpSpPr bwMode="auto">
            <a:xfrm>
              <a:off x="311" y="3378"/>
              <a:ext cx="744" cy="497"/>
              <a:chOff x="439" y="3034"/>
              <a:chExt cx="765" cy="512"/>
            </a:xfrm>
          </p:grpSpPr>
          <p:sp>
            <p:nvSpPr>
              <p:cNvPr id="836" name="Freeform 77"/>
              <p:cNvSpPr>
                <a:spLocks/>
              </p:cNvSpPr>
              <p:nvPr/>
            </p:nvSpPr>
            <p:spPr bwMode="auto">
              <a:xfrm>
                <a:off x="659" y="3034"/>
                <a:ext cx="545" cy="452"/>
              </a:xfrm>
              <a:custGeom>
                <a:avLst/>
                <a:gdLst>
                  <a:gd name="T0" fmla="*/ 543 w 545"/>
                  <a:gd name="T1" fmla="*/ 329 h 452"/>
                  <a:gd name="T2" fmla="*/ 514 w 545"/>
                  <a:gd name="T3" fmla="*/ 312 h 452"/>
                  <a:gd name="T4" fmla="*/ 381 w 545"/>
                  <a:gd name="T5" fmla="*/ 266 h 452"/>
                  <a:gd name="T6" fmla="*/ 347 w 545"/>
                  <a:gd name="T7" fmla="*/ 266 h 452"/>
                  <a:gd name="T8" fmla="*/ 232 w 545"/>
                  <a:gd name="T9" fmla="*/ 17 h 452"/>
                  <a:gd name="T10" fmla="*/ 193 w 545"/>
                  <a:gd name="T11" fmla="*/ 16 h 452"/>
                  <a:gd name="T12" fmla="*/ 173 w 545"/>
                  <a:gd name="T13" fmla="*/ 17 h 452"/>
                  <a:gd name="T14" fmla="*/ 147 w 545"/>
                  <a:gd name="T15" fmla="*/ 9 h 452"/>
                  <a:gd name="T16" fmla="*/ 108 w 545"/>
                  <a:gd name="T17" fmla="*/ 11 h 452"/>
                  <a:gd name="T18" fmla="*/ 86 w 545"/>
                  <a:gd name="T19" fmla="*/ 22 h 452"/>
                  <a:gd name="T20" fmla="*/ 59 w 545"/>
                  <a:gd name="T21" fmla="*/ 46 h 452"/>
                  <a:gd name="T22" fmla="*/ 30 w 545"/>
                  <a:gd name="T23" fmla="*/ 83 h 452"/>
                  <a:gd name="T24" fmla="*/ 63 w 545"/>
                  <a:gd name="T25" fmla="*/ 116 h 452"/>
                  <a:gd name="T26" fmla="*/ 63 w 545"/>
                  <a:gd name="T27" fmla="*/ 122 h 452"/>
                  <a:gd name="T28" fmla="*/ 27 w 545"/>
                  <a:gd name="T29" fmla="*/ 134 h 452"/>
                  <a:gd name="T30" fmla="*/ 8 w 545"/>
                  <a:gd name="T31" fmla="*/ 139 h 452"/>
                  <a:gd name="T32" fmla="*/ 7 w 545"/>
                  <a:gd name="T33" fmla="*/ 165 h 452"/>
                  <a:gd name="T34" fmla="*/ 29 w 545"/>
                  <a:gd name="T35" fmla="*/ 183 h 452"/>
                  <a:gd name="T36" fmla="*/ 78 w 545"/>
                  <a:gd name="T37" fmla="*/ 175 h 452"/>
                  <a:gd name="T38" fmla="*/ 79 w 545"/>
                  <a:gd name="T39" fmla="*/ 205 h 452"/>
                  <a:gd name="T40" fmla="*/ 51 w 545"/>
                  <a:gd name="T41" fmla="*/ 226 h 452"/>
                  <a:gd name="T42" fmla="*/ 30 w 545"/>
                  <a:gd name="T43" fmla="*/ 232 h 452"/>
                  <a:gd name="T44" fmla="*/ 20 w 545"/>
                  <a:gd name="T45" fmla="*/ 248 h 452"/>
                  <a:gd name="T46" fmla="*/ 8 w 545"/>
                  <a:gd name="T47" fmla="*/ 266 h 452"/>
                  <a:gd name="T48" fmla="*/ 20 w 545"/>
                  <a:gd name="T49" fmla="*/ 278 h 452"/>
                  <a:gd name="T50" fmla="*/ 29 w 545"/>
                  <a:gd name="T51" fmla="*/ 303 h 452"/>
                  <a:gd name="T52" fmla="*/ 52 w 545"/>
                  <a:gd name="T53" fmla="*/ 314 h 452"/>
                  <a:gd name="T54" fmla="*/ 61 w 545"/>
                  <a:gd name="T55" fmla="*/ 312 h 452"/>
                  <a:gd name="T56" fmla="*/ 66 w 545"/>
                  <a:gd name="T57" fmla="*/ 336 h 452"/>
                  <a:gd name="T58" fmla="*/ 78 w 545"/>
                  <a:gd name="T59" fmla="*/ 341 h 452"/>
                  <a:gd name="T60" fmla="*/ 91 w 545"/>
                  <a:gd name="T61" fmla="*/ 339 h 452"/>
                  <a:gd name="T62" fmla="*/ 103 w 545"/>
                  <a:gd name="T63" fmla="*/ 352 h 452"/>
                  <a:gd name="T64" fmla="*/ 127 w 545"/>
                  <a:gd name="T65" fmla="*/ 342 h 452"/>
                  <a:gd name="T66" fmla="*/ 127 w 545"/>
                  <a:gd name="T67" fmla="*/ 352 h 452"/>
                  <a:gd name="T68" fmla="*/ 112 w 545"/>
                  <a:gd name="T69" fmla="*/ 391 h 452"/>
                  <a:gd name="T70" fmla="*/ 88 w 545"/>
                  <a:gd name="T71" fmla="*/ 412 h 452"/>
                  <a:gd name="T72" fmla="*/ 78 w 545"/>
                  <a:gd name="T73" fmla="*/ 430 h 452"/>
                  <a:gd name="T74" fmla="*/ 63 w 545"/>
                  <a:gd name="T75" fmla="*/ 425 h 452"/>
                  <a:gd name="T76" fmla="*/ 52 w 545"/>
                  <a:gd name="T77" fmla="*/ 446 h 452"/>
                  <a:gd name="T78" fmla="*/ 68 w 545"/>
                  <a:gd name="T79" fmla="*/ 437 h 452"/>
                  <a:gd name="T80" fmla="*/ 96 w 545"/>
                  <a:gd name="T81" fmla="*/ 434 h 452"/>
                  <a:gd name="T82" fmla="*/ 113 w 545"/>
                  <a:gd name="T83" fmla="*/ 415 h 452"/>
                  <a:gd name="T84" fmla="*/ 144 w 545"/>
                  <a:gd name="T85" fmla="*/ 381 h 452"/>
                  <a:gd name="T86" fmla="*/ 183 w 545"/>
                  <a:gd name="T87" fmla="*/ 339 h 452"/>
                  <a:gd name="T88" fmla="*/ 174 w 545"/>
                  <a:gd name="T89" fmla="*/ 322 h 452"/>
                  <a:gd name="T90" fmla="*/ 220 w 545"/>
                  <a:gd name="T91" fmla="*/ 264 h 452"/>
                  <a:gd name="T92" fmla="*/ 210 w 545"/>
                  <a:gd name="T93" fmla="*/ 298 h 452"/>
                  <a:gd name="T94" fmla="*/ 210 w 545"/>
                  <a:gd name="T95" fmla="*/ 317 h 452"/>
                  <a:gd name="T96" fmla="*/ 237 w 545"/>
                  <a:gd name="T97" fmla="*/ 300 h 452"/>
                  <a:gd name="T98" fmla="*/ 247 w 545"/>
                  <a:gd name="T99" fmla="*/ 286 h 452"/>
                  <a:gd name="T100" fmla="*/ 286 w 545"/>
                  <a:gd name="T101" fmla="*/ 278 h 452"/>
                  <a:gd name="T102" fmla="*/ 357 w 545"/>
                  <a:gd name="T103" fmla="*/ 276 h 452"/>
                  <a:gd name="T104" fmla="*/ 374 w 545"/>
                  <a:gd name="T105" fmla="*/ 280 h 452"/>
                  <a:gd name="T106" fmla="*/ 418 w 545"/>
                  <a:gd name="T107" fmla="*/ 295 h 452"/>
                  <a:gd name="T108" fmla="*/ 425 w 545"/>
                  <a:gd name="T109" fmla="*/ 278 h 452"/>
                  <a:gd name="T110" fmla="*/ 430 w 545"/>
                  <a:gd name="T111" fmla="*/ 264 h 452"/>
                  <a:gd name="T112" fmla="*/ 472 w 545"/>
                  <a:gd name="T113" fmla="*/ 300 h 452"/>
                  <a:gd name="T114" fmla="*/ 509 w 545"/>
                  <a:gd name="T115" fmla="*/ 322 h 452"/>
                  <a:gd name="T116" fmla="*/ 521 w 545"/>
                  <a:gd name="T117" fmla="*/ 322 h 452"/>
                  <a:gd name="T118" fmla="*/ 541 w 545"/>
                  <a:gd name="T119" fmla="*/ 349 h 452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w 545"/>
                  <a:gd name="T181" fmla="*/ 0 h 452"/>
                  <a:gd name="T182" fmla="*/ 545 w 545"/>
                  <a:gd name="T183" fmla="*/ 452 h 452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T180" t="T181" r="T182" b="T183"/>
                <a:pathLst>
                  <a:path w="545" h="452">
                    <a:moveTo>
                      <a:pt x="541" y="349"/>
                    </a:moveTo>
                    <a:lnTo>
                      <a:pt x="541" y="349"/>
                    </a:lnTo>
                    <a:lnTo>
                      <a:pt x="541" y="347"/>
                    </a:lnTo>
                    <a:lnTo>
                      <a:pt x="543" y="346"/>
                    </a:lnTo>
                    <a:lnTo>
                      <a:pt x="543" y="344"/>
                    </a:lnTo>
                    <a:lnTo>
                      <a:pt x="545" y="341"/>
                    </a:lnTo>
                    <a:lnTo>
                      <a:pt x="545" y="339"/>
                    </a:lnTo>
                    <a:lnTo>
                      <a:pt x="545" y="336"/>
                    </a:lnTo>
                    <a:lnTo>
                      <a:pt x="545" y="332"/>
                    </a:lnTo>
                    <a:lnTo>
                      <a:pt x="543" y="329"/>
                    </a:lnTo>
                    <a:lnTo>
                      <a:pt x="541" y="325"/>
                    </a:lnTo>
                    <a:lnTo>
                      <a:pt x="538" y="320"/>
                    </a:lnTo>
                    <a:lnTo>
                      <a:pt x="535" y="317"/>
                    </a:lnTo>
                    <a:lnTo>
                      <a:pt x="533" y="315"/>
                    </a:lnTo>
                    <a:lnTo>
                      <a:pt x="530" y="315"/>
                    </a:lnTo>
                    <a:lnTo>
                      <a:pt x="526" y="314"/>
                    </a:lnTo>
                    <a:lnTo>
                      <a:pt x="523" y="314"/>
                    </a:lnTo>
                    <a:lnTo>
                      <a:pt x="519" y="314"/>
                    </a:lnTo>
                    <a:lnTo>
                      <a:pt x="516" y="312"/>
                    </a:lnTo>
                    <a:lnTo>
                      <a:pt x="514" y="312"/>
                    </a:lnTo>
                    <a:lnTo>
                      <a:pt x="506" y="310"/>
                    </a:lnTo>
                    <a:lnTo>
                      <a:pt x="452" y="271"/>
                    </a:lnTo>
                    <a:lnTo>
                      <a:pt x="435" y="259"/>
                    </a:lnTo>
                    <a:lnTo>
                      <a:pt x="421" y="251"/>
                    </a:lnTo>
                    <a:lnTo>
                      <a:pt x="413" y="263"/>
                    </a:lnTo>
                    <a:lnTo>
                      <a:pt x="413" y="271"/>
                    </a:lnTo>
                    <a:lnTo>
                      <a:pt x="403" y="280"/>
                    </a:lnTo>
                    <a:lnTo>
                      <a:pt x="381" y="266"/>
                    </a:lnTo>
                    <a:lnTo>
                      <a:pt x="379" y="264"/>
                    </a:lnTo>
                    <a:lnTo>
                      <a:pt x="377" y="261"/>
                    </a:lnTo>
                    <a:lnTo>
                      <a:pt x="374" y="259"/>
                    </a:lnTo>
                    <a:lnTo>
                      <a:pt x="369" y="258"/>
                    </a:lnTo>
                    <a:lnTo>
                      <a:pt x="365" y="258"/>
                    </a:lnTo>
                    <a:lnTo>
                      <a:pt x="360" y="259"/>
                    </a:lnTo>
                    <a:lnTo>
                      <a:pt x="355" y="263"/>
                    </a:lnTo>
                    <a:lnTo>
                      <a:pt x="354" y="264"/>
                    </a:lnTo>
                    <a:lnTo>
                      <a:pt x="350" y="264"/>
                    </a:lnTo>
                    <a:lnTo>
                      <a:pt x="347" y="266"/>
                    </a:lnTo>
                    <a:lnTo>
                      <a:pt x="345" y="266"/>
                    </a:lnTo>
                    <a:lnTo>
                      <a:pt x="271" y="17"/>
                    </a:lnTo>
                    <a:lnTo>
                      <a:pt x="269" y="17"/>
                    </a:lnTo>
                    <a:lnTo>
                      <a:pt x="266" y="16"/>
                    </a:lnTo>
                    <a:lnTo>
                      <a:pt x="261" y="14"/>
                    </a:lnTo>
                    <a:lnTo>
                      <a:pt x="255" y="12"/>
                    </a:lnTo>
                    <a:lnTo>
                      <a:pt x="249" y="11"/>
                    </a:lnTo>
                    <a:lnTo>
                      <a:pt x="244" y="12"/>
                    </a:lnTo>
                    <a:lnTo>
                      <a:pt x="237" y="14"/>
                    </a:lnTo>
                    <a:lnTo>
                      <a:pt x="232" y="17"/>
                    </a:lnTo>
                    <a:lnTo>
                      <a:pt x="230" y="17"/>
                    </a:lnTo>
                    <a:lnTo>
                      <a:pt x="225" y="17"/>
                    </a:lnTo>
                    <a:lnTo>
                      <a:pt x="218" y="17"/>
                    </a:lnTo>
                    <a:lnTo>
                      <a:pt x="211" y="17"/>
                    </a:lnTo>
                    <a:lnTo>
                      <a:pt x="205" y="17"/>
                    </a:lnTo>
                    <a:lnTo>
                      <a:pt x="200" y="17"/>
                    </a:lnTo>
                    <a:lnTo>
                      <a:pt x="195" y="16"/>
                    </a:lnTo>
                    <a:lnTo>
                      <a:pt x="193" y="16"/>
                    </a:lnTo>
                    <a:lnTo>
                      <a:pt x="191" y="16"/>
                    </a:lnTo>
                    <a:lnTo>
                      <a:pt x="189" y="16"/>
                    </a:lnTo>
                    <a:lnTo>
                      <a:pt x="188" y="16"/>
                    </a:lnTo>
                    <a:lnTo>
                      <a:pt x="184" y="16"/>
                    </a:lnTo>
                    <a:lnTo>
                      <a:pt x="183" y="16"/>
                    </a:lnTo>
                    <a:lnTo>
                      <a:pt x="181" y="16"/>
                    </a:lnTo>
                    <a:lnTo>
                      <a:pt x="179" y="16"/>
                    </a:lnTo>
                    <a:lnTo>
                      <a:pt x="176" y="17"/>
                    </a:lnTo>
                    <a:lnTo>
                      <a:pt x="173" y="17"/>
                    </a:lnTo>
                    <a:lnTo>
                      <a:pt x="169" y="17"/>
                    </a:lnTo>
                    <a:lnTo>
                      <a:pt x="166" y="16"/>
                    </a:lnTo>
                    <a:lnTo>
                      <a:pt x="162" y="12"/>
                    </a:lnTo>
                    <a:lnTo>
                      <a:pt x="157" y="7"/>
                    </a:lnTo>
                    <a:lnTo>
                      <a:pt x="156" y="7"/>
                    </a:lnTo>
                    <a:lnTo>
                      <a:pt x="154" y="9"/>
                    </a:lnTo>
                    <a:lnTo>
                      <a:pt x="152" y="9"/>
                    </a:lnTo>
                    <a:lnTo>
                      <a:pt x="149" y="9"/>
                    </a:lnTo>
                    <a:lnTo>
                      <a:pt x="147" y="9"/>
                    </a:lnTo>
                    <a:lnTo>
                      <a:pt x="145" y="11"/>
                    </a:lnTo>
                    <a:lnTo>
                      <a:pt x="137" y="2"/>
                    </a:lnTo>
                    <a:lnTo>
                      <a:pt x="130" y="7"/>
                    </a:lnTo>
                    <a:lnTo>
                      <a:pt x="129" y="0"/>
                    </a:lnTo>
                    <a:lnTo>
                      <a:pt x="117" y="0"/>
                    </a:lnTo>
                    <a:lnTo>
                      <a:pt x="110" y="9"/>
                    </a:lnTo>
                    <a:lnTo>
                      <a:pt x="108" y="11"/>
                    </a:lnTo>
                    <a:lnTo>
                      <a:pt x="108" y="12"/>
                    </a:lnTo>
                    <a:lnTo>
                      <a:pt x="107" y="12"/>
                    </a:lnTo>
                    <a:lnTo>
                      <a:pt x="103" y="14"/>
                    </a:lnTo>
                    <a:lnTo>
                      <a:pt x="100" y="14"/>
                    </a:lnTo>
                    <a:lnTo>
                      <a:pt x="95" y="14"/>
                    </a:lnTo>
                    <a:lnTo>
                      <a:pt x="93" y="16"/>
                    </a:lnTo>
                    <a:lnTo>
                      <a:pt x="91" y="17"/>
                    </a:lnTo>
                    <a:lnTo>
                      <a:pt x="90" y="19"/>
                    </a:lnTo>
                    <a:lnTo>
                      <a:pt x="86" y="22"/>
                    </a:lnTo>
                    <a:lnTo>
                      <a:pt x="85" y="24"/>
                    </a:lnTo>
                    <a:lnTo>
                      <a:pt x="83" y="26"/>
                    </a:lnTo>
                    <a:lnTo>
                      <a:pt x="81" y="26"/>
                    </a:lnTo>
                    <a:lnTo>
                      <a:pt x="78" y="26"/>
                    </a:lnTo>
                    <a:lnTo>
                      <a:pt x="74" y="29"/>
                    </a:lnTo>
                    <a:lnTo>
                      <a:pt x="69" y="33"/>
                    </a:lnTo>
                    <a:lnTo>
                      <a:pt x="64" y="38"/>
                    </a:lnTo>
                    <a:lnTo>
                      <a:pt x="59" y="46"/>
                    </a:lnTo>
                    <a:lnTo>
                      <a:pt x="54" y="56"/>
                    </a:lnTo>
                    <a:lnTo>
                      <a:pt x="52" y="58"/>
                    </a:lnTo>
                    <a:lnTo>
                      <a:pt x="51" y="61"/>
                    </a:lnTo>
                    <a:lnTo>
                      <a:pt x="47" y="63"/>
                    </a:lnTo>
                    <a:lnTo>
                      <a:pt x="47" y="65"/>
                    </a:lnTo>
                    <a:lnTo>
                      <a:pt x="30" y="65"/>
                    </a:lnTo>
                    <a:lnTo>
                      <a:pt x="22" y="78"/>
                    </a:lnTo>
                    <a:lnTo>
                      <a:pt x="22" y="80"/>
                    </a:lnTo>
                    <a:lnTo>
                      <a:pt x="25" y="82"/>
                    </a:lnTo>
                    <a:lnTo>
                      <a:pt x="30" y="83"/>
                    </a:lnTo>
                    <a:lnTo>
                      <a:pt x="35" y="87"/>
                    </a:lnTo>
                    <a:lnTo>
                      <a:pt x="42" y="92"/>
                    </a:lnTo>
                    <a:lnTo>
                      <a:pt x="46" y="97"/>
                    </a:lnTo>
                    <a:lnTo>
                      <a:pt x="49" y="105"/>
                    </a:lnTo>
                    <a:lnTo>
                      <a:pt x="51" y="114"/>
                    </a:lnTo>
                    <a:lnTo>
                      <a:pt x="54" y="116"/>
                    </a:lnTo>
                    <a:lnTo>
                      <a:pt x="56" y="116"/>
                    </a:lnTo>
                    <a:lnTo>
                      <a:pt x="59" y="116"/>
                    </a:lnTo>
                    <a:lnTo>
                      <a:pt x="63" y="116"/>
                    </a:lnTo>
                    <a:lnTo>
                      <a:pt x="66" y="116"/>
                    </a:lnTo>
                    <a:lnTo>
                      <a:pt x="68" y="117"/>
                    </a:lnTo>
                    <a:lnTo>
                      <a:pt x="71" y="129"/>
                    </a:lnTo>
                    <a:lnTo>
                      <a:pt x="81" y="129"/>
                    </a:lnTo>
                    <a:lnTo>
                      <a:pt x="79" y="132"/>
                    </a:lnTo>
                    <a:lnTo>
                      <a:pt x="68" y="132"/>
                    </a:lnTo>
                    <a:lnTo>
                      <a:pt x="63" y="122"/>
                    </a:lnTo>
                    <a:lnTo>
                      <a:pt x="59" y="126"/>
                    </a:lnTo>
                    <a:lnTo>
                      <a:pt x="68" y="136"/>
                    </a:lnTo>
                    <a:lnTo>
                      <a:pt x="76" y="138"/>
                    </a:lnTo>
                    <a:lnTo>
                      <a:pt x="68" y="144"/>
                    </a:lnTo>
                    <a:lnTo>
                      <a:pt x="46" y="139"/>
                    </a:lnTo>
                    <a:lnTo>
                      <a:pt x="46" y="127"/>
                    </a:lnTo>
                    <a:lnTo>
                      <a:pt x="27" y="132"/>
                    </a:lnTo>
                    <a:lnTo>
                      <a:pt x="27" y="134"/>
                    </a:lnTo>
                    <a:lnTo>
                      <a:pt x="27" y="138"/>
                    </a:lnTo>
                    <a:lnTo>
                      <a:pt x="27" y="139"/>
                    </a:lnTo>
                    <a:lnTo>
                      <a:pt x="27" y="141"/>
                    </a:lnTo>
                    <a:lnTo>
                      <a:pt x="25" y="141"/>
                    </a:lnTo>
                    <a:lnTo>
                      <a:pt x="22" y="139"/>
                    </a:lnTo>
                    <a:lnTo>
                      <a:pt x="19" y="136"/>
                    </a:lnTo>
                    <a:lnTo>
                      <a:pt x="15" y="138"/>
                    </a:lnTo>
                    <a:lnTo>
                      <a:pt x="12" y="138"/>
                    </a:lnTo>
                    <a:lnTo>
                      <a:pt x="8" y="139"/>
                    </a:lnTo>
                    <a:lnTo>
                      <a:pt x="5" y="143"/>
                    </a:lnTo>
                    <a:lnTo>
                      <a:pt x="2" y="144"/>
                    </a:lnTo>
                    <a:lnTo>
                      <a:pt x="0" y="148"/>
                    </a:lnTo>
                    <a:lnTo>
                      <a:pt x="0" y="151"/>
                    </a:lnTo>
                    <a:lnTo>
                      <a:pt x="0" y="153"/>
                    </a:lnTo>
                    <a:lnTo>
                      <a:pt x="0" y="154"/>
                    </a:lnTo>
                    <a:lnTo>
                      <a:pt x="2" y="156"/>
                    </a:lnTo>
                    <a:lnTo>
                      <a:pt x="3" y="160"/>
                    </a:lnTo>
                    <a:lnTo>
                      <a:pt x="5" y="161"/>
                    </a:lnTo>
                    <a:lnTo>
                      <a:pt x="7" y="165"/>
                    </a:lnTo>
                    <a:lnTo>
                      <a:pt x="8" y="165"/>
                    </a:lnTo>
                    <a:lnTo>
                      <a:pt x="8" y="166"/>
                    </a:lnTo>
                    <a:lnTo>
                      <a:pt x="13" y="171"/>
                    </a:lnTo>
                    <a:lnTo>
                      <a:pt x="13" y="173"/>
                    </a:lnTo>
                    <a:lnTo>
                      <a:pt x="13" y="175"/>
                    </a:lnTo>
                    <a:lnTo>
                      <a:pt x="15" y="178"/>
                    </a:lnTo>
                    <a:lnTo>
                      <a:pt x="17" y="180"/>
                    </a:lnTo>
                    <a:lnTo>
                      <a:pt x="22" y="182"/>
                    </a:lnTo>
                    <a:lnTo>
                      <a:pt x="29" y="183"/>
                    </a:lnTo>
                    <a:lnTo>
                      <a:pt x="39" y="183"/>
                    </a:lnTo>
                    <a:lnTo>
                      <a:pt x="41" y="183"/>
                    </a:lnTo>
                    <a:lnTo>
                      <a:pt x="44" y="185"/>
                    </a:lnTo>
                    <a:lnTo>
                      <a:pt x="47" y="187"/>
                    </a:lnTo>
                    <a:lnTo>
                      <a:pt x="49" y="187"/>
                    </a:lnTo>
                    <a:lnTo>
                      <a:pt x="59" y="187"/>
                    </a:lnTo>
                    <a:lnTo>
                      <a:pt x="71" y="176"/>
                    </a:lnTo>
                    <a:lnTo>
                      <a:pt x="74" y="176"/>
                    </a:lnTo>
                    <a:lnTo>
                      <a:pt x="78" y="175"/>
                    </a:lnTo>
                    <a:lnTo>
                      <a:pt x="81" y="175"/>
                    </a:lnTo>
                    <a:lnTo>
                      <a:pt x="83" y="176"/>
                    </a:lnTo>
                    <a:lnTo>
                      <a:pt x="83" y="178"/>
                    </a:lnTo>
                    <a:lnTo>
                      <a:pt x="81" y="182"/>
                    </a:lnTo>
                    <a:lnTo>
                      <a:pt x="74" y="185"/>
                    </a:lnTo>
                    <a:lnTo>
                      <a:pt x="74" y="187"/>
                    </a:lnTo>
                    <a:lnTo>
                      <a:pt x="76" y="190"/>
                    </a:lnTo>
                    <a:lnTo>
                      <a:pt x="78" y="195"/>
                    </a:lnTo>
                    <a:lnTo>
                      <a:pt x="79" y="200"/>
                    </a:lnTo>
                    <a:lnTo>
                      <a:pt x="79" y="205"/>
                    </a:lnTo>
                    <a:lnTo>
                      <a:pt x="78" y="209"/>
                    </a:lnTo>
                    <a:lnTo>
                      <a:pt x="71" y="212"/>
                    </a:lnTo>
                    <a:lnTo>
                      <a:pt x="63" y="212"/>
                    </a:lnTo>
                    <a:lnTo>
                      <a:pt x="61" y="214"/>
                    </a:lnTo>
                    <a:lnTo>
                      <a:pt x="59" y="214"/>
                    </a:lnTo>
                    <a:lnTo>
                      <a:pt x="57" y="217"/>
                    </a:lnTo>
                    <a:lnTo>
                      <a:pt x="56" y="219"/>
                    </a:lnTo>
                    <a:lnTo>
                      <a:pt x="54" y="220"/>
                    </a:lnTo>
                    <a:lnTo>
                      <a:pt x="52" y="224"/>
                    </a:lnTo>
                    <a:lnTo>
                      <a:pt x="51" y="226"/>
                    </a:lnTo>
                    <a:lnTo>
                      <a:pt x="51" y="224"/>
                    </a:lnTo>
                    <a:lnTo>
                      <a:pt x="47" y="222"/>
                    </a:lnTo>
                    <a:lnTo>
                      <a:pt x="44" y="220"/>
                    </a:lnTo>
                    <a:lnTo>
                      <a:pt x="41" y="220"/>
                    </a:lnTo>
                    <a:lnTo>
                      <a:pt x="35" y="220"/>
                    </a:lnTo>
                    <a:lnTo>
                      <a:pt x="34" y="220"/>
                    </a:lnTo>
                    <a:lnTo>
                      <a:pt x="30" y="224"/>
                    </a:lnTo>
                    <a:lnTo>
                      <a:pt x="30" y="231"/>
                    </a:lnTo>
                    <a:lnTo>
                      <a:pt x="30" y="232"/>
                    </a:lnTo>
                    <a:lnTo>
                      <a:pt x="30" y="234"/>
                    </a:lnTo>
                    <a:lnTo>
                      <a:pt x="30" y="236"/>
                    </a:lnTo>
                    <a:lnTo>
                      <a:pt x="29" y="237"/>
                    </a:lnTo>
                    <a:lnTo>
                      <a:pt x="29" y="239"/>
                    </a:lnTo>
                    <a:lnTo>
                      <a:pt x="27" y="242"/>
                    </a:lnTo>
                    <a:lnTo>
                      <a:pt x="25" y="242"/>
                    </a:lnTo>
                    <a:lnTo>
                      <a:pt x="22" y="242"/>
                    </a:lnTo>
                    <a:lnTo>
                      <a:pt x="22" y="244"/>
                    </a:lnTo>
                    <a:lnTo>
                      <a:pt x="20" y="244"/>
                    </a:lnTo>
                    <a:lnTo>
                      <a:pt x="20" y="248"/>
                    </a:lnTo>
                    <a:lnTo>
                      <a:pt x="19" y="249"/>
                    </a:lnTo>
                    <a:lnTo>
                      <a:pt x="17" y="251"/>
                    </a:lnTo>
                    <a:lnTo>
                      <a:pt x="17" y="254"/>
                    </a:lnTo>
                    <a:lnTo>
                      <a:pt x="17" y="256"/>
                    </a:lnTo>
                    <a:lnTo>
                      <a:pt x="15" y="256"/>
                    </a:lnTo>
                    <a:lnTo>
                      <a:pt x="13" y="258"/>
                    </a:lnTo>
                    <a:lnTo>
                      <a:pt x="12" y="261"/>
                    </a:lnTo>
                    <a:lnTo>
                      <a:pt x="10" y="263"/>
                    </a:lnTo>
                    <a:lnTo>
                      <a:pt x="8" y="266"/>
                    </a:lnTo>
                    <a:lnTo>
                      <a:pt x="10" y="266"/>
                    </a:lnTo>
                    <a:lnTo>
                      <a:pt x="12" y="266"/>
                    </a:lnTo>
                    <a:lnTo>
                      <a:pt x="19" y="264"/>
                    </a:lnTo>
                    <a:lnTo>
                      <a:pt x="19" y="268"/>
                    </a:lnTo>
                    <a:lnTo>
                      <a:pt x="17" y="271"/>
                    </a:lnTo>
                    <a:lnTo>
                      <a:pt x="17" y="273"/>
                    </a:lnTo>
                    <a:lnTo>
                      <a:pt x="19" y="275"/>
                    </a:lnTo>
                    <a:lnTo>
                      <a:pt x="20" y="278"/>
                    </a:lnTo>
                    <a:lnTo>
                      <a:pt x="24" y="280"/>
                    </a:lnTo>
                    <a:lnTo>
                      <a:pt x="27" y="283"/>
                    </a:lnTo>
                    <a:lnTo>
                      <a:pt x="30" y="286"/>
                    </a:lnTo>
                    <a:lnTo>
                      <a:pt x="35" y="288"/>
                    </a:lnTo>
                    <a:lnTo>
                      <a:pt x="41" y="288"/>
                    </a:lnTo>
                    <a:lnTo>
                      <a:pt x="39" y="290"/>
                    </a:lnTo>
                    <a:lnTo>
                      <a:pt x="37" y="292"/>
                    </a:lnTo>
                    <a:lnTo>
                      <a:pt x="34" y="295"/>
                    </a:lnTo>
                    <a:lnTo>
                      <a:pt x="30" y="300"/>
                    </a:lnTo>
                    <a:lnTo>
                      <a:pt x="29" y="303"/>
                    </a:lnTo>
                    <a:lnTo>
                      <a:pt x="27" y="307"/>
                    </a:lnTo>
                    <a:lnTo>
                      <a:pt x="29" y="308"/>
                    </a:lnTo>
                    <a:lnTo>
                      <a:pt x="32" y="310"/>
                    </a:lnTo>
                    <a:lnTo>
                      <a:pt x="34" y="310"/>
                    </a:lnTo>
                    <a:lnTo>
                      <a:pt x="35" y="314"/>
                    </a:lnTo>
                    <a:lnTo>
                      <a:pt x="37" y="317"/>
                    </a:lnTo>
                    <a:lnTo>
                      <a:pt x="41" y="319"/>
                    </a:lnTo>
                    <a:lnTo>
                      <a:pt x="44" y="320"/>
                    </a:lnTo>
                    <a:lnTo>
                      <a:pt x="47" y="319"/>
                    </a:lnTo>
                    <a:lnTo>
                      <a:pt x="52" y="314"/>
                    </a:lnTo>
                    <a:lnTo>
                      <a:pt x="56" y="305"/>
                    </a:lnTo>
                    <a:lnTo>
                      <a:pt x="57" y="303"/>
                    </a:lnTo>
                    <a:lnTo>
                      <a:pt x="59" y="300"/>
                    </a:lnTo>
                    <a:lnTo>
                      <a:pt x="59" y="298"/>
                    </a:lnTo>
                    <a:lnTo>
                      <a:pt x="59" y="300"/>
                    </a:lnTo>
                    <a:lnTo>
                      <a:pt x="59" y="302"/>
                    </a:lnTo>
                    <a:lnTo>
                      <a:pt x="59" y="305"/>
                    </a:lnTo>
                    <a:lnTo>
                      <a:pt x="59" y="308"/>
                    </a:lnTo>
                    <a:lnTo>
                      <a:pt x="61" y="312"/>
                    </a:lnTo>
                    <a:lnTo>
                      <a:pt x="63" y="315"/>
                    </a:lnTo>
                    <a:lnTo>
                      <a:pt x="64" y="319"/>
                    </a:lnTo>
                    <a:lnTo>
                      <a:pt x="68" y="322"/>
                    </a:lnTo>
                    <a:lnTo>
                      <a:pt x="69" y="322"/>
                    </a:lnTo>
                    <a:lnTo>
                      <a:pt x="69" y="324"/>
                    </a:lnTo>
                    <a:lnTo>
                      <a:pt x="69" y="327"/>
                    </a:lnTo>
                    <a:lnTo>
                      <a:pt x="68" y="329"/>
                    </a:lnTo>
                    <a:lnTo>
                      <a:pt x="68" y="332"/>
                    </a:lnTo>
                    <a:lnTo>
                      <a:pt x="66" y="334"/>
                    </a:lnTo>
                    <a:lnTo>
                      <a:pt x="66" y="336"/>
                    </a:lnTo>
                    <a:lnTo>
                      <a:pt x="64" y="346"/>
                    </a:lnTo>
                    <a:lnTo>
                      <a:pt x="64" y="347"/>
                    </a:lnTo>
                    <a:lnTo>
                      <a:pt x="66" y="351"/>
                    </a:lnTo>
                    <a:lnTo>
                      <a:pt x="66" y="352"/>
                    </a:lnTo>
                    <a:lnTo>
                      <a:pt x="68" y="352"/>
                    </a:lnTo>
                    <a:lnTo>
                      <a:pt x="69" y="352"/>
                    </a:lnTo>
                    <a:lnTo>
                      <a:pt x="73" y="349"/>
                    </a:lnTo>
                    <a:lnTo>
                      <a:pt x="78" y="341"/>
                    </a:lnTo>
                    <a:lnTo>
                      <a:pt x="79" y="341"/>
                    </a:lnTo>
                    <a:lnTo>
                      <a:pt x="79" y="339"/>
                    </a:lnTo>
                    <a:lnTo>
                      <a:pt x="79" y="336"/>
                    </a:lnTo>
                    <a:lnTo>
                      <a:pt x="81" y="334"/>
                    </a:lnTo>
                    <a:lnTo>
                      <a:pt x="83" y="336"/>
                    </a:lnTo>
                    <a:lnTo>
                      <a:pt x="86" y="337"/>
                    </a:lnTo>
                    <a:lnTo>
                      <a:pt x="90" y="341"/>
                    </a:lnTo>
                    <a:lnTo>
                      <a:pt x="91" y="341"/>
                    </a:lnTo>
                    <a:lnTo>
                      <a:pt x="91" y="339"/>
                    </a:lnTo>
                    <a:lnTo>
                      <a:pt x="91" y="337"/>
                    </a:lnTo>
                    <a:lnTo>
                      <a:pt x="93" y="336"/>
                    </a:lnTo>
                    <a:lnTo>
                      <a:pt x="93" y="334"/>
                    </a:lnTo>
                    <a:lnTo>
                      <a:pt x="95" y="336"/>
                    </a:lnTo>
                    <a:lnTo>
                      <a:pt x="96" y="337"/>
                    </a:lnTo>
                    <a:lnTo>
                      <a:pt x="98" y="344"/>
                    </a:lnTo>
                    <a:lnTo>
                      <a:pt x="100" y="346"/>
                    </a:lnTo>
                    <a:lnTo>
                      <a:pt x="100" y="347"/>
                    </a:lnTo>
                    <a:lnTo>
                      <a:pt x="101" y="351"/>
                    </a:lnTo>
                    <a:lnTo>
                      <a:pt x="103" y="352"/>
                    </a:lnTo>
                    <a:lnTo>
                      <a:pt x="105" y="354"/>
                    </a:lnTo>
                    <a:lnTo>
                      <a:pt x="107" y="352"/>
                    </a:lnTo>
                    <a:lnTo>
                      <a:pt x="108" y="351"/>
                    </a:lnTo>
                    <a:lnTo>
                      <a:pt x="108" y="344"/>
                    </a:lnTo>
                    <a:lnTo>
                      <a:pt x="110" y="344"/>
                    </a:lnTo>
                    <a:lnTo>
                      <a:pt x="113" y="346"/>
                    </a:lnTo>
                    <a:lnTo>
                      <a:pt x="117" y="346"/>
                    </a:lnTo>
                    <a:lnTo>
                      <a:pt x="122" y="346"/>
                    </a:lnTo>
                    <a:lnTo>
                      <a:pt x="127" y="342"/>
                    </a:lnTo>
                    <a:lnTo>
                      <a:pt x="132" y="337"/>
                    </a:lnTo>
                    <a:lnTo>
                      <a:pt x="139" y="329"/>
                    </a:lnTo>
                    <a:lnTo>
                      <a:pt x="137" y="332"/>
                    </a:lnTo>
                    <a:lnTo>
                      <a:pt x="135" y="336"/>
                    </a:lnTo>
                    <a:lnTo>
                      <a:pt x="134" y="341"/>
                    </a:lnTo>
                    <a:lnTo>
                      <a:pt x="130" y="344"/>
                    </a:lnTo>
                    <a:lnTo>
                      <a:pt x="130" y="347"/>
                    </a:lnTo>
                    <a:lnTo>
                      <a:pt x="129" y="351"/>
                    </a:lnTo>
                    <a:lnTo>
                      <a:pt x="127" y="352"/>
                    </a:lnTo>
                    <a:lnTo>
                      <a:pt x="127" y="358"/>
                    </a:lnTo>
                    <a:lnTo>
                      <a:pt x="125" y="364"/>
                    </a:lnTo>
                    <a:lnTo>
                      <a:pt x="125" y="371"/>
                    </a:lnTo>
                    <a:lnTo>
                      <a:pt x="122" y="378"/>
                    </a:lnTo>
                    <a:lnTo>
                      <a:pt x="120" y="383"/>
                    </a:lnTo>
                    <a:lnTo>
                      <a:pt x="117" y="388"/>
                    </a:lnTo>
                    <a:lnTo>
                      <a:pt x="112" y="390"/>
                    </a:lnTo>
                    <a:lnTo>
                      <a:pt x="112" y="391"/>
                    </a:lnTo>
                    <a:lnTo>
                      <a:pt x="113" y="391"/>
                    </a:lnTo>
                    <a:lnTo>
                      <a:pt x="113" y="393"/>
                    </a:lnTo>
                    <a:lnTo>
                      <a:pt x="112" y="396"/>
                    </a:lnTo>
                    <a:lnTo>
                      <a:pt x="110" y="398"/>
                    </a:lnTo>
                    <a:lnTo>
                      <a:pt x="107" y="402"/>
                    </a:lnTo>
                    <a:lnTo>
                      <a:pt x="100" y="405"/>
                    </a:lnTo>
                    <a:lnTo>
                      <a:pt x="96" y="407"/>
                    </a:lnTo>
                    <a:lnTo>
                      <a:pt x="91" y="408"/>
                    </a:lnTo>
                    <a:lnTo>
                      <a:pt x="88" y="412"/>
                    </a:lnTo>
                    <a:lnTo>
                      <a:pt x="85" y="413"/>
                    </a:lnTo>
                    <a:lnTo>
                      <a:pt x="83" y="418"/>
                    </a:lnTo>
                    <a:lnTo>
                      <a:pt x="83" y="422"/>
                    </a:lnTo>
                    <a:lnTo>
                      <a:pt x="85" y="425"/>
                    </a:lnTo>
                    <a:lnTo>
                      <a:pt x="85" y="427"/>
                    </a:lnTo>
                    <a:lnTo>
                      <a:pt x="85" y="429"/>
                    </a:lnTo>
                    <a:lnTo>
                      <a:pt x="83" y="430"/>
                    </a:lnTo>
                    <a:lnTo>
                      <a:pt x="81" y="430"/>
                    </a:lnTo>
                    <a:lnTo>
                      <a:pt x="79" y="432"/>
                    </a:lnTo>
                    <a:lnTo>
                      <a:pt x="78" y="430"/>
                    </a:lnTo>
                    <a:lnTo>
                      <a:pt x="76" y="429"/>
                    </a:lnTo>
                    <a:lnTo>
                      <a:pt x="76" y="424"/>
                    </a:lnTo>
                    <a:lnTo>
                      <a:pt x="74" y="424"/>
                    </a:lnTo>
                    <a:lnTo>
                      <a:pt x="71" y="424"/>
                    </a:lnTo>
                    <a:lnTo>
                      <a:pt x="69" y="424"/>
                    </a:lnTo>
                    <a:lnTo>
                      <a:pt x="68" y="425"/>
                    </a:lnTo>
                    <a:lnTo>
                      <a:pt x="64" y="425"/>
                    </a:lnTo>
                    <a:lnTo>
                      <a:pt x="63" y="425"/>
                    </a:lnTo>
                    <a:lnTo>
                      <a:pt x="46" y="442"/>
                    </a:lnTo>
                    <a:lnTo>
                      <a:pt x="44" y="442"/>
                    </a:lnTo>
                    <a:lnTo>
                      <a:pt x="44" y="444"/>
                    </a:lnTo>
                    <a:lnTo>
                      <a:pt x="42" y="447"/>
                    </a:lnTo>
                    <a:lnTo>
                      <a:pt x="41" y="449"/>
                    </a:lnTo>
                    <a:lnTo>
                      <a:pt x="41" y="452"/>
                    </a:lnTo>
                    <a:lnTo>
                      <a:pt x="42" y="452"/>
                    </a:lnTo>
                    <a:lnTo>
                      <a:pt x="44" y="451"/>
                    </a:lnTo>
                    <a:lnTo>
                      <a:pt x="51" y="447"/>
                    </a:lnTo>
                    <a:lnTo>
                      <a:pt x="52" y="446"/>
                    </a:lnTo>
                    <a:lnTo>
                      <a:pt x="56" y="444"/>
                    </a:lnTo>
                    <a:lnTo>
                      <a:pt x="57" y="440"/>
                    </a:lnTo>
                    <a:lnTo>
                      <a:pt x="61" y="439"/>
                    </a:lnTo>
                    <a:lnTo>
                      <a:pt x="64" y="435"/>
                    </a:lnTo>
                    <a:lnTo>
                      <a:pt x="66" y="434"/>
                    </a:lnTo>
                    <a:lnTo>
                      <a:pt x="68" y="432"/>
                    </a:lnTo>
                    <a:lnTo>
                      <a:pt x="68" y="434"/>
                    </a:lnTo>
                    <a:lnTo>
                      <a:pt x="68" y="437"/>
                    </a:lnTo>
                    <a:lnTo>
                      <a:pt x="68" y="439"/>
                    </a:lnTo>
                    <a:lnTo>
                      <a:pt x="69" y="440"/>
                    </a:lnTo>
                    <a:lnTo>
                      <a:pt x="73" y="440"/>
                    </a:lnTo>
                    <a:lnTo>
                      <a:pt x="78" y="439"/>
                    </a:lnTo>
                    <a:lnTo>
                      <a:pt x="86" y="434"/>
                    </a:lnTo>
                    <a:lnTo>
                      <a:pt x="88" y="430"/>
                    </a:lnTo>
                    <a:lnTo>
                      <a:pt x="90" y="429"/>
                    </a:lnTo>
                    <a:lnTo>
                      <a:pt x="91" y="429"/>
                    </a:lnTo>
                    <a:lnTo>
                      <a:pt x="95" y="434"/>
                    </a:lnTo>
                    <a:lnTo>
                      <a:pt x="96" y="434"/>
                    </a:lnTo>
                    <a:lnTo>
                      <a:pt x="96" y="432"/>
                    </a:lnTo>
                    <a:lnTo>
                      <a:pt x="96" y="430"/>
                    </a:lnTo>
                    <a:lnTo>
                      <a:pt x="98" y="427"/>
                    </a:lnTo>
                    <a:lnTo>
                      <a:pt x="101" y="424"/>
                    </a:lnTo>
                    <a:lnTo>
                      <a:pt x="105" y="422"/>
                    </a:lnTo>
                    <a:lnTo>
                      <a:pt x="110" y="420"/>
                    </a:lnTo>
                    <a:lnTo>
                      <a:pt x="117" y="420"/>
                    </a:lnTo>
                    <a:lnTo>
                      <a:pt x="117" y="418"/>
                    </a:lnTo>
                    <a:lnTo>
                      <a:pt x="115" y="418"/>
                    </a:lnTo>
                    <a:lnTo>
                      <a:pt x="113" y="415"/>
                    </a:lnTo>
                    <a:lnTo>
                      <a:pt x="113" y="413"/>
                    </a:lnTo>
                    <a:lnTo>
                      <a:pt x="115" y="408"/>
                    </a:lnTo>
                    <a:lnTo>
                      <a:pt x="120" y="405"/>
                    </a:lnTo>
                    <a:lnTo>
                      <a:pt x="127" y="398"/>
                    </a:lnTo>
                    <a:lnTo>
                      <a:pt x="139" y="391"/>
                    </a:lnTo>
                    <a:lnTo>
                      <a:pt x="140" y="391"/>
                    </a:lnTo>
                    <a:lnTo>
                      <a:pt x="139" y="390"/>
                    </a:lnTo>
                    <a:lnTo>
                      <a:pt x="139" y="388"/>
                    </a:lnTo>
                    <a:lnTo>
                      <a:pt x="140" y="385"/>
                    </a:lnTo>
                    <a:lnTo>
                      <a:pt x="144" y="381"/>
                    </a:lnTo>
                    <a:lnTo>
                      <a:pt x="151" y="374"/>
                    </a:lnTo>
                    <a:lnTo>
                      <a:pt x="161" y="366"/>
                    </a:lnTo>
                    <a:lnTo>
                      <a:pt x="174" y="354"/>
                    </a:lnTo>
                    <a:lnTo>
                      <a:pt x="176" y="352"/>
                    </a:lnTo>
                    <a:lnTo>
                      <a:pt x="178" y="347"/>
                    </a:lnTo>
                    <a:lnTo>
                      <a:pt x="178" y="344"/>
                    </a:lnTo>
                    <a:lnTo>
                      <a:pt x="179" y="342"/>
                    </a:lnTo>
                    <a:lnTo>
                      <a:pt x="181" y="341"/>
                    </a:lnTo>
                    <a:lnTo>
                      <a:pt x="183" y="339"/>
                    </a:lnTo>
                    <a:lnTo>
                      <a:pt x="183" y="337"/>
                    </a:lnTo>
                    <a:lnTo>
                      <a:pt x="184" y="336"/>
                    </a:lnTo>
                    <a:lnTo>
                      <a:pt x="183" y="332"/>
                    </a:lnTo>
                    <a:lnTo>
                      <a:pt x="181" y="330"/>
                    </a:lnTo>
                    <a:lnTo>
                      <a:pt x="174" y="330"/>
                    </a:lnTo>
                    <a:lnTo>
                      <a:pt x="173" y="330"/>
                    </a:lnTo>
                    <a:lnTo>
                      <a:pt x="173" y="329"/>
                    </a:lnTo>
                    <a:lnTo>
                      <a:pt x="173" y="327"/>
                    </a:lnTo>
                    <a:lnTo>
                      <a:pt x="174" y="322"/>
                    </a:lnTo>
                    <a:lnTo>
                      <a:pt x="178" y="317"/>
                    </a:lnTo>
                    <a:lnTo>
                      <a:pt x="183" y="310"/>
                    </a:lnTo>
                    <a:lnTo>
                      <a:pt x="191" y="302"/>
                    </a:lnTo>
                    <a:lnTo>
                      <a:pt x="193" y="298"/>
                    </a:lnTo>
                    <a:lnTo>
                      <a:pt x="195" y="293"/>
                    </a:lnTo>
                    <a:lnTo>
                      <a:pt x="196" y="285"/>
                    </a:lnTo>
                    <a:lnTo>
                      <a:pt x="200" y="276"/>
                    </a:lnTo>
                    <a:lnTo>
                      <a:pt x="205" y="268"/>
                    </a:lnTo>
                    <a:lnTo>
                      <a:pt x="211" y="264"/>
                    </a:lnTo>
                    <a:lnTo>
                      <a:pt x="220" y="264"/>
                    </a:lnTo>
                    <a:lnTo>
                      <a:pt x="230" y="271"/>
                    </a:lnTo>
                    <a:lnTo>
                      <a:pt x="228" y="271"/>
                    </a:lnTo>
                    <a:lnTo>
                      <a:pt x="225" y="271"/>
                    </a:lnTo>
                    <a:lnTo>
                      <a:pt x="220" y="273"/>
                    </a:lnTo>
                    <a:lnTo>
                      <a:pt x="213" y="273"/>
                    </a:lnTo>
                    <a:lnTo>
                      <a:pt x="210" y="276"/>
                    </a:lnTo>
                    <a:lnTo>
                      <a:pt x="206" y="281"/>
                    </a:lnTo>
                    <a:lnTo>
                      <a:pt x="206" y="288"/>
                    </a:lnTo>
                    <a:lnTo>
                      <a:pt x="210" y="297"/>
                    </a:lnTo>
                    <a:lnTo>
                      <a:pt x="210" y="298"/>
                    </a:lnTo>
                    <a:lnTo>
                      <a:pt x="208" y="302"/>
                    </a:lnTo>
                    <a:lnTo>
                      <a:pt x="205" y="305"/>
                    </a:lnTo>
                    <a:lnTo>
                      <a:pt x="203" y="308"/>
                    </a:lnTo>
                    <a:lnTo>
                      <a:pt x="203" y="310"/>
                    </a:lnTo>
                    <a:lnTo>
                      <a:pt x="205" y="312"/>
                    </a:lnTo>
                    <a:lnTo>
                      <a:pt x="208" y="310"/>
                    </a:lnTo>
                    <a:lnTo>
                      <a:pt x="215" y="307"/>
                    </a:lnTo>
                    <a:lnTo>
                      <a:pt x="213" y="308"/>
                    </a:lnTo>
                    <a:lnTo>
                      <a:pt x="211" y="312"/>
                    </a:lnTo>
                    <a:lnTo>
                      <a:pt x="210" y="317"/>
                    </a:lnTo>
                    <a:lnTo>
                      <a:pt x="208" y="320"/>
                    </a:lnTo>
                    <a:lnTo>
                      <a:pt x="208" y="324"/>
                    </a:lnTo>
                    <a:lnTo>
                      <a:pt x="210" y="322"/>
                    </a:lnTo>
                    <a:lnTo>
                      <a:pt x="217" y="319"/>
                    </a:lnTo>
                    <a:lnTo>
                      <a:pt x="227" y="308"/>
                    </a:lnTo>
                    <a:lnTo>
                      <a:pt x="227" y="307"/>
                    </a:lnTo>
                    <a:lnTo>
                      <a:pt x="230" y="305"/>
                    </a:lnTo>
                    <a:lnTo>
                      <a:pt x="232" y="303"/>
                    </a:lnTo>
                    <a:lnTo>
                      <a:pt x="233" y="302"/>
                    </a:lnTo>
                    <a:lnTo>
                      <a:pt x="237" y="300"/>
                    </a:lnTo>
                    <a:lnTo>
                      <a:pt x="239" y="298"/>
                    </a:lnTo>
                    <a:lnTo>
                      <a:pt x="240" y="297"/>
                    </a:lnTo>
                    <a:lnTo>
                      <a:pt x="242" y="297"/>
                    </a:lnTo>
                    <a:lnTo>
                      <a:pt x="244" y="297"/>
                    </a:lnTo>
                    <a:lnTo>
                      <a:pt x="245" y="295"/>
                    </a:lnTo>
                    <a:lnTo>
                      <a:pt x="247" y="293"/>
                    </a:lnTo>
                    <a:lnTo>
                      <a:pt x="249" y="290"/>
                    </a:lnTo>
                    <a:lnTo>
                      <a:pt x="247" y="286"/>
                    </a:lnTo>
                    <a:lnTo>
                      <a:pt x="245" y="281"/>
                    </a:lnTo>
                    <a:lnTo>
                      <a:pt x="245" y="280"/>
                    </a:lnTo>
                    <a:lnTo>
                      <a:pt x="244" y="276"/>
                    </a:lnTo>
                    <a:lnTo>
                      <a:pt x="242" y="273"/>
                    </a:lnTo>
                    <a:lnTo>
                      <a:pt x="240" y="271"/>
                    </a:lnTo>
                    <a:lnTo>
                      <a:pt x="250" y="264"/>
                    </a:lnTo>
                    <a:lnTo>
                      <a:pt x="255" y="268"/>
                    </a:lnTo>
                    <a:lnTo>
                      <a:pt x="266" y="263"/>
                    </a:lnTo>
                    <a:lnTo>
                      <a:pt x="281" y="271"/>
                    </a:lnTo>
                    <a:lnTo>
                      <a:pt x="286" y="278"/>
                    </a:lnTo>
                    <a:lnTo>
                      <a:pt x="293" y="270"/>
                    </a:lnTo>
                    <a:lnTo>
                      <a:pt x="303" y="286"/>
                    </a:lnTo>
                    <a:lnTo>
                      <a:pt x="305" y="285"/>
                    </a:lnTo>
                    <a:lnTo>
                      <a:pt x="310" y="281"/>
                    </a:lnTo>
                    <a:lnTo>
                      <a:pt x="315" y="278"/>
                    </a:lnTo>
                    <a:lnTo>
                      <a:pt x="323" y="276"/>
                    </a:lnTo>
                    <a:lnTo>
                      <a:pt x="333" y="275"/>
                    </a:lnTo>
                    <a:lnTo>
                      <a:pt x="343" y="275"/>
                    </a:lnTo>
                    <a:lnTo>
                      <a:pt x="357" y="276"/>
                    </a:lnTo>
                    <a:lnTo>
                      <a:pt x="359" y="276"/>
                    </a:lnTo>
                    <a:lnTo>
                      <a:pt x="360" y="275"/>
                    </a:lnTo>
                    <a:lnTo>
                      <a:pt x="362" y="273"/>
                    </a:lnTo>
                    <a:lnTo>
                      <a:pt x="364" y="271"/>
                    </a:lnTo>
                    <a:lnTo>
                      <a:pt x="365" y="271"/>
                    </a:lnTo>
                    <a:lnTo>
                      <a:pt x="369" y="271"/>
                    </a:lnTo>
                    <a:lnTo>
                      <a:pt x="371" y="275"/>
                    </a:lnTo>
                    <a:lnTo>
                      <a:pt x="371" y="278"/>
                    </a:lnTo>
                    <a:lnTo>
                      <a:pt x="371" y="280"/>
                    </a:lnTo>
                    <a:lnTo>
                      <a:pt x="374" y="280"/>
                    </a:lnTo>
                    <a:lnTo>
                      <a:pt x="377" y="281"/>
                    </a:lnTo>
                    <a:lnTo>
                      <a:pt x="381" y="281"/>
                    </a:lnTo>
                    <a:lnTo>
                      <a:pt x="384" y="281"/>
                    </a:lnTo>
                    <a:lnTo>
                      <a:pt x="387" y="283"/>
                    </a:lnTo>
                    <a:lnTo>
                      <a:pt x="389" y="283"/>
                    </a:lnTo>
                    <a:lnTo>
                      <a:pt x="391" y="283"/>
                    </a:lnTo>
                    <a:lnTo>
                      <a:pt x="411" y="295"/>
                    </a:lnTo>
                    <a:lnTo>
                      <a:pt x="413" y="295"/>
                    </a:lnTo>
                    <a:lnTo>
                      <a:pt x="415" y="295"/>
                    </a:lnTo>
                    <a:lnTo>
                      <a:pt x="418" y="295"/>
                    </a:lnTo>
                    <a:lnTo>
                      <a:pt x="421" y="295"/>
                    </a:lnTo>
                    <a:lnTo>
                      <a:pt x="425" y="295"/>
                    </a:lnTo>
                    <a:lnTo>
                      <a:pt x="425" y="292"/>
                    </a:lnTo>
                    <a:lnTo>
                      <a:pt x="423" y="288"/>
                    </a:lnTo>
                    <a:lnTo>
                      <a:pt x="416" y="280"/>
                    </a:lnTo>
                    <a:lnTo>
                      <a:pt x="418" y="280"/>
                    </a:lnTo>
                    <a:lnTo>
                      <a:pt x="420" y="278"/>
                    </a:lnTo>
                    <a:lnTo>
                      <a:pt x="423" y="276"/>
                    </a:lnTo>
                    <a:lnTo>
                      <a:pt x="425" y="278"/>
                    </a:lnTo>
                    <a:lnTo>
                      <a:pt x="428" y="280"/>
                    </a:lnTo>
                    <a:lnTo>
                      <a:pt x="431" y="283"/>
                    </a:lnTo>
                    <a:lnTo>
                      <a:pt x="435" y="286"/>
                    </a:lnTo>
                    <a:lnTo>
                      <a:pt x="438" y="288"/>
                    </a:lnTo>
                    <a:lnTo>
                      <a:pt x="438" y="286"/>
                    </a:lnTo>
                    <a:lnTo>
                      <a:pt x="435" y="281"/>
                    </a:lnTo>
                    <a:lnTo>
                      <a:pt x="430" y="271"/>
                    </a:lnTo>
                    <a:lnTo>
                      <a:pt x="428" y="270"/>
                    </a:lnTo>
                    <a:lnTo>
                      <a:pt x="430" y="266"/>
                    </a:lnTo>
                    <a:lnTo>
                      <a:pt x="430" y="264"/>
                    </a:lnTo>
                    <a:lnTo>
                      <a:pt x="431" y="264"/>
                    </a:lnTo>
                    <a:lnTo>
                      <a:pt x="445" y="283"/>
                    </a:lnTo>
                    <a:lnTo>
                      <a:pt x="455" y="280"/>
                    </a:lnTo>
                    <a:lnTo>
                      <a:pt x="455" y="281"/>
                    </a:lnTo>
                    <a:lnTo>
                      <a:pt x="457" y="281"/>
                    </a:lnTo>
                    <a:lnTo>
                      <a:pt x="460" y="283"/>
                    </a:lnTo>
                    <a:lnTo>
                      <a:pt x="462" y="286"/>
                    </a:lnTo>
                    <a:lnTo>
                      <a:pt x="465" y="290"/>
                    </a:lnTo>
                    <a:lnTo>
                      <a:pt x="469" y="295"/>
                    </a:lnTo>
                    <a:lnTo>
                      <a:pt x="472" y="300"/>
                    </a:lnTo>
                    <a:lnTo>
                      <a:pt x="475" y="305"/>
                    </a:lnTo>
                    <a:lnTo>
                      <a:pt x="479" y="312"/>
                    </a:lnTo>
                    <a:lnTo>
                      <a:pt x="482" y="314"/>
                    </a:lnTo>
                    <a:lnTo>
                      <a:pt x="484" y="314"/>
                    </a:lnTo>
                    <a:lnTo>
                      <a:pt x="486" y="312"/>
                    </a:lnTo>
                    <a:lnTo>
                      <a:pt x="487" y="310"/>
                    </a:lnTo>
                    <a:lnTo>
                      <a:pt x="487" y="308"/>
                    </a:lnTo>
                    <a:lnTo>
                      <a:pt x="487" y="307"/>
                    </a:lnTo>
                    <a:lnTo>
                      <a:pt x="509" y="322"/>
                    </a:lnTo>
                    <a:lnTo>
                      <a:pt x="508" y="325"/>
                    </a:lnTo>
                    <a:lnTo>
                      <a:pt x="508" y="327"/>
                    </a:lnTo>
                    <a:lnTo>
                      <a:pt x="508" y="330"/>
                    </a:lnTo>
                    <a:lnTo>
                      <a:pt x="508" y="332"/>
                    </a:lnTo>
                    <a:lnTo>
                      <a:pt x="509" y="332"/>
                    </a:lnTo>
                    <a:lnTo>
                      <a:pt x="514" y="329"/>
                    </a:lnTo>
                    <a:lnTo>
                      <a:pt x="519" y="324"/>
                    </a:lnTo>
                    <a:lnTo>
                      <a:pt x="521" y="322"/>
                    </a:lnTo>
                    <a:lnTo>
                      <a:pt x="523" y="322"/>
                    </a:lnTo>
                    <a:lnTo>
                      <a:pt x="525" y="324"/>
                    </a:lnTo>
                    <a:lnTo>
                      <a:pt x="528" y="325"/>
                    </a:lnTo>
                    <a:lnTo>
                      <a:pt x="531" y="330"/>
                    </a:lnTo>
                    <a:lnTo>
                      <a:pt x="535" y="339"/>
                    </a:lnTo>
                    <a:lnTo>
                      <a:pt x="536" y="341"/>
                    </a:lnTo>
                    <a:lnTo>
                      <a:pt x="538" y="344"/>
                    </a:lnTo>
                    <a:lnTo>
                      <a:pt x="540" y="347"/>
                    </a:lnTo>
                    <a:lnTo>
                      <a:pt x="541" y="349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37" name="Freeform 78"/>
              <p:cNvSpPr>
                <a:spLocks/>
              </p:cNvSpPr>
              <p:nvPr/>
            </p:nvSpPr>
            <p:spPr bwMode="auto">
              <a:xfrm>
                <a:off x="659" y="3034"/>
                <a:ext cx="545" cy="452"/>
              </a:xfrm>
              <a:custGeom>
                <a:avLst/>
                <a:gdLst>
                  <a:gd name="T0" fmla="*/ 545 w 545"/>
                  <a:gd name="T1" fmla="*/ 332 h 452"/>
                  <a:gd name="T2" fmla="*/ 516 w 545"/>
                  <a:gd name="T3" fmla="*/ 312 h 452"/>
                  <a:gd name="T4" fmla="*/ 381 w 545"/>
                  <a:gd name="T5" fmla="*/ 266 h 452"/>
                  <a:gd name="T6" fmla="*/ 350 w 545"/>
                  <a:gd name="T7" fmla="*/ 264 h 452"/>
                  <a:gd name="T8" fmla="*/ 237 w 545"/>
                  <a:gd name="T9" fmla="*/ 14 h 452"/>
                  <a:gd name="T10" fmla="*/ 195 w 545"/>
                  <a:gd name="T11" fmla="*/ 16 h 452"/>
                  <a:gd name="T12" fmla="*/ 179 w 545"/>
                  <a:gd name="T13" fmla="*/ 16 h 452"/>
                  <a:gd name="T14" fmla="*/ 152 w 545"/>
                  <a:gd name="T15" fmla="*/ 9 h 452"/>
                  <a:gd name="T16" fmla="*/ 110 w 545"/>
                  <a:gd name="T17" fmla="*/ 9 h 452"/>
                  <a:gd name="T18" fmla="*/ 91 w 545"/>
                  <a:gd name="T19" fmla="*/ 17 h 452"/>
                  <a:gd name="T20" fmla="*/ 69 w 545"/>
                  <a:gd name="T21" fmla="*/ 33 h 452"/>
                  <a:gd name="T22" fmla="*/ 22 w 545"/>
                  <a:gd name="T23" fmla="*/ 78 h 452"/>
                  <a:gd name="T24" fmla="*/ 54 w 545"/>
                  <a:gd name="T25" fmla="*/ 116 h 452"/>
                  <a:gd name="T26" fmla="*/ 68 w 545"/>
                  <a:gd name="T27" fmla="*/ 132 h 452"/>
                  <a:gd name="T28" fmla="*/ 27 w 545"/>
                  <a:gd name="T29" fmla="*/ 132 h 452"/>
                  <a:gd name="T30" fmla="*/ 15 w 545"/>
                  <a:gd name="T31" fmla="*/ 138 h 452"/>
                  <a:gd name="T32" fmla="*/ 3 w 545"/>
                  <a:gd name="T33" fmla="*/ 160 h 452"/>
                  <a:gd name="T34" fmla="*/ 17 w 545"/>
                  <a:gd name="T35" fmla="*/ 180 h 452"/>
                  <a:gd name="T36" fmla="*/ 71 w 545"/>
                  <a:gd name="T37" fmla="*/ 176 h 452"/>
                  <a:gd name="T38" fmla="*/ 76 w 545"/>
                  <a:gd name="T39" fmla="*/ 190 h 452"/>
                  <a:gd name="T40" fmla="*/ 56 w 545"/>
                  <a:gd name="T41" fmla="*/ 219 h 452"/>
                  <a:gd name="T42" fmla="*/ 34 w 545"/>
                  <a:gd name="T43" fmla="*/ 220 h 452"/>
                  <a:gd name="T44" fmla="*/ 22 w 545"/>
                  <a:gd name="T45" fmla="*/ 242 h 452"/>
                  <a:gd name="T46" fmla="*/ 15 w 545"/>
                  <a:gd name="T47" fmla="*/ 256 h 452"/>
                  <a:gd name="T48" fmla="*/ 17 w 545"/>
                  <a:gd name="T49" fmla="*/ 271 h 452"/>
                  <a:gd name="T50" fmla="*/ 41 w 545"/>
                  <a:gd name="T51" fmla="*/ 288 h 452"/>
                  <a:gd name="T52" fmla="*/ 35 w 545"/>
                  <a:gd name="T53" fmla="*/ 314 h 452"/>
                  <a:gd name="T54" fmla="*/ 59 w 545"/>
                  <a:gd name="T55" fmla="*/ 298 h 452"/>
                  <a:gd name="T56" fmla="*/ 69 w 545"/>
                  <a:gd name="T57" fmla="*/ 322 h 452"/>
                  <a:gd name="T58" fmla="*/ 64 w 545"/>
                  <a:gd name="T59" fmla="*/ 347 h 452"/>
                  <a:gd name="T60" fmla="*/ 79 w 545"/>
                  <a:gd name="T61" fmla="*/ 336 h 452"/>
                  <a:gd name="T62" fmla="*/ 95 w 545"/>
                  <a:gd name="T63" fmla="*/ 336 h 452"/>
                  <a:gd name="T64" fmla="*/ 108 w 545"/>
                  <a:gd name="T65" fmla="*/ 344 h 452"/>
                  <a:gd name="T66" fmla="*/ 139 w 545"/>
                  <a:gd name="T67" fmla="*/ 329 h 452"/>
                  <a:gd name="T68" fmla="*/ 125 w 545"/>
                  <a:gd name="T69" fmla="*/ 364 h 452"/>
                  <a:gd name="T70" fmla="*/ 112 w 545"/>
                  <a:gd name="T71" fmla="*/ 396 h 452"/>
                  <a:gd name="T72" fmla="*/ 83 w 545"/>
                  <a:gd name="T73" fmla="*/ 422 h 452"/>
                  <a:gd name="T74" fmla="*/ 76 w 545"/>
                  <a:gd name="T75" fmla="*/ 424 h 452"/>
                  <a:gd name="T76" fmla="*/ 44 w 545"/>
                  <a:gd name="T77" fmla="*/ 442 h 452"/>
                  <a:gd name="T78" fmla="*/ 57 w 545"/>
                  <a:gd name="T79" fmla="*/ 440 h 452"/>
                  <a:gd name="T80" fmla="*/ 69 w 545"/>
                  <a:gd name="T81" fmla="*/ 440 h 452"/>
                  <a:gd name="T82" fmla="*/ 96 w 545"/>
                  <a:gd name="T83" fmla="*/ 432 h 452"/>
                  <a:gd name="T84" fmla="*/ 113 w 545"/>
                  <a:gd name="T85" fmla="*/ 413 h 452"/>
                  <a:gd name="T86" fmla="*/ 151 w 545"/>
                  <a:gd name="T87" fmla="*/ 374 h 452"/>
                  <a:gd name="T88" fmla="*/ 183 w 545"/>
                  <a:gd name="T89" fmla="*/ 339 h 452"/>
                  <a:gd name="T90" fmla="*/ 174 w 545"/>
                  <a:gd name="T91" fmla="*/ 322 h 452"/>
                  <a:gd name="T92" fmla="*/ 220 w 545"/>
                  <a:gd name="T93" fmla="*/ 264 h 452"/>
                  <a:gd name="T94" fmla="*/ 210 w 545"/>
                  <a:gd name="T95" fmla="*/ 297 h 452"/>
                  <a:gd name="T96" fmla="*/ 211 w 545"/>
                  <a:gd name="T97" fmla="*/ 312 h 452"/>
                  <a:gd name="T98" fmla="*/ 233 w 545"/>
                  <a:gd name="T99" fmla="*/ 302 h 452"/>
                  <a:gd name="T100" fmla="*/ 249 w 545"/>
                  <a:gd name="T101" fmla="*/ 290 h 452"/>
                  <a:gd name="T102" fmla="*/ 281 w 545"/>
                  <a:gd name="T103" fmla="*/ 271 h 452"/>
                  <a:gd name="T104" fmla="*/ 343 w 545"/>
                  <a:gd name="T105" fmla="*/ 275 h 452"/>
                  <a:gd name="T106" fmla="*/ 371 w 545"/>
                  <a:gd name="T107" fmla="*/ 278 h 452"/>
                  <a:gd name="T108" fmla="*/ 413 w 545"/>
                  <a:gd name="T109" fmla="*/ 295 h 452"/>
                  <a:gd name="T110" fmla="*/ 423 w 545"/>
                  <a:gd name="T111" fmla="*/ 276 h 452"/>
                  <a:gd name="T112" fmla="*/ 430 w 545"/>
                  <a:gd name="T113" fmla="*/ 271 h 452"/>
                  <a:gd name="T114" fmla="*/ 462 w 545"/>
                  <a:gd name="T115" fmla="*/ 286 h 452"/>
                  <a:gd name="T116" fmla="*/ 487 w 545"/>
                  <a:gd name="T117" fmla="*/ 310 h 452"/>
                  <a:gd name="T118" fmla="*/ 514 w 545"/>
                  <a:gd name="T119" fmla="*/ 329 h 452"/>
                  <a:gd name="T120" fmla="*/ 535 w 545"/>
                  <a:gd name="T121" fmla="*/ 339 h 452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w 545"/>
                  <a:gd name="T184" fmla="*/ 0 h 452"/>
                  <a:gd name="T185" fmla="*/ 545 w 545"/>
                  <a:gd name="T186" fmla="*/ 452 h 452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T183" t="T184" r="T185" b="T186"/>
                <a:pathLst>
                  <a:path w="545" h="452">
                    <a:moveTo>
                      <a:pt x="541" y="349"/>
                    </a:moveTo>
                    <a:lnTo>
                      <a:pt x="541" y="349"/>
                    </a:lnTo>
                    <a:lnTo>
                      <a:pt x="541" y="347"/>
                    </a:lnTo>
                    <a:lnTo>
                      <a:pt x="543" y="346"/>
                    </a:lnTo>
                    <a:lnTo>
                      <a:pt x="543" y="344"/>
                    </a:lnTo>
                    <a:lnTo>
                      <a:pt x="545" y="341"/>
                    </a:lnTo>
                    <a:lnTo>
                      <a:pt x="545" y="339"/>
                    </a:lnTo>
                    <a:lnTo>
                      <a:pt x="545" y="336"/>
                    </a:lnTo>
                    <a:lnTo>
                      <a:pt x="545" y="332"/>
                    </a:lnTo>
                    <a:lnTo>
                      <a:pt x="543" y="329"/>
                    </a:lnTo>
                    <a:lnTo>
                      <a:pt x="541" y="325"/>
                    </a:lnTo>
                    <a:lnTo>
                      <a:pt x="538" y="320"/>
                    </a:lnTo>
                    <a:lnTo>
                      <a:pt x="535" y="317"/>
                    </a:lnTo>
                    <a:lnTo>
                      <a:pt x="533" y="315"/>
                    </a:lnTo>
                    <a:lnTo>
                      <a:pt x="530" y="315"/>
                    </a:lnTo>
                    <a:lnTo>
                      <a:pt x="526" y="314"/>
                    </a:lnTo>
                    <a:lnTo>
                      <a:pt x="523" y="314"/>
                    </a:lnTo>
                    <a:lnTo>
                      <a:pt x="519" y="314"/>
                    </a:lnTo>
                    <a:lnTo>
                      <a:pt x="516" y="312"/>
                    </a:lnTo>
                    <a:lnTo>
                      <a:pt x="514" y="312"/>
                    </a:lnTo>
                    <a:lnTo>
                      <a:pt x="506" y="310"/>
                    </a:lnTo>
                    <a:lnTo>
                      <a:pt x="452" y="271"/>
                    </a:lnTo>
                    <a:lnTo>
                      <a:pt x="435" y="259"/>
                    </a:lnTo>
                    <a:lnTo>
                      <a:pt x="421" y="251"/>
                    </a:lnTo>
                    <a:lnTo>
                      <a:pt x="413" y="263"/>
                    </a:lnTo>
                    <a:lnTo>
                      <a:pt x="413" y="271"/>
                    </a:lnTo>
                    <a:lnTo>
                      <a:pt x="403" y="280"/>
                    </a:lnTo>
                    <a:lnTo>
                      <a:pt x="381" y="266"/>
                    </a:lnTo>
                    <a:lnTo>
                      <a:pt x="379" y="264"/>
                    </a:lnTo>
                    <a:lnTo>
                      <a:pt x="377" y="261"/>
                    </a:lnTo>
                    <a:lnTo>
                      <a:pt x="374" y="259"/>
                    </a:lnTo>
                    <a:lnTo>
                      <a:pt x="369" y="258"/>
                    </a:lnTo>
                    <a:lnTo>
                      <a:pt x="365" y="258"/>
                    </a:lnTo>
                    <a:lnTo>
                      <a:pt x="360" y="259"/>
                    </a:lnTo>
                    <a:lnTo>
                      <a:pt x="355" y="263"/>
                    </a:lnTo>
                    <a:lnTo>
                      <a:pt x="354" y="264"/>
                    </a:lnTo>
                    <a:lnTo>
                      <a:pt x="350" y="264"/>
                    </a:lnTo>
                    <a:lnTo>
                      <a:pt x="347" y="266"/>
                    </a:lnTo>
                    <a:lnTo>
                      <a:pt x="345" y="266"/>
                    </a:lnTo>
                    <a:lnTo>
                      <a:pt x="271" y="17"/>
                    </a:lnTo>
                    <a:lnTo>
                      <a:pt x="269" y="17"/>
                    </a:lnTo>
                    <a:lnTo>
                      <a:pt x="266" y="16"/>
                    </a:lnTo>
                    <a:lnTo>
                      <a:pt x="261" y="14"/>
                    </a:lnTo>
                    <a:lnTo>
                      <a:pt x="255" y="12"/>
                    </a:lnTo>
                    <a:lnTo>
                      <a:pt x="249" y="11"/>
                    </a:lnTo>
                    <a:lnTo>
                      <a:pt x="244" y="12"/>
                    </a:lnTo>
                    <a:lnTo>
                      <a:pt x="237" y="14"/>
                    </a:lnTo>
                    <a:lnTo>
                      <a:pt x="232" y="17"/>
                    </a:lnTo>
                    <a:lnTo>
                      <a:pt x="230" y="17"/>
                    </a:lnTo>
                    <a:lnTo>
                      <a:pt x="225" y="17"/>
                    </a:lnTo>
                    <a:lnTo>
                      <a:pt x="218" y="17"/>
                    </a:lnTo>
                    <a:lnTo>
                      <a:pt x="211" y="17"/>
                    </a:lnTo>
                    <a:lnTo>
                      <a:pt x="205" y="17"/>
                    </a:lnTo>
                    <a:lnTo>
                      <a:pt x="200" y="17"/>
                    </a:lnTo>
                    <a:lnTo>
                      <a:pt x="195" y="16"/>
                    </a:lnTo>
                    <a:lnTo>
                      <a:pt x="193" y="16"/>
                    </a:lnTo>
                    <a:lnTo>
                      <a:pt x="191" y="16"/>
                    </a:lnTo>
                    <a:lnTo>
                      <a:pt x="189" y="16"/>
                    </a:lnTo>
                    <a:lnTo>
                      <a:pt x="188" y="16"/>
                    </a:lnTo>
                    <a:lnTo>
                      <a:pt x="184" y="16"/>
                    </a:lnTo>
                    <a:lnTo>
                      <a:pt x="183" y="16"/>
                    </a:lnTo>
                    <a:lnTo>
                      <a:pt x="181" y="16"/>
                    </a:lnTo>
                    <a:lnTo>
                      <a:pt x="179" y="16"/>
                    </a:lnTo>
                    <a:lnTo>
                      <a:pt x="176" y="17"/>
                    </a:lnTo>
                    <a:lnTo>
                      <a:pt x="173" y="17"/>
                    </a:lnTo>
                    <a:lnTo>
                      <a:pt x="169" y="17"/>
                    </a:lnTo>
                    <a:lnTo>
                      <a:pt x="166" y="16"/>
                    </a:lnTo>
                    <a:lnTo>
                      <a:pt x="162" y="12"/>
                    </a:lnTo>
                    <a:lnTo>
                      <a:pt x="157" y="7"/>
                    </a:lnTo>
                    <a:lnTo>
                      <a:pt x="156" y="7"/>
                    </a:lnTo>
                    <a:lnTo>
                      <a:pt x="154" y="9"/>
                    </a:lnTo>
                    <a:lnTo>
                      <a:pt x="152" y="9"/>
                    </a:lnTo>
                    <a:lnTo>
                      <a:pt x="149" y="9"/>
                    </a:lnTo>
                    <a:lnTo>
                      <a:pt x="147" y="9"/>
                    </a:lnTo>
                    <a:lnTo>
                      <a:pt x="145" y="11"/>
                    </a:lnTo>
                    <a:lnTo>
                      <a:pt x="137" y="2"/>
                    </a:lnTo>
                    <a:lnTo>
                      <a:pt x="130" y="7"/>
                    </a:lnTo>
                    <a:lnTo>
                      <a:pt x="129" y="0"/>
                    </a:lnTo>
                    <a:lnTo>
                      <a:pt x="117" y="0"/>
                    </a:lnTo>
                    <a:lnTo>
                      <a:pt x="110" y="9"/>
                    </a:lnTo>
                    <a:lnTo>
                      <a:pt x="108" y="11"/>
                    </a:lnTo>
                    <a:lnTo>
                      <a:pt x="108" y="12"/>
                    </a:lnTo>
                    <a:lnTo>
                      <a:pt x="107" y="12"/>
                    </a:lnTo>
                    <a:lnTo>
                      <a:pt x="103" y="14"/>
                    </a:lnTo>
                    <a:lnTo>
                      <a:pt x="100" y="14"/>
                    </a:lnTo>
                    <a:lnTo>
                      <a:pt x="95" y="14"/>
                    </a:lnTo>
                    <a:lnTo>
                      <a:pt x="93" y="16"/>
                    </a:lnTo>
                    <a:lnTo>
                      <a:pt x="91" y="17"/>
                    </a:lnTo>
                    <a:lnTo>
                      <a:pt x="90" y="19"/>
                    </a:lnTo>
                    <a:lnTo>
                      <a:pt x="86" y="22"/>
                    </a:lnTo>
                    <a:lnTo>
                      <a:pt x="85" y="24"/>
                    </a:lnTo>
                    <a:lnTo>
                      <a:pt x="83" y="26"/>
                    </a:lnTo>
                    <a:lnTo>
                      <a:pt x="81" y="26"/>
                    </a:lnTo>
                    <a:lnTo>
                      <a:pt x="78" y="26"/>
                    </a:lnTo>
                    <a:lnTo>
                      <a:pt x="74" y="29"/>
                    </a:lnTo>
                    <a:lnTo>
                      <a:pt x="69" y="33"/>
                    </a:lnTo>
                    <a:lnTo>
                      <a:pt x="64" y="38"/>
                    </a:lnTo>
                    <a:lnTo>
                      <a:pt x="59" y="46"/>
                    </a:lnTo>
                    <a:lnTo>
                      <a:pt x="54" y="56"/>
                    </a:lnTo>
                    <a:lnTo>
                      <a:pt x="52" y="58"/>
                    </a:lnTo>
                    <a:lnTo>
                      <a:pt x="51" y="61"/>
                    </a:lnTo>
                    <a:lnTo>
                      <a:pt x="47" y="63"/>
                    </a:lnTo>
                    <a:lnTo>
                      <a:pt x="47" y="65"/>
                    </a:lnTo>
                    <a:lnTo>
                      <a:pt x="30" y="65"/>
                    </a:lnTo>
                    <a:lnTo>
                      <a:pt x="22" y="78"/>
                    </a:lnTo>
                    <a:lnTo>
                      <a:pt x="22" y="80"/>
                    </a:lnTo>
                    <a:lnTo>
                      <a:pt x="25" y="82"/>
                    </a:lnTo>
                    <a:lnTo>
                      <a:pt x="30" y="83"/>
                    </a:lnTo>
                    <a:lnTo>
                      <a:pt x="35" y="87"/>
                    </a:lnTo>
                    <a:lnTo>
                      <a:pt x="42" y="92"/>
                    </a:lnTo>
                    <a:lnTo>
                      <a:pt x="46" y="97"/>
                    </a:lnTo>
                    <a:lnTo>
                      <a:pt x="49" y="105"/>
                    </a:lnTo>
                    <a:lnTo>
                      <a:pt x="51" y="114"/>
                    </a:lnTo>
                    <a:lnTo>
                      <a:pt x="54" y="116"/>
                    </a:lnTo>
                    <a:lnTo>
                      <a:pt x="56" y="116"/>
                    </a:lnTo>
                    <a:lnTo>
                      <a:pt x="59" y="116"/>
                    </a:lnTo>
                    <a:lnTo>
                      <a:pt x="63" y="116"/>
                    </a:lnTo>
                    <a:lnTo>
                      <a:pt x="66" y="116"/>
                    </a:lnTo>
                    <a:lnTo>
                      <a:pt x="68" y="117"/>
                    </a:lnTo>
                    <a:lnTo>
                      <a:pt x="71" y="129"/>
                    </a:lnTo>
                    <a:lnTo>
                      <a:pt x="81" y="129"/>
                    </a:lnTo>
                    <a:lnTo>
                      <a:pt x="79" y="132"/>
                    </a:lnTo>
                    <a:lnTo>
                      <a:pt x="68" y="132"/>
                    </a:lnTo>
                    <a:lnTo>
                      <a:pt x="63" y="122"/>
                    </a:lnTo>
                    <a:lnTo>
                      <a:pt x="59" y="126"/>
                    </a:lnTo>
                    <a:lnTo>
                      <a:pt x="68" y="136"/>
                    </a:lnTo>
                    <a:lnTo>
                      <a:pt x="76" y="138"/>
                    </a:lnTo>
                    <a:lnTo>
                      <a:pt x="68" y="144"/>
                    </a:lnTo>
                    <a:lnTo>
                      <a:pt x="46" y="139"/>
                    </a:lnTo>
                    <a:lnTo>
                      <a:pt x="46" y="127"/>
                    </a:lnTo>
                    <a:lnTo>
                      <a:pt x="27" y="132"/>
                    </a:lnTo>
                    <a:lnTo>
                      <a:pt x="27" y="134"/>
                    </a:lnTo>
                    <a:lnTo>
                      <a:pt x="27" y="138"/>
                    </a:lnTo>
                    <a:lnTo>
                      <a:pt x="27" y="139"/>
                    </a:lnTo>
                    <a:lnTo>
                      <a:pt x="27" y="141"/>
                    </a:lnTo>
                    <a:lnTo>
                      <a:pt x="25" y="141"/>
                    </a:lnTo>
                    <a:lnTo>
                      <a:pt x="22" y="139"/>
                    </a:lnTo>
                    <a:lnTo>
                      <a:pt x="19" y="136"/>
                    </a:lnTo>
                    <a:lnTo>
                      <a:pt x="15" y="138"/>
                    </a:lnTo>
                    <a:lnTo>
                      <a:pt x="12" y="138"/>
                    </a:lnTo>
                    <a:lnTo>
                      <a:pt x="8" y="139"/>
                    </a:lnTo>
                    <a:lnTo>
                      <a:pt x="5" y="143"/>
                    </a:lnTo>
                    <a:lnTo>
                      <a:pt x="2" y="144"/>
                    </a:lnTo>
                    <a:lnTo>
                      <a:pt x="0" y="148"/>
                    </a:lnTo>
                    <a:lnTo>
                      <a:pt x="0" y="151"/>
                    </a:lnTo>
                    <a:lnTo>
                      <a:pt x="0" y="153"/>
                    </a:lnTo>
                    <a:lnTo>
                      <a:pt x="0" y="154"/>
                    </a:lnTo>
                    <a:lnTo>
                      <a:pt x="2" y="156"/>
                    </a:lnTo>
                    <a:lnTo>
                      <a:pt x="3" y="160"/>
                    </a:lnTo>
                    <a:lnTo>
                      <a:pt x="5" y="161"/>
                    </a:lnTo>
                    <a:lnTo>
                      <a:pt x="7" y="165"/>
                    </a:lnTo>
                    <a:lnTo>
                      <a:pt x="8" y="165"/>
                    </a:lnTo>
                    <a:lnTo>
                      <a:pt x="8" y="166"/>
                    </a:lnTo>
                    <a:lnTo>
                      <a:pt x="13" y="171"/>
                    </a:lnTo>
                    <a:lnTo>
                      <a:pt x="13" y="173"/>
                    </a:lnTo>
                    <a:lnTo>
                      <a:pt x="13" y="175"/>
                    </a:lnTo>
                    <a:lnTo>
                      <a:pt x="15" y="178"/>
                    </a:lnTo>
                    <a:lnTo>
                      <a:pt x="17" y="180"/>
                    </a:lnTo>
                    <a:lnTo>
                      <a:pt x="22" y="182"/>
                    </a:lnTo>
                    <a:lnTo>
                      <a:pt x="29" y="183"/>
                    </a:lnTo>
                    <a:lnTo>
                      <a:pt x="39" y="183"/>
                    </a:lnTo>
                    <a:lnTo>
                      <a:pt x="41" y="183"/>
                    </a:lnTo>
                    <a:lnTo>
                      <a:pt x="44" y="185"/>
                    </a:lnTo>
                    <a:lnTo>
                      <a:pt x="47" y="187"/>
                    </a:lnTo>
                    <a:lnTo>
                      <a:pt x="49" y="187"/>
                    </a:lnTo>
                    <a:lnTo>
                      <a:pt x="59" y="187"/>
                    </a:lnTo>
                    <a:lnTo>
                      <a:pt x="71" y="176"/>
                    </a:lnTo>
                    <a:lnTo>
                      <a:pt x="74" y="176"/>
                    </a:lnTo>
                    <a:lnTo>
                      <a:pt x="78" y="175"/>
                    </a:lnTo>
                    <a:lnTo>
                      <a:pt x="81" y="175"/>
                    </a:lnTo>
                    <a:lnTo>
                      <a:pt x="83" y="176"/>
                    </a:lnTo>
                    <a:lnTo>
                      <a:pt x="83" y="178"/>
                    </a:lnTo>
                    <a:lnTo>
                      <a:pt x="81" y="182"/>
                    </a:lnTo>
                    <a:lnTo>
                      <a:pt x="74" y="185"/>
                    </a:lnTo>
                    <a:lnTo>
                      <a:pt x="74" y="187"/>
                    </a:lnTo>
                    <a:lnTo>
                      <a:pt x="76" y="190"/>
                    </a:lnTo>
                    <a:lnTo>
                      <a:pt x="78" y="195"/>
                    </a:lnTo>
                    <a:lnTo>
                      <a:pt x="79" y="200"/>
                    </a:lnTo>
                    <a:lnTo>
                      <a:pt x="79" y="205"/>
                    </a:lnTo>
                    <a:lnTo>
                      <a:pt x="78" y="209"/>
                    </a:lnTo>
                    <a:lnTo>
                      <a:pt x="71" y="212"/>
                    </a:lnTo>
                    <a:lnTo>
                      <a:pt x="63" y="212"/>
                    </a:lnTo>
                    <a:lnTo>
                      <a:pt x="61" y="214"/>
                    </a:lnTo>
                    <a:lnTo>
                      <a:pt x="59" y="214"/>
                    </a:lnTo>
                    <a:lnTo>
                      <a:pt x="57" y="217"/>
                    </a:lnTo>
                    <a:lnTo>
                      <a:pt x="56" y="219"/>
                    </a:lnTo>
                    <a:lnTo>
                      <a:pt x="54" y="220"/>
                    </a:lnTo>
                    <a:lnTo>
                      <a:pt x="52" y="224"/>
                    </a:lnTo>
                    <a:lnTo>
                      <a:pt x="51" y="226"/>
                    </a:lnTo>
                    <a:lnTo>
                      <a:pt x="51" y="224"/>
                    </a:lnTo>
                    <a:lnTo>
                      <a:pt x="47" y="222"/>
                    </a:lnTo>
                    <a:lnTo>
                      <a:pt x="44" y="220"/>
                    </a:lnTo>
                    <a:lnTo>
                      <a:pt x="41" y="220"/>
                    </a:lnTo>
                    <a:lnTo>
                      <a:pt x="35" y="220"/>
                    </a:lnTo>
                    <a:lnTo>
                      <a:pt x="34" y="220"/>
                    </a:lnTo>
                    <a:lnTo>
                      <a:pt x="30" y="224"/>
                    </a:lnTo>
                    <a:lnTo>
                      <a:pt x="30" y="231"/>
                    </a:lnTo>
                    <a:lnTo>
                      <a:pt x="30" y="232"/>
                    </a:lnTo>
                    <a:lnTo>
                      <a:pt x="30" y="234"/>
                    </a:lnTo>
                    <a:lnTo>
                      <a:pt x="30" y="236"/>
                    </a:lnTo>
                    <a:lnTo>
                      <a:pt x="29" y="237"/>
                    </a:lnTo>
                    <a:lnTo>
                      <a:pt x="29" y="239"/>
                    </a:lnTo>
                    <a:lnTo>
                      <a:pt x="27" y="242"/>
                    </a:lnTo>
                    <a:lnTo>
                      <a:pt x="25" y="242"/>
                    </a:lnTo>
                    <a:lnTo>
                      <a:pt x="22" y="242"/>
                    </a:lnTo>
                    <a:lnTo>
                      <a:pt x="22" y="244"/>
                    </a:lnTo>
                    <a:lnTo>
                      <a:pt x="20" y="244"/>
                    </a:lnTo>
                    <a:lnTo>
                      <a:pt x="20" y="248"/>
                    </a:lnTo>
                    <a:lnTo>
                      <a:pt x="19" y="249"/>
                    </a:lnTo>
                    <a:lnTo>
                      <a:pt x="17" y="251"/>
                    </a:lnTo>
                    <a:lnTo>
                      <a:pt x="17" y="254"/>
                    </a:lnTo>
                    <a:lnTo>
                      <a:pt x="17" y="256"/>
                    </a:lnTo>
                    <a:lnTo>
                      <a:pt x="15" y="256"/>
                    </a:lnTo>
                    <a:lnTo>
                      <a:pt x="13" y="258"/>
                    </a:lnTo>
                    <a:lnTo>
                      <a:pt x="12" y="261"/>
                    </a:lnTo>
                    <a:lnTo>
                      <a:pt x="10" y="263"/>
                    </a:lnTo>
                    <a:lnTo>
                      <a:pt x="8" y="266"/>
                    </a:lnTo>
                    <a:lnTo>
                      <a:pt x="10" y="266"/>
                    </a:lnTo>
                    <a:lnTo>
                      <a:pt x="12" y="266"/>
                    </a:lnTo>
                    <a:lnTo>
                      <a:pt x="19" y="264"/>
                    </a:lnTo>
                    <a:lnTo>
                      <a:pt x="19" y="268"/>
                    </a:lnTo>
                    <a:lnTo>
                      <a:pt x="17" y="271"/>
                    </a:lnTo>
                    <a:lnTo>
                      <a:pt x="17" y="273"/>
                    </a:lnTo>
                    <a:lnTo>
                      <a:pt x="19" y="275"/>
                    </a:lnTo>
                    <a:lnTo>
                      <a:pt x="20" y="278"/>
                    </a:lnTo>
                    <a:lnTo>
                      <a:pt x="24" y="280"/>
                    </a:lnTo>
                    <a:lnTo>
                      <a:pt x="27" y="283"/>
                    </a:lnTo>
                    <a:lnTo>
                      <a:pt x="30" y="286"/>
                    </a:lnTo>
                    <a:lnTo>
                      <a:pt x="35" y="288"/>
                    </a:lnTo>
                    <a:lnTo>
                      <a:pt x="41" y="288"/>
                    </a:lnTo>
                    <a:lnTo>
                      <a:pt x="39" y="290"/>
                    </a:lnTo>
                    <a:lnTo>
                      <a:pt x="37" y="292"/>
                    </a:lnTo>
                    <a:lnTo>
                      <a:pt x="34" y="295"/>
                    </a:lnTo>
                    <a:lnTo>
                      <a:pt x="30" y="300"/>
                    </a:lnTo>
                    <a:lnTo>
                      <a:pt x="29" y="303"/>
                    </a:lnTo>
                    <a:lnTo>
                      <a:pt x="27" y="307"/>
                    </a:lnTo>
                    <a:lnTo>
                      <a:pt x="29" y="308"/>
                    </a:lnTo>
                    <a:lnTo>
                      <a:pt x="32" y="310"/>
                    </a:lnTo>
                    <a:lnTo>
                      <a:pt x="34" y="310"/>
                    </a:lnTo>
                    <a:lnTo>
                      <a:pt x="35" y="314"/>
                    </a:lnTo>
                    <a:lnTo>
                      <a:pt x="37" y="317"/>
                    </a:lnTo>
                    <a:lnTo>
                      <a:pt x="41" y="319"/>
                    </a:lnTo>
                    <a:lnTo>
                      <a:pt x="44" y="320"/>
                    </a:lnTo>
                    <a:lnTo>
                      <a:pt x="47" y="319"/>
                    </a:lnTo>
                    <a:lnTo>
                      <a:pt x="52" y="314"/>
                    </a:lnTo>
                    <a:lnTo>
                      <a:pt x="56" y="305"/>
                    </a:lnTo>
                    <a:lnTo>
                      <a:pt x="57" y="303"/>
                    </a:lnTo>
                    <a:lnTo>
                      <a:pt x="59" y="300"/>
                    </a:lnTo>
                    <a:lnTo>
                      <a:pt x="59" y="298"/>
                    </a:lnTo>
                    <a:lnTo>
                      <a:pt x="59" y="300"/>
                    </a:lnTo>
                    <a:lnTo>
                      <a:pt x="59" y="302"/>
                    </a:lnTo>
                    <a:lnTo>
                      <a:pt x="59" y="305"/>
                    </a:lnTo>
                    <a:lnTo>
                      <a:pt x="59" y="308"/>
                    </a:lnTo>
                    <a:lnTo>
                      <a:pt x="61" y="312"/>
                    </a:lnTo>
                    <a:lnTo>
                      <a:pt x="63" y="315"/>
                    </a:lnTo>
                    <a:lnTo>
                      <a:pt x="64" y="319"/>
                    </a:lnTo>
                    <a:lnTo>
                      <a:pt x="68" y="322"/>
                    </a:lnTo>
                    <a:lnTo>
                      <a:pt x="69" y="322"/>
                    </a:lnTo>
                    <a:lnTo>
                      <a:pt x="69" y="324"/>
                    </a:lnTo>
                    <a:lnTo>
                      <a:pt x="69" y="327"/>
                    </a:lnTo>
                    <a:lnTo>
                      <a:pt x="68" y="329"/>
                    </a:lnTo>
                    <a:lnTo>
                      <a:pt x="68" y="332"/>
                    </a:lnTo>
                    <a:lnTo>
                      <a:pt x="66" y="334"/>
                    </a:lnTo>
                    <a:lnTo>
                      <a:pt x="66" y="336"/>
                    </a:lnTo>
                    <a:lnTo>
                      <a:pt x="64" y="346"/>
                    </a:lnTo>
                    <a:lnTo>
                      <a:pt x="64" y="347"/>
                    </a:lnTo>
                    <a:lnTo>
                      <a:pt x="66" y="351"/>
                    </a:lnTo>
                    <a:lnTo>
                      <a:pt x="66" y="352"/>
                    </a:lnTo>
                    <a:lnTo>
                      <a:pt x="68" y="352"/>
                    </a:lnTo>
                    <a:lnTo>
                      <a:pt x="69" y="352"/>
                    </a:lnTo>
                    <a:lnTo>
                      <a:pt x="73" y="349"/>
                    </a:lnTo>
                    <a:lnTo>
                      <a:pt x="78" y="341"/>
                    </a:lnTo>
                    <a:lnTo>
                      <a:pt x="79" y="341"/>
                    </a:lnTo>
                    <a:lnTo>
                      <a:pt x="79" y="339"/>
                    </a:lnTo>
                    <a:lnTo>
                      <a:pt x="79" y="336"/>
                    </a:lnTo>
                    <a:lnTo>
                      <a:pt x="81" y="334"/>
                    </a:lnTo>
                    <a:lnTo>
                      <a:pt x="83" y="336"/>
                    </a:lnTo>
                    <a:lnTo>
                      <a:pt x="86" y="337"/>
                    </a:lnTo>
                    <a:lnTo>
                      <a:pt x="90" y="341"/>
                    </a:lnTo>
                    <a:lnTo>
                      <a:pt x="91" y="341"/>
                    </a:lnTo>
                    <a:lnTo>
                      <a:pt x="91" y="339"/>
                    </a:lnTo>
                    <a:lnTo>
                      <a:pt x="91" y="337"/>
                    </a:lnTo>
                    <a:lnTo>
                      <a:pt x="93" y="336"/>
                    </a:lnTo>
                    <a:lnTo>
                      <a:pt x="93" y="334"/>
                    </a:lnTo>
                    <a:lnTo>
                      <a:pt x="95" y="336"/>
                    </a:lnTo>
                    <a:lnTo>
                      <a:pt x="96" y="337"/>
                    </a:lnTo>
                    <a:lnTo>
                      <a:pt x="98" y="344"/>
                    </a:lnTo>
                    <a:lnTo>
                      <a:pt x="100" y="346"/>
                    </a:lnTo>
                    <a:lnTo>
                      <a:pt x="100" y="347"/>
                    </a:lnTo>
                    <a:lnTo>
                      <a:pt x="101" y="351"/>
                    </a:lnTo>
                    <a:lnTo>
                      <a:pt x="103" y="352"/>
                    </a:lnTo>
                    <a:lnTo>
                      <a:pt x="105" y="354"/>
                    </a:lnTo>
                    <a:lnTo>
                      <a:pt x="107" y="352"/>
                    </a:lnTo>
                    <a:lnTo>
                      <a:pt x="108" y="351"/>
                    </a:lnTo>
                    <a:lnTo>
                      <a:pt x="108" y="344"/>
                    </a:lnTo>
                    <a:lnTo>
                      <a:pt x="110" y="344"/>
                    </a:lnTo>
                    <a:lnTo>
                      <a:pt x="113" y="346"/>
                    </a:lnTo>
                    <a:lnTo>
                      <a:pt x="117" y="346"/>
                    </a:lnTo>
                    <a:lnTo>
                      <a:pt x="122" y="346"/>
                    </a:lnTo>
                    <a:lnTo>
                      <a:pt x="127" y="342"/>
                    </a:lnTo>
                    <a:lnTo>
                      <a:pt x="132" y="337"/>
                    </a:lnTo>
                    <a:lnTo>
                      <a:pt x="139" y="329"/>
                    </a:lnTo>
                    <a:lnTo>
                      <a:pt x="137" y="332"/>
                    </a:lnTo>
                    <a:lnTo>
                      <a:pt x="135" y="336"/>
                    </a:lnTo>
                    <a:lnTo>
                      <a:pt x="134" y="341"/>
                    </a:lnTo>
                    <a:lnTo>
                      <a:pt x="130" y="344"/>
                    </a:lnTo>
                    <a:lnTo>
                      <a:pt x="130" y="347"/>
                    </a:lnTo>
                    <a:lnTo>
                      <a:pt x="129" y="351"/>
                    </a:lnTo>
                    <a:lnTo>
                      <a:pt x="127" y="352"/>
                    </a:lnTo>
                    <a:lnTo>
                      <a:pt x="127" y="358"/>
                    </a:lnTo>
                    <a:lnTo>
                      <a:pt x="125" y="364"/>
                    </a:lnTo>
                    <a:lnTo>
                      <a:pt x="125" y="371"/>
                    </a:lnTo>
                    <a:lnTo>
                      <a:pt x="122" y="378"/>
                    </a:lnTo>
                    <a:lnTo>
                      <a:pt x="120" y="383"/>
                    </a:lnTo>
                    <a:lnTo>
                      <a:pt x="117" y="388"/>
                    </a:lnTo>
                    <a:lnTo>
                      <a:pt x="112" y="390"/>
                    </a:lnTo>
                    <a:lnTo>
                      <a:pt x="112" y="391"/>
                    </a:lnTo>
                    <a:lnTo>
                      <a:pt x="113" y="391"/>
                    </a:lnTo>
                    <a:lnTo>
                      <a:pt x="113" y="393"/>
                    </a:lnTo>
                    <a:lnTo>
                      <a:pt x="112" y="396"/>
                    </a:lnTo>
                    <a:lnTo>
                      <a:pt x="110" y="398"/>
                    </a:lnTo>
                    <a:lnTo>
                      <a:pt x="107" y="402"/>
                    </a:lnTo>
                    <a:lnTo>
                      <a:pt x="100" y="405"/>
                    </a:lnTo>
                    <a:lnTo>
                      <a:pt x="96" y="407"/>
                    </a:lnTo>
                    <a:lnTo>
                      <a:pt x="91" y="408"/>
                    </a:lnTo>
                    <a:lnTo>
                      <a:pt x="88" y="412"/>
                    </a:lnTo>
                    <a:lnTo>
                      <a:pt x="85" y="413"/>
                    </a:lnTo>
                    <a:lnTo>
                      <a:pt x="83" y="418"/>
                    </a:lnTo>
                    <a:lnTo>
                      <a:pt x="83" y="422"/>
                    </a:lnTo>
                    <a:lnTo>
                      <a:pt x="85" y="425"/>
                    </a:lnTo>
                    <a:lnTo>
                      <a:pt x="85" y="427"/>
                    </a:lnTo>
                    <a:lnTo>
                      <a:pt x="85" y="429"/>
                    </a:lnTo>
                    <a:lnTo>
                      <a:pt x="83" y="430"/>
                    </a:lnTo>
                    <a:lnTo>
                      <a:pt x="81" y="430"/>
                    </a:lnTo>
                    <a:lnTo>
                      <a:pt x="79" y="432"/>
                    </a:lnTo>
                    <a:lnTo>
                      <a:pt x="78" y="430"/>
                    </a:lnTo>
                    <a:lnTo>
                      <a:pt x="76" y="429"/>
                    </a:lnTo>
                    <a:lnTo>
                      <a:pt x="76" y="424"/>
                    </a:lnTo>
                    <a:lnTo>
                      <a:pt x="74" y="424"/>
                    </a:lnTo>
                    <a:lnTo>
                      <a:pt x="71" y="424"/>
                    </a:lnTo>
                    <a:lnTo>
                      <a:pt x="69" y="424"/>
                    </a:lnTo>
                    <a:lnTo>
                      <a:pt x="68" y="425"/>
                    </a:lnTo>
                    <a:lnTo>
                      <a:pt x="64" y="425"/>
                    </a:lnTo>
                    <a:lnTo>
                      <a:pt x="63" y="425"/>
                    </a:lnTo>
                    <a:lnTo>
                      <a:pt x="46" y="442"/>
                    </a:lnTo>
                    <a:lnTo>
                      <a:pt x="44" y="442"/>
                    </a:lnTo>
                    <a:lnTo>
                      <a:pt x="44" y="444"/>
                    </a:lnTo>
                    <a:lnTo>
                      <a:pt x="42" y="447"/>
                    </a:lnTo>
                    <a:lnTo>
                      <a:pt x="41" y="449"/>
                    </a:lnTo>
                    <a:lnTo>
                      <a:pt x="41" y="452"/>
                    </a:lnTo>
                    <a:lnTo>
                      <a:pt x="42" y="452"/>
                    </a:lnTo>
                    <a:lnTo>
                      <a:pt x="44" y="451"/>
                    </a:lnTo>
                    <a:lnTo>
                      <a:pt x="51" y="447"/>
                    </a:lnTo>
                    <a:lnTo>
                      <a:pt x="52" y="446"/>
                    </a:lnTo>
                    <a:lnTo>
                      <a:pt x="56" y="444"/>
                    </a:lnTo>
                    <a:lnTo>
                      <a:pt x="57" y="440"/>
                    </a:lnTo>
                    <a:lnTo>
                      <a:pt x="61" y="439"/>
                    </a:lnTo>
                    <a:lnTo>
                      <a:pt x="64" y="435"/>
                    </a:lnTo>
                    <a:lnTo>
                      <a:pt x="66" y="434"/>
                    </a:lnTo>
                    <a:lnTo>
                      <a:pt x="68" y="432"/>
                    </a:lnTo>
                    <a:lnTo>
                      <a:pt x="68" y="434"/>
                    </a:lnTo>
                    <a:lnTo>
                      <a:pt x="68" y="437"/>
                    </a:lnTo>
                    <a:lnTo>
                      <a:pt x="68" y="439"/>
                    </a:lnTo>
                    <a:lnTo>
                      <a:pt x="69" y="440"/>
                    </a:lnTo>
                    <a:lnTo>
                      <a:pt x="73" y="440"/>
                    </a:lnTo>
                    <a:lnTo>
                      <a:pt x="78" y="439"/>
                    </a:lnTo>
                    <a:lnTo>
                      <a:pt x="86" y="434"/>
                    </a:lnTo>
                    <a:lnTo>
                      <a:pt x="88" y="430"/>
                    </a:lnTo>
                    <a:lnTo>
                      <a:pt x="90" y="429"/>
                    </a:lnTo>
                    <a:lnTo>
                      <a:pt x="91" y="429"/>
                    </a:lnTo>
                    <a:lnTo>
                      <a:pt x="95" y="434"/>
                    </a:lnTo>
                    <a:lnTo>
                      <a:pt x="96" y="434"/>
                    </a:lnTo>
                    <a:lnTo>
                      <a:pt x="96" y="432"/>
                    </a:lnTo>
                    <a:lnTo>
                      <a:pt x="96" y="430"/>
                    </a:lnTo>
                    <a:lnTo>
                      <a:pt x="98" y="427"/>
                    </a:lnTo>
                    <a:lnTo>
                      <a:pt x="101" y="424"/>
                    </a:lnTo>
                    <a:lnTo>
                      <a:pt x="105" y="422"/>
                    </a:lnTo>
                    <a:lnTo>
                      <a:pt x="110" y="420"/>
                    </a:lnTo>
                    <a:lnTo>
                      <a:pt x="117" y="420"/>
                    </a:lnTo>
                    <a:lnTo>
                      <a:pt x="117" y="418"/>
                    </a:lnTo>
                    <a:lnTo>
                      <a:pt x="115" y="418"/>
                    </a:lnTo>
                    <a:lnTo>
                      <a:pt x="113" y="415"/>
                    </a:lnTo>
                    <a:lnTo>
                      <a:pt x="113" y="413"/>
                    </a:lnTo>
                    <a:lnTo>
                      <a:pt x="115" y="408"/>
                    </a:lnTo>
                    <a:lnTo>
                      <a:pt x="120" y="405"/>
                    </a:lnTo>
                    <a:lnTo>
                      <a:pt x="127" y="398"/>
                    </a:lnTo>
                    <a:lnTo>
                      <a:pt x="139" y="391"/>
                    </a:lnTo>
                    <a:lnTo>
                      <a:pt x="140" y="391"/>
                    </a:lnTo>
                    <a:lnTo>
                      <a:pt x="139" y="390"/>
                    </a:lnTo>
                    <a:lnTo>
                      <a:pt x="139" y="388"/>
                    </a:lnTo>
                    <a:lnTo>
                      <a:pt x="140" y="385"/>
                    </a:lnTo>
                    <a:lnTo>
                      <a:pt x="144" y="381"/>
                    </a:lnTo>
                    <a:lnTo>
                      <a:pt x="151" y="374"/>
                    </a:lnTo>
                    <a:lnTo>
                      <a:pt x="161" y="366"/>
                    </a:lnTo>
                    <a:lnTo>
                      <a:pt x="174" y="354"/>
                    </a:lnTo>
                    <a:lnTo>
                      <a:pt x="176" y="352"/>
                    </a:lnTo>
                    <a:lnTo>
                      <a:pt x="178" y="347"/>
                    </a:lnTo>
                    <a:lnTo>
                      <a:pt x="178" y="344"/>
                    </a:lnTo>
                    <a:lnTo>
                      <a:pt x="179" y="342"/>
                    </a:lnTo>
                    <a:lnTo>
                      <a:pt x="181" y="341"/>
                    </a:lnTo>
                    <a:lnTo>
                      <a:pt x="183" y="339"/>
                    </a:lnTo>
                    <a:lnTo>
                      <a:pt x="183" y="337"/>
                    </a:lnTo>
                    <a:lnTo>
                      <a:pt x="184" y="336"/>
                    </a:lnTo>
                    <a:lnTo>
                      <a:pt x="183" y="332"/>
                    </a:lnTo>
                    <a:lnTo>
                      <a:pt x="181" y="330"/>
                    </a:lnTo>
                    <a:lnTo>
                      <a:pt x="174" y="330"/>
                    </a:lnTo>
                    <a:lnTo>
                      <a:pt x="173" y="330"/>
                    </a:lnTo>
                    <a:lnTo>
                      <a:pt x="173" y="329"/>
                    </a:lnTo>
                    <a:lnTo>
                      <a:pt x="173" y="327"/>
                    </a:lnTo>
                    <a:lnTo>
                      <a:pt x="174" y="322"/>
                    </a:lnTo>
                    <a:lnTo>
                      <a:pt x="178" y="317"/>
                    </a:lnTo>
                    <a:lnTo>
                      <a:pt x="183" y="310"/>
                    </a:lnTo>
                    <a:lnTo>
                      <a:pt x="191" y="302"/>
                    </a:lnTo>
                    <a:lnTo>
                      <a:pt x="193" y="298"/>
                    </a:lnTo>
                    <a:lnTo>
                      <a:pt x="195" y="293"/>
                    </a:lnTo>
                    <a:lnTo>
                      <a:pt x="196" y="285"/>
                    </a:lnTo>
                    <a:lnTo>
                      <a:pt x="200" y="276"/>
                    </a:lnTo>
                    <a:lnTo>
                      <a:pt x="205" y="268"/>
                    </a:lnTo>
                    <a:lnTo>
                      <a:pt x="211" y="264"/>
                    </a:lnTo>
                    <a:lnTo>
                      <a:pt x="220" y="264"/>
                    </a:lnTo>
                    <a:lnTo>
                      <a:pt x="230" y="271"/>
                    </a:lnTo>
                    <a:lnTo>
                      <a:pt x="228" y="271"/>
                    </a:lnTo>
                    <a:lnTo>
                      <a:pt x="225" y="271"/>
                    </a:lnTo>
                    <a:lnTo>
                      <a:pt x="220" y="273"/>
                    </a:lnTo>
                    <a:lnTo>
                      <a:pt x="213" y="273"/>
                    </a:lnTo>
                    <a:lnTo>
                      <a:pt x="210" y="276"/>
                    </a:lnTo>
                    <a:lnTo>
                      <a:pt x="206" y="281"/>
                    </a:lnTo>
                    <a:lnTo>
                      <a:pt x="206" y="288"/>
                    </a:lnTo>
                    <a:lnTo>
                      <a:pt x="210" y="297"/>
                    </a:lnTo>
                    <a:lnTo>
                      <a:pt x="210" y="298"/>
                    </a:lnTo>
                    <a:lnTo>
                      <a:pt x="208" y="302"/>
                    </a:lnTo>
                    <a:lnTo>
                      <a:pt x="205" y="305"/>
                    </a:lnTo>
                    <a:lnTo>
                      <a:pt x="203" y="308"/>
                    </a:lnTo>
                    <a:lnTo>
                      <a:pt x="203" y="310"/>
                    </a:lnTo>
                    <a:lnTo>
                      <a:pt x="205" y="312"/>
                    </a:lnTo>
                    <a:lnTo>
                      <a:pt x="208" y="310"/>
                    </a:lnTo>
                    <a:lnTo>
                      <a:pt x="215" y="307"/>
                    </a:lnTo>
                    <a:lnTo>
                      <a:pt x="213" y="308"/>
                    </a:lnTo>
                    <a:lnTo>
                      <a:pt x="211" y="312"/>
                    </a:lnTo>
                    <a:lnTo>
                      <a:pt x="210" y="317"/>
                    </a:lnTo>
                    <a:lnTo>
                      <a:pt x="208" y="320"/>
                    </a:lnTo>
                    <a:lnTo>
                      <a:pt x="208" y="324"/>
                    </a:lnTo>
                    <a:lnTo>
                      <a:pt x="210" y="322"/>
                    </a:lnTo>
                    <a:lnTo>
                      <a:pt x="217" y="319"/>
                    </a:lnTo>
                    <a:lnTo>
                      <a:pt x="227" y="308"/>
                    </a:lnTo>
                    <a:lnTo>
                      <a:pt x="227" y="307"/>
                    </a:lnTo>
                    <a:lnTo>
                      <a:pt x="230" y="305"/>
                    </a:lnTo>
                    <a:lnTo>
                      <a:pt x="232" y="303"/>
                    </a:lnTo>
                    <a:lnTo>
                      <a:pt x="233" y="302"/>
                    </a:lnTo>
                    <a:lnTo>
                      <a:pt x="237" y="300"/>
                    </a:lnTo>
                    <a:lnTo>
                      <a:pt x="239" y="298"/>
                    </a:lnTo>
                    <a:lnTo>
                      <a:pt x="240" y="297"/>
                    </a:lnTo>
                    <a:lnTo>
                      <a:pt x="242" y="297"/>
                    </a:lnTo>
                    <a:lnTo>
                      <a:pt x="244" y="297"/>
                    </a:lnTo>
                    <a:lnTo>
                      <a:pt x="245" y="295"/>
                    </a:lnTo>
                    <a:lnTo>
                      <a:pt x="247" y="293"/>
                    </a:lnTo>
                    <a:lnTo>
                      <a:pt x="249" y="290"/>
                    </a:lnTo>
                    <a:lnTo>
                      <a:pt x="247" y="286"/>
                    </a:lnTo>
                    <a:lnTo>
                      <a:pt x="245" y="281"/>
                    </a:lnTo>
                    <a:lnTo>
                      <a:pt x="245" y="280"/>
                    </a:lnTo>
                    <a:lnTo>
                      <a:pt x="244" y="276"/>
                    </a:lnTo>
                    <a:lnTo>
                      <a:pt x="242" y="273"/>
                    </a:lnTo>
                    <a:lnTo>
                      <a:pt x="240" y="271"/>
                    </a:lnTo>
                    <a:lnTo>
                      <a:pt x="250" y="264"/>
                    </a:lnTo>
                    <a:lnTo>
                      <a:pt x="255" y="268"/>
                    </a:lnTo>
                    <a:lnTo>
                      <a:pt x="266" y="263"/>
                    </a:lnTo>
                    <a:lnTo>
                      <a:pt x="281" y="271"/>
                    </a:lnTo>
                    <a:lnTo>
                      <a:pt x="286" y="278"/>
                    </a:lnTo>
                    <a:lnTo>
                      <a:pt x="293" y="270"/>
                    </a:lnTo>
                    <a:lnTo>
                      <a:pt x="303" y="286"/>
                    </a:lnTo>
                    <a:lnTo>
                      <a:pt x="305" y="285"/>
                    </a:lnTo>
                    <a:lnTo>
                      <a:pt x="310" y="281"/>
                    </a:lnTo>
                    <a:lnTo>
                      <a:pt x="315" y="278"/>
                    </a:lnTo>
                    <a:lnTo>
                      <a:pt x="323" y="276"/>
                    </a:lnTo>
                    <a:lnTo>
                      <a:pt x="333" y="275"/>
                    </a:lnTo>
                    <a:lnTo>
                      <a:pt x="343" y="275"/>
                    </a:lnTo>
                    <a:lnTo>
                      <a:pt x="357" y="276"/>
                    </a:lnTo>
                    <a:lnTo>
                      <a:pt x="359" y="276"/>
                    </a:lnTo>
                    <a:lnTo>
                      <a:pt x="360" y="275"/>
                    </a:lnTo>
                    <a:lnTo>
                      <a:pt x="362" y="273"/>
                    </a:lnTo>
                    <a:lnTo>
                      <a:pt x="364" y="271"/>
                    </a:lnTo>
                    <a:lnTo>
                      <a:pt x="365" y="271"/>
                    </a:lnTo>
                    <a:lnTo>
                      <a:pt x="369" y="271"/>
                    </a:lnTo>
                    <a:lnTo>
                      <a:pt x="371" y="275"/>
                    </a:lnTo>
                    <a:lnTo>
                      <a:pt x="371" y="278"/>
                    </a:lnTo>
                    <a:lnTo>
                      <a:pt x="371" y="280"/>
                    </a:lnTo>
                    <a:lnTo>
                      <a:pt x="374" y="280"/>
                    </a:lnTo>
                    <a:lnTo>
                      <a:pt x="377" y="281"/>
                    </a:lnTo>
                    <a:lnTo>
                      <a:pt x="381" y="281"/>
                    </a:lnTo>
                    <a:lnTo>
                      <a:pt x="384" y="281"/>
                    </a:lnTo>
                    <a:lnTo>
                      <a:pt x="387" y="283"/>
                    </a:lnTo>
                    <a:lnTo>
                      <a:pt x="389" y="283"/>
                    </a:lnTo>
                    <a:lnTo>
                      <a:pt x="391" y="283"/>
                    </a:lnTo>
                    <a:lnTo>
                      <a:pt x="411" y="295"/>
                    </a:lnTo>
                    <a:lnTo>
                      <a:pt x="413" y="295"/>
                    </a:lnTo>
                    <a:lnTo>
                      <a:pt x="415" y="295"/>
                    </a:lnTo>
                    <a:lnTo>
                      <a:pt x="418" y="295"/>
                    </a:lnTo>
                    <a:lnTo>
                      <a:pt x="421" y="295"/>
                    </a:lnTo>
                    <a:lnTo>
                      <a:pt x="425" y="295"/>
                    </a:lnTo>
                    <a:lnTo>
                      <a:pt x="425" y="292"/>
                    </a:lnTo>
                    <a:lnTo>
                      <a:pt x="423" y="288"/>
                    </a:lnTo>
                    <a:lnTo>
                      <a:pt x="416" y="280"/>
                    </a:lnTo>
                    <a:lnTo>
                      <a:pt x="418" y="280"/>
                    </a:lnTo>
                    <a:lnTo>
                      <a:pt x="420" y="278"/>
                    </a:lnTo>
                    <a:lnTo>
                      <a:pt x="423" y="276"/>
                    </a:lnTo>
                    <a:lnTo>
                      <a:pt x="425" y="278"/>
                    </a:lnTo>
                    <a:lnTo>
                      <a:pt x="428" y="280"/>
                    </a:lnTo>
                    <a:lnTo>
                      <a:pt x="431" y="283"/>
                    </a:lnTo>
                    <a:lnTo>
                      <a:pt x="435" y="286"/>
                    </a:lnTo>
                    <a:lnTo>
                      <a:pt x="438" y="288"/>
                    </a:lnTo>
                    <a:lnTo>
                      <a:pt x="438" y="286"/>
                    </a:lnTo>
                    <a:lnTo>
                      <a:pt x="435" y="281"/>
                    </a:lnTo>
                    <a:lnTo>
                      <a:pt x="430" y="271"/>
                    </a:lnTo>
                    <a:lnTo>
                      <a:pt x="428" y="270"/>
                    </a:lnTo>
                    <a:lnTo>
                      <a:pt x="430" y="266"/>
                    </a:lnTo>
                    <a:lnTo>
                      <a:pt x="430" y="264"/>
                    </a:lnTo>
                    <a:lnTo>
                      <a:pt x="431" y="264"/>
                    </a:lnTo>
                    <a:lnTo>
                      <a:pt x="445" y="283"/>
                    </a:lnTo>
                    <a:lnTo>
                      <a:pt x="455" y="280"/>
                    </a:lnTo>
                    <a:lnTo>
                      <a:pt x="455" y="281"/>
                    </a:lnTo>
                    <a:lnTo>
                      <a:pt x="457" y="281"/>
                    </a:lnTo>
                    <a:lnTo>
                      <a:pt x="460" y="283"/>
                    </a:lnTo>
                    <a:lnTo>
                      <a:pt x="462" y="286"/>
                    </a:lnTo>
                    <a:lnTo>
                      <a:pt x="465" y="290"/>
                    </a:lnTo>
                    <a:lnTo>
                      <a:pt x="469" y="295"/>
                    </a:lnTo>
                    <a:lnTo>
                      <a:pt x="472" y="300"/>
                    </a:lnTo>
                    <a:lnTo>
                      <a:pt x="475" y="305"/>
                    </a:lnTo>
                    <a:lnTo>
                      <a:pt x="479" y="312"/>
                    </a:lnTo>
                    <a:lnTo>
                      <a:pt x="482" y="314"/>
                    </a:lnTo>
                    <a:lnTo>
                      <a:pt x="484" y="314"/>
                    </a:lnTo>
                    <a:lnTo>
                      <a:pt x="486" y="312"/>
                    </a:lnTo>
                    <a:lnTo>
                      <a:pt x="487" y="310"/>
                    </a:lnTo>
                    <a:lnTo>
                      <a:pt x="487" y="308"/>
                    </a:lnTo>
                    <a:lnTo>
                      <a:pt x="487" y="307"/>
                    </a:lnTo>
                    <a:lnTo>
                      <a:pt x="509" y="322"/>
                    </a:lnTo>
                    <a:lnTo>
                      <a:pt x="508" y="325"/>
                    </a:lnTo>
                    <a:lnTo>
                      <a:pt x="508" y="327"/>
                    </a:lnTo>
                    <a:lnTo>
                      <a:pt x="508" y="330"/>
                    </a:lnTo>
                    <a:lnTo>
                      <a:pt x="508" y="332"/>
                    </a:lnTo>
                    <a:lnTo>
                      <a:pt x="509" y="332"/>
                    </a:lnTo>
                    <a:lnTo>
                      <a:pt x="514" y="329"/>
                    </a:lnTo>
                    <a:lnTo>
                      <a:pt x="519" y="324"/>
                    </a:lnTo>
                    <a:lnTo>
                      <a:pt x="521" y="322"/>
                    </a:lnTo>
                    <a:lnTo>
                      <a:pt x="523" y="322"/>
                    </a:lnTo>
                    <a:lnTo>
                      <a:pt x="525" y="324"/>
                    </a:lnTo>
                    <a:lnTo>
                      <a:pt x="528" y="325"/>
                    </a:lnTo>
                    <a:lnTo>
                      <a:pt x="531" y="330"/>
                    </a:lnTo>
                    <a:lnTo>
                      <a:pt x="535" y="339"/>
                    </a:lnTo>
                    <a:lnTo>
                      <a:pt x="536" y="341"/>
                    </a:lnTo>
                    <a:lnTo>
                      <a:pt x="538" y="344"/>
                    </a:lnTo>
                    <a:lnTo>
                      <a:pt x="540" y="347"/>
                    </a:lnTo>
                    <a:lnTo>
                      <a:pt x="541" y="349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38" name="Freeform 79"/>
              <p:cNvSpPr>
                <a:spLocks/>
              </p:cNvSpPr>
              <p:nvPr/>
            </p:nvSpPr>
            <p:spPr bwMode="auto">
              <a:xfrm>
                <a:off x="1085" y="3327"/>
                <a:ext cx="27" cy="22"/>
              </a:xfrm>
              <a:custGeom>
                <a:avLst/>
                <a:gdLst>
                  <a:gd name="T0" fmla="*/ 0 w 27"/>
                  <a:gd name="T1" fmla="*/ 10 h 22"/>
                  <a:gd name="T2" fmla="*/ 0 w 27"/>
                  <a:gd name="T3" fmla="*/ 7 h 22"/>
                  <a:gd name="T4" fmla="*/ 2 w 27"/>
                  <a:gd name="T5" fmla="*/ 4 h 22"/>
                  <a:gd name="T6" fmla="*/ 14 w 27"/>
                  <a:gd name="T7" fmla="*/ 0 h 22"/>
                  <a:gd name="T8" fmla="*/ 27 w 27"/>
                  <a:gd name="T9" fmla="*/ 14 h 22"/>
                  <a:gd name="T10" fmla="*/ 22 w 27"/>
                  <a:gd name="T11" fmla="*/ 15 h 22"/>
                  <a:gd name="T12" fmla="*/ 22 w 27"/>
                  <a:gd name="T13" fmla="*/ 15 h 22"/>
                  <a:gd name="T14" fmla="*/ 17 w 27"/>
                  <a:gd name="T15" fmla="*/ 10 h 22"/>
                  <a:gd name="T16" fmla="*/ 12 w 27"/>
                  <a:gd name="T17" fmla="*/ 14 h 22"/>
                  <a:gd name="T18" fmla="*/ 17 w 27"/>
                  <a:gd name="T19" fmla="*/ 19 h 22"/>
                  <a:gd name="T20" fmla="*/ 14 w 27"/>
                  <a:gd name="T21" fmla="*/ 22 h 22"/>
                  <a:gd name="T22" fmla="*/ 0 w 27"/>
                  <a:gd name="T23" fmla="*/ 10 h 22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w 27"/>
                  <a:gd name="T37" fmla="*/ 0 h 22"/>
                  <a:gd name="T38" fmla="*/ 27 w 27"/>
                  <a:gd name="T39" fmla="*/ 22 h 22"/>
                </a:gdLst>
                <a:ahLst/>
                <a:cxnLst>
                  <a:cxn ang="T24">
                    <a:pos x="T0" y="T1"/>
                  </a:cxn>
                  <a:cxn ang="T25">
                    <a:pos x="T2" y="T3"/>
                  </a:cxn>
                  <a:cxn ang="T26">
                    <a:pos x="T4" y="T5"/>
                  </a:cxn>
                  <a:cxn ang="T27">
                    <a:pos x="T6" y="T7"/>
                  </a:cxn>
                  <a:cxn ang="T28">
                    <a:pos x="T8" y="T9"/>
                  </a:cxn>
                  <a:cxn ang="T29">
                    <a:pos x="T10" y="T11"/>
                  </a:cxn>
                  <a:cxn ang="T30">
                    <a:pos x="T12" y="T13"/>
                  </a:cxn>
                  <a:cxn ang="T31">
                    <a:pos x="T14" y="T15"/>
                  </a:cxn>
                  <a:cxn ang="T32">
                    <a:pos x="T16" y="T17"/>
                  </a:cxn>
                  <a:cxn ang="T33">
                    <a:pos x="T18" y="T19"/>
                  </a:cxn>
                  <a:cxn ang="T34">
                    <a:pos x="T20" y="T21"/>
                  </a:cxn>
                  <a:cxn ang="T35">
                    <a:pos x="T22" y="T23"/>
                  </a:cxn>
                </a:cxnLst>
                <a:rect l="T36" t="T37" r="T38" b="T39"/>
                <a:pathLst>
                  <a:path w="27" h="22">
                    <a:moveTo>
                      <a:pt x="0" y="10"/>
                    </a:moveTo>
                    <a:lnTo>
                      <a:pt x="0" y="7"/>
                    </a:lnTo>
                    <a:lnTo>
                      <a:pt x="2" y="4"/>
                    </a:lnTo>
                    <a:lnTo>
                      <a:pt x="14" y="0"/>
                    </a:lnTo>
                    <a:lnTo>
                      <a:pt x="27" y="14"/>
                    </a:lnTo>
                    <a:lnTo>
                      <a:pt x="22" y="15"/>
                    </a:lnTo>
                    <a:lnTo>
                      <a:pt x="17" y="10"/>
                    </a:lnTo>
                    <a:lnTo>
                      <a:pt x="12" y="14"/>
                    </a:lnTo>
                    <a:lnTo>
                      <a:pt x="17" y="19"/>
                    </a:lnTo>
                    <a:lnTo>
                      <a:pt x="14" y="22"/>
                    </a:lnTo>
                    <a:lnTo>
                      <a:pt x="0" y="1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39" name="Freeform 80"/>
              <p:cNvSpPr>
                <a:spLocks/>
              </p:cNvSpPr>
              <p:nvPr/>
            </p:nvSpPr>
            <p:spPr bwMode="auto">
              <a:xfrm>
                <a:off x="1085" y="3327"/>
                <a:ext cx="27" cy="22"/>
              </a:xfrm>
              <a:custGeom>
                <a:avLst/>
                <a:gdLst>
                  <a:gd name="T0" fmla="*/ 0 w 27"/>
                  <a:gd name="T1" fmla="*/ 10 h 22"/>
                  <a:gd name="T2" fmla="*/ 0 w 27"/>
                  <a:gd name="T3" fmla="*/ 7 h 22"/>
                  <a:gd name="T4" fmla="*/ 2 w 27"/>
                  <a:gd name="T5" fmla="*/ 4 h 22"/>
                  <a:gd name="T6" fmla="*/ 14 w 27"/>
                  <a:gd name="T7" fmla="*/ 0 h 22"/>
                  <a:gd name="T8" fmla="*/ 27 w 27"/>
                  <a:gd name="T9" fmla="*/ 14 h 22"/>
                  <a:gd name="T10" fmla="*/ 22 w 27"/>
                  <a:gd name="T11" fmla="*/ 15 h 22"/>
                  <a:gd name="T12" fmla="*/ 22 w 27"/>
                  <a:gd name="T13" fmla="*/ 15 h 22"/>
                  <a:gd name="T14" fmla="*/ 17 w 27"/>
                  <a:gd name="T15" fmla="*/ 10 h 22"/>
                  <a:gd name="T16" fmla="*/ 12 w 27"/>
                  <a:gd name="T17" fmla="*/ 14 h 22"/>
                  <a:gd name="T18" fmla="*/ 17 w 27"/>
                  <a:gd name="T19" fmla="*/ 19 h 22"/>
                  <a:gd name="T20" fmla="*/ 14 w 27"/>
                  <a:gd name="T21" fmla="*/ 22 h 22"/>
                  <a:gd name="T22" fmla="*/ 0 w 27"/>
                  <a:gd name="T23" fmla="*/ 10 h 22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w 27"/>
                  <a:gd name="T37" fmla="*/ 0 h 22"/>
                  <a:gd name="T38" fmla="*/ 27 w 27"/>
                  <a:gd name="T39" fmla="*/ 22 h 22"/>
                </a:gdLst>
                <a:ahLst/>
                <a:cxnLst>
                  <a:cxn ang="T24">
                    <a:pos x="T0" y="T1"/>
                  </a:cxn>
                  <a:cxn ang="T25">
                    <a:pos x="T2" y="T3"/>
                  </a:cxn>
                  <a:cxn ang="T26">
                    <a:pos x="T4" y="T5"/>
                  </a:cxn>
                  <a:cxn ang="T27">
                    <a:pos x="T6" y="T7"/>
                  </a:cxn>
                  <a:cxn ang="T28">
                    <a:pos x="T8" y="T9"/>
                  </a:cxn>
                  <a:cxn ang="T29">
                    <a:pos x="T10" y="T11"/>
                  </a:cxn>
                  <a:cxn ang="T30">
                    <a:pos x="T12" y="T13"/>
                  </a:cxn>
                  <a:cxn ang="T31">
                    <a:pos x="T14" y="T15"/>
                  </a:cxn>
                  <a:cxn ang="T32">
                    <a:pos x="T16" y="T17"/>
                  </a:cxn>
                  <a:cxn ang="T33">
                    <a:pos x="T18" y="T19"/>
                  </a:cxn>
                  <a:cxn ang="T34">
                    <a:pos x="T20" y="T21"/>
                  </a:cxn>
                  <a:cxn ang="T35">
                    <a:pos x="T22" y="T23"/>
                  </a:cxn>
                </a:cxnLst>
                <a:rect l="T36" t="T37" r="T38" b="T39"/>
                <a:pathLst>
                  <a:path w="27" h="22">
                    <a:moveTo>
                      <a:pt x="0" y="10"/>
                    </a:moveTo>
                    <a:lnTo>
                      <a:pt x="0" y="7"/>
                    </a:lnTo>
                    <a:lnTo>
                      <a:pt x="2" y="4"/>
                    </a:lnTo>
                    <a:lnTo>
                      <a:pt x="14" y="0"/>
                    </a:lnTo>
                    <a:lnTo>
                      <a:pt x="27" y="14"/>
                    </a:lnTo>
                    <a:lnTo>
                      <a:pt x="22" y="15"/>
                    </a:lnTo>
                    <a:lnTo>
                      <a:pt x="17" y="10"/>
                    </a:lnTo>
                    <a:lnTo>
                      <a:pt x="12" y="14"/>
                    </a:lnTo>
                    <a:lnTo>
                      <a:pt x="17" y="19"/>
                    </a:lnTo>
                    <a:lnTo>
                      <a:pt x="14" y="22"/>
                    </a:lnTo>
                    <a:lnTo>
                      <a:pt x="0" y="1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40" name="Freeform 81"/>
              <p:cNvSpPr>
                <a:spLocks/>
              </p:cNvSpPr>
              <p:nvPr/>
            </p:nvSpPr>
            <p:spPr bwMode="auto">
              <a:xfrm>
                <a:off x="1107" y="3348"/>
                <a:ext cx="21" cy="23"/>
              </a:xfrm>
              <a:custGeom>
                <a:avLst/>
                <a:gdLst>
                  <a:gd name="T0" fmla="*/ 5 w 21"/>
                  <a:gd name="T1" fmla="*/ 0 h 23"/>
                  <a:gd name="T2" fmla="*/ 0 w 21"/>
                  <a:gd name="T3" fmla="*/ 3 h 23"/>
                  <a:gd name="T4" fmla="*/ 11 w 21"/>
                  <a:gd name="T5" fmla="*/ 16 h 23"/>
                  <a:gd name="T6" fmla="*/ 21 w 21"/>
                  <a:gd name="T7" fmla="*/ 23 h 23"/>
                  <a:gd name="T8" fmla="*/ 14 w 21"/>
                  <a:gd name="T9" fmla="*/ 6 h 23"/>
                  <a:gd name="T10" fmla="*/ 5 w 21"/>
                  <a:gd name="T11" fmla="*/ 0 h 23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21"/>
                  <a:gd name="T19" fmla="*/ 0 h 23"/>
                  <a:gd name="T20" fmla="*/ 21 w 21"/>
                  <a:gd name="T21" fmla="*/ 23 h 23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21" h="23">
                    <a:moveTo>
                      <a:pt x="5" y="0"/>
                    </a:moveTo>
                    <a:lnTo>
                      <a:pt x="0" y="3"/>
                    </a:lnTo>
                    <a:lnTo>
                      <a:pt x="11" y="16"/>
                    </a:lnTo>
                    <a:lnTo>
                      <a:pt x="21" y="23"/>
                    </a:lnTo>
                    <a:lnTo>
                      <a:pt x="14" y="6"/>
                    </a:lnTo>
                    <a:lnTo>
                      <a:pt x="5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41" name="Freeform 82"/>
              <p:cNvSpPr>
                <a:spLocks/>
              </p:cNvSpPr>
              <p:nvPr/>
            </p:nvSpPr>
            <p:spPr bwMode="auto">
              <a:xfrm>
                <a:off x="1107" y="3348"/>
                <a:ext cx="21" cy="23"/>
              </a:xfrm>
              <a:custGeom>
                <a:avLst/>
                <a:gdLst>
                  <a:gd name="T0" fmla="*/ 5 w 21"/>
                  <a:gd name="T1" fmla="*/ 0 h 23"/>
                  <a:gd name="T2" fmla="*/ 0 w 21"/>
                  <a:gd name="T3" fmla="*/ 3 h 23"/>
                  <a:gd name="T4" fmla="*/ 11 w 21"/>
                  <a:gd name="T5" fmla="*/ 16 h 23"/>
                  <a:gd name="T6" fmla="*/ 21 w 21"/>
                  <a:gd name="T7" fmla="*/ 23 h 23"/>
                  <a:gd name="T8" fmla="*/ 14 w 21"/>
                  <a:gd name="T9" fmla="*/ 6 h 23"/>
                  <a:gd name="T10" fmla="*/ 5 w 21"/>
                  <a:gd name="T11" fmla="*/ 0 h 23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21"/>
                  <a:gd name="T19" fmla="*/ 0 h 23"/>
                  <a:gd name="T20" fmla="*/ 21 w 21"/>
                  <a:gd name="T21" fmla="*/ 23 h 23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21" h="23">
                    <a:moveTo>
                      <a:pt x="5" y="0"/>
                    </a:moveTo>
                    <a:lnTo>
                      <a:pt x="0" y="3"/>
                    </a:lnTo>
                    <a:lnTo>
                      <a:pt x="11" y="16"/>
                    </a:lnTo>
                    <a:lnTo>
                      <a:pt x="21" y="23"/>
                    </a:lnTo>
                    <a:lnTo>
                      <a:pt x="14" y="6"/>
                    </a:lnTo>
                    <a:lnTo>
                      <a:pt x="5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42" name="Freeform 83"/>
              <p:cNvSpPr>
                <a:spLocks/>
              </p:cNvSpPr>
              <p:nvPr/>
            </p:nvSpPr>
            <p:spPr bwMode="auto">
              <a:xfrm>
                <a:off x="1107" y="3322"/>
                <a:ext cx="19" cy="24"/>
              </a:xfrm>
              <a:custGeom>
                <a:avLst/>
                <a:gdLst>
                  <a:gd name="T0" fmla="*/ 4 w 19"/>
                  <a:gd name="T1" fmla="*/ 0 h 24"/>
                  <a:gd name="T2" fmla="*/ 19 w 19"/>
                  <a:gd name="T3" fmla="*/ 15 h 24"/>
                  <a:gd name="T4" fmla="*/ 17 w 19"/>
                  <a:gd name="T5" fmla="*/ 24 h 24"/>
                  <a:gd name="T6" fmla="*/ 11 w 19"/>
                  <a:gd name="T7" fmla="*/ 22 h 24"/>
                  <a:gd name="T8" fmla="*/ 11 w 19"/>
                  <a:gd name="T9" fmla="*/ 15 h 24"/>
                  <a:gd name="T10" fmla="*/ 0 w 19"/>
                  <a:gd name="T11" fmla="*/ 2 h 24"/>
                  <a:gd name="T12" fmla="*/ 4 w 19"/>
                  <a:gd name="T13" fmla="*/ 0 h 24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w 19"/>
                  <a:gd name="T22" fmla="*/ 0 h 24"/>
                  <a:gd name="T23" fmla="*/ 19 w 19"/>
                  <a:gd name="T24" fmla="*/ 24 h 24"/>
                </a:gdLst>
                <a:ahLst/>
                <a:cxnLst>
                  <a:cxn ang="T14">
                    <a:pos x="T0" y="T1"/>
                  </a:cxn>
                  <a:cxn ang="T15">
                    <a:pos x="T2" y="T3"/>
                  </a:cxn>
                  <a:cxn ang="T16">
                    <a:pos x="T4" y="T5"/>
                  </a:cxn>
                  <a:cxn ang="T17">
                    <a:pos x="T6" y="T7"/>
                  </a:cxn>
                  <a:cxn ang="T18">
                    <a:pos x="T8" y="T9"/>
                  </a:cxn>
                  <a:cxn ang="T19">
                    <a:pos x="T10" y="T11"/>
                  </a:cxn>
                  <a:cxn ang="T20">
                    <a:pos x="T12" y="T13"/>
                  </a:cxn>
                </a:cxnLst>
                <a:rect l="T21" t="T22" r="T23" b="T24"/>
                <a:pathLst>
                  <a:path w="19" h="24">
                    <a:moveTo>
                      <a:pt x="4" y="0"/>
                    </a:moveTo>
                    <a:lnTo>
                      <a:pt x="19" y="15"/>
                    </a:lnTo>
                    <a:lnTo>
                      <a:pt x="17" y="24"/>
                    </a:lnTo>
                    <a:lnTo>
                      <a:pt x="11" y="22"/>
                    </a:lnTo>
                    <a:lnTo>
                      <a:pt x="11" y="15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43" name="Freeform 84"/>
              <p:cNvSpPr>
                <a:spLocks/>
              </p:cNvSpPr>
              <p:nvPr/>
            </p:nvSpPr>
            <p:spPr bwMode="auto">
              <a:xfrm>
                <a:off x="1107" y="3322"/>
                <a:ext cx="19" cy="24"/>
              </a:xfrm>
              <a:custGeom>
                <a:avLst/>
                <a:gdLst>
                  <a:gd name="T0" fmla="*/ 4 w 19"/>
                  <a:gd name="T1" fmla="*/ 0 h 24"/>
                  <a:gd name="T2" fmla="*/ 19 w 19"/>
                  <a:gd name="T3" fmla="*/ 15 h 24"/>
                  <a:gd name="T4" fmla="*/ 17 w 19"/>
                  <a:gd name="T5" fmla="*/ 24 h 24"/>
                  <a:gd name="T6" fmla="*/ 11 w 19"/>
                  <a:gd name="T7" fmla="*/ 22 h 24"/>
                  <a:gd name="T8" fmla="*/ 11 w 19"/>
                  <a:gd name="T9" fmla="*/ 15 h 24"/>
                  <a:gd name="T10" fmla="*/ 0 w 19"/>
                  <a:gd name="T11" fmla="*/ 2 h 24"/>
                  <a:gd name="T12" fmla="*/ 4 w 19"/>
                  <a:gd name="T13" fmla="*/ 0 h 24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w 19"/>
                  <a:gd name="T22" fmla="*/ 0 h 24"/>
                  <a:gd name="T23" fmla="*/ 19 w 19"/>
                  <a:gd name="T24" fmla="*/ 24 h 24"/>
                </a:gdLst>
                <a:ahLst/>
                <a:cxnLst>
                  <a:cxn ang="T14">
                    <a:pos x="T0" y="T1"/>
                  </a:cxn>
                  <a:cxn ang="T15">
                    <a:pos x="T2" y="T3"/>
                  </a:cxn>
                  <a:cxn ang="T16">
                    <a:pos x="T4" y="T5"/>
                  </a:cxn>
                  <a:cxn ang="T17">
                    <a:pos x="T6" y="T7"/>
                  </a:cxn>
                  <a:cxn ang="T18">
                    <a:pos x="T8" y="T9"/>
                  </a:cxn>
                  <a:cxn ang="T19">
                    <a:pos x="T10" y="T11"/>
                  </a:cxn>
                  <a:cxn ang="T20">
                    <a:pos x="T12" y="T13"/>
                  </a:cxn>
                </a:cxnLst>
                <a:rect l="T21" t="T22" r="T23" b="T24"/>
                <a:pathLst>
                  <a:path w="19" h="24">
                    <a:moveTo>
                      <a:pt x="4" y="0"/>
                    </a:moveTo>
                    <a:lnTo>
                      <a:pt x="19" y="15"/>
                    </a:lnTo>
                    <a:lnTo>
                      <a:pt x="17" y="24"/>
                    </a:lnTo>
                    <a:lnTo>
                      <a:pt x="11" y="22"/>
                    </a:lnTo>
                    <a:lnTo>
                      <a:pt x="11" y="15"/>
                    </a:lnTo>
                    <a:lnTo>
                      <a:pt x="0" y="2"/>
                    </a:lnTo>
                    <a:lnTo>
                      <a:pt x="4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44" name="Freeform 85"/>
              <p:cNvSpPr>
                <a:spLocks/>
              </p:cNvSpPr>
              <p:nvPr/>
            </p:nvSpPr>
            <p:spPr bwMode="auto">
              <a:xfrm>
                <a:off x="1153" y="3370"/>
                <a:ext cx="27" cy="25"/>
              </a:xfrm>
              <a:custGeom>
                <a:avLst/>
                <a:gdLst>
                  <a:gd name="T0" fmla="*/ 2 w 27"/>
                  <a:gd name="T1" fmla="*/ 0 h 25"/>
                  <a:gd name="T2" fmla="*/ 10 w 27"/>
                  <a:gd name="T3" fmla="*/ 1 h 25"/>
                  <a:gd name="T4" fmla="*/ 27 w 27"/>
                  <a:gd name="T5" fmla="*/ 20 h 25"/>
                  <a:gd name="T6" fmla="*/ 24 w 27"/>
                  <a:gd name="T7" fmla="*/ 25 h 25"/>
                  <a:gd name="T8" fmla="*/ 14 w 27"/>
                  <a:gd name="T9" fmla="*/ 16 h 25"/>
                  <a:gd name="T10" fmla="*/ 7 w 27"/>
                  <a:gd name="T11" fmla="*/ 15 h 25"/>
                  <a:gd name="T12" fmla="*/ 0 w 27"/>
                  <a:gd name="T13" fmla="*/ 6 h 25"/>
                  <a:gd name="T14" fmla="*/ 2 w 27"/>
                  <a:gd name="T15" fmla="*/ 0 h 2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7"/>
                  <a:gd name="T25" fmla="*/ 0 h 25"/>
                  <a:gd name="T26" fmla="*/ 27 w 27"/>
                  <a:gd name="T27" fmla="*/ 25 h 2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7" h="25">
                    <a:moveTo>
                      <a:pt x="2" y="0"/>
                    </a:moveTo>
                    <a:lnTo>
                      <a:pt x="10" y="1"/>
                    </a:lnTo>
                    <a:lnTo>
                      <a:pt x="27" y="20"/>
                    </a:lnTo>
                    <a:lnTo>
                      <a:pt x="24" y="25"/>
                    </a:lnTo>
                    <a:lnTo>
                      <a:pt x="14" y="16"/>
                    </a:lnTo>
                    <a:lnTo>
                      <a:pt x="7" y="15"/>
                    </a:lnTo>
                    <a:lnTo>
                      <a:pt x="0" y="6"/>
                    </a:lnTo>
                    <a:lnTo>
                      <a:pt x="2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45" name="Freeform 86"/>
              <p:cNvSpPr>
                <a:spLocks/>
              </p:cNvSpPr>
              <p:nvPr/>
            </p:nvSpPr>
            <p:spPr bwMode="auto">
              <a:xfrm>
                <a:off x="1153" y="3370"/>
                <a:ext cx="27" cy="25"/>
              </a:xfrm>
              <a:custGeom>
                <a:avLst/>
                <a:gdLst>
                  <a:gd name="T0" fmla="*/ 2 w 27"/>
                  <a:gd name="T1" fmla="*/ 0 h 25"/>
                  <a:gd name="T2" fmla="*/ 10 w 27"/>
                  <a:gd name="T3" fmla="*/ 1 h 25"/>
                  <a:gd name="T4" fmla="*/ 27 w 27"/>
                  <a:gd name="T5" fmla="*/ 20 h 25"/>
                  <a:gd name="T6" fmla="*/ 24 w 27"/>
                  <a:gd name="T7" fmla="*/ 25 h 25"/>
                  <a:gd name="T8" fmla="*/ 14 w 27"/>
                  <a:gd name="T9" fmla="*/ 16 h 25"/>
                  <a:gd name="T10" fmla="*/ 7 w 27"/>
                  <a:gd name="T11" fmla="*/ 15 h 25"/>
                  <a:gd name="T12" fmla="*/ 0 w 27"/>
                  <a:gd name="T13" fmla="*/ 6 h 25"/>
                  <a:gd name="T14" fmla="*/ 2 w 27"/>
                  <a:gd name="T15" fmla="*/ 0 h 2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7"/>
                  <a:gd name="T25" fmla="*/ 0 h 25"/>
                  <a:gd name="T26" fmla="*/ 27 w 27"/>
                  <a:gd name="T27" fmla="*/ 25 h 2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7" h="25">
                    <a:moveTo>
                      <a:pt x="2" y="0"/>
                    </a:moveTo>
                    <a:lnTo>
                      <a:pt x="10" y="1"/>
                    </a:lnTo>
                    <a:lnTo>
                      <a:pt x="27" y="20"/>
                    </a:lnTo>
                    <a:lnTo>
                      <a:pt x="24" y="25"/>
                    </a:lnTo>
                    <a:lnTo>
                      <a:pt x="14" y="16"/>
                    </a:lnTo>
                    <a:lnTo>
                      <a:pt x="7" y="15"/>
                    </a:lnTo>
                    <a:lnTo>
                      <a:pt x="0" y="6"/>
                    </a:lnTo>
                    <a:lnTo>
                      <a:pt x="2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46" name="Freeform 87"/>
              <p:cNvSpPr>
                <a:spLocks/>
              </p:cNvSpPr>
              <p:nvPr/>
            </p:nvSpPr>
            <p:spPr bwMode="auto">
              <a:xfrm>
                <a:off x="1175" y="3412"/>
                <a:ext cx="25" cy="20"/>
              </a:xfrm>
              <a:custGeom>
                <a:avLst/>
                <a:gdLst>
                  <a:gd name="T0" fmla="*/ 0 w 25"/>
                  <a:gd name="T1" fmla="*/ 2 h 20"/>
                  <a:gd name="T2" fmla="*/ 12 w 25"/>
                  <a:gd name="T3" fmla="*/ 2 h 20"/>
                  <a:gd name="T4" fmla="*/ 12 w 25"/>
                  <a:gd name="T5" fmla="*/ 12 h 20"/>
                  <a:gd name="T6" fmla="*/ 19 w 25"/>
                  <a:gd name="T7" fmla="*/ 10 h 20"/>
                  <a:gd name="T8" fmla="*/ 17 w 25"/>
                  <a:gd name="T9" fmla="*/ 0 h 20"/>
                  <a:gd name="T10" fmla="*/ 19 w 25"/>
                  <a:gd name="T11" fmla="*/ 0 h 20"/>
                  <a:gd name="T12" fmla="*/ 20 w 25"/>
                  <a:gd name="T13" fmla="*/ 2 h 20"/>
                  <a:gd name="T14" fmla="*/ 22 w 25"/>
                  <a:gd name="T15" fmla="*/ 3 h 20"/>
                  <a:gd name="T16" fmla="*/ 24 w 25"/>
                  <a:gd name="T17" fmla="*/ 5 h 20"/>
                  <a:gd name="T18" fmla="*/ 25 w 25"/>
                  <a:gd name="T19" fmla="*/ 8 h 20"/>
                  <a:gd name="T20" fmla="*/ 25 w 25"/>
                  <a:gd name="T21" fmla="*/ 12 h 20"/>
                  <a:gd name="T22" fmla="*/ 24 w 25"/>
                  <a:gd name="T23" fmla="*/ 15 h 20"/>
                  <a:gd name="T24" fmla="*/ 22 w 25"/>
                  <a:gd name="T25" fmla="*/ 20 h 20"/>
                  <a:gd name="T26" fmla="*/ 20 w 25"/>
                  <a:gd name="T27" fmla="*/ 20 h 20"/>
                  <a:gd name="T28" fmla="*/ 19 w 25"/>
                  <a:gd name="T29" fmla="*/ 20 h 20"/>
                  <a:gd name="T30" fmla="*/ 17 w 25"/>
                  <a:gd name="T31" fmla="*/ 20 h 20"/>
                  <a:gd name="T32" fmla="*/ 14 w 25"/>
                  <a:gd name="T33" fmla="*/ 18 h 20"/>
                  <a:gd name="T34" fmla="*/ 12 w 25"/>
                  <a:gd name="T35" fmla="*/ 18 h 20"/>
                  <a:gd name="T36" fmla="*/ 10 w 25"/>
                  <a:gd name="T37" fmla="*/ 18 h 20"/>
                  <a:gd name="T38" fmla="*/ 9 w 25"/>
                  <a:gd name="T39" fmla="*/ 18 h 20"/>
                  <a:gd name="T40" fmla="*/ 9 w 25"/>
                  <a:gd name="T41" fmla="*/ 18 h 20"/>
                  <a:gd name="T42" fmla="*/ 2 w 25"/>
                  <a:gd name="T43" fmla="*/ 10 h 20"/>
                  <a:gd name="T44" fmla="*/ 0 w 25"/>
                  <a:gd name="T45" fmla="*/ 2 h 20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w 25"/>
                  <a:gd name="T70" fmla="*/ 0 h 20"/>
                  <a:gd name="T71" fmla="*/ 25 w 25"/>
                  <a:gd name="T72" fmla="*/ 20 h 20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T69" t="T70" r="T71" b="T72"/>
                <a:pathLst>
                  <a:path w="25" h="20">
                    <a:moveTo>
                      <a:pt x="0" y="2"/>
                    </a:moveTo>
                    <a:lnTo>
                      <a:pt x="12" y="2"/>
                    </a:lnTo>
                    <a:lnTo>
                      <a:pt x="12" y="12"/>
                    </a:lnTo>
                    <a:lnTo>
                      <a:pt x="19" y="10"/>
                    </a:lnTo>
                    <a:lnTo>
                      <a:pt x="17" y="0"/>
                    </a:lnTo>
                    <a:lnTo>
                      <a:pt x="19" y="0"/>
                    </a:lnTo>
                    <a:lnTo>
                      <a:pt x="20" y="2"/>
                    </a:lnTo>
                    <a:lnTo>
                      <a:pt x="22" y="3"/>
                    </a:lnTo>
                    <a:lnTo>
                      <a:pt x="24" y="5"/>
                    </a:lnTo>
                    <a:lnTo>
                      <a:pt x="25" y="8"/>
                    </a:lnTo>
                    <a:lnTo>
                      <a:pt x="25" y="12"/>
                    </a:lnTo>
                    <a:lnTo>
                      <a:pt x="24" y="15"/>
                    </a:lnTo>
                    <a:lnTo>
                      <a:pt x="22" y="20"/>
                    </a:lnTo>
                    <a:lnTo>
                      <a:pt x="20" y="20"/>
                    </a:lnTo>
                    <a:lnTo>
                      <a:pt x="19" y="20"/>
                    </a:lnTo>
                    <a:lnTo>
                      <a:pt x="17" y="20"/>
                    </a:lnTo>
                    <a:lnTo>
                      <a:pt x="14" y="18"/>
                    </a:lnTo>
                    <a:lnTo>
                      <a:pt x="12" y="18"/>
                    </a:lnTo>
                    <a:lnTo>
                      <a:pt x="10" y="18"/>
                    </a:lnTo>
                    <a:lnTo>
                      <a:pt x="9" y="18"/>
                    </a:lnTo>
                    <a:lnTo>
                      <a:pt x="2" y="10"/>
                    </a:lnTo>
                    <a:lnTo>
                      <a:pt x="0" y="2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47" name="Freeform 88"/>
              <p:cNvSpPr>
                <a:spLocks/>
              </p:cNvSpPr>
              <p:nvPr/>
            </p:nvSpPr>
            <p:spPr bwMode="auto">
              <a:xfrm>
                <a:off x="1175" y="3412"/>
                <a:ext cx="25" cy="20"/>
              </a:xfrm>
              <a:custGeom>
                <a:avLst/>
                <a:gdLst>
                  <a:gd name="T0" fmla="*/ 0 w 25"/>
                  <a:gd name="T1" fmla="*/ 2 h 20"/>
                  <a:gd name="T2" fmla="*/ 12 w 25"/>
                  <a:gd name="T3" fmla="*/ 2 h 20"/>
                  <a:gd name="T4" fmla="*/ 12 w 25"/>
                  <a:gd name="T5" fmla="*/ 12 h 20"/>
                  <a:gd name="T6" fmla="*/ 19 w 25"/>
                  <a:gd name="T7" fmla="*/ 10 h 20"/>
                  <a:gd name="T8" fmla="*/ 17 w 25"/>
                  <a:gd name="T9" fmla="*/ 0 h 20"/>
                  <a:gd name="T10" fmla="*/ 17 w 25"/>
                  <a:gd name="T11" fmla="*/ 0 h 20"/>
                  <a:gd name="T12" fmla="*/ 19 w 25"/>
                  <a:gd name="T13" fmla="*/ 0 h 20"/>
                  <a:gd name="T14" fmla="*/ 20 w 25"/>
                  <a:gd name="T15" fmla="*/ 2 h 20"/>
                  <a:gd name="T16" fmla="*/ 22 w 25"/>
                  <a:gd name="T17" fmla="*/ 3 h 20"/>
                  <a:gd name="T18" fmla="*/ 24 w 25"/>
                  <a:gd name="T19" fmla="*/ 5 h 20"/>
                  <a:gd name="T20" fmla="*/ 25 w 25"/>
                  <a:gd name="T21" fmla="*/ 8 h 20"/>
                  <a:gd name="T22" fmla="*/ 25 w 25"/>
                  <a:gd name="T23" fmla="*/ 12 h 20"/>
                  <a:gd name="T24" fmla="*/ 24 w 25"/>
                  <a:gd name="T25" fmla="*/ 15 h 20"/>
                  <a:gd name="T26" fmla="*/ 22 w 25"/>
                  <a:gd name="T27" fmla="*/ 20 h 20"/>
                  <a:gd name="T28" fmla="*/ 22 w 25"/>
                  <a:gd name="T29" fmla="*/ 20 h 20"/>
                  <a:gd name="T30" fmla="*/ 20 w 25"/>
                  <a:gd name="T31" fmla="*/ 20 h 20"/>
                  <a:gd name="T32" fmla="*/ 19 w 25"/>
                  <a:gd name="T33" fmla="*/ 20 h 20"/>
                  <a:gd name="T34" fmla="*/ 17 w 25"/>
                  <a:gd name="T35" fmla="*/ 20 h 20"/>
                  <a:gd name="T36" fmla="*/ 14 w 25"/>
                  <a:gd name="T37" fmla="*/ 18 h 20"/>
                  <a:gd name="T38" fmla="*/ 12 w 25"/>
                  <a:gd name="T39" fmla="*/ 18 h 20"/>
                  <a:gd name="T40" fmla="*/ 10 w 25"/>
                  <a:gd name="T41" fmla="*/ 18 h 20"/>
                  <a:gd name="T42" fmla="*/ 9 w 25"/>
                  <a:gd name="T43" fmla="*/ 18 h 20"/>
                  <a:gd name="T44" fmla="*/ 9 w 25"/>
                  <a:gd name="T45" fmla="*/ 18 h 20"/>
                  <a:gd name="T46" fmla="*/ 2 w 25"/>
                  <a:gd name="T47" fmla="*/ 10 h 20"/>
                  <a:gd name="T48" fmla="*/ 0 w 25"/>
                  <a:gd name="T49" fmla="*/ 2 h 20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25"/>
                  <a:gd name="T76" fmla="*/ 0 h 20"/>
                  <a:gd name="T77" fmla="*/ 25 w 25"/>
                  <a:gd name="T78" fmla="*/ 20 h 20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25" h="20">
                    <a:moveTo>
                      <a:pt x="0" y="2"/>
                    </a:moveTo>
                    <a:lnTo>
                      <a:pt x="12" y="2"/>
                    </a:lnTo>
                    <a:lnTo>
                      <a:pt x="12" y="12"/>
                    </a:lnTo>
                    <a:lnTo>
                      <a:pt x="19" y="10"/>
                    </a:lnTo>
                    <a:lnTo>
                      <a:pt x="17" y="0"/>
                    </a:lnTo>
                    <a:lnTo>
                      <a:pt x="19" y="0"/>
                    </a:lnTo>
                    <a:lnTo>
                      <a:pt x="20" y="2"/>
                    </a:lnTo>
                    <a:lnTo>
                      <a:pt x="22" y="3"/>
                    </a:lnTo>
                    <a:lnTo>
                      <a:pt x="24" y="5"/>
                    </a:lnTo>
                    <a:lnTo>
                      <a:pt x="25" y="8"/>
                    </a:lnTo>
                    <a:lnTo>
                      <a:pt x="25" y="12"/>
                    </a:lnTo>
                    <a:lnTo>
                      <a:pt x="24" y="15"/>
                    </a:lnTo>
                    <a:lnTo>
                      <a:pt x="22" y="20"/>
                    </a:lnTo>
                    <a:lnTo>
                      <a:pt x="20" y="20"/>
                    </a:lnTo>
                    <a:lnTo>
                      <a:pt x="19" y="20"/>
                    </a:lnTo>
                    <a:lnTo>
                      <a:pt x="17" y="20"/>
                    </a:lnTo>
                    <a:lnTo>
                      <a:pt x="14" y="18"/>
                    </a:lnTo>
                    <a:lnTo>
                      <a:pt x="12" y="18"/>
                    </a:lnTo>
                    <a:lnTo>
                      <a:pt x="10" y="18"/>
                    </a:lnTo>
                    <a:lnTo>
                      <a:pt x="9" y="18"/>
                    </a:lnTo>
                    <a:lnTo>
                      <a:pt x="2" y="10"/>
                    </a:lnTo>
                    <a:lnTo>
                      <a:pt x="0" y="2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48" name="Freeform 89"/>
              <p:cNvSpPr>
                <a:spLocks/>
              </p:cNvSpPr>
              <p:nvPr/>
            </p:nvSpPr>
            <p:spPr bwMode="auto">
              <a:xfrm>
                <a:off x="1126" y="3351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3 h 10"/>
                  <a:gd name="T4" fmla="*/ 0 w 8"/>
                  <a:gd name="T5" fmla="*/ 2 h 10"/>
                  <a:gd name="T6" fmla="*/ 2 w 8"/>
                  <a:gd name="T7" fmla="*/ 0 h 10"/>
                  <a:gd name="T8" fmla="*/ 3 w 8"/>
                  <a:gd name="T9" fmla="*/ 0 h 10"/>
                  <a:gd name="T10" fmla="*/ 5 w 8"/>
                  <a:gd name="T11" fmla="*/ 0 h 10"/>
                  <a:gd name="T12" fmla="*/ 7 w 8"/>
                  <a:gd name="T13" fmla="*/ 2 h 10"/>
                  <a:gd name="T14" fmla="*/ 7 w 8"/>
                  <a:gd name="T15" fmla="*/ 3 h 10"/>
                  <a:gd name="T16" fmla="*/ 8 w 8"/>
                  <a:gd name="T17" fmla="*/ 5 h 10"/>
                  <a:gd name="T18" fmla="*/ 7 w 8"/>
                  <a:gd name="T19" fmla="*/ 7 h 10"/>
                  <a:gd name="T20" fmla="*/ 7 w 8"/>
                  <a:gd name="T21" fmla="*/ 8 h 10"/>
                  <a:gd name="T22" fmla="*/ 5 w 8"/>
                  <a:gd name="T23" fmla="*/ 10 h 10"/>
                  <a:gd name="T24" fmla="*/ 3 w 8"/>
                  <a:gd name="T25" fmla="*/ 10 h 10"/>
                  <a:gd name="T26" fmla="*/ 2 w 8"/>
                  <a:gd name="T27" fmla="*/ 10 h 10"/>
                  <a:gd name="T28" fmla="*/ 0 w 8"/>
                  <a:gd name="T29" fmla="*/ 8 h 10"/>
                  <a:gd name="T30" fmla="*/ 0 w 8"/>
                  <a:gd name="T31" fmla="*/ 7 h 10"/>
                  <a:gd name="T32" fmla="*/ 0 w 8"/>
                  <a:gd name="T33" fmla="*/ 5 h 1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8"/>
                  <a:gd name="T52" fmla="*/ 0 h 10"/>
                  <a:gd name="T53" fmla="*/ 8 w 8"/>
                  <a:gd name="T54" fmla="*/ 10 h 10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8" h="10">
                    <a:moveTo>
                      <a:pt x="0" y="5"/>
                    </a:moveTo>
                    <a:lnTo>
                      <a:pt x="0" y="3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2"/>
                    </a:lnTo>
                    <a:lnTo>
                      <a:pt x="7" y="3"/>
                    </a:lnTo>
                    <a:lnTo>
                      <a:pt x="8" y="5"/>
                    </a:lnTo>
                    <a:lnTo>
                      <a:pt x="7" y="7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49" name="Freeform 90"/>
              <p:cNvSpPr>
                <a:spLocks/>
              </p:cNvSpPr>
              <p:nvPr/>
            </p:nvSpPr>
            <p:spPr bwMode="auto">
              <a:xfrm>
                <a:off x="1126" y="3351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5 h 10"/>
                  <a:gd name="T4" fmla="*/ 0 w 8"/>
                  <a:gd name="T5" fmla="*/ 3 h 10"/>
                  <a:gd name="T6" fmla="*/ 0 w 8"/>
                  <a:gd name="T7" fmla="*/ 2 h 10"/>
                  <a:gd name="T8" fmla="*/ 2 w 8"/>
                  <a:gd name="T9" fmla="*/ 0 h 10"/>
                  <a:gd name="T10" fmla="*/ 3 w 8"/>
                  <a:gd name="T11" fmla="*/ 0 h 10"/>
                  <a:gd name="T12" fmla="*/ 3 w 8"/>
                  <a:gd name="T13" fmla="*/ 0 h 10"/>
                  <a:gd name="T14" fmla="*/ 5 w 8"/>
                  <a:gd name="T15" fmla="*/ 0 h 10"/>
                  <a:gd name="T16" fmla="*/ 7 w 8"/>
                  <a:gd name="T17" fmla="*/ 2 h 10"/>
                  <a:gd name="T18" fmla="*/ 7 w 8"/>
                  <a:gd name="T19" fmla="*/ 3 h 10"/>
                  <a:gd name="T20" fmla="*/ 8 w 8"/>
                  <a:gd name="T21" fmla="*/ 5 h 10"/>
                  <a:gd name="T22" fmla="*/ 8 w 8"/>
                  <a:gd name="T23" fmla="*/ 5 h 10"/>
                  <a:gd name="T24" fmla="*/ 7 w 8"/>
                  <a:gd name="T25" fmla="*/ 7 h 10"/>
                  <a:gd name="T26" fmla="*/ 7 w 8"/>
                  <a:gd name="T27" fmla="*/ 8 h 10"/>
                  <a:gd name="T28" fmla="*/ 5 w 8"/>
                  <a:gd name="T29" fmla="*/ 10 h 10"/>
                  <a:gd name="T30" fmla="*/ 3 w 8"/>
                  <a:gd name="T31" fmla="*/ 10 h 10"/>
                  <a:gd name="T32" fmla="*/ 3 w 8"/>
                  <a:gd name="T33" fmla="*/ 10 h 10"/>
                  <a:gd name="T34" fmla="*/ 2 w 8"/>
                  <a:gd name="T35" fmla="*/ 10 h 10"/>
                  <a:gd name="T36" fmla="*/ 0 w 8"/>
                  <a:gd name="T37" fmla="*/ 8 h 10"/>
                  <a:gd name="T38" fmla="*/ 0 w 8"/>
                  <a:gd name="T39" fmla="*/ 7 h 10"/>
                  <a:gd name="T40" fmla="*/ 0 w 8"/>
                  <a:gd name="T41" fmla="*/ 5 h 1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8"/>
                  <a:gd name="T64" fmla="*/ 0 h 10"/>
                  <a:gd name="T65" fmla="*/ 8 w 8"/>
                  <a:gd name="T66" fmla="*/ 10 h 10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8" h="10">
                    <a:moveTo>
                      <a:pt x="0" y="5"/>
                    </a:moveTo>
                    <a:lnTo>
                      <a:pt x="0" y="5"/>
                    </a:lnTo>
                    <a:lnTo>
                      <a:pt x="0" y="3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2"/>
                    </a:lnTo>
                    <a:lnTo>
                      <a:pt x="7" y="3"/>
                    </a:lnTo>
                    <a:lnTo>
                      <a:pt x="8" y="5"/>
                    </a:lnTo>
                    <a:lnTo>
                      <a:pt x="7" y="7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50" name="Freeform 91"/>
              <p:cNvSpPr>
                <a:spLocks/>
              </p:cNvSpPr>
              <p:nvPr/>
            </p:nvSpPr>
            <p:spPr bwMode="auto">
              <a:xfrm>
                <a:off x="1138" y="3351"/>
                <a:ext cx="10" cy="10"/>
              </a:xfrm>
              <a:custGeom>
                <a:avLst/>
                <a:gdLst>
                  <a:gd name="T0" fmla="*/ 0 w 10"/>
                  <a:gd name="T1" fmla="*/ 5 h 10"/>
                  <a:gd name="T2" fmla="*/ 0 w 10"/>
                  <a:gd name="T3" fmla="*/ 2 h 10"/>
                  <a:gd name="T4" fmla="*/ 2 w 10"/>
                  <a:gd name="T5" fmla="*/ 0 h 10"/>
                  <a:gd name="T6" fmla="*/ 3 w 10"/>
                  <a:gd name="T7" fmla="*/ 0 h 10"/>
                  <a:gd name="T8" fmla="*/ 5 w 10"/>
                  <a:gd name="T9" fmla="*/ 0 h 10"/>
                  <a:gd name="T10" fmla="*/ 7 w 10"/>
                  <a:gd name="T11" fmla="*/ 0 h 10"/>
                  <a:gd name="T12" fmla="*/ 8 w 10"/>
                  <a:gd name="T13" fmla="*/ 0 h 10"/>
                  <a:gd name="T14" fmla="*/ 8 w 10"/>
                  <a:gd name="T15" fmla="*/ 2 h 10"/>
                  <a:gd name="T16" fmla="*/ 10 w 10"/>
                  <a:gd name="T17" fmla="*/ 5 h 10"/>
                  <a:gd name="T18" fmla="*/ 8 w 10"/>
                  <a:gd name="T19" fmla="*/ 7 h 10"/>
                  <a:gd name="T20" fmla="*/ 8 w 10"/>
                  <a:gd name="T21" fmla="*/ 8 h 10"/>
                  <a:gd name="T22" fmla="*/ 7 w 10"/>
                  <a:gd name="T23" fmla="*/ 10 h 10"/>
                  <a:gd name="T24" fmla="*/ 5 w 10"/>
                  <a:gd name="T25" fmla="*/ 10 h 10"/>
                  <a:gd name="T26" fmla="*/ 3 w 10"/>
                  <a:gd name="T27" fmla="*/ 10 h 10"/>
                  <a:gd name="T28" fmla="*/ 2 w 10"/>
                  <a:gd name="T29" fmla="*/ 8 h 10"/>
                  <a:gd name="T30" fmla="*/ 0 w 10"/>
                  <a:gd name="T31" fmla="*/ 7 h 10"/>
                  <a:gd name="T32" fmla="*/ 0 w 10"/>
                  <a:gd name="T33" fmla="*/ 5 h 1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0"/>
                  <a:gd name="T52" fmla="*/ 0 h 10"/>
                  <a:gd name="T53" fmla="*/ 10 w 10"/>
                  <a:gd name="T54" fmla="*/ 10 h 10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0" h="10">
                    <a:moveTo>
                      <a:pt x="0" y="5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8" y="0"/>
                    </a:lnTo>
                    <a:lnTo>
                      <a:pt x="8" y="2"/>
                    </a:lnTo>
                    <a:lnTo>
                      <a:pt x="10" y="5"/>
                    </a:lnTo>
                    <a:lnTo>
                      <a:pt x="8" y="7"/>
                    </a:lnTo>
                    <a:lnTo>
                      <a:pt x="8" y="8"/>
                    </a:lnTo>
                    <a:lnTo>
                      <a:pt x="7" y="10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8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51" name="Freeform 92"/>
              <p:cNvSpPr>
                <a:spLocks/>
              </p:cNvSpPr>
              <p:nvPr/>
            </p:nvSpPr>
            <p:spPr bwMode="auto">
              <a:xfrm>
                <a:off x="1138" y="3351"/>
                <a:ext cx="10" cy="10"/>
              </a:xfrm>
              <a:custGeom>
                <a:avLst/>
                <a:gdLst>
                  <a:gd name="T0" fmla="*/ 0 w 10"/>
                  <a:gd name="T1" fmla="*/ 5 h 10"/>
                  <a:gd name="T2" fmla="*/ 0 w 10"/>
                  <a:gd name="T3" fmla="*/ 5 h 10"/>
                  <a:gd name="T4" fmla="*/ 0 w 10"/>
                  <a:gd name="T5" fmla="*/ 2 h 10"/>
                  <a:gd name="T6" fmla="*/ 2 w 10"/>
                  <a:gd name="T7" fmla="*/ 0 h 10"/>
                  <a:gd name="T8" fmla="*/ 3 w 10"/>
                  <a:gd name="T9" fmla="*/ 0 h 10"/>
                  <a:gd name="T10" fmla="*/ 5 w 10"/>
                  <a:gd name="T11" fmla="*/ 0 h 10"/>
                  <a:gd name="T12" fmla="*/ 5 w 10"/>
                  <a:gd name="T13" fmla="*/ 0 h 10"/>
                  <a:gd name="T14" fmla="*/ 7 w 10"/>
                  <a:gd name="T15" fmla="*/ 0 h 10"/>
                  <a:gd name="T16" fmla="*/ 8 w 10"/>
                  <a:gd name="T17" fmla="*/ 0 h 10"/>
                  <a:gd name="T18" fmla="*/ 8 w 10"/>
                  <a:gd name="T19" fmla="*/ 2 h 10"/>
                  <a:gd name="T20" fmla="*/ 10 w 10"/>
                  <a:gd name="T21" fmla="*/ 5 h 10"/>
                  <a:gd name="T22" fmla="*/ 10 w 10"/>
                  <a:gd name="T23" fmla="*/ 5 h 10"/>
                  <a:gd name="T24" fmla="*/ 8 w 10"/>
                  <a:gd name="T25" fmla="*/ 7 h 10"/>
                  <a:gd name="T26" fmla="*/ 8 w 10"/>
                  <a:gd name="T27" fmla="*/ 8 h 10"/>
                  <a:gd name="T28" fmla="*/ 7 w 10"/>
                  <a:gd name="T29" fmla="*/ 10 h 10"/>
                  <a:gd name="T30" fmla="*/ 5 w 10"/>
                  <a:gd name="T31" fmla="*/ 10 h 10"/>
                  <a:gd name="T32" fmla="*/ 5 w 10"/>
                  <a:gd name="T33" fmla="*/ 10 h 10"/>
                  <a:gd name="T34" fmla="*/ 3 w 10"/>
                  <a:gd name="T35" fmla="*/ 10 h 10"/>
                  <a:gd name="T36" fmla="*/ 2 w 10"/>
                  <a:gd name="T37" fmla="*/ 8 h 10"/>
                  <a:gd name="T38" fmla="*/ 0 w 10"/>
                  <a:gd name="T39" fmla="*/ 7 h 10"/>
                  <a:gd name="T40" fmla="*/ 0 w 10"/>
                  <a:gd name="T41" fmla="*/ 5 h 1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0"/>
                  <a:gd name="T64" fmla="*/ 0 h 10"/>
                  <a:gd name="T65" fmla="*/ 10 w 10"/>
                  <a:gd name="T66" fmla="*/ 10 h 10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0" h="10">
                    <a:moveTo>
                      <a:pt x="0" y="5"/>
                    </a:moveTo>
                    <a:lnTo>
                      <a:pt x="0" y="5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8" y="0"/>
                    </a:lnTo>
                    <a:lnTo>
                      <a:pt x="8" y="2"/>
                    </a:lnTo>
                    <a:lnTo>
                      <a:pt x="10" y="5"/>
                    </a:lnTo>
                    <a:lnTo>
                      <a:pt x="8" y="7"/>
                    </a:lnTo>
                    <a:lnTo>
                      <a:pt x="8" y="8"/>
                    </a:lnTo>
                    <a:lnTo>
                      <a:pt x="7" y="10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8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52" name="Freeform 93"/>
              <p:cNvSpPr>
                <a:spLocks/>
              </p:cNvSpPr>
              <p:nvPr/>
            </p:nvSpPr>
            <p:spPr bwMode="auto">
              <a:xfrm>
                <a:off x="828" y="3395"/>
                <a:ext cx="36" cy="29"/>
              </a:xfrm>
              <a:custGeom>
                <a:avLst/>
                <a:gdLst>
                  <a:gd name="T0" fmla="*/ 32 w 36"/>
                  <a:gd name="T1" fmla="*/ 0 h 29"/>
                  <a:gd name="T2" fmla="*/ 22 w 36"/>
                  <a:gd name="T3" fmla="*/ 2 h 29"/>
                  <a:gd name="T4" fmla="*/ 15 w 36"/>
                  <a:gd name="T5" fmla="*/ 5 h 29"/>
                  <a:gd name="T6" fmla="*/ 17 w 36"/>
                  <a:gd name="T7" fmla="*/ 12 h 29"/>
                  <a:gd name="T8" fmla="*/ 12 w 36"/>
                  <a:gd name="T9" fmla="*/ 17 h 29"/>
                  <a:gd name="T10" fmla="*/ 5 w 36"/>
                  <a:gd name="T11" fmla="*/ 8 h 29"/>
                  <a:gd name="T12" fmla="*/ 0 w 36"/>
                  <a:gd name="T13" fmla="*/ 19 h 29"/>
                  <a:gd name="T14" fmla="*/ 5 w 36"/>
                  <a:gd name="T15" fmla="*/ 29 h 29"/>
                  <a:gd name="T16" fmla="*/ 19 w 36"/>
                  <a:gd name="T17" fmla="*/ 22 h 29"/>
                  <a:gd name="T18" fmla="*/ 27 w 36"/>
                  <a:gd name="T19" fmla="*/ 12 h 29"/>
                  <a:gd name="T20" fmla="*/ 36 w 36"/>
                  <a:gd name="T21" fmla="*/ 12 h 29"/>
                  <a:gd name="T22" fmla="*/ 34 w 36"/>
                  <a:gd name="T23" fmla="*/ 5 h 29"/>
                  <a:gd name="T24" fmla="*/ 32 w 36"/>
                  <a:gd name="T25" fmla="*/ 0 h 29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w 36"/>
                  <a:gd name="T40" fmla="*/ 0 h 29"/>
                  <a:gd name="T41" fmla="*/ 36 w 36"/>
                  <a:gd name="T42" fmla="*/ 29 h 29"/>
                </a:gdLst>
                <a:ahLst/>
                <a:cxnLst>
                  <a:cxn ang="T26">
                    <a:pos x="T0" y="T1"/>
                  </a:cxn>
                  <a:cxn ang="T27">
                    <a:pos x="T2" y="T3"/>
                  </a:cxn>
                  <a:cxn ang="T28">
                    <a:pos x="T4" y="T5"/>
                  </a:cxn>
                  <a:cxn ang="T29">
                    <a:pos x="T6" y="T7"/>
                  </a:cxn>
                  <a:cxn ang="T30">
                    <a:pos x="T8" y="T9"/>
                  </a:cxn>
                  <a:cxn ang="T31">
                    <a:pos x="T10" y="T11"/>
                  </a:cxn>
                  <a:cxn ang="T32">
                    <a:pos x="T12" y="T13"/>
                  </a:cxn>
                  <a:cxn ang="T33">
                    <a:pos x="T14" y="T15"/>
                  </a:cxn>
                  <a:cxn ang="T34">
                    <a:pos x="T16" y="T17"/>
                  </a:cxn>
                  <a:cxn ang="T35">
                    <a:pos x="T18" y="T19"/>
                  </a:cxn>
                  <a:cxn ang="T36">
                    <a:pos x="T20" y="T21"/>
                  </a:cxn>
                  <a:cxn ang="T37">
                    <a:pos x="T22" y="T23"/>
                  </a:cxn>
                  <a:cxn ang="T38">
                    <a:pos x="T24" y="T25"/>
                  </a:cxn>
                </a:cxnLst>
                <a:rect l="T39" t="T40" r="T41" b="T42"/>
                <a:pathLst>
                  <a:path w="36" h="29">
                    <a:moveTo>
                      <a:pt x="32" y="0"/>
                    </a:moveTo>
                    <a:lnTo>
                      <a:pt x="22" y="2"/>
                    </a:lnTo>
                    <a:lnTo>
                      <a:pt x="15" y="5"/>
                    </a:lnTo>
                    <a:lnTo>
                      <a:pt x="17" y="12"/>
                    </a:lnTo>
                    <a:lnTo>
                      <a:pt x="12" y="17"/>
                    </a:lnTo>
                    <a:lnTo>
                      <a:pt x="5" y="8"/>
                    </a:lnTo>
                    <a:lnTo>
                      <a:pt x="0" y="19"/>
                    </a:lnTo>
                    <a:lnTo>
                      <a:pt x="5" y="29"/>
                    </a:lnTo>
                    <a:lnTo>
                      <a:pt x="19" y="22"/>
                    </a:lnTo>
                    <a:lnTo>
                      <a:pt x="27" y="12"/>
                    </a:lnTo>
                    <a:lnTo>
                      <a:pt x="36" y="12"/>
                    </a:lnTo>
                    <a:lnTo>
                      <a:pt x="34" y="5"/>
                    </a:lnTo>
                    <a:lnTo>
                      <a:pt x="32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53" name="Freeform 94"/>
              <p:cNvSpPr>
                <a:spLocks/>
              </p:cNvSpPr>
              <p:nvPr/>
            </p:nvSpPr>
            <p:spPr bwMode="auto">
              <a:xfrm>
                <a:off x="828" y="3395"/>
                <a:ext cx="36" cy="29"/>
              </a:xfrm>
              <a:custGeom>
                <a:avLst/>
                <a:gdLst>
                  <a:gd name="T0" fmla="*/ 32 w 36"/>
                  <a:gd name="T1" fmla="*/ 0 h 29"/>
                  <a:gd name="T2" fmla="*/ 22 w 36"/>
                  <a:gd name="T3" fmla="*/ 2 h 29"/>
                  <a:gd name="T4" fmla="*/ 15 w 36"/>
                  <a:gd name="T5" fmla="*/ 5 h 29"/>
                  <a:gd name="T6" fmla="*/ 17 w 36"/>
                  <a:gd name="T7" fmla="*/ 12 h 29"/>
                  <a:gd name="T8" fmla="*/ 12 w 36"/>
                  <a:gd name="T9" fmla="*/ 17 h 29"/>
                  <a:gd name="T10" fmla="*/ 5 w 36"/>
                  <a:gd name="T11" fmla="*/ 8 h 29"/>
                  <a:gd name="T12" fmla="*/ 0 w 36"/>
                  <a:gd name="T13" fmla="*/ 19 h 29"/>
                  <a:gd name="T14" fmla="*/ 5 w 36"/>
                  <a:gd name="T15" fmla="*/ 29 h 29"/>
                  <a:gd name="T16" fmla="*/ 19 w 36"/>
                  <a:gd name="T17" fmla="*/ 22 h 29"/>
                  <a:gd name="T18" fmla="*/ 27 w 36"/>
                  <a:gd name="T19" fmla="*/ 12 h 29"/>
                  <a:gd name="T20" fmla="*/ 36 w 36"/>
                  <a:gd name="T21" fmla="*/ 12 h 29"/>
                  <a:gd name="T22" fmla="*/ 34 w 36"/>
                  <a:gd name="T23" fmla="*/ 5 h 29"/>
                  <a:gd name="T24" fmla="*/ 32 w 36"/>
                  <a:gd name="T25" fmla="*/ 0 h 29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w 36"/>
                  <a:gd name="T40" fmla="*/ 0 h 29"/>
                  <a:gd name="T41" fmla="*/ 36 w 36"/>
                  <a:gd name="T42" fmla="*/ 29 h 29"/>
                </a:gdLst>
                <a:ahLst/>
                <a:cxnLst>
                  <a:cxn ang="T26">
                    <a:pos x="T0" y="T1"/>
                  </a:cxn>
                  <a:cxn ang="T27">
                    <a:pos x="T2" y="T3"/>
                  </a:cxn>
                  <a:cxn ang="T28">
                    <a:pos x="T4" y="T5"/>
                  </a:cxn>
                  <a:cxn ang="T29">
                    <a:pos x="T6" y="T7"/>
                  </a:cxn>
                  <a:cxn ang="T30">
                    <a:pos x="T8" y="T9"/>
                  </a:cxn>
                  <a:cxn ang="T31">
                    <a:pos x="T10" y="T11"/>
                  </a:cxn>
                  <a:cxn ang="T32">
                    <a:pos x="T12" y="T13"/>
                  </a:cxn>
                  <a:cxn ang="T33">
                    <a:pos x="T14" y="T15"/>
                  </a:cxn>
                  <a:cxn ang="T34">
                    <a:pos x="T16" y="T17"/>
                  </a:cxn>
                  <a:cxn ang="T35">
                    <a:pos x="T18" y="T19"/>
                  </a:cxn>
                  <a:cxn ang="T36">
                    <a:pos x="T20" y="T21"/>
                  </a:cxn>
                  <a:cxn ang="T37">
                    <a:pos x="T22" y="T23"/>
                  </a:cxn>
                  <a:cxn ang="T38">
                    <a:pos x="T24" y="T25"/>
                  </a:cxn>
                </a:cxnLst>
                <a:rect l="T39" t="T40" r="T41" b="T42"/>
                <a:pathLst>
                  <a:path w="36" h="29">
                    <a:moveTo>
                      <a:pt x="32" y="0"/>
                    </a:moveTo>
                    <a:lnTo>
                      <a:pt x="22" y="2"/>
                    </a:lnTo>
                    <a:lnTo>
                      <a:pt x="15" y="5"/>
                    </a:lnTo>
                    <a:lnTo>
                      <a:pt x="17" y="12"/>
                    </a:lnTo>
                    <a:lnTo>
                      <a:pt x="12" y="17"/>
                    </a:lnTo>
                    <a:lnTo>
                      <a:pt x="5" y="8"/>
                    </a:lnTo>
                    <a:lnTo>
                      <a:pt x="0" y="19"/>
                    </a:lnTo>
                    <a:lnTo>
                      <a:pt x="5" y="29"/>
                    </a:lnTo>
                    <a:lnTo>
                      <a:pt x="19" y="22"/>
                    </a:lnTo>
                    <a:lnTo>
                      <a:pt x="27" y="12"/>
                    </a:lnTo>
                    <a:lnTo>
                      <a:pt x="36" y="12"/>
                    </a:lnTo>
                    <a:lnTo>
                      <a:pt x="34" y="5"/>
                    </a:lnTo>
                    <a:lnTo>
                      <a:pt x="32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54" name="Freeform 95"/>
              <p:cNvSpPr>
                <a:spLocks/>
              </p:cNvSpPr>
              <p:nvPr/>
            </p:nvSpPr>
            <p:spPr bwMode="auto">
              <a:xfrm>
                <a:off x="627" y="3507"/>
                <a:ext cx="20" cy="15"/>
              </a:xfrm>
              <a:custGeom>
                <a:avLst/>
                <a:gdLst>
                  <a:gd name="T0" fmla="*/ 8 w 20"/>
                  <a:gd name="T1" fmla="*/ 3 h 15"/>
                  <a:gd name="T2" fmla="*/ 15 w 20"/>
                  <a:gd name="T3" fmla="*/ 0 h 15"/>
                  <a:gd name="T4" fmla="*/ 20 w 20"/>
                  <a:gd name="T5" fmla="*/ 8 h 15"/>
                  <a:gd name="T6" fmla="*/ 7 w 20"/>
                  <a:gd name="T7" fmla="*/ 15 h 15"/>
                  <a:gd name="T8" fmla="*/ 0 w 20"/>
                  <a:gd name="T9" fmla="*/ 15 h 15"/>
                  <a:gd name="T10" fmla="*/ 5 w 20"/>
                  <a:gd name="T11" fmla="*/ 10 h 15"/>
                  <a:gd name="T12" fmla="*/ 13 w 20"/>
                  <a:gd name="T13" fmla="*/ 8 h 15"/>
                  <a:gd name="T14" fmla="*/ 8 w 20"/>
                  <a:gd name="T15" fmla="*/ 3 h 1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0"/>
                  <a:gd name="T25" fmla="*/ 0 h 15"/>
                  <a:gd name="T26" fmla="*/ 20 w 20"/>
                  <a:gd name="T27" fmla="*/ 15 h 1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0" h="15">
                    <a:moveTo>
                      <a:pt x="8" y="3"/>
                    </a:moveTo>
                    <a:lnTo>
                      <a:pt x="15" y="0"/>
                    </a:lnTo>
                    <a:lnTo>
                      <a:pt x="20" y="8"/>
                    </a:lnTo>
                    <a:lnTo>
                      <a:pt x="7" y="15"/>
                    </a:lnTo>
                    <a:lnTo>
                      <a:pt x="0" y="15"/>
                    </a:lnTo>
                    <a:lnTo>
                      <a:pt x="5" y="10"/>
                    </a:lnTo>
                    <a:lnTo>
                      <a:pt x="13" y="8"/>
                    </a:lnTo>
                    <a:lnTo>
                      <a:pt x="8" y="3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55" name="Freeform 96"/>
              <p:cNvSpPr>
                <a:spLocks/>
              </p:cNvSpPr>
              <p:nvPr/>
            </p:nvSpPr>
            <p:spPr bwMode="auto">
              <a:xfrm>
                <a:off x="627" y="3507"/>
                <a:ext cx="20" cy="15"/>
              </a:xfrm>
              <a:custGeom>
                <a:avLst/>
                <a:gdLst>
                  <a:gd name="T0" fmla="*/ 8 w 20"/>
                  <a:gd name="T1" fmla="*/ 3 h 15"/>
                  <a:gd name="T2" fmla="*/ 15 w 20"/>
                  <a:gd name="T3" fmla="*/ 0 h 15"/>
                  <a:gd name="T4" fmla="*/ 20 w 20"/>
                  <a:gd name="T5" fmla="*/ 8 h 15"/>
                  <a:gd name="T6" fmla="*/ 7 w 20"/>
                  <a:gd name="T7" fmla="*/ 15 h 15"/>
                  <a:gd name="T8" fmla="*/ 0 w 20"/>
                  <a:gd name="T9" fmla="*/ 15 h 15"/>
                  <a:gd name="T10" fmla="*/ 5 w 20"/>
                  <a:gd name="T11" fmla="*/ 10 h 15"/>
                  <a:gd name="T12" fmla="*/ 13 w 20"/>
                  <a:gd name="T13" fmla="*/ 8 h 15"/>
                  <a:gd name="T14" fmla="*/ 8 w 20"/>
                  <a:gd name="T15" fmla="*/ 3 h 1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0"/>
                  <a:gd name="T25" fmla="*/ 0 h 15"/>
                  <a:gd name="T26" fmla="*/ 20 w 20"/>
                  <a:gd name="T27" fmla="*/ 15 h 1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0" h="15">
                    <a:moveTo>
                      <a:pt x="8" y="3"/>
                    </a:moveTo>
                    <a:lnTo>
                      <a:pt x="15" y="0"/>
                    </a:lnTo>
                    <a:lnTo>
                      <a:pt x="20" y="8"/>
                    </a:lnTo>
                    <a:lnTo>
                      <a:pt x="7" y="15"/>
                    </a:lnTo>
                    <a:lnTo>
                      <a:pt x="0" y="15"/>
                    </a:lnTo>
                    <a:lnTo>
                      <a:pt x="5" y="10"/>
                    </a:lnTo>
                    <a:lnTo>
                      <a:pt x="13" y="8"/>
                    </a:lnTo>
                    <a:lnTo>
                      <a:pt x="8" y="3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56" name="Freeform 97"/>
              <p:cNvSpPr>
                <a:spLocks/>
              </p:cNvSpPr>
              <p:nvPr/>
            </p:nvSpPr>
            <p:spPr bwMode="auto">
              <a:xfrm>
                <a:off x="600" y="3513"/>
                <a:ext cx="23" cy="19"/>
              </a:xfrm>
              <a:custGeom>
                <a:avLst/>
                <a:gdLst>
                  <a:gd name="T0" fmla="*/ 0 w 23"/>
                  <a:gd name="T1" fmla="*/ 19 h 19"/>
                  <a:gd name="T2" fmla="*/ 0 w 23"/>
                  <a:gd name="T3" fmla="*/ 17 h 19"/>
                  <a:gd name="T4" fmla="*/ 0 w 23"/>
                  <a:gd name="T5" fmla="*/ 17 h 19"/>
                  <a:gd name="T6" fmla="*/ 1 w 23"/>
                  <a:gd name="T7" fmla="*/ 16 h 19"/>
                  <a:gd name="T8" fmla="*/ 1 w 23"/>
                  <a:gd name="T9" fmla="*/ 14 h 19"/>
                  <a:gd name="T10" fmla="*/ 3 w 23"/>
                  <a:gd name="T11" fmla="*/ 12 h 19"/>
                  <a:gd name="T12" fmla="*/ 5 w 23"/>
                  <a:gd name="T13" fmla="*/ 11 h 19"/>
                  <a:gd name="T14" fmla="*/ 6 w 23"/>
                  <a:gd name="T15" fmla="*/ 9 h 19"/>
                  <a:gd name="T16" fmla="*/ 8 w 23"/>
                  <a:gd name="T17" fmla="*/ 5 h 19"/>
                  <a:gd name="T18" fmla="*/ 12 w 23"/>
                  <a:gd name="T19" fmla="*/ 4 h 19"/>
                  <a:gd name="T20" fmla="*/ 13 w 23"/>
                  <a:gd name="T21" fmla="*/ 4 h 19"/>
                  <a:gd name="T22" fmla="*/ 15 w 23"/>
                  <a:gd name="T23" fmla="*/ 2 h 19"/>
                  <a:gd name="T24" fmla="*/ 18 w 23"/>
                  <a:gd name="T25" fmla="*/ 0 h 19"/>
                  <a:gd name="T26" fmla="*/ 18 w 23"/>
                  <a:gd name="T27" fmla="*/ 0 h 19"/>
                  <a:gd name="T28" fmla="*/ 20 w 23"/>
                  <a:gd name="T29" fmla="*/ 0 h 19"/>
                  <a:gd name="T30" fmla="*/ 22 w 23"/>
                  <a:gd name="T31" fmla="*/ 0 h 19"/>
                  <a:gd name="T32" fmla="*/ 22 w 23"/>
                  <a:gd name="T33" fmla="*/ 0 h 19"/>
                  <a:gd name="T34" fmla="*/ 23 w 23"/>
                  <a:gd name="T35" fmla="*/ 2 h 19"/>
                  <a:gd name="T36" fmla="*/ 22 w 23"/>
                  <a:gd name="T37" fmla="*/ 4 h 19"/>
                  <a:gd name="T38" fmla="*/ 22 w 23"/>
                  <a:gd name="T39" fmla="*/ 4 h 19"/>
                  <a:gd name="T40" fmla="*/ 20 w 23"/>
                  <a:gd name="T41" fmla="*/ 5 h 19"/>
                  <a:gd name="T42" fmla="*/ 20 w 23"/>
                  <a:gd name="T43" fmla="*/ 7 h 19"/>
                  <a:gd name="T44" fmla="*/ 18 w 23"/>
                  <a:gd name="T45" fmla="*/ 9 h 19"/>
                  <a:gd name="T46" fmla="*/ 17 w 23"/>
                  <a:gd name="T47" fmla="*/ 11 h 19"/>
                  <a:gd name="T48" fmla="*/ 13 w 23"/>
                  <a:gd name="T49" fmla="*/ 12 h 19"/>
                  <a:gd name="T50" fmla="*/ 12 w 23"/>
                  <a:gd name="T51" fmla="*/ 14 h 19"/>
                  <a:gd name="T52" fmla="*/ 10 w 23"/>
                  <a:gd name="T53" fmla="*/ 16 h 19"/>
                  <a:gd name="T54" fmla="*/ 6 w 23"/>
                  <a:gd name="T55" fmla="*/ 17 h 19"/>
                  <a:gd name="T56" fmla="*/ 5 w 23"/>
                  <a:gd name="T57" fmla="*/ 17 h 19"/>
                  <a:gd name="T58" fmla="*/ 3 w 23"/>
                  <a:gd name="T59" fmla="*/ 19 h 19"/>
                  <a:gd name="T60" fmla="*/ 1 w 23"/>
                  <a:gd name="T61" fmla="*/ 19 h 19"/>
                  <a:gd name="T62" fmla="*/ 1 w 23"/>
                  <a:gd name="T63" fmla="*/ 19 h 19"/>
                  <a:gd name="T64" fmla="*/ 0 w 23"/>
                  <a:gd name="T65" fmla="*/ 19 h 19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w 23"/>
                  <a:gd name="T100" fmla="*/ 0 h 19"/>
                  <a:gd name="T101" fmla="*/ 23 w 23"/>
                  <a:gd name="T102" fmla="*/ 19 h 19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T99" t="T100" r="T101" b="T102"/>
                <a:pathLst>
                  <a:path w="23" h="19">
                    <a:moveTo>
                      <a:pt x="0" y="19"/>
                    </a:moveTo>
                    <a:lnTo>
                      <a:pt x="0" y="17"/>
                    </a:lnTo>
                    <a:lnTo>
                      <a:pt x="1" y="16"/>
                    </a:lnTo>
                    <a:lnTo>
                      <a:pt x="1" y="14"/>
                    </a:lnTo>
                    <a:lnTo>
                      <a:pt x="3" y="12"/>
                    </a:lnTo>
                    <a:lnTo>
                      <a:pt x="5" y="11"/>
                    </a:lnTo>
                    <a:lnTo>
                      <a:pt x="6" y="9"/>
                    </a:lnTo>
                    <a:lnTo>
                      <a:pt x="8" y="5"/>
                    </a:lnTo>
                    <a:lnTo>
                      <a:pt x="12" y="4"/>
                    </a:lnTo>
                    <a:lnTo>
                      <a:pt x="13" y="4"/>
                    </a:lnTo>
                    <a:lnTo>
                      <a:pt x="15" y="2"/>
                    </a:lnTo>
                    <a:lnTo>
                      <a:pt x="18" y="0"/>
                    </a:lnTo>
                    <a:lnTo>
                      <a:pt x="20" y="0"/>
                    </a:lnTo>
                    <a:lnTo>
                      <a:pt x="22" y="0"/>
                    </a:lnTo>
                    <a:lnTo>
                      <a:pt x="23" y="2"/>
                    </a:lnTo>
                    <a:lnTo>
                      <a:pt x="22" y="4"/>
                    </a:lnTo>
                    <a:lnTo>
                      <a:pt x="20" y="5"/>
                    </a:lnTo>
                    <a:lnTo>
                      <a:pt x="20" y="7"/>
                    </a:lnTo>
                    <a:lnTo>
                      <a:pt x="18" y="9"/>
                    </a:lnTo>
                    <a:lnTo>
                      <a:pt x="17" y="11"/>
                    </a:lnTo>
                    <a:lnTo>
                      <a:pt x="13" y="12"/>
                    </a:lnTo>
                    <a:lnTo>
                      <a:pt x="12" y="14"/>
                    </a:lnTo>
                    <a:lnTo>
                      <a:pt x="10" y="16"/>
                    </a:lnTo>
                    <a:lnTo>
                      <a:pt x="6" y="17"/>
                    </a:lnTo>
                    <a:lnTo>
                      <a:pt x="5" y="17"/>
                    </a:lnTo>
                    <a:lnTo>
                      <a:pt x="3" y="19"/>
                    </a:lnTo>
                    <a:lnTo>
                      <a:pt x="1" y="19"/>
                    </a:lnTo>
                    <a:lnTo>
                      <a:pt x="0" y="19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57" name="Freeform 98"/>
              <p:cNvSpPr>
                <a:spLocks/>
              </p:cNvSpPr>
              <p:nvPr/>
            </p:nvSpPr>
            <p:spPr bwMode="auto">
              <a:xfrm>
                <a:off x="600" y="3513"/>
                <a:ext cx="23" cy="19"/>
              </a:xfrm>
              <a:custGeom>
                <a:avLst/>
                <a:gdLst>
                  <a:gd name="T0" fmla="*/ 0 w 23"/>
                  <a:gd name="T1" fmla="*/ 19 h 19"/>
                  <a:gd name="T2" fmla="*/ 0 w 23"/>
                  <a:gd name="T3" fmla="*/ 19 h 19"/>
                  <a:gd name="T4" fmla="*/ 0 w 23"/>
                  <a:gd name="T5" fmla="*/ 17 h 19"/>
                  <a:gd name="T6" fmla="*/ 0 w 23"/>
                  <a:gd name="T7" fmla="*/ 17 h 19"/>
                  <a:gd name="T8" fmla="*/ 1 w 23"/>
                  <a:gd name="T9" fmla="*/ 16 h 19"/>
                  <a:gd name="T10" fmla="*/ 1 w 23"/>
                  <a:gd name="T11" fmla="*/ 14 h 19"/>
                  <a:gd name="T12" fmla="*/ 3 w 23"/>
                  <a:gd name="T13" fmla="*/ 12 h 19"/>
                  <a:gd name="T14" fmla="*/ 5 w 23"/>
                  <a:gd name="T15" fmla="*/ 11 h 19"/>
                  <a:gd name="T16" fmla="*/ 6 w 23"/>
                  <a:gd name="T17" fmla="*/ 9 h 19"/>
                  <a:gd name="T18" fmla="*/ 8 w 23"/>
                  <a:gd name="T19" fmla="*/ 5 h 19"/>
                  <a:gd name="T20" fmla="*/ 8 w 23"/>
                  <a:gd name="T21" fmla="*/ 5 h 19"/>
                  <a:gd name="T22" fmla="*/ 12 w 23"/>
                  <a:gd name="T23" fmla="*/ 4 h 19"/>
                  <a:gd name="T24" fmla="*/ 13 w 23"/>
                  <a:gd name="T25" fmla="*/ 4 h 19"/>
                  <a:gd name="T26" fmla="*/ 15 w 23"/>
                  <a:gd name="T27" fmla="*/ 2 h 19"/>
                  <a:gd name="T28" fmla="*/ 18 w 23"/>
                  <a:gd name="T29" fmla="*/ 0 h 19"/>
                  <a:gd name="T30" fmla="*/ 18 w 23"/>
                  <a:gd name="T31" fmla="*/ 0 h 19"/>
                  <a:gd name="T32" fmla="*/ 20 w 23"/>
                  <a:gd name="T33" fmla="*/ 0 h 19"/>
                  <a:gd name="T34" fmla="*/ 22 w 23"/>
                  <a:gd name="T35" fmla="*/ 0 h 19"/>
                  <a:gd name="T36" fmla="*/ 22 w 23"/>
                  <a:gd name="T37" fmla="*/ 0 h 19"/>
                  <a:gd name="T38" fmla="*/ 22 w 23"/>
                  <a:gd name="T39" fmla="*/ 0 h 19"/>
                  <a:gd name="T40" fmla="*/ 23 w 23"/>
                  <a:gd name="T41" fmla="*/ 2 h 19"/>
                  <a:gd name="T42" fmla="*/ 22 w 23"/>
                  <a:gd name="T43" fmla="*/ 4 h 19"/>
                  <a:gd name="T44" fmla="*/ 22 w 23"/>
                  <a:gd name="T45" fmla="*/ 4 h 19"/>
                  <a:gd name="T46" fmla="*/ 20 w 23"/>
                  <a:gd name="T47" fmla="*/ 5 h 19"/>
                  <a:gd name="T48" fmla="*/ 20 w 23"/>
                  <a:gd name="T49" fmla="*/ 7 h 19"/>
                  <a:gd name="T50" fmla="*/ 18 w 23"/>
                  <a:gd name="T51" fmla="*/ 9 h 19"/>
                  <a:gd name="T52" fmla="*/ 17 w 23"/>
                  <a:gd name="T53" fmla="*/ 11 h 19"/>
                  <a:gd name="T54" fmla="*/ 13 w 23"/>
                  <a:gd name="T55" fmla="*/ 12 h 19"/>
                  <a:gd name="T56" fmla="*/ 13 w 23"/>
                  <a:gd name="T57" fmla="*/ 12 h 19"/>
                  <a:gd name="T58" fmla="*/ 12 w 23"/>
                  <a:gd name="T59" fmla="*/ 14 h 19"/>
                  <a:gd name="T60" fmla="*/ 10 w 23"/>
                  <a:gd name="T61" fmla="*/ 16 h 19"/>
                  <a:gd name="T62" fmla="*/ 6 w 23"/>
                  <a:gd name="T63" fmla="*/ 17 h 19"/>
                  <a:gd name="T64" fmla="*/ 5 w 23"/>
                  <a:gd name="T65" fmla="*/ 17 h 19"/>
                  <a:gd name="T66" fmla="*/ 3 w 23"/>
                  <a:gd name="T67" fmla="*/ 19 h 19"/>
                  <a:gd name="T68" fmla="*/ 1 w 23"/>
                  <a:gd name="T69" fmla="*/ 19 h 19"/>
                  <a:gd name="T70" fmla="*/ 1 w 23"/>
                  <a:gd name="T71" fmla="*/ 19 h 19"/>
                  <a:gd name="T72" fmla="*/ 0 w 23"/>
                  <a:gd name="T73" fmla="*/ 19 h 19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w 23"/>
                  <a:gd name="T112" fmla="*/ 0 h 19"/>
                  <a:gd name="T113" fmla="*/ 23 w 23"/>
                  <a:gd name="T114" fmla="*/ 19 h 19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T111" t="T112" r="T113" b="T114"/>
                <a:pathLst>
                  <a:path w="23" h="19">
                    <a:moveTo>
                      <a:pt x="0" y="19"/>
                    </a:moveTo>
                    <a:lnTo>
                      <a:pt x="0" y="19"/>
                    </a:lnTo>
                    <a:lnTo>
                      <a:pt x="0" y="17"/>
                    </a:lnTo>
                    <a:lnTo>
                      <a:pt x="1" y="16"/>
                    </a:lnTo>
                    <a:lnTo>
                      <a:pt x="1" y="14"/>
                    </a:lnTo>
                    <a:lnTo>
                      <a:pt x="3" y="12"/>
                    </a:lnTo>
                    <a:lnTo>
                      <a:pt x="5" y="11"/>
                    </a:lnTo>
                    <a:lnTo>
                      <a:pt x="6" y="9"/>
                    </a:lnTo>
                    <a:lnTo>
                      <a:pt x="8" y="5"/>
                    </a:lnTo>
                    <a:lnTo>
                      <a:pt x="12" y="4"/>
                    </a:lnTo>
                    <a:lnTo>
                      <a:pt x="13" y="4"/>
                    </a:lnTo>
                    <a:lnTo>
                      <a:pt x="15" y="2"/>
                    </a:lnTo>
                    <a:lnTo>
                      <a:pt x="18" y="0"/>
                    </a:lnTo>
                    <a:lnTo>
                      <a:pt x="20" y="0"/>
                    </a:lnTo>
                    <a:lnTo>
                      <a:pt x="22" y="0"/>
                    </a:lnTo>
                    <a:lnTo>
                      <a:pt x="23" y="2"/>
                    </a:lnTo>
                    <a:lnTo>
                      <a:pt x="22" y="4"/>
                    </a:lnTo>
                    <a:lnTo>
                      <a:pt x="20" y="5"/>
                    </a:lnTo>
                    <a:lnTo>
                      <a:pt x="20" y="7"/>
                    </a:lnTo>
                    <a:lnTo>
                      <a:pt x="18" y="9"/>
                    </a:lnTo>
                    <a:lnTo>
                      <a:pt x="17" y="11"/>
                    </a:lnTo>
                    <a:lnTo>
                      <a:pt x="13" y="12"/>
                    </a:lnTo>
                    <a:lnTo>
                      <a:pt x="12" y="14"/>
                    </a:lnTo>
                    <a:lnTo>
                      <a:pt x="10" y="16"/>
                    </a:lnTo>
                    <a:lnTo>
                      <a:pt x="6" y="17"/>
                    </a:lnTo>
                    <a:lnTo>
                      <a:pt x="5" y="17"/>
                    </a:lnTo>
                    <a:lnTo>
                      <a:pt x="3" y="19"/>
                    </a:lnTo>
                    <a:lnTo>
                      <a:pt x="1" y="19"/>
                    </a:lnTo>
                    <a:lnTo>
                      <a:pt x="0" y="19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58" name="Freeform 99"/>
              <p:cNvSpPr>
                <a:spLocks/>
              </p:cNvSpPr>
              <p:nvPr/>
            </p:nvSpPr>
            <p:spPr bwMode="auto">
              <a:xfrm>
                <a:off x="674" y="3486"/>
                <a:ext cx="12" cy="12"/>
              </a:xfrm>
              <a:custGeom>
                <a:avLst/>
                <a:gdLst>
                  <a:gd name="T0" fmla="*/ 0 w 12"/>
                  <a:gd name="T1" fmla="*/ 5 h 12"/>
                  <a:gd name="T2" fmla="*/ 0 w 12"/>
                  <a:gd name="T3" fmla="*/ 4 h 12"/>
                  <a:gd name="T4" fmla="*/ 2 w 12"/>
                  <a:gd name="T5" fmla="*/ 2 h 12"/>
                  <a:gd name="T6" fmla="*/ 4 w 12"/>
                  <a:gd name="T7" fmla="*/ 0 h 12"/>
                  <a:gd name="T8" fmla="*/ 7 w 12"/>
                  <a:gd name="T9" fmla="*/ 0 h 12"/>
                  <a:gd name="T10" fmla="*/ 9 w 12"/>
                  <a:gd name="T11" fmla="*/ 0 h 12"/>
                  <a:gd name="T12" fmla="*/ 10 w 12"/>
                  <a:gd name="T13" fmla="*/ 2 h 12"/>
                  <a:gd name="T14" fmla="*/ 12 w 12"/>
                  <a:gd name="T15" fmla="*/ 4 h 12"/>
                  <a:gd name="T16" fmla="*/ 12 w 12"/>
                  <a:gd name="T17" fmla="*/ 5 h 12"/>
                  <a:gd name="T18" fmla="*/ 12 w 12"/>
                  <a:gd name="T19" fmla="*/ 9 h 12"/>
                  <a:gd name="T20" fmla="*/ 10 w 12"/>
                  <a:gd name="T21" fmla="*/ 10 h 12"/>
                  <a:gd name="T22" fmla="*/ 9 w 12"/>
                  <a:gd name="T23" fmla="*/ 10 h 12"/>
                  <a:gd name="T24" fmla="*/ 7 w 12"/>
                  <a:gd name="T25" fmla="*/ 12 h 12"/>
                  <a:gd name="T26" fmla="*/ 4 w 12"/>
                  <a:gd name="T27" fmla="*/ 10 h 12"/>
                  <a:gd name="T28" fmla="*/ 2 w 12"/>
                  <a:gd name="T29" fmla="*/ 10 h 12"/>
                  <a:gd name="T30" fmla="*/ 0 w 12"/>
                  <a:gd name="T31" fmla="*/ 9 h 12"/>
                  <a:gd name="T32" fmla="*/ 0 w 12"/>
                  <a:gd name="T33" fmla="*/ 5 h 12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2"/>
                  <a:gd name="T52" fmla="*/ 0 h 12"/>
                  <a:gd name="T53" fmla="*/ 12 w 12"/>
                  <a:gd name="T54" fmla="*/ 12 h 12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2" h="12">
                    <a:moveTo>
                      <a:pt x="0" y="5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7" y="0"/>
                    </a:lnTo>
                    <a:lnTo>
                      <a:pt x="9" y="0"/>
                    </a:lnTo>
                    <a:lnTo>
                      <a:pt x="10" y="2"/>
                    </a:lnTo>
                    <a:lnTo>
                      <a:pt x="12" y="4"/>
                    </a:lnTo>
                    <a:lnTo>
                      <a:pt x="12" y="5"/>
                    </a:lnTo>
                    <a:lnTo>
                      <a:pt x="12" y="9"/>
                    </a:lnTo>
                    <a:lnTo>
                      <a:pt x="10" y="10"/>
                    </a:lnTo>
                    <a:lnTo>
                      <a:pt x="9" y="10"/>
                    </a:lnTo>
                    <a:lnTo>
                      <a:pt x="7" y="12"/>
                    </a:lnTo>
                    <a:lnTo>
                      <a:pt x="4" y="10"/>
                    </a:lnTo>
                    <a:lnTo>
                      <a:pt x="2" y="10"/>
                    </a:lnTo>
                    <a:lnTo>
                      <a:pt x="0" y="9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59" name="Freeform 100"/>
              <p:cNvSpPr>
                <a:spLocks/>
              </p:cNvSpPr>
              <p:nvPr/>
            </p:nvSpPr>
            <p:spPr bwMode="auto">
              <a:xfrm>
                <a:off x="674" y="3486"/>
                <a:ext cx="12" cy="12"/>
              </a:xfrm>
              <a:custGeom>
                <a:avLst/>
                <a:gdLst>
                  <a:gd name="T0" fmla="*/ 0 w 12"/>
                  <a:gd name="T1" fmla="*/ 5 h 12"/>
                  <a:gd name="T2" fmla="*/ 0 w 12"/>
                  <a:gd name="T3" fmla="*/ 5 h 12"/>
                  <a:gd name="T4" fmla="*/ 0 w 12"/>
                  <a:gd name="T5" fmla="*/ 4 h 12"/>
                  <a:gd name="T6" fmla="*/ 2 w 12"/>
                  <a:gd name="T7" fmla="*/ 2 h 12"/>
                  <a:gd name="T8" fmla="*/ 4 w 12"/>
                  <a:gd name="T9" fmla="*/ 0 h 12"/>
                  <a:gd name="T10" fmla="*/ 7 w 12"/>
                  <a:gd name="T11" fmla="*/ 0 h 12"/>
                  <a:gd name="T12" fmla="*/ 7 w 12"/>
                  <a:gd name="T13" fmla="*/ 0 h 12"/>
                  <a:gd name="T14" fmla="*/ 9 w 12"/>
                  <a:gd name="T15" fmla="*/ 0 h 12"/>
                  <a:gd name="T16" fmla="*/ 10 w 12"/>
                  <a:gd name="T17" fmla="*/ 2 h 12"/>
                  <a:gd name="T18" fmla="*/ 12 w 12"/>
                  <a:gd name="T19" fmla="*/ 4 h 12"/>
                  <a:gd name="T20" fmla="*/ 12 w 12"/>
                  <a:gd name="T21" fmla="*/ 5 h 12"/>
                  <a:gd name="T22" fmla="*/ 12 w 12"/>
                  <a:gd name="T23" fmla="*/ 5 h 12"/>
                  <a:gd name="T24" fmla="*/ 12 w 12"/>
                  <a:gd name="T25" fmla="*/ 9 h 12"/>
                  <a:gd name="T26" fmla="*/ 10 w 12"/>
                  <a:gd name="T27" fmla="*/ 10 h 12"/>
                  <a:gd name="T28" fmla="*/ 9 w 12"/>
                  <a:gd name="T29" fmla="*/ 10 h 12"/>
                  <a:gd name="T30" fmla="*/ 7 w 12"/>
                  <a:gd name="T31" fmla="*/ 12 h 12"/>
                  <a:gd name="T32" fmla="*/ 7 w 12"/>
                  <a:gd name="T33" fmla="*/ 12 h 12"/>
                  <a:gd name="T34" fmla="*/ 4 w 12"/>
                  <a:gd name="T35" fmla="*/ 10 h 12"/>
                  <a:gd name="T36" fmla="*/ 2 w 12"/>
                  <a:gd name="T37" fmla="*/ 10 h 12"/>
                  <a:gd name="T38" fmla="*/ 0 w 12"/>
                  <a:gd name="T39" fmla="*/ 9 h 12"/>
                  <a:gd name="T40" fmla="*/ 0 w 12"/>
                  <a:gd name="T41" fmla="*/ 5 h 12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2"/>
                  <a:gd name="T64" fmla="*/ 0 h 12"/>
                  <a:gd name="T65" fmla="*/ 12 w 12"/>
                  <a:gd name="T66" fmla="*/ 12 h 12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2" h="12">
                    <a:moveTo>
                      <a:pt x="0" y="5"/>
                    </a:moveTo>
                    <a:lnTo>
                      <a:pt x="0" y="5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7" y="0"/>
                    </a:lnTo>
                    <a:lnTo>
                      <a:pt x="9" y="0"/>
                    </a:lnTo>
                    <a:lnTo>
                      <a:pt x="10" y="2"/>
                    </a:lnTo>
                    <a:lnTo>
                      <a:pt x="12" y="4"/>
                    </a:lnTo>
                    <a:lnTo>
                      <a:pt x="12" y="5"/>
                    </a:lnTo>
                    <a:lnTo>
                      <a:pt x="12" y="9"/>
                    </a:lnTo>
                    <a:lnTo>
                      <a:pt x="10" y="10"/>
                    </a:lnTo>
                    <a:lnTo>
                      <a:pt x="9" y="10"/>
                    </a:lnTo>
                    <a:lnTo>
                      <a:pt x="7" y="12"/>
                    </a:lnTo>
                    <a:lnTo>
                      <a:pt x="4" y="10"/>
                    </a:lnTo>
                    <a:lnTo>
                      <a:pt x="2" y="10"/>
                    </a:lnTo>
                    <a:lnTo>
                      <a:pt x="0" y="9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60" name="Freeform 101"/>
              <p:cNvSpPr>
                <a:spLocks/>
              </p:cNvSpPr>
              <p:nvPr/>
            </p:nvSpPr>
            <p:spPr bwMode="auto">
              <a:xfrm>
                <a:off x="463" y="3535"/>
                <a:ext cx="10" cy="9"/>
              </a:xfrm>
              <a:custGeom>
                <a:avLst/>
                <a:gdLst>
                  <a:gd name="T0" fmla="*/ 0 w 10"/>
                  <a:gd name="T1" fmla="*/ 5 h 9"/>
                  <a:gd name="T2" fmla="*/ 0 w 10"/>
                  <a:gd name="T3" fmla="*/ 4 h 9"/>
                  <a:gd name="T4" fmla="*/ 1 w 10"/>
                  <a:gd name="T5" fmla="*/ 2 h 9"/>
                  <a:gd name="T6" fmla="*/ 3 w 10"/>
                  <a:gd name="T7" fmla="*/ 0 h 9"/>
                  <a:gd name="T8" fmla="*/ 5 w 10"/>
                  <a:gd name="T9" fmla="*/ 0 h 9"/>
                  <a:gd name="T10" fmla="*/ 6 w 10"/>
                  <a:gd name="T11" fmla="*/ 0 h 9"/>
                  <a:gd name="T12" fmla="*/ 8 w 10"/>
                  <a:gd name="T13" fmla="*/ 2 h 9"/>
                  <a:gd name="T14" fmla="*/ 10 w 10"/>
                  <a:gd name="T15" fmla="*/ 4 h 9"/>
                  <a:gd name="T16" fmla="*/ 10 w 10"/>
                  <a:gd name="T17" fmla="*/ 5 h 9"/>
                  <a:gd name="T18" fmla="*/ 10 w 10"/>
                  <a:gd name="T19" fmla="*/ 7 h 9"/>
                  <a:gd name="T20" fmla="*/ 8 w 10"/>
                  <a:gd name="T21" fmla="*/ 9 h 9"/>
                  <a:gd name="T22" fmla="*/ 6 w 10"/>
                  <a:gd name="T23" fmla="*/ 9 h 9"/>
                  <a:gd name="T24" fmla="*/ 5 w 10"/>
                  <a:gd name="T25" fmla="*/ 9 h 9"/>
                  <a:gd name="T26" fmla="*/ 3 w 10"/>
                  <a:gd name="T27" fmla="*/ 9 h 9"/>
                  <a:gd name="T28" fmla="*/ 1 w 10"/>
                  <a:gd name="T29" fmla="*/ 9 h 9"/>
                  <a:gd name="T30" fmla="*/ 0 w 10"/>
                  <a:gd name="T31" fmla="*/ 7 h 9"/>
                  <a:gd name="T32" fmla="*/ 0 w 10"/>
                  <a:gd name="T33" fmla="*/ 5 h 9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0"/>
                  <a:gd name="T52" fmla="*/ 0 h 9"/>
                  <a:gd name="T53" fmla="*/ 10 w 10"/>
                  <a:gd name="T54" fmla="*/ 9 h 9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0" h="9">
                    <a:moveTo>
                      <a:pt x="0" y="5"/>
                    </a:moveTo>
                    <a:lnTo>
                      <a:pt x="0" y="4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6" y="0"/>
                    </a:lnTo>
                    <a:lnTo>
                      <a:pt x="8" y="2"/>
                    </a:lnTo>
                    <a:lnTo>
                      <a:pt x="10" y="4"/>
                    </a:lnTo>
                    <a:lnTo>
                      <a:pt x="10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5" y="9"/>
                    </a:lnTo>
                    <a:lnTo>
                      <a:pt x="3" y="9"/>
                    </a:lnTo>
                    <a:lnTo>
                      <a:pt x="1" y="9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61" name="Freeform 102"/>
              <p:cNvSpPr>
                <a:spLocks/>
              </p:cNvSpPr>
              <p:nvPr/>
            </p:nvSpPr>
            <p:spPr bwMode="auto">
              <a:xfrm>
                <a:off x="463" y="3535"/>
                <a:ext cx="10" cy="9"/>
              </a:xfrm>
              <a:custGeom>
                <a:avLst/>
                <a:gdLst>
                  <a:gd name="T0" fmla="*/ 0 w 10"/>
                  <a:gd name="T1" fmla="*/ 5 h 9"/>
                  <a:gd name="T2" fmla="*/ 0 w 10"/>
                  <a:gd name="T3" fmla="*/ 5 h 9"/>
                  <a:gd name="T4" fmla="*/ 0 w 10"/>
                  <a:gd name="T5" fmla="*/ 4 h 9"/>
                  <a:gd name="T6" fmla="*/ 1 w 10"/>
                  <a:gd name="T7" fmla="*/ 2 h 9"/>
                  <a:gd name="T8" fmla="*/ 3 w 10"/>
                  <a:gd name="T9" fmla="*/ 0 h 9"/>
                  <a:gd name="T10" fmla="*/ 5 w 10"/>
                  <a:gd name="T11" fmla="*/ 0 h 9"/>
                  <a:gd name="T12" fmla="*/ 5 w 10"/>
                  <a:gd name="T13" fmla="*/ 0 h 9"/>
                  <a:gd name="T14" fmla="*/ 6 w 10"/>
                  <a:gd name="T15" fmla="*/ 0 h 9"/>
                  <a:gd name="T16" fmla="*/ 8 w 10"/>
                  <a:gd name="T17" fmla="*/ 2 h 9"/>
                  <a:gd name="T18" fmla="*/ 10 w 10"/>
                  <a:gd name="T19" fmla="*/ 4 h 9"/>
                  <a:gd name="T20" fmla="*/ 10 w 10"/>
                  <a:gd name="T21" fmla="*/ 5 h 9"/>
                  <a:gd name="T22" fmla="*/ 10 w 10"/>
                  <a:gd name="T23" fmla="*/ 5 h 9"/>
                  <a:gd name="T24" fmla="*/ 10 w 10"/>
                  <a:gd name="T25" fmla="*/ 7 h 9"/>
                  <a:gd name="T26" fmla="*/ 8 w 10"/>
                  <a:gd name="T27" fmla="*/ 9 h 9"/>
                  <a:gd name="T28" fmla="*/ 6 w 10"/>
                  <a:gd name="T29" fmla="*/ 9 h 9"/>
                  <a:gd name="T30" fmla="*/ 5 w 10"/>
                  <a:gd name="T31" fmla="*/ 9 h 9"/>
                  <a:gd name="T32" fmla="*/ 5 w 10"/>
                  <a:gd name="T33" fmla="*/ 9 h 9"/>
                  <a:gd name="T34" fmla="*/ 3 w 10"/>
                  <a:gd name="T35" fmla="*/ 9 h 9"/>
                  <a:gd name="T36" fmla="*/ 1 w 10"/>
                  <a:gd name="T37" fmla="*/ 9 h 9"/>
                  <a:gd name="T38" fmla="*/ 0 w 10"/>
                  <a:gd name="T39" fmla="*/ 7 h 9"/>
                  <a:gd name="T40" fmla="*/ 0 w 10"/>
                  <a:gd name="T41" fmla="*/ 5 h 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0"/>
                  <a:gd name="T64" fmla="*/ 0 h 9"/>
                  <a:gd name="T65" fmla="*/ 10 w 10"/>
                  <a:gd name="T66" fmla="*/ 9 h 9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0" h="9">
                    <a:moveTo>
                      <a:pt x="0" y="5"/>
                    </a:moveTo>
                    <a:lnTo>
                      <a:pt x="0" y="5"/>
                    </a:lnTo>
                    <a:lnTo>
                      <a:pt x="0" y="4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6" y="0"/>
                    </a:lnTo>
                    <a:lnTo>
                      <a:pt x="8" y="2"/>
                    </a:lnTo>
                    <a:lnTo>
                      <a:pt x="10" y="4"/>
                    </a:lnTo>
                    <a:lnTo>
                      <a:pt x="10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5" y="9"/>
                    </a:lnTo>
                    <a:lnTo>
                      <a:pt x="3" y="9"/>
                    </a:lnTo>
                    <a:lnTo>
                      <a:pt x="1" y="9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62" name="Freeform 103"/>
              <p:cNvSpPr>
                <a:spLocks/>
              </p:cNvSpPr>
              <p:nvPr/>
            </p:nvSpPr>
            <p:spPr bwMode="auto">
              <a:xfrm>
                <a:off x="515" y="3537"/>
                <a:ext cx="15" cy="9"/>
              </a:xfrm>
              <a:custGeom>
                <a:avLst/>
                <a:gdLst>
                  <a:gd name="T0" fmla="*/ 0 w 15"/>
                  <a:gd name="T1" fmla="*/ 5 h 9"/>
                  <a:gd name="T2" fmla="*/ 0 w 15"/>
                  <a:gd name="T3" fmla="*/ 3 h 9"/>
                  <a:gd name="T4" fmla="*/ 2 w 15"/>
                  <a:gd name="T5" fmla="*/ 2 h 9"/>
                  <a:gd name="T6" fmla="*/ 5 w 15"/>
                  <a:gd name="T7" fmla="*/ 0 h 9"/>
                  <a:gd name="T8" fmla="*/ 7 w 15"/>
                  <a:gd name="T9" fmla="*/ 0 h 9"/>
                  <a:gd name="T10" fmla="*/ 10 w 15"/>
                  <a:gd name="T11" fmla="*/ 0 h 9"/>
                  <a:gd name="T12" fmla="*/ 12 w 15"/>
                  <a:gd name="T13" fmla="*/ 2 h 9"/>
                  <a:gd name="T14" fmla="*/ 14 w 15"/>
                  <a:gd name="T15" fmla="*/ 3 h 9"/>
                  <a:gd name="T16" fmla="*/ 15 w 15"/>
                  <a:gd name="T17" fmla="*/ 5 h 9"/>
                  <a:gd name="T18" fmla="*/ 14 w 15"/>
                  <a:gd name="T19" fmla="*/ 7 h 9"/>
                  <a:gd name="T20" fmla="*/ 12 w 15"/>
                  <a:gd name="T21" fmla="*/ 7 h 9"/>
                  <a:gd name="T22" fmla="*/ 10 w 15"/>
                  <a:gd name="T23" fmla="*/ 9 h 9"/>
                  <a:gd name="T24" fmla="*/ 7 w 15"/>
                  <a:gd name="T25" fmla="*/ 9 h 9"/>
                  <a:gd name="T26" fmla="*/ 5 w 15"/>
                  <a:gd name="T27" fmla="*/ 9 h 9"/>
                  <a:gd name="T28" fmla="*/ 2 w 15"/>
                  <a:gd name="T29" fmla="*/ 7 h 9"/>
                  <a:gd name="T30" fmla="*/ 0 w 15"/>
                  <a:gd name="T31" fmla="*/ 7 h 9"/>
                  <a:gd name="T32" fmla="*/ 0 w 15"/>
                  <a:gd name="T33" fmla="*/ 5 h 9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5"/>
                  <a:gd name="T52" fmla="*/ 0 h 9"/>
                  <a:gd name="T53" fmla="*/ 15 w 15"/>
                  <a:gd name="T54" fmla="*/ 9 h 9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5" h="9">
                    <a:moveTo>
                      <a:pt x="0" y="5"/>
                    </a:moveTo>
                    <a:lnTo>
                      <a:pt x="0" y="3"/>
                    </a:lnTo>
                    <a:lnTo>
                      <a:pt x="2" y="2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10" y="0"/>
                    </a:lnTo>
                    <a:lnTo>
                      <a:pt x="12" y="2"/>
                    </a:lnTo>
                    <a:lnTo>
                      <a:pt x="14" y="3"/>
                    </a:lnTo>
                    <a:lnTo>
                      <a:pt x="15" y="5"/>
                    </a:lnTo>
                    <a:lnTo>
                      <a:pt x="14" y="7"/>
                    </a:lnTo>
                    <a:lnTo>
                      <a:pt x="12" y="7"/>
                    </a:lnTo>
                    <a:lnTo>
                      <a:pt x="10" y="9"/>
                    </a:lnTo>
                    <a:lnTo>
                      <a:pt x="7" y="9"/>
                    </a:lnTo>
                    <a:lnTo>
                      <a:pt x="5" y="9"/>
                    </a:lnTo>
                    <a:lnTo>
                      <a:pt x="2" y="7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63" name="Freeform 104"/>
              <p:cNvSpPr>
                <a:spLocks/>
              </p:cNvSpPr>
              <p:nvPr/>
            </p:nvSpPr>
            <p:spPr bwMode="auto">
              <a:xfrm>
                <a:off x="515" y="3537"/>
                <a:ext cx="15" cy="9"/>
              </a:xfrm>
              <a:custGeom>
                <a:avLst/>
                <a:gdLst>
                  <a:gd name="T0" fmla="*/ 0 w 15"/>
                  <a:gd name="T1" fmla="*/ 5 h 9"/>
                  <a:gd name="T2" fmla="*/ 0 w 15"/>
                  <a:gd name="T3" fmla="*/ 5 h 9"/>
                  <a:gd name="T4" fmla="*/ 0 w 15"/>
                  <a:gd name="T5" fmla="*/ 3 h 9"/>
                  <a:gd name="T6" fmla="*/ 2 w 15"/>
                  <a:gd name="T7" fmla="*/ 2 h 9"/>
                  <a:gd name="T8" fmla="*/ 5 w 15"/>
                  <a:gd name="T9" fmla="*/ 0 h 9"/>
                  <a:gd name="T10" fmla="*/ 7 w 15"/>
                  <a:gd name="T11" fmla="*/ 0 h 9"/>
                  <a:gd name="T12" fmla="*/ 7 w 15"/>
                  <a:gd name="T13" fmla="*/ 0 h 9"/>
                  <a:gd name="T14" fmla="*/ 10 w 15"/>
                  <a:gd name="T15" fmla="*/ 0 h 9"/>
                  <a:gd name="T16" fmla="*/ 12 w 15"/>
                  <a:gd name="T17" fmla="*/ 2 h 9"/>
                  <a:gd name="T18" fmla="*/ 14 w 15"/>
                  <a:gd name="T19" fmla="*/ 3 h 9"/>
                  <a:gd name="T20" fmla="*/ 15 w 15"/>
                  <a:gd name="T21" fmla="*/ 5 h 9"/>
                  <a:gd name="T22" fmla="*/ 15 w 15"/>
                  <a:gd name="T23" fmla="*/ 5 h 9"/>
                  <a:gd name="T24" fmla="*/ 14 w 15"/>
                  <a:gd name="T25" fmla="*/ 7 h 9"/>
                  <a:gd name="T26" fmla="*/ 12 w 15"/>
                  <a:gd name="T27" fmla="*/ 7 h 9"/>
                  <a:gd name="T28" fmla="*/ 10 w 15"/>
                  <a:gd name="T29" fmla="*/ 9 h 9"/>
                  <a:gd name="T30" fmla="*/ 7 w 15"/>
                  <a:gd name="T31" fmla="*/ 9 h 9"/>
                  <a:gd name="T32" fmla="*/ 7 w 15"/>
                  <a:gd name="T33" fmla="*/ 9 h 9"/>
                  <a:gd name="T34" fmla="*/ 5 w 15"/>
                  <a:gd name="T35" fmla="*/ 9 h 9"/>
                  <a:gd name="T36" fmla="*/ 2 w 15"/>
                  <a:gd name="T37" fmla="*/ 7 h 9"/>
                  <a:gd name="T38" fmla="*/ 0 w 15"/>
                  <a:gd name="T39" fmla="*/ 7 h 9"/>
                  <a:gd name="T40" fmla="*/ 0 w 15"/>
                  <a:gd name="T41" fmla="*/ 5 h 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5"/>
                  <a:gd name="T64" fmla="*/ 0 h 9"/>
                  <a:gd name="T65" fmla="*/ 15 w 15"/>
                  <a:gd name="T66" fmla="*/ 9 h 9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5" h="9">
                    <a:moveTo>
                      <a:pt x="0" y="5"/>
                    </a:moveTo>
                    <a:lnTo>
                      <a:pt x="0" y="5"/>
                    </a:lnTo>
                    <a:lnTo>
                      <a:pt x="0" y="3"/>
                    </a:lnTo>
                    <a:lnTo>
                      <a:pt x="2" y="2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10" y="0"/>
                    </a:lnTo>
                    <a:lnTo>
                      <a:pt x="12" y="2"/>
                    </a:lnTo>
                    <a:lnTo>
                      <a:pt x="14" y="3"/>
                    </a:lnTo>
                    <a:lnTo>
                      <a:pt x="15" y="5"/>
                    </a:lnTo>
                    <a:lnTo>
                      <a:pt x="14" y="7"/>
                    </a:lnTo>
                    <a:lnTo>
                      <a:pt x="12" y="7"/>
                    </a:lnTo>
                    <a:lnTo>
                      <a:pt x="10" y="9"/>
                    </a:lnTo>
                    <a:lnTo>
                      <a:pt x="7" y="9"/>
                    </a:lnTo>
                    <a:lnTo>
                      <a:pt x="5" y="9"/>
                    </a:lnTo>
                    <a:lnTo>
                      <a:pt x="2" y="7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64" name="Freeform 105"/>
              <p:cNvSpPr>
                <a:spLocks/>
              </p:cNvSpPr>
              <p:nvPr/>
            </p:nvSpPr>
            <p:spPr bwMode="auto">
              <a:xfrm>
                <a:off x="439" y="3529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1 h 10"/>
                  <a:gd name="T4" fmla="*/ 2 w 8"/>
                  <a:gd name="T5" fmla="*/ 1 h 10"/>
                  <a:gd name="T6" fmla="*/ 2 w 8"/>
                  <a:gd name="T7" fmla="*/ 0 h 10"/>
                  <a:gd name="T8" fmla="*/ 3 w 8"/>
                  <a:gd name="T9" fmla="*/ 0 h 10"/>
                  <a:gd name="T10" fmla="*/ 5 w 8"/>
                  <a:gd name="T11" fmla="*/ 0 h 10"/>
                  <a:gd name="T12" fmla="*/ 7 w 8"/>
                  <a:gd name="T13" fmla="*/ 1 h 10"/>
                  <a:gd name="T14" fmla="*/ 8 w 8"/>
                  <a:gd name="T15" fmla="*/ 1 h 10"/>
                  <a:gd name="T16" fmla="*/ 8 w 8"/>
                  <a:gd name="T17" fmla="*/ 5 h 10"/>
                  <a:gd name="T18" fmla="*/ 8 w 8"/>
                  <a:gd name="T19" fmla="*/ 6 h 10"/>
                  <a:gd name="T20" fmla="*/ 7 w 8"/>
                  <a:gd name="T21" fmla="*/ 8 h 10"/>
                  <a:gd name="T22" fmla="*/ 5 w 8"/>
                  <a:gd name="T23" fmla="*/ 10 h 10"/>
                  <a:gd name="T24" fmla="*/ 3 w 8"/>
                  <a:gd name="T25" fmla="*/ 10 h 10"/>
                  <a:gd name="T26" fmla="*/ 2 w 8"/>
                  <a:gd name="T27" fmla="*/ 10 h 10"/>
                  <a:gd name="T28" fmla="*/ 2 w 8"/>
                  <a:gd name="T29" fmla="*/ 8 h 10"/>
                  <a:gd name="T30" fmla="*/ 0 w 8"/>
                  <a:gd name="T31" fmla="*/ 6 h 10"/>
                  <a:gd name="T32" fmla="*/ 0 w 8"/>
                  <a:gd name="T33" fmla="*/ 5 h 1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8"/>
                  <a:gd name="T52" fmla="*/ 0 h 10"/>
                  <a:gd name="T53" fmla="*/ 8 w 8"/>
                  <a:gd name="T54" fmla="*/ 10 h 10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8" h="10">
                    <a:moveTo>
                      <a:pt x="0" y="5"/>
                    </a:moveTo>
                    <a:lnTo>
                      <a:pt x="0" y="1"/>
                    </a:lnTo>
                    <a:lnTo>
                      <a:pt x="2" y="1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1"/>
                    </a:lnTo>
                    <a:lnTo>
                      <a:pt x="8" y="1"/>
                    </a:lnTo>
                    <a:lnTo>
                      <a:pt x="8" y="5"/>
                    </a:lnTo>
                    <a:lnTo>
                      <a:pt x="8" y="6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6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65" name="Freeform 106"/>
              <p:cNvSpPr>
                <a:spLocks/>
              </p:cNvSpPr>
              <p:nvPr/>
            </p:nvSpPr>
            <p:spPr bwMode="auto">
              <a:xfrm>
                <a:off x="439" y="3529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5 h 10"/>
                  <a:gd name="T4" fmla="*/ 0 w 8"/>
                  <a:gd name="T5" fmla="*/ 1 h 10"/>
                  <a:gd name="T6" fmla="*/ 2 w 8"/>
                  <a:gd name="T7" fmla="*/ 1 h 10"/>
                  <a:gd name="T8" fmla="*/ 2 w 8"/>
                  <a:gd name="T9" fmla="*/ 0 h 10"/>
                  <a:gd name="T10" fmla="*/ 3 w 8"/>
                  <a:gd name="T11" fmla="*/ 0 h 10"/>
                  <a:gd name="T12" fmla="*/ 3 w 8"/>
                  <a:gd name="T13" fmla="*/ 0 h 10"/>
                  <a:gd name="T14" fmla="*/ 5 w 8"/>
                  <a:gd name="T15" fmla="*/ 0 h 10"/>
                  <a:gd name="T16" fmla="*/ 7 w 8"/>
                  <a:gd name="T17" fmla="*/ 1 h 10"/>
                  <a:gd name="T18" fmla="*/ 8 w 8"/>
                  <a:gd name="T19" fmla="*/ 1 h 10"/>
                  <a:gd name="T20" fmla="*/ 8 w 8"/>
                  <a:gd name="T21" fmla="*/ 5 h 10"/>
                  <a:gd name="T22" fmla="*/ 8 w 8"/>
                  <a:gd name="T23" fmla="*/ 5 h 10"/>
                  <a:gd name="T24" fmla="*/ 8 w 8"/>
                  <a:gd name="T25" fmla="*/ 6 h 10"/>
                  <a:gd name="T26" fmla="*/ 7 w 8"/>
                  <a:gd name="T27" fmla="*/ 8 h 10"/>
                  <a:gd name="T28" fmla="*/ 5 w 8"/>
                  <a:gd name="T29" fmla="*/ 10 h 10"/>
                  <a:gd name="T30" fmla="*/ 3 w 8"/>
                  <a:gd name="T31" fmla="*/ 10 h 10"/>
                  <a:gd name="T32" fmla="*/ 3 w 8"/>
                  <a:gd name="T33" fmla="*/ 10 h 10"/>
                  <a:gd name="T34" fmla="*/ 2 w 8"/>
                  <a:gd name="T35" fmla="*/ 10 h 10"/>
                  <a:gd name="T36" fmla="*/ 2 w 8"/>
                  <a:gd name="T37" fmla="*/ 8 h 10"/>
                  <a:gd name="T38" fmla="*/ 0 w 8"/>
                  <a:gd name="T39" fmla="*/ 6 h 10"/>
                  <a:gd name="T40" fmla="*/ 0 w 8"/>
                  <a:gd name="T41" fmla="*/ 5 h 1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8"/>
                  <a:gd name="T64" fmla="*/ 0 h 10"/>
                  <a:gd name="T65" fmla="*/ 8 w 8"/>
                  <a:gd name="T66" fmla="*/ 10 h 10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8" h="10">
                    <a:moveTo>
                      <a:pt x="0" y="5"/>
                    </a:moveTo>
                    <a:lnTo>
                      <a:pt x="0" y="5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1"/>
                    </a:lnTo>
                    <a:lnTo>
                      <a:pt x="8" y="1"/>
                    </a:lnTo>
                    <a:lnTo>
                      <a:pt x="8" y="5"/>
                    </a:lnTo>
                    <a:lnTo>
                      <a:pt x="8" y="6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6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66" name="Freeform 107"/>
              <p:cNvSpPr>
                <a:spLocks/>
              </p:cNvSpPr>
              <p:nvPr/>
            </p:nvSpPr>
            <p:spPr bwMode="auto">
              <a:xfrm>
                <a:off x="738" y="3474"/>
                <a:ext cx="7" cy="11"/>
              </a:xfrm>
              <a:custGeom>
                <a:avLst/>
                <a:gdLst>
                  <a:gd name="T0" fmla="*/ 0 w 7"/>
                  <a:gd name="T1" fmla="*/ 6 h 11"/>
                  <a:gd name="T2" fmla="*/ 0 w 7"/>
                  <a:gd name="T3" fmla="*/ 4 h 11"/>
                  <a:gd name="T4" fmla="*/ 2 w 7"/>
                  <a:gd name="T5" fmla="*/ 2 h 11"/>
                  <a:gd name="T6" fmla="*/ 2 w 7"/>
                  <a:gd name="T7" fmla="*/ 0 h 11"/>
                  <a:gd name="T8" fmla="*/ 4 w 7"/>
                  <a:gd name="T9" fmla="*/ 0 h 11"/>
                  <a:gd name="T10" fmla="*/ 6 w 7"/>
                  <a:gd name="T11" fmla="*/ 0 h 11"/>
                  <a:gd name="T12" fmla="*/ 7 w 7"/>
                  <a:gd name="T13" fmla="*/ 2 h 11"/>
                  <a:gd name="T14" fmla="*/ 7 w 7"/>
                  <a:gd name="T15" fmla="*/ 4 h 11"/>
                  <a:gd name="T16" fmla="*/ 7 w 7"/>
                  <a:gd name="T17" fmla="*/ 6 h 11"/>
                  <a:gd name="T18" fmla="*/ 7 w 7"/>
                  <a:gd name="T19" fmla="*/ 7 h 11"/>
                  <a:gd name="T20" fmla="*/ 7 w 7"/>
                  <a:gd name="T21" fmla="*/ 9 h 11"/>
                  <a:gd name="T22" fmla="*/ 6 w 7"/>
                  <a:gd name="T23" fmla="*/ 9 h 11"/>
                  <a:gd name="T24" fmla="*/ 4 w 7"/>
                  <a:gd name="T25" fmla="*/ 11 h 11"/>
                  <a:gd name="T26" fmla="*/ 2 w 7"/>
                  <a:gd name="T27" fmla="*/ 9 h 11"/>
                  <a:gd name="T28" fmla="*/ 2 w 7"/>
                  <a:gd name="T29" fmla="*/ 9 h 11"/>
                  <a:gd name="T30" fmla="*/ 0 w 7"/>
                  <a:gd name="T31" fmla="*/ 7 h 11"/>
                  <a:gd name="T32" fmla="*/ 0 w 7"/>
                  <a:gd name="T33" fmla="*/ 6 h 11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7"/>
                  <a:gd name="T52" fmla="*/ 0 h 11"/>
                  <a:gd name="T53" fmla="*/ 7 w 7"/>
                  <a:gd name="T54" fmla="*/ 11 h 11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7" h="11">
                    <a:moveTo>
                      <a:pt x="0" y="6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2"/>
                    </a:lnTo>
                    <a:lnTo>
                      <a:pt x="7" y="4"/>
                    </a:lnTo>
                    <a:lnTo>
                      <a:pt x="7" y="6"/>
                    </a:lnTo>
                    <a:lnTo>
                      <a:pt x="7" y="7"/>
                    </a:lnTo>
                    <a:lnTo>
                      <a:pt x="7" y="9"/>
                    </a:lnTo>
                    <a:lnTo>
                      <a:pt x="6" y="9"/>
                    </a:lnTo>
                    <a:lnTo>
                      <a:pt x="4" y="11"/>
                    </a:lnTo>
                    <a:lnTo>
                      <a:pt x="2" y="9"/>
                    </a:lnTo>
                    <a:lnTo>
                      <a:pt x="0" y="7"/>
                    </a:lnTo>
                    <a:lnTo>
                      <a:pt x="0" y="6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67" name="Freeform 108"/>
              <p:cNvSpPr>
                <a:spLocks/>
              </p:cNvSpPr>
              <p:nvPr/>
            </p:nvSpPr>
            <p:spPr bwMode="auto">
              <a:xfrm>
                <a:off x="738" y="3474"/>
                <a:ext cx="7" cy="11"/>
              </a:xfrm>
              <a:custGeom>
                <a:avLst/>
                <a:gdLst>
                  <a:gd name="T0" fmla="*/ 0 w 7"/>
                  <a:gd name="T1" fmla="*/ 6 h 11"/>
                  <a:gd name="T2" fmla="*/ 0 w 7"/>
                  <a:gd name="T3" fmla="*/ 6 h 11"/>
                  <a:gd name="T4" fmla="*/ 0 w 7"/>
                  <a:gd name="T5" fmla="*/ 4 h 11"/>
                  <a:gd name="T6" fmla="*/ 2 w 7"/>
                  <a:gd name="T7" fmla="*/ 2 h 11"/>
                  <a:gd name="T8" fmla="*/ 2 w 7"/>
                  <a:gd name="T9" fmla="*/ 0 h 11"/>
                  <a:gd name="T10" fmla="*/ 4 w 7"/>
                  <a:gd name="T11" fmla="*/ 0 h 11"/>
                  <a:gd name="T12" fmla="*/ 4 w 7"/>
                  <a:gd name="T13" fmla="*/ 0 h 11"/>
                  <a:gd name="T14" fmla="*/ 6 w 7"/>
                  <a:gd name="T15" fmla="*/ 0 h 11"/>
                  <a:gd name="T16" fmla="*/ 7 w 7"/>
                  <a:gd name="T17" fmla="*/ 2 h 11"/>
                  <a:gd name="T18" fmla="*/ 7 w 7"/>
                  <a:gd name="T19" fmla="*/ 4 h 11"/>
                  <a:gd name="T20" fmla="*/ 7 w 7"/>
                  <a:gd name="T21" fmla="*/ 6 h 11"/>
                  <a:gd name="T22" fmla="*/ 7 w 7"/>
                  <a:gd name="T23" fmla="*/ 6 h 11"/>
                  <a:gd name="T24" fmla="*/ 7 w 7"/>
                  <a:gd name="T25" fmla="*/ 7 h 11"/>
                  <a:gd name="T26" fmla="*/ 7 w 7"/>
                  <a:gd name="T27" fmla="*/ 9 h 11"/>
                  <a:gd name="T28" fmla="*/ 6 w 7"/>
                  <a:gd name="T29" fmla="*/ 9 h 11"/>
                  <a:gd name="T30" fmla="*/ 4 w 7"/>
                  <a:gd name="T31" fmla="*/ 11 h 11"/>
                  <a:gd name="T32" fmla="*/ 4 w 7"/>
                  <a:gd name="T33" fmla="*/ 11 h 11"/>
                  <a:gd name="T34" fmla="*/ 2 w 7"/>
                  <a:gd name="T35" fmla="*/ 9 h 11"/>
                  <a:gd name="T36" fmla="*/ 2 w 7"/>
                  <a:gd name="T37" fmla="*/ 9 h 11"/>
                  <a:gd name="T38" fmla="*/ 0 w 7"/>
                  <a:gd name="T39" fmla="*/ 7 h 11"/>
                  <a:gd name="T40" fmla="*/ 0 w 7"/>
                  <a:gd name="T41" fmla="*/ 6 h 11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7"/>
                  <a:gd name="T64" fmla="*/ 0 h 11"/>
                  <a:gd name="T65" fmla="*/ 7 w 7"/>
                  <a:gd name="T66" fmla="*/ 11 h 11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7" h="11">
                    <a:moveTo>
                      <a:pt x="0" y="6"/>
                    </a:moveTo>
                    <a:lnTo>
                      <a:pt x="0" y="6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2"/>
                    </a:lnTo>
                    <a:lnTo>
                      <a:pt x="7" y="4"/>
                    </a:lnTo>
                    <a:lnTo>
                      <a:pt x="7" y="6"/>
                    </a:lnTo>
                    <a:lnTo>
                      <a:pt x="7" y="7"/>
                    </a:lnTo>
                    <a:lnTo>
                      <a:pt x="7" y="9"/>
                    </a:lnTo>
                    <a:lnTo>
                      <a:pt x="6" y="9"/>
                    </a:lnTo>
                    <a:lnTo>
                      <a:pt x="4" y="11"/>
                    </a:lnTo>
                    <a:lnTo>
                      <a:pt x="2" y="9"/>
                    </a:lnTo>
                    <a:lnTo>
                      <a:pt x="0" y="7"/>
                    </a:lnTo>
                    <a:lnTo>
                      <a:pt x="0" y="6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68" name="Freeform 109"/>
              <p:cNvSpPr>
                <a:spLocks/>
              </p:cNvSpPr>
              <p:nvPr/>
            </p:nvSpPr>
            <p:spPr bwMode="auto">
              <a:xfrm>
                <a:off x="650" y="3331"/>
                <a:ext cx="21" cy="15"/>
              </a:xfrm>
              <a:custGeom>
                <a:avLst/>
                <a:gdLst>
                  <a:gd name="T0" fmla="*/ 2 w 21"/>
                  <a:gd name="T1" fmla="*/ 1 h 15"/>
                  <a:gd name="T2" fmla="*/ 19 w 21"/>
                  <a:gd name="T3" fmla="*/ 0 h 15"/>
                  <a:gd name="T4" fmla="*/ 19 w 21"/>
                  <a:gd name="T5" fmla="*/ 1 h 15"/>
                  <a:gd name="T6" fmla="*/ 19 w 21"/>
                  <a:gd name="T7" fmla="*/ 3 h 15"/>
                  <a:gd name="T8" fmla="*/ 21 w 21"/>
                  <a:gd name="T9" fmla="*/ 5 h 15"/>
                  <a:gd name="T10" fmla="*/ 21 w 21"/>
                  <a:gd name="T11" fmla="*/ 8 h 15"/>
                  <a:gd name="T12" fmla="*/ 21 w 21"/>
                  <a:gd name="T13" fmla="*/ 10 h 15"/>
                  <a:gd name="T14" fmla="*/ 21 w 21"/>
                  <a:gd name="T15" fmla="*/ 13 h 15"/>
                  <a:gd name="T16" fmla="*/ 17 w 21"/>
                  <a:gd name="T17" fmla="*/ 15 h 15"/>
                  <a:gd name="T18" fmla="*/ 12 w 21"/>
                  <a:gd name="T19" fmla="*/ 15 h 15"/>
                  <a:gd name="T20" fmla="*/ 12 w 21"/>
                  <a:gd name="T21" fmla="*/ 15 h 15"/>
                  <a:gd name="T22" fmla="*/ 11 w 21"/>
                  <a:gd name="T23" fmla="*/ 13 h 15"/>
                  <a:gd name="T24" fmla="*/ 7 w 21"/>
                  <a:gd name="T25" fmla="*/ 11 h 15"/>
                  <a:gd name="T26" fmla="*/ 6 w 21"/>
                  <a:gd name="T27" fmla="*/ 10 h 15"/>
                  <a:gd name="T28" fmla="*/ 4 w 21"/>
                  <a:gd name="T29" fmla="*/ 8 h 15"/>
                  <a:gd name="T30" fmla="*/ 2 w 21"/>
                  <a:gd name="T31" fmla="*/ 6 h 15"/>
                  <a:gd name="T32" fmla="*/ 0 w 21"/>
                  <a:gd name="T33" fmla="*/ 6 h 15"/>
                  <a:gd name="T34" fmla="*/ 0 w 21"/>
                  <a:gd name="T35" fmla="*/ 6 h 15"/>
                  <a:gd name="T36" fmla="*/ 2 w 21"/>
                  <a:gd name="T37" fmla="*/ 1 h 15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w 21"/>
                  <a:gd name="T58" fmla="*/ 0 h 15"/>
                  <a:gd name="T59" fmla="*/ 21 w 21"/>
                  <a:gd name="T60" fmla="*/ 15 h 15"/>
                </a:gdLst>
                <a:ahLst/>
                <a:cxnLst>
                  <a:cxn ang="T38">
                    <a:pos x="T0" y="T1"/>
                  </a:cxn>
                  <a:cxn ang="T39">
                    <a:pos x="T2" y="T3"/>
                  </a:cxn>
                  <a:cxn ang="T40">
                    <a:pos x="T4" y="T5"/>
                  </a:cxn>
                  <a:cxn ang="T41">
                    <a:pos x="T6" y="T7"/>
                  </a:cxn>
                  <a:cxn ang="T42">
                    <a:pos x="T8" y="T9"/>
                  </a:cxn>
                  <a:cxn ang="T43">
                    <a:pos x="T10" y="T11"/>
                  </a:cxn>
                  <a:cxn ang="T44">
                    <a:pos x="T12" y="T13"/>
                  </a:cxn>
                  <a:cxn ang="T45">
                    <a:pos x="T14" y="T15"/>
                  </a:cxn>
                  <a:cxn ang="T46">
                    <a:pos x="T16" y="T17"/>
                  </a:cxn>
                  <a:cxn ang="T47">
                    <a:pos x="T18" y="T19"/>
                  </a:cxn>
                  <a:cxn ang="T48">
                    <a:pos x="T20" y="T21"/>
                  </a:cxn>
                  <a:cxn ang="T49">
                    <a:pos x="T22" y="T23"/>
                  </a:cxn>
                  <a:cxn ang="T50">
                    <a:pos x="T24" y="T25"/>
                  </a:cxn>
                  <a:cxn ang="T51">
                    <a:pos x="T26" y="T27"/>
                  </a:cxn>
                  <a:cxn ang="T52">
                    <a:pos x="T28" y="T29"/>
                  </a:cxn>
                  <a:cxn ang="T53">
                    <a:pos x="T30" y="T31"/>
                  </a:cxn>
                  <a:cxn ang="T54">
                    <a:pos x="T32" y="T33"/>
                  </a:cxn>
                  <a:cxn ang="T55">
                    <a:pos x="T34" y="T35"/>
                  </a:cxn>
                  <a:cxn ang="T56">
                    <a:pos x="T36" y="T37"/>
                  </a:cxn>
                </a:cxnLst>
                <a:rect l="T57" t="T58" r="T59" b="T60"/>
                <a:pathLst>
                  <a:path w="21" h="15">
                    <a:moveTo>
                      <a:pt x="2" y="1"/>
                    </a:moveTo>
                    <a:lnTo>
                      <a:pt x="19" y="0"/>
                    </a:lnTo>
                    <a:lnTo>
                      <a:pt x="19" y="1"/>
                    </a:lnTo>
                    <a:lnTo>
                      <a:pt x="19" y="3"/>
                    </a:lnTo>
                    <a:lnTo>
                      <a:pt x="21" y="5"/>
                    </a:lnTo>
                    <a:lnTo>
                      <a:pt x="21" y="8"/>
                    </a:lnTo>
                    <a:lnTo>
                      <a:pt x="21" y="10"/>
                    </a:lnTo>
                    <a:lnTo>
                      <a:pt x="21" y="13"/>
                    </a:lnTo>
                    <a:lnTo>
                      <a:pt x="17" y="15"/>
                    </a:lnTo>
                    <a:lnTo>
                      <a:pt x="12" y="15"/>
                    </a:lnTo>
                    <a:lnTo>
                      <a:pt x="11" y="13"/>
                    </a:lnTo>
                    <a:lnTo>
                      <a:pt x="7" y="11"/>
                    </a:lnTo>
                    <a:lnTo>
                      <a:pt x="6" y="10"/>
                    </a:lnTo>
                    <a:lnTo>
                      <a:pt x="4" y="8"/>
                    </a:lnTo>
                    <a:lnTo>
                      <a:pt x="2" y="6"/>
                    </a:lnTo>
                    <a:lnTo>
                      <a:pt x="0" y="6"/>
                    </a:lnTo>
                    <a:lnTo>
                      <a:pt x="2" y="1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69" name="Freeform 110"/>
              <p:cNvSpPr>
                <a:spLocks/>
              </p:cNvSpPr>
              <p:nvPr/>
            </p:nvSpPr>
            <p:spPr bwMode="auto">
              <a:xfrm>
                <a:off x="650" y="3331"/>
                <a:ext cx="21" cy="15"/>
              </a:xfrm>
              <a:custGeom>
                <a:avLst/>
                <a:gdLst>
                  <a:gd name="T0" fmla="*/ 2 w 21"/>
                  <a:gd name="T1" fmla="*/ 1 h 15"/>
                  <a:gd name="T2" fmla="*/ 19 w 21"/>
                  <a:gd name="T3" fmla="*/ 0 h 15"/>
                  <a:gd name="T4" fmla="*/ 19 w 21"/>
                  <a:gd name="T5" fmla="*/ 0 h 15"/>
                  <a:gd name="T6" fmla="*/ 19 w 21"/>
                  <a:gd name="T7" fmla="*/ 1 h 15"/>
                  <a:gd name="T8" fmla="*/ 19 w 21"/>
                  <a:gd name="T9" fmla="*/ 3 h 15"/>
                  <a:gd name="T10" fmla="*/ 21 w 21"/>
                  <a:gd name="T11" fmla="*/ 5 h 15"/>
                  <a:gd name="T12" fmla="*/ 21 w 21"/>
                  <a:gd name="T13" fmla="*/ 8 h 15"/>
                  <a:gd name="T14" fmla="*/ 21 w 21"/>
                  <a:gd name="T15" fmla="*/ 10 h 15"/>
                  <a:gd name="T16" fmla="*/ 21 w 21"/>
                  <a:gd name="T17" fmla="*/ 13 h 15"/>
                  <a:gd name="T18" fmla="*/ 17 w 21"/>
                  <a:gd name="T19" fmla="*/ 15 h 15"/>
                  <a:gd name="T20" fmla="*/ 12 w 21"/>
                  <a:gd name="T21" fmla="*/ 15 h 15"/>
                  <a:gd name="T22" fmla="*/ 12 w 21"/>
                  <a:gd name="T23" fmla="*/ 15 h 15"/>
                  <a:gd name="T24" fmla="*/ 12 w 21"/>
                  <a:gd name="T25" fmla="*/ 15 h 15"/>
                  <a:gd name="T26" fmla="*/ 11 w 21"/>
                  <a:gd name="T27" fmla="*/ 13 h 15"/>
                  <a:gd name="T28" fmla="*/ 7 w 21"/>
                  <a:gd name="T29" fmla="*/ 11 h 15"/>
                  <a:gd name="T30" fmla="*/ 6 w 21"/>
                  <a:gd name="T31" fmla="*/ 10 h 15"/>
                  <a:gd name="T32" fmla="*/ 4 w 21"/>
                  <a:gd name="T33" fmla="*/ 8 h 15"/>
                  <a:gd name="T34" fmla="*/ 2 w 21"/>
                  <a:gd name="T35" fmla="*/ 6 h 15"/>
                  <a:gd name="T36" fmla="*/ 0 w 21"/>
                  <a:gd name="T37" fmla="*/ 6 h 15"/>
                  <a:gd name="T38" fmla="*/ 0 w 21"/>
                  <a:gd name="T39" fmla="*/ 6 h 15"/>
                  <a:gd name="T40" fmla="*/ 2 w 21"/>
                  <a:gd name="T41" fmla="*/ 1 h 15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21"/>
                  <a:gd name="T64" fmla="*/ 0 h 15"/>
                  <a:gd name="T65" fmla="*/ 21 w 21"/>
                  <a:gd name="T66" fmla="*/ 15 h 15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21" h="15">
                    <a:moveTo>
                      <a:pt x="2" y="1"/>
                    </a:moveTo>
                    <a:lnTo>
                      <a:pt x="19" y="0"/>
                    </a:lnTo>
                    <a:lnTo>
                      <a:pt x="19" y="1"/>
                    </a:lnTo>
                    <a:lnTo>
                      <a:pt x="19" y="3"/>
                    </a:lnTo>
                    <a:lnTo>
                      <a:pt x="21" y="5"/>
                    </a:lnTo>
                    <a:lnTo>
                      <a:pt x="21" y="8"/>
                    </a:lnTo>
                    <a:lnTo>
                      <a:pt x="21" y="10"/>
                    </a:lnTo>
                    <a:lnTo>
                      <a:pt x="21" y="13"/>
                    </a:lnTo>
                    <a:lnTo>
                      <a:pt x="17" y="15"/>
                    </a:lnTo>
                    <a:lnTo>
                      <a:pt x="12" y="15"/>
                    </a:lnTo>
                    <a:lnTo>
                      <a:pt x="11" y="13"/>
                    </a:lnTo>
                    <a:lnTo>
                      <a:pt x="7" y="11"/>
                    </a:lnTo>
                    <a:lnTo>
                      <a:pt x="6" y="10"/>
                    </a:lnTo>
                    <a:lnTo>
                      <a:pt x="4" y="8"/>
                    </a:lnTo>
                    <a:lnTo>
                      <a:pt x="2" y="6"/>
                    </a:lnTo>
                    <a:lnTo>
                      <a:pt x="0" y="6"/>
                    </a:lnTo>
                    <a:lnTo>
                      <a:pt x="2" y="1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70" name="Freeform 111"/>
              <p:cNvSpPr>
                <a:spLocks/>
              </p:cNvSpPr>
              <p:nvPr/>
            </p:nvSpPr>
            <p:spPr bwMode="auto">
              <a:xfrm>
                <a:off x="495" y="3530"/>
                <a:ext cx="18" cy="9"/>
              </a:xfrm>
              <a:custGeom>
                <a:avLst/>
                <a:gdLst>
                  <a:gd name="T0" fmla="*/ 12 w 18"/>
                  <a:gd name="T1" fmla="*/ 2 h 9"/>
                  <a:gd name="T2" fmla="*/ 0 w 18"/>
                  <a:gd name="T3" fmla="*/ 5 h 9"/>
                  <a:gd name="T4" fmla="*/ 13 w 18"/>
                  <a:gd name="T5" fmla="*/ 9 h 9"/>
                  <a:gd name="T6" fmla="*/ 18 w 18"/>
                  <a:gd name="T7" fmla="*/ 0 h 9"/>
                  <a:gd name="T8" fmla="*/ 12 w 18"/>
                  <a:gd name="T9" fmla="*/ 2 h 9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18"/>
                  <a:gd name="T16" fmla="*/ 0 h 9"/>
                  <a:gd name="T17" fmla="*/ 18 w 18"/>
                  <a:gd name="T18" fmla="*/ 9 h 9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18" h="9">
                    <a:moveTo>
                      <a:pt x="12" y="2"/>
                    </a:moveTo>
                    <a:lnTo>
                      <a:pt x="0" y="5"/>
                    </a:lnTo>
                    <a:lnTo>
                      <a:pt x="13" y="9"/>
                    </a:lnTo>
                    <a:lnTo>
                      <a:pt x="18" y="0"/>
                    </a:lnTo>
                    <a:lnTo>
                      <a:pt x="12" y="2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71" name="Freeform 112"/>
              <p:cNvSpPr>
                <a:spLocks/>
              </p:cNvSpPr>
              <p:nvPr/>
            </p:nvSpPr>
            <p:spPr bwMode="auto">
              <a:xfrm>
                <a:off x="495" y="3530"/>
                <a:ext cx="18" cy="9"/>
              </a:xfrm>
              <a:custGeom>
                <a:avLst/>
                <a:gdLst>
                  <a:gd name="T0" fmla="*/ 12 w 18"/>
                  <a:gd name="T1" fmla="*/ 2 h 9"/>
                  <a:gd name="T2" fmla="*/ 0 w 18"/>
                  <a:gd name="T3" fmla="*/ 5 h 9"/>
                  <a:gd name="T4" fmla="*/ 13 w 18"/>
                  <a:gd name="T5" fmla="*/ 9 h 9"/>
                  <a:gd name="T6" fmla="*/ 18 w 18"/>
                  <a:gd name="T7" fmla="*/ 0 h 9"/>
                  <a:gd name="T8" fmla="*/ 12 w 18"/>
                  <a:gd name="T9" fmla="*/ 2 h 9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18"/>
                  <a:gd name="T16" fmla="*/ 0 h 9"/>
                  <a:gd name="T17" fmla="*/ 18 w 18"/>
                  <a:gd name="T18" fmla="*/ 9 h 9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18" h="9">
                    <a:moveTo>
                      <a:pt x="12" y="2"/>
                    </a:moveTo>
                    <a:lnTo>
                      <a:pt x="0" y="5"/>
                    </a:lnTo>
                    <a:lnTo>
                      <a:pt x="13" y="9"/>
                    </a:lnTo>
                    <a:lnTo>
                      <a:pt x="18" y="0"/>
                    </a:lnTo>
                    <a:lnTo>
                      <a:pt x="12" y="2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72" name="Freeform 113"/>
              <p:cNvSpPr>
                <a:spLocks/>
              </p:cNvSpPr>
              <p:nvPr/>
            </p:nvSpPr>
            <p:spPr bwMode="auto">
              <a:xfrm>
                <a:off x="606" y="3229"/>
                <a:ext cx="34" cy="25"/>
              </a:xfrm>
              <a:custGeom>
                <a:avLst/>
                <a:gdLst>
                  <a:gd name="T0" fmla="*/ 4 w 34"/>
                  <a:gd name="T1" fmla="*/ 0 h 25"/>
                  <a:gd name="T2" fmla="*/ 4 w 34"/>
                  <a:gd name="T3" fmla="*/ 0 h 25"/>
                  <a:gd name="T4" fmla="*/ 4 w 34"/>
                  <a:gd name="T5" fmla="*/ 2 h 25"/>
                  <a:gd name="T6" fmla="*/ 6 w 34"/>
                  <a:gd name="T7" fmla="*/ 3 h 25"/>
                  <a:gd name="T8" fmla="*/ 9 w 34"/>
                  <a:gd name="T9" fmla="*/ 5 h 25"/>
                  <a:gd name="T10" fmla="*/ 11 w 34"/>
                  <a:gd name="T11" fmla="*/ 7 h 25"/>
                  <a:gd name="T12" fmla="*/ 14 w 34"/>
                  <a:gd name="T13" fmla="*/ 7 h 25"/>
                  <a:gd name="T14" fmla="*/ 17 w 34"/>
                  <a:gd name="T15" fmla="*/ 5 h 25"/>
                  <a:gd name="T16" fmla="*/ 21 w 34"/>
                  <a:gd name="T17" fmla="*/ 3 h 25"/>
                  <a:gd name="T18" fmla="*/ 21 w 34"/>
                  <a:gd name="T19" fmla="*/ 3 h 25"/>
                  <a:gd name="T20" fmla="*/ 21 w 34"/>
                  <a:gd name="T21" fmla="*/ 5 h 25"/>
                  <a:gd name="T22" fmla="*/ 22 w 34"/>
                  <a:gd name="T23" fmla="*/ 7 h 25"/>
                  <a:gd name="T24" fmla="*/ 22 w 34"/>
                  <a:gd name="T25" fmla="*/ 10 h 25"/>
                  <a:gd name="T26" fmla="*/ 26 w 34"/>
                  <a:gd name="T27" fmla="*/ 14 h 25"/>
                  <a:gd name="T28" fmla="*/ 28 w 34"/>
                  <a:gd name="T29" fmla="*/ 15 h 25"/>
                  <a:gd name="T30" fmla="*/ 31 w 34"/>
                  <a:gd name="T31" fmla="*/ 17 h 25"/>
                  <a:gd name="T32" fmla="*/ 34 w 34"/>
                  <a:gd name="T33" fmla="*/ 17 h 25"/>
                  <a:gd name="T34" fmla="*/ 34 w 34"/>
                  <a:gd name="T35" fmla="*/ 19 h 25"/>
                  <a:gd name="T36" fmla="*/ 33 w 34"/>
                  <a:gd name="T37" fmla="*/ 19 h 25"/>
                  <a:gd name="T38" fmla="*/ 31 w 34"/>
                  <a:gd name="T39" fmla="*/ 20 h 25"/>
                  <a:gd name="T40" fmla="*/ 28 w 34"/>
                  <a:gd name="T41" fmla="*/ 22 h 25"/>
                  <a:gd name="T42" fmla="*/ 26 w 34"/>
                  <a:gd name="T43" fmla="*/ 24 h 25"/>
                  <a:gd name="T44" fmla="*/ 24 w 34"/>
                  <a:gd name="T45" fmla="*/ 25 h 25"/>
                  <a:gd name="T46" fmla="*/ 22 w 34"/>
                  <a:gd name="T47" fmla="*/ 25 h 25"/>
                  <a:gd name="T48" fmla="*/ 22 w 34"/>
                  <a:gd name="T49" fmla="*/ 25 h 25"/>
                  <a:gd name="T50" fmla="*/ 22 w 34"/>
                  <a:gd name="T51" fmla="*/ 25 h 25"/>
                  <a:gd name="T52" fmla="*/ 22 w 34"/>
                  <a:gd name="T53" fmla="*/ 24 h 25"/>
                  <a:gd name="T54" fmla="*/ 21 w 34"/>
                  <a:gd name="T55" fmla="*/ 20 h 25"/>
                  <a:gd name="T56" fmla="*/ 19 w 34"/>
                  <a:gd name="T57" fmla="*/ 19 h 25"/>
                  <a:gd name="T58" fmla="*/ 17 w 34"/>
                  <a:gd name="T59" fmla="*/ 15 h 25"/>
                  <a:gd name="T60" fmla="*/ 12 w 34"/>
                  <a:gd name="T61" fmla="*/ 14 h 25"/>
                  <a:gd name="T62" fmla="*/ 7 w 34"/>
                  <a:gd name="T63" fmla="*/ 10 h 25"/>
                  <a:gd name="T64" fmla="*/ 0 w 34"/>
                  <a:gd name="T65" fmla="*/ 10 h 25"/>
                  <a:gd name="T66" fmla="*/ 0 w 34"/>
                  <a:gd name="T67" fmla="*/ 9 h 25"/>
                  <a:gd name="T68" fmla="*/ 0 w 34"/>
                  <a:gd name="T69" fmla="*/ 5 h 25"/>
                  <a:gd name="T70" fmla="*/ 2 w 34"/>
                  <a:gd name="T71" fmla="*/ 2 h 25"/>
                  <a:gd name="T72" fmla="*/ 4 w 34"/>
                  <a:gd name="T73" fmla="*/ 0 h 25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w 34"/>
                  <a:gd name="T112" fmla="*/ 0 h 25"/>
                  <a:gd name="T113" fmla="*/ 34 w 34"/>
                  <a:gd name="T114" fmla="*/ 25 h 25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T111" t="T112" r="T113" b="T114"/>
                <a:pathLst>
                  <a:path w="34" h="25">
                    <a:moveTo>
                      <a:pt x="4" y="0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6" y="3"/>
                    </a:lnTo>
                    <a:lnTo>
                      <a:pt x="9" y="5"/>
                    </a:lnTo>
                    <a:lnTo>
                      <a:pt x="11" y="7"/>
                    </a:lnTo>
                    <a:lnTo>
                      <a:pt x="14" y="7"/>
                    </a:lnTo>
                    <a:lnTo>
                      <a:pt x="17" y="5"/>
                    </a:lnTo>
                    <a:lnTo>
                      <a:pt x="21" y="3"/>
                    </a:lnTo>
                    <a:lnTo>
                      <a:pt x="21" y="5"/>
                    </a:lnTo>
                    <a:lnTo>
                      <a:pt x="22" y="7"/>
                    </a:lnTo>
                    <a:lnTo>
                      <a:pt x="22" y="10"/>
                    </a:lnTo>
                    <a:lnTo>
                      <a:pt x="26" y="14"/>
                    </a:lnTo>
                    <a:lnTo>
                      <a:pt x="28" y="15"/>
                    </a:lnTo>
                    <a:lnTo>
                      <a:pt x="31" y="17"/>
                    </a:lnTo>
                    <a:lnTo>
                      <a:pt x="34" y="17"/>
                    </a:lnTo>
                    <a:lnTo>
                      <a:pt x="34" y="19"/>
                    </a:lnTo>
                    <a:lnTo>
                      <a:pt x="33" y="19"/>
                    </a:lnTo>
                    <a:lnTo>
                      <a:pt x="31" y="20"/>
                    </a:lnTo>
                    <a:lnTo>
                      <a:pt x="28" y="22"/>
                    </a:lnTo>
                    <a:lnTo>
                      <a:pt x="26" y="24"/>
                    </a:lnTo>
                    <a:lnTo>
                      <a:pt x="24" y="25"/>
                    </a:lnTo>
                    <a:lnTo>
                      <a:pt x="22" y="25"/>
                    </a:lnTo>
                    <a:lnTo>
                      <a:pt x="22" y="24"/>
                    </a:lnTo>
                    <a:lnTo>
                      <a:pt x="21" y="20"/>
                    </a:lnTo>
                    <a:lnTo>
                      <a:pt x="19" y="19"/>
                    </a:lnTo>
                    <a:lnTo>
                      <a:pt x="17" y="15"/>
                    </a:lnTo>
                    <a:lnTo>
                      <a:pt x="12" y="14"/>
                    </a:lnTo>
                    <a:lnTo>
                      <a:pt x="7" y="10"/>
                    </a:lnTo>
                    <a:lnTo>
                      <a:pt x="0" y="10"/>
                    </a:lnTo>
                    <a:lnTo>
                      <a:pt x="0" y="9"/>
                    </a:lnTo>
                    <a:lnTo>
                      <a:pt x="0" y="5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73" name="Freeform 114"/>
              <p:cNvSpPr>
                <a:spLocks/>
              </p:cNvSpPr>
              <p:nvPr/>
            </p:nvSpPr>
            <p:spPr bwMode="auto">
              <a:xfrm>
                <a:off x="606" y="3229"/>
                <a:ext cx="34" cy="25"/>
              </a:xfrm>
              <a:custGeom>
                <a:avLst/>
                <a:gdLst>
                  <a:gd name="T0" fmla="*/ 4 w 34"/>
                  <a:gd name="T1" fmla="*/ 0 h 25"/>
                  <a:gd name="T2" fmla="*/ 4 w 34"/>
                  <a:gd name="T3" fmla="*/ 0 h 25"/>
                  <a:gd name="T4" fmla="*/ 4 w 34"/>
                  <a:gd name="T5" fmla="*/ 0 h 25"/>
                  <a:gd name="T6" fmla="*/ 4 w 34"/>
                  <a:gd name="T7" fmla="*/ 2 h 25"/>
                  <a:gd name="T8" fmla="*/ 6 w 34"/>
                  <a:gd name="T9" fmla="*/ 3 h 25"/>
                  <a:gd name="T10" fmla="*/ 9 w 34"/>
                  <a:gd name="T11" fmla="*/ 5 h 25"/>
                  <a:gd name="T12" fmla="*/ 11 w 34"/>
                  <a:gd name="T13" fmla="*/ 7 h 25"/>
                  <a:gd name="T14" fmla="*/ 14 w 34"/>
                  <a:gd name="T15" fmla="*/ 7 h 25"/>
                  <a:gd name="T16" fmla="*/ 17 w 34"/>
                  <a:gd name="T17" fmla="*/ 5 h 25"/>
                  <a:gd name="T18" fmla="*/ 21 w 34"/>
                  <a:gd name="T19" fmla="*/ 3 h 25"/>
                  <a:gd name="T20" fmla="*/ 21 w 34"/>
                  <a:gd name="T21" fmla="*/ 3 h 25"/>
                  <a:gd name="T22" fmla="*/ 21 w 34"/>
                  <a:gd name="T23" fmla="*/ 3 h 25"/>
                  <a:gd name="T24" fmla="*/ 21 w 34"/>
                  <a:gd name="T25" fmla="*/ 5 h 25"/>
                  <a:gd name="T26" fmla="*/ 22 w 34"/>
                  <a:gd name="T27" fmla="*/ 7 h 25"/>
                  <a:gd name="T28" fmla="*/ 22 w 34"/>
                  <a:gd name="T29" fmla="*/ 10 h 25"/>
                  <a:gd name="T30" fmla="*/ 26 w 34"/>
                  <a:gd name="T31" fmla="*/ 14 h 25"/>
                  <a:gd name="T32" fmla="*/ 28 w 34"/>
                  <a:gd name="T33" fmla="*/ 15 h 25"/>
                  <a:gd name="T34" fmla="*/ 31 w 34"/>
                  <a:gd name="T35" fmla="*/ 17 h 25"/>
                  <a:gd name="T36" fmla="*/ 34 w 34"/>
                  <a:gd name="T37" fmla="*/ 17 h 25"/>
                  <a:gd name="T38" fmla="*/ 34 w 34"/>
                  <a:gd name="T39" fmla="*/ 17 h 25"/>
                  <a:gd name="T40" fmla="*/ 34 w 34"/>
                  <a:gd name="T41" fmla="*/ 19 h 25"/>
                  <a:gd name="T42" fmla="*/ 33 w 34"/>
                  <a:gd name="T43" fmla="*/ 19 h 25"/>
                  <a:gd name="T44" fmla="*/ 31 w 34"/>
                  <a:gd name="T45" fmla="*/ 20 h 25"/>
                  <a:gd name="T46" fmla="*/ 28 w 34"/>
                  <a:gd name="T47" fmla="*/ 22 h 25"/>
                  <a:gd name="T48" fmla="*/ 26 w 34"/>
                  <a:gd name="T49" fmla="*/ 24 h 25"/>
                  <a:gd name="T50" fmla="*/ 24 w 34"/>
                  <a:gd name="T51" fmla="*/ 25 h 25"/>
                  <a:gd name="T52" fmla="*/ 22 w 34"/>
                  <a:gd name="T53" fmla="*/ 25 h 25"/>
                  <a:gd name="T54" fmla="*/ 22 w 34"/>
                  <a:gd name="T55" fmla="*/ 25 h 25"/>
                  <a:gd name="T56" fmla="*/ 22 w 34"/>
                  <a:gd name="T57" fmla="*/ 25 h 25"/>
                  <a:gd name="T58" fmla="*/ 22 w 34"/>
                  <a:gd name="T59" fmla="*/ 25 h 25"/>
                  <a:gd name="T60" fmla="*/ 22 w 34"/>
                  <a:gd name="T61" fmla="*/ 24 h 25"/>
                  <a:gd name="T62" fmla="*/ 21 w 34"/>
                  <a:gd name="T63" fmla="*/ 20 h 25"/>
                  <a:gd name="T64" fmla="*/ 19 w 34"/>
                  <a:gd name="T65" fmla="*/ 19 h 25"/>
                  <a:gd name="T66" fmla="*/ 17 w 34"/>
                  <a:gd name="T67" fmla="*/ 15 h 25"/>
                  <a:gd name="T68" fmla="*/ 12 w 34"/>
                  <a:gd name="T69" fmla="*/ 14 h 25"/>
                  <a:gd name="T70" fmla="*/ 7 w 34"/>
                  <a:gd name="T71" fmla="*/ 10 h 25"/>
                  <a:gd name="T72" fmla="*/ 0 w 34"/>
                  <a:gd name="T73" fmla="*/ 10 h 25"/>
                  <a:gd name="T74" fmla="*/ 0 w 34"/>
                  <a:gd name="T75" fmla="*/ 10 h 25"/>
                  <a:gd name="T76" fmla="*/ 0 w 34"/>
                  <a:gd name="T77" fmla="*/ 9 h 25"/>
                  <a:gd name="T78" fmla="*/ 0 w 34"/>
                  <a:gd name="T79" fmla="*/ 5 h 25"/>
                  <a:gd name="T80" fmla="*/ 2 w 34"/>
                  <a:gd name="T81" fmla="*/ 2 h 25"/>
                  <a:gd name="T82" fmla="*/ 4 w 34"/>
                  <a:gd name="T83" fmla="*/ 0 h 25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w 34"/>
                  <a:gd name="T127" fmla="*/ 0 h 25"/>
                  <a:gd name="T128" fmla="*/ 34 w 34"/>
                  <a:gd name="T129" fmla="*/ 25 h 25"/>
                </a:gdLst>
                <a:ahLst/>
                <a:cxnLst>
                  <a:cxn ang="T84">
                    <a:pos x="T0" y="T1"/>
                  </a:cxn>
                  <a:cxn ang="T85">
                    <a:pos x="T2" y="T3"/>
                  </a:cxn>
                  <a:cxn ang="T86">
                    <a:pos x="T4" y="T5"/>
                  </a:cxn>
                  <a:cxn ang="T87">
                    <a:pos x="T6" y="T7"/>
                  </a:cxn>
                  <a:cxn ang="T88">
                    <a:pos x="T8" y="T9"/>
                  </a:cxn>
                  <a:cxn ang="T89">
                    <a:pos x="T10" y="T11"/>
                  </a:cxn>
                  <a:cxn ang="T90">
                    <a:pos x="T12" y="T13"/>
                  </a:cxn>
                  <a:cxn ang="T91">
                    <a:pos x="T14" y="T15"/>
                  </a:cxn>
                  <a:cxn ang="T92">
                    <a:pos x="T16" y="T17"/>
                  </a:cxn>
                  <a:cxn ang="T93">
                    <a:pos x="T18" y="T19"/>
                  </a:cxn>
                  <a:cxn ang="T94">
                    <a:pos x="T20" y="T21"/>
                  </a:cxn>
                  <a:cxn ang="T95">
                    <a:pos x="T22" y="T23"/>
                  </a:cxn>
                  <a:cxn ang="T96">
                    <a:pos x="T24" y="T25"/>
                  </a:cxn>
                  <a:cxn ang="T97">
                    <a:pos x="T26" y="T27"/>
                  </a:cxn>
                  <a:cxn ang="T98">
                    <a:pos x="T28" y="T29"/>
                  </a:cxn>
                  <a:cxn ang="T99">
                    <a:pos x="T30" y="T31"/>
                  </a:cxn>
                  <a:cxn ang="T100">
                    <a:pos x="T32" y="T33"/>
                  </a:cxn>
                  <a:cxn ang="T101">
                    <a:pos x="T34" y="T35"/>
                  </a:cxn>
                  <a:cxn ang="T102">
                    <a:pos x="T36" y="T37"/>
                  </a:cxn>
                  <a:cxn ang="T103">
                    <a:pos x="T38" y="T39"/>
                  </a:cxn>
                  <a:cxn ang="T104">
                    <a:pos x="T40" y="T41"/>
                  </a:cxn>
                  <a:cxn ang="T105">
                    <a:pos x="T42" y="T43"/>
                  </a:cxn>
                  <a:cxn ang="T106">
                    <a:pos x="T44" y="T45"/>
                  </a:cxn>
                  <a:cxn ang="T107">
                    <a:pos x="T46" y="T47"/>
                  </a:cxn>
                  <a:cxn ang="T108">
                    <a:pos x="T48" y="T49"/>
                  </a:cxn>
                  <a:cxn ang="T109">
                    <a:pos x="T50" y="T51"/>
                  </a:cxn>
                  <a:cxn ang="T110">
                    <a:pos x="T52" y="T53"/>
                  </a:cxn>
                  <a:cxn ang="T111">
                    <a:pos x="T54" y="T55"/>
                  </a:cxn>
                  <a:cxn ang="T112">
                    <a:pos x="T56" y="T57"/>
                  </a:cxn>
                  <a:cxn ang="T113">
                    <a:pos x="T58" y="T59"/>
                  </a:cxn>
                  <a:cxn ang="T114">
                    <a:pos x="T60" y="T61"/>
                  </a:cxn>
                  <a:cxn ang="T115">
                    <a:pos x="T62" y="T63"/>
                  </a:cxn>
                  <a:cxn ang="T116">
                    <a:pos x="T64" y="T65"/>
                  </a:cxn>
                  <a:cxn ang="T117">
                    <a:pos x="T66" y="T67"/>
                  </a:cxn>
                  <a:cxn ang="T118">
                    <a:pos x="T68" y="T69"/>
                  </a:cxn>
                  <a:cxn ang="T119">
                    <a:pos x="T70" y="T71"/>
                  </a:cxn>
                  <a:cxn ang="T120">
                    <a:pos x="T72" y="T73"/>
                  </a:cxn>
                  <a:cxn ang="T121">
                    <a:pos x="T74" y="T75"/>
                  </a:cxn>
                  <a:cxn ang="T122">
                    <a:pos x="T76" y="T77"/>
                  </a:cxn>
                  <a:cxn ang="T123">
                    <a:pos x="T78" y="T79"/>
                  </a:cxn>
                  <a:cxn ang="T124">
                    <a:pos x="T80" y="T81"/>
                  </a:cxn>
                  <a:cxn ang="T125">
                    <a:pos x="T82" y="T83"/>
                  </a:cxn>
                </a:cxnLst>
                <a:rect l="T126" t="T127" r="T128" b="T129"/>
                <a:pathLst>
                  <a:path w="34" h="25">
                    <a:moveTo>
                      <a:pt x="4" y="0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6" y="3"/>
                    </a:lnTo>
                    <a:lnTo>
                      <a:pt x="9" y="5"/>
                    </a:lnTo>
                    <a:lnTo>
                      <a:pt x="11" y="7"/>
                    </a:lnTo>
                    <a:lnTo>
                      <a:pt x="14" y="7"/>
                    </a:lnTo>
                    <a:lnTo>
                      <a:pt x="17" y="5"/>
                    </a:lnTo>
                    <a:lnTo>
                      <a:pt x="21" y="3"/>
                    </a:lnTo>
                    <a:lnTo>
                      <a:pt x="21" y="5"/>
                    </a:lnTo>
                    <a:lnTo>
                      <a:pt x="22" y="7"/>
                    </a:lnTo>
                    <a:lnTo>
                      <a:pt x="22" y="10"/>
                    </a:lnTo>
                    <a:lnTo>
                      <a:pt x="26" y="14"/>
                    </a:lnTo>
                    <a:lnTo>
                      <a:pt x="28" y="15"/>
                    </a:lnTo>
                    <a:lnTo>
                      <a:pt x="31" y="17"/>
                    </a:lnTo>
                    <a:lnTo>
                      <a:pt x="34" y="17"/>
                    </a:lnTo>
                    <a:lnTo>
                      <a:pt x="34" y="19"/>
                    </a:lnTo>
                    <a:lnTo>
                      <a:pt x="33" y="19"/>
                    </a:lnTo>
                    <a:lnTo>
                      <a:pt x="31" y="20"/>
                    </a:lnTo>
                    <a:lnTo>
                      <a:pt x="28" y="22"/>
                    </a:lnTo>
                    <a:lnTo>
                      <a:pt x="26" y="24"/>
                    </a:lnTo>
                    <a:lnTo>
                      <a:pt x="24" y="25"/>
                    </a:lnTo>
                    <a:lnTo>
                      <a:pt x="22" y="25"/>
                    </a:lnTo>
                    <a:lnTo>
                      <a:pt x="22" y="24"/>
                    </a:lnTo>
                    <a:lnTo>
                      <a:pt x="21" y="20"/>
                    </a:lnTo>
                    <a:lnTo>
                      <a:pt x="19" y="19"/>
                    </a:lnTo>
                    <a:lnTo>
                      <a:pt x="17" y="15"/>
                    </a:lnTo>
                    <a:lnTo>
                      <a:pt x="12" y="14"/>
                    </a:lnTo>
                    <a:lnTo>
                      <a:pt x="7" y="10"/>
                    </a:lnTo>
                    <a:lnTo>
                      <a:pt x="0" y="10"/>
                    </a:lnTo>
                    <a:lnTo>
                      <a:pt x="0" y="9"/>
                    </a:lnTo>
                    <a:lnTo>
                      <a:pt x="0" y="5"/>
                    </a:lnTo>
                    <a:lnTo>
                      <a:pt x="2" y="2"/>
                    </a:lnTo>
                    <a:lnTo>
                      <a:pt x="4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760" name="Freeform 115"/>
            <p:cNvSpPr>
              <a:spLocks/>
            </p:cNvSpPr>
            <p:nvPr/>
          </p:nvSpPr>
          <p:spPr bwMode="auto">
            <a:xfrm>
              <a:off x="250" y="1142"/>
              <a:ext cx="769" cy="650"/>
            </a:xfrm>
            <a:custGeom>
              <a:avLst/>
              <a:gdLst>
                <a:gd name="T0" fmla="*/ 149 w 791"/>
                <a:gd name="T1" fmla="*/ 14 h 669"/>
                <a:gd name="T2" fmla="*/ 137 w 791"/>
                <a:gd name="T3" fmla="*/ 12 h 669"/>
                <a:gd name="T4" fmla="*/ 122 w 791"/>
                <a:gd name="T5" fmla="*/ 0 h 669"/>
                <a:gd name="T6" fmla="*/ 116 w 791"/>
                <a:gd name="T7" fmla="*/ 29 h 669"/>
                <a:gd name="T8" fmla="*/ 89 w 791"/>
                <a:gd name="T9" fmla="*/ 99 h 669"/>
                <a:gd name="T10" fmla="*/ 71 w 791"/>
                <a:gd name="T11" fmla="*/ 147 h 669"/>
                <a:gd name="T12" fmla="*/ 55 w 791"/>
                <a:gd name="T13" fmla="*/ 179 h 669"/>
                <a:gd name="T14" fmla="*/ 40 w 791"/>
                <a:gd name="T15" fmla="*/ 210 h 669"/>
                <a:gd name="T16" fmla="*/ 27 w 791"/>
                <a:gd name="T17" fmla="*/ 224 h 669"/>
                <a:gd name="T18" fmla="*/ 24 w 791"/>
                <a:gd name="T19" fmla="*/ 230 h 669"/>
                <a:gd name="T20" fmla="*/ 14 w 791"/>
                <a:gd name="T21" fmla="*/ 258 h 669"/>
                <a:gd name="T22" fmla="*/ 12 w 791"/>
                <a:gd name="T23" fmla="*/ 275 h 669"/>
                <a:gd name="T24" fmla="*/ 12 w 791"/>
                <a:gd name="T25" fmla="*/ 286 h 669"/>
                <a:gd name="T26" fmla="*/ 2 w 791"/>
                <a:gd name="T27" fmla="*/ 302 h 669"/>
                <a:gd name="T28" fmla="*/ 0 w 791"/>
                <a:gd name="T29" fmla="*/ 317 h 669"/>
                <a:gd name="T30" fmla="*/ 2 w 791"/>
                <a:gd name="T31" fmla="*/ 326 h 669"/>
                <a:gd name="T32" fmla="*/ 4 w 791"/>
                <a:gd name="T33" fmla="*/ 330 h 669"/>
                <a:gd name="T34" fmla="*/ 10 w 791"/>
                <a:gd name="T35" fmla="*/ 337 h 669"/>
                <a:gd name="T36" fmla="*/ 25 w 791"/>
                <a:gd name="T37" fmla="*/ 340 h 669"/>
                <a:gd name="T38" fmla="*/ 59 w 791"/>
                <a:gd name="T39" fmla="*/ 350 h 669"/>
                <a:gd name="T40" fmla="*/ 98 w 791"/>
                <a:gd name="T41" fmla="*/ 361 h 669"/>
                <a:gd name="T42" fmla="*/ 145 w 791"/>
                <a:gd name="T43" fmla="*/ 374 h 669"/>
                <a:gd name="T44" fmla="*/ 193 w 791"/>
                <a:gd name="T45" fmla="*/ 387 h 669"/>
                <a:gd name="T46" fmla="*/ 247 w 791"/>
                <a:gd name="T47" fmla="*/ 400 h 669"/>
                <a:gd name="T48" fmla="*/ 291 w 791"/>
                <a:gd name="T49" fmla="*/ 412 h 669"/>
                <a:gd name="T50" fmla="*/ 330 w 791"/>
                <a:gd name="T51" fmla="*/ 422 h 669"/>
                <a:gd name="T52" fmla="*/ 367 w 791"/>
                <a:gd name="T53" fmla="*/ 431 h 669"/>
                <a:gd name="T54" fmla="*/ 398 w 791"/>
                <a:gd name="T55" fmla="*/ 436 h 669"/>
                <a:gd name="T56" fmla="*/ 421 w 791"/>
                <a:gd name="T57" fmla="*/ 444 h 669"/>
                <a:gd name="T58" fmla="*/ 432 w 791"/>
                <a:gd name="T59" fmla="*/ 448 h 669"/>
                <a:gd name="T60" fmla="*/ 462 w 791"/>
                <a:gd name="T61" fmla="*/ 308 h 669"/>
                <a:gd name="T62" fmla="*/ 477 w 791"/>
                <a:gd name="T63" fmla="*/ 266 h 669"/>
                <a:gd name="T64" fmla="*/ 466 w 791"/>
                <a:gd name="T65" fmla="*/ 250 h 669"/>
                <a:gd name="T66" fmla="*/ 470 w 791"/>
                <a:gd name="T67" fmla="*/ 245 h 669"/>
                <a:gd name="T68" fmla="*/ 492 w 791"/>
                <a:gd name="T69" fmla="*/ 216 h 669"/>
                <a:gd name="T70" fmla="*/ 531 w 791"/>
                <a:gd name="T71" fmla="*/ 159 h 669"/>
                <a:gd name="T72" fmla="*/ 515 w 791"/>
                <a:gd name="T73" fmla="*/ 124 h 669"/>
                <a:gd name="T74" fmla="*/ 398 w 791"/>
                <a:gd name="T75" fmla="*/ 96 h 669"/>
                <a:gd name="T76" fmla="*/ 383 w 791"/>
                <a:gd name="T77" fmla="*/ 98 h 669"/>
                <a:gd name="T78" fmla="*/ 367 w 791"/>
                <a:gd name="T79" fmla="*/ 95 h 669"/>
                <a:gd name="T80" fmla="*/ 357 w 791"/>
                <a:gd name="T81" fmla="*/ 93 h 669"/>
                <a:gd name="T82" fmla="*/ 350 w 791"/>
                <a:gd name="T83" fmla="*/ 96 h 669"/>
                <a:gd name="T84" fmla="*/ 319 w 791"/>
                <a:gd name="T85" fmla="*/ 99 h 669"/>
                <a:gd name="T86" fmla="*/ 297 w 791"/>
                <a:gd name="T87" fmla="*/ 94 h 669"/>
                <a:gd name="T88" fmla="*/ 283 w 791"/>
                <a:gd name="T89" fmla="*/ 95 h 669"/>
                <a:gd name="T90" fmla="*/ 265 w 791"/>
                <a:gd name="T91" fmla="*/ 95 h 669"/>
                <a:gd name="T92" fmla="*/ 244 w 791"/>
                <a:gd name="T93" fmla="*/ 81 h 669"/>
                <a:gd name="T94" fmla="*/ 228 w 791"/>
                <a:gd name="T95" fmla="*/ 80 h 669"/>
                <a:gd name="T96" fmla="*/ 212 w 791"/>
                <a:gd name="T97" fmla="*/ 82 h 669"/>
                <a:gd name="T98" fmla="*/ 193 w 791"/>
                <a:gd name="T99" fmla="*/ 81 h 669"/>
                <a:gd name="T100" fmla="*/ 185 w 791"/>
                <a:gd name="T101" fmla="*/ 76 h 669"/>
                <a:gd name="T102" fmla="*/ 178 w 791"/>
                <a:gd name="T103" fmla="*/ 70 h 669"/>
                <a:gd name="T104" fmla="*/ 177 w 791"/>
                <a:gd name="T105" fmla="*/ 59 h 669"/>
                <a:gd name="T106" fmla="*/ 177 w 791"/>
                <a:gd name="T107" fmla="*/ 43 h 669"/>
                <a:gd name="T108" fmla="*/ 172 w 791"/>
                <a:gd name="T109" fmla="*/ 22 h 669"/>
                <a:gd name="T110" fmla="*/ 159 w 791"/>
                <a:gd name="T111" fmla="*/ 17 h 669"/>
                <a:gd name="T112" fmla="*/ 154 w 791"/>
                <a:gd name="T113" fmla="*/ 17 h 669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w 791"/>
                <a:gd name="T172" fmla="*/ 0 h 669"/>
                <a:gd name="T173" fmla="*/ 791 w 791"/>
                <a:gd name="T174" fmla="*/ 669 h 669"/>
              </a:gdLst>
              <a:ahLst/>
              <a:cxnLst>
                <a:cxn ang="T114">
                  <a:pos x="T0" y="T1"/>
                </a:cxn>
                <a:cxn ang="T115">
                  <a:pos x="T2" y="T3"/>
                </a:cxn>
                <a:cxn ang="T116">
                  <a:pos x="T4" y="T5"/>
                </a:cxn>
                <a:cxn ang="T117">
                  <a:pos x="T6" y="T7"/>
                </a:cxn>
                <a:cxn ang="T118">
                  <a:pos x="T8" y="T9"/>
                </a:cxn>
                <a:cxn ang="T119">
                  <a:pos x="T10" y="T11"/>
                </a:cxn>
                <a:cxn ang="T120">
                  <a:pos x="T12" y="T13"/>
                </a:cxn>
                <a:cxn ang="T121">
                  <a:pos x="T14" y="T15"/>
                </a:cxn>
                <a:cxn ang="T122">
                  <a:pos x="T16" y="T17"/>
                </a:cxn>
                <a:cxn ang="T123">
                  <a:pos x="T18" y="T19"/>
                </a:cxn>
                <a:cxn ang="T124">
                  <a:pos x="T20" y="T21"/>
                </a:cxn>
                <a:cxn ang="T125">
                  <a:pos x="T22" y="T23"/>
                </a:cxn>
                <a:cxn ang="T126">
                  <a:pos x="T24" y="T25"/>
                </a:cxn>
                <a:cxn ang="T127">
                  <a:pos x="T26" y="T27"/>
                </a:cxn>
                <a:cxn ang="T128">
                  <a:pos x="T28" y="T29"/>
                </a:cxn>
                <a:cxn ang="T129">
                  <a:pos x="T30" y="T31"/>
                </a:cxn>
                <a:cxn ang="T130">
                  <a:pos x="T32" y="T33"/>
                </a:cxn>
                <a:cxn ang="T131">
                  <a:pos x="T34" y="T35"/>
                </a:cxn>
                <a:cxn ang="T132">
                  <a:pos x="T36" y="T37"/>
                </a:cxn>
                <a:cxn ang="T133">
                  <a:pos x="T38" y="T39"/>
                </a:cxn>
                <a:cxn ang="T134">
                  <a:pos x="T40" y="T41"/>
                </a:cxn>
                <a:cxn ang="T135">
                  <a:pos x="T42" y="T43"/>
                </a:cxn>
                <a:cxn ang="T136">
                  <a:pos x="T44" y="T45"/>
                </a:cxn>
                <a:cxn ang="T137">
                  <a:pos x="T46" y="T47"/>
                </a:cxn>
                <a:cxn ang="T138">
                  <a:pos x="T48" y="T49"/>
                </a:cxn>
                <a:cxn ang="T139">
                  <a:pos x="T50" y="T51"/>
                </a:cxn>
                <a:cxn ang="T140">
                  <a:pos x="T52" y="T53"/>
                </a:cxn>
                <a:cxn ang="T141">
                  <a:pos x="T54" y="T55"/>
                </a:cxn>
                <a:cxn ang="T142">
                  <a:pos x="T56" y="T57"/>
                </a:cxn>
                <a:cxn ang="T143">
                  <a:pos x="T58" y="T59"/>
                </a:cxn>
                <a:cxn ang="T144">
                  <a:pos x="T60" y="T61"/>
                </a:cxn>
                <a:cxn ang="T145">
                  <a:pos x="T62" y="T63"/>
                </a:cxn>
                <a:cxn ang="T146">
                  <a:pos x="T64" y="T65"/>
                </a:cxn>
                <a:cxn ang="T147">
                  <a:pos x="T66" y="T67"/>
                </a:cxn>
                <a:cxn ang="T148">
                  <a:pos x="T68" y="T69"/>
                </a:cxn>
                <a:cxn ang="T149">
                  <a:pos x="T70" y="T71"/>
                </a:cxn>
                <a:cxn ang="T150">
                  <a:pos x="T72" y="T73"/>
                </a:cxn>
                <a:cxn ang="T151">
                  <a:pos x="T74" y="T75"/>
                </a:cxn>
                <a:cxn ang="T152">
                  <a:pos x="T76" y="T77"/>
                </a:cxn>
                <a:cxn ang="T153">
                  <a:pos x="T78" y="T79"/>
                </a:cxn>
                <a:cxn ang="T154">
                  <a:pos x="T80" y="T81"/>
                </a:cxn>
                <a:cxn ang="T155">
                  <a:pos x="T82" y="T83"/>
                </a:cxn>
                <a:cxn ang="T156">
                  <a:pos x="T84" y="T85"/>
                </a:cxn>
                <a:cxn ang="T157">
                  <a:pos x="T86" y="T87"/>
                </a:cxn>
                <a:cxn ang="T158">
                  <a:pos x="T88" y="T89"/>
                </a:cxn>
                <a:cxn ang="T159">
                  <a:pos x="T90" y="T91"/>
                </a:cxn>
                <a:cxn ang="T160">
                  <a:pos x="T92" y="T93"/>
                </a:cxn>
                <a:cxn ang="T161">
                  <a:pos x="T94" y="T95"/>
                </a:cxn>
                <a:cxn ang="T162">
                  <a:pos x="T96" y="T97"/>
                </a:cxn>
                <a:cxn ang="T163">
                  <a:pos x="T98" y="T99"/>
                </a:cxn>
                <a:cxn ang="T164">
                  <a:pos x="T100" y="T101"/>
                </a:cxn>
                <a:cxn ang="T165">
                  <a:pos x="T102" y="T103"/>
                </a:cxn>
                <a:cxn ang="T166">
                  <a:pos x="T104" y="T105"/>
                </a:cxn>
                <a:cxn ang="T167">
                  <a:pos x="T106" y="T107"/>
                </a:cxn>
                <a:cxn ang="T168">
                  <a:pos x="T108" y="T109"/>
                </a:cxn>
                <a:cxn ang="T169">
                  <a:pos x="T110" y="T111"/>
                </a:cxn>
                <a:cxn ang="T170">
                  <a:pos x="T112" y="T113"/>
                </a:cxn>
              </a:cxnLst>
              <a:rect l="T171" t="T172" r="T173" b="T174"/>
              <a:pathLst>
                <a:path w="791" h="669">
                  <a:moveTo>
                    <a:pt x="239" y="27"/>
                  </a:moveTo>
                  <a:lnTo>
                    <a:pt x="232" y="27"/>
                  </a:lnTo>
                  <a:lnTo>
                    <a:pt x="227" y="22"/>
                  </a:lnTo>
                  <a:lnTo>
                    <a:pt x="222" y="19"/>
                  </a:lnTo>
                  <a:lnTo>
                    <a:pt x="220" y="14"/>
                  </a:lnTo>
                  <a:lnTo>
                    <a:pt x="214" y="12"/>
                  </a:lnTo>
                  <a:lnTo>
                    <a:pt x="212" y="12"/>
                  </a:lnTo>
                  <a:lnTo>
                    <a:pt x="207" y="14"/>
                  </a:lnTo>
                  <a:lnTo>
                    <a:pt x="202" y="12"/>
                  </a:lnTo>
                  <a:lnTo>
                    <a:pt x="197" y="9"/>
                  </a:lnTo>
                  <a:lnTo>
                    <a:pt x="193" y="9"/>
                  </a:lnTo>
                  <a:lnTo>
                    <a:pt x="190" y="12"/>
                  </a:lnTo>
                  <a:lnTo>
                    <a:pt x="185" y="7"/>
                  </a:lnTo>
                  <a:lnTo>
                    <a:pt x="181" y="0"/>
                  </a:lnTo>
                  <a:lnTo>
                    <a:pt x="178" y="0"/>
                  </a:lnTo>
                  <a:lnTo>
                    <a:pt x="180" y="17"/>
                  </a:lnTo>
                  <a:lnTo>
                    <a:pt x="178" y="26"/>
                  </a:lnTo>
                  <a:lnTo>
                    <a:pt x="168" y="34"/>
                  </a:lnTo>
                  <a:lnTo>
                    <a:pt x="173" y="43"/>
                  </a:lnTo>
                  <a:lnTo>
                    <a:pt x="168" y="48"/>
                  </a:lnTo>
                  <a:lnTo>
                    <a:pt x="161" y="63"/>
                  </a:lnTo>
                  <a:lnTo>
                    <a:pt x="164" y="73"/>
                  </a:lnTo>
                  <a:lnTo>
                    <a:pt x="156" y="88"/>
                  </a:lnTo>
                  <a:lnTo>
                    <a:pt x="134" y="147"/>
                  </a:lnTo>
                  <a:lnTo>
                    <a:pt x="119" y="169"/>
                  </a:lnTo>
                  <a:lnTo>
                    <a:pt x="119" y="176"/>
                  </a:lnTo>
                  <a:lnTo>
                    <a:pt x="102" y="222"/>
                  </a:lnTo>
                  <a:lnTo>
                    <a:pt x="104" y="222"/>
                  </a:lnTo>
                  <a:lnTo>
                    <a:pt x="104" y="220"/>
                  </a:lnTo>
                  <a:lnTo>
                    <a:pt x="102" y="222"/>
                  </a:lnTo>
                  <a:lnTo>
                    <a:pt x="95" y="239"/>
                  </a:lnTo>
                  <a:lnTo>
                    <a:pt x="90" y="254"/>
                  </a:lnTo>
                  <a:lnTo>
                    <a:pt x="83" y="268"/>
                  </a:lnTo>
                  <a:lnTo>
                    <a:pt x="76" y="279"/>
                  </a:lnTo>
                  <a:lnTo>
                    <a:pt x="71" y="290"/>
                  </a:lnTo>
                  <a:lnTo>
                    <a:pt x="66" y="300"/>
                  </a:lnTo>
                  <a:lnTo>
                    <a:pt x="61" y="308"/>
                  </a:lnTo>
                  <a:lnTo>
                    <a:pt x="56" y="315"/>
                  </a:lnTo>
                  <a:lnTo>
                    <a:pt x="53" y="322"/>
                  </a:lnTo>
                  <a:lnTo>
                    <a:pt x="49" y="327"/>
                  </a:lnTo>
                  <a:lnTo>
                    <a:pt x="46" y="332"/>
                  </a:lnTo>
                  <a:lnTo>
                    <a:pt x="43" y="335"/>
                  </a:lnTo>
                  <a:lnTo>
                    <a:pt x="41" y="337"/>
                  </a:lnTo>
                  <a:lnTo>
                    <a:pt x="39" y="339"/>
                  </a:lnTo>
                  <a:lnTo>
                    <a:pt x="39" y="340"/>
                  </a:lnTo>
                  <a:lnTo>
                    <a:pt x="39" y="344"/>
                  </a:lnTo>
                  <a:lnTo>
                    <a:pt x="38" y="345"/>
                  </a:lnTo>
                  <a:lnTo>
                    <a:pt x="34" y="351"/>
                  </a:lnTo>
                  <a:lnTo>
                    <a:pt x="31" y="359"/>
                  </a:lnTo>
                  <a:lnTo>
                    <a:pt x="24" y="367"/>
                  </a:lnTo>
                  <a:lnTo>
                    <a:pt x="19" y="378"/>
                  </a:lnTo>
                  <a:lnTo>
                    <a:pt x="14" y="386"/>
                  </a:lnTo>
                  <a:lnTo>
                    <a:pt x="10" y="393"/>
                  </a:lnTo>
                  <a:lnTo>
                    <a:pt x="9" y="396"/>
                  </a:lnTo>
                  <a:lnTo>
                    <a:pt x="10" y="401"/>
                  </a:lnTo>
                  <a:lnTo>
                    <a:pt x="12" y="406"/>
                  </a:lnTo>
                  <a:lnTo>
                    <a:pt x="12" y="411"/>
                  </a:lnTo>
                  <a:lnTo>
                    <a:pt x="12" y="417"/>
                  </a:lnTo>
                  <a:lnTo>
                    <a:pt x="12" y="420"/>
                  </a:lnTo>
                  <a:lnTo>
                    <a:pt x="12" y="423"/>
                  </a:lnTo>
                  <a:lnTo>
                    <a:pt x="12" y="427"/>
                  </a:lnTo>
                  <a:lnTo>
                    <a:pt x="12" y="428"/>
                  </a:lnTo>
                  <a:lnTo>
                    <a:pt x="9" y="432"/>
                  </a:lnTo>
                  <a:lnTo>
                    <a:pt x="7" y="437"/>
                  </a:lnTo>
                  <a:lnTo>
                    <a:pt x="5" y="442"/>
                  </a:lnTo>
                  <a:lnTo>
                    <a:pt x="4" y="447"/>
                  </a:lnTo>
                  <a:lnTo>
                    <a:pt x="2" y="452"/>
                  </a:lnTo>
                  <a:lnTo>
                    <a:pt x="2" y="457"/>
                  </a:lnTo>
                  <a:lnTo>
                    <a:pt x="0" y="462"/>
                  </a:lnTo>
                  <a:lnTo>
                    <a:pt x="0" y="466"/>
                  </a:lnTo>
                  <a:lnTo>
                    <a:pt x="0" y="471"/>
                  </a:lnTo>
                  <a:lnTo>
                    <a:pt x="0" y="474"/>
                  </a:lnTo>
                  <a:lnTo>
                    <a:pt x="0" y="477"/>
                  </a:lnTo>
                  <a:lnTo>
                    <a:pt x="2" y="481"/>
                  </a:lnTo>
                  <a:lnTo>
                    <a:pt x="2" y="484"/>
                  </a:lnTo>
                  <a:lnTo>
                    <a:pt x="2" y="486"/>
                  </a:lnTo>
                  <a:lnTo>
                    <a:pt x="2" y="488"/>
                  </a:lnTo>
                  <a:lnTo>
                    <a:pt x="2" y="489"/>
                  </a:lnTo>
                  <a:lnTo>
                    <a:pt x="4" y="491"/>
                  </a:lnTo>
                  <a:lnTo>
                    <a:pt x="4" y="494"/>
                  </a:lnTo>
                  <a:lnTo>
                    <a:pt x="5" y="496"/>
                  </a:lnTo>
                  <a:lnTo>
                    <a:pt x="5" y="498"/>
                  </a:lnTo>
                  <a:lnTo>
                    <a:pt x="7" y="499"/>
                  </a:lnTo>
                  <a:lnTo>
                    <a:pt x="7" y="501"/>
                  </a:lnTo>
                  <a:lnTo>
                    <a:pt x="10" y="503"/>
                  </a:lnTo>
                  <a:lnTo>
                    <a:pt x="16" y="503"/>
                  </a:lnTo>
                  <a:lnTo>
                    <a:pt x="21" y="506"/>
                  </a:lnTo>
                  <a:lnTo>
                    <a:pt x="26" y="508"/>
                  </a:lnTo>
                  <a:lnTo>
                    <a:pt x="32" y="510"/>
                  </a:lnTo>
                  <a:lnTo>
                    <a:pt x="39" y="511"/>
                  </a:lnTo>
                  <a:lnTo>
                    <a:pt x="48" y="515"/>
                  </a:lnTo>
                  <a:lnTo>
                    <a:pt x="56" y="516"/>
                  </a:lnTo>
                  <a:lnTo>
                    <a:pt x="66" y="520"/>
                  </a:lnTo>
                  <a:lnTo>
                    <a:pt x="76" y="521"/>
                  </a:lnTo>
                  <a:lnTo>
                    <a:pt x="87" y="525"/>
                  </a:lnTo>
                  <a:lnTo>
                    <a:pt x="97" y="528"/>
                  </a:lnTo>
                  <a:lnTo>
                    <a:pt x="109" y="532"/>
                  </a:lnTo>
                  <a:lnTo>
                    <a:pt x="120" y="535"/>
                  </a:lnTo>
                  <a:lnTo>
                    <a:pt x="132" y="538"/>
                  </a:lnTo>
                  <a:lnTo>
                    <a:pt x="146" y="542"/>
                  </a:lnTo>
                  <a:lnTo>
                    <a:pt x="159" y="545"/>
                  </a:lnTo>
                  <a:lnTo>
                    <a:pt x="173" y="549"/>
                  </a:lnTo>
                  <a:lnTo>
                    <a:pt x="186" y="552"/>
                  </a:lnTo>
                  <a:lnTo>
                    <a:pt x="200" y="555"/>
                  </a:lnTo>
                  <a:lnTo>
                    <a:pt x="214" y="560"/>
                  </a:lnTo>
                  <a:lnTo>
                    <a:pt x="229" y="564"/>
                  </a:lnTo>
                  <a:lnTo>
                    <a:pt x="244" y="567"/>
                  </a:lnTo>
                  <a:lnTo>
                    <a:pt x="259" y="572"/>
                  </a:lnTo>
                  <a:lnTo>
                    <a:pt x="274" y="576"/>
                  </a:lnTo>
                  <a:lnTo>
                    <a:pt x="288" y="579"/>
                  </a:lnTo>
                  <a:lnTo>
                    <a:pt x="305" y="584"/>
                  </a:lnTo>
                  <a:lnTo>
                    <a:pt x="318" y="587"/>
                  </a:lnTo>
                  <a:lnTo>
                    <a:pt x="335" y="591"/>
                  </a:lnTo>
                  <a:lnTo>
                    <a:pt x="349" y="594"/>
                  </a:lnTo>
                  <a:lnTo>
                    <a:pt x="366" y="599"/>
                  </a:lnTo>
                  <a:lnTo>
                    <a:pt x="379" y="603"/>
                  </a:lnTo>
                  <a:lnTo>
                    <a:pt x="393" y="606"/>
                  </a:lnTo>
                  <a:lnTo>
                    <a:pt x="406" y="609"/>
                  </a:lnTo>
                  <a:lnTo>
                    <a:pt x="418" y="613"/>
                  </a:lnTo>
                  <a:lnTo>
                    <a:pt x="432" y="616"/>
                  </a:lnTo>
                  <a:lnTo>
                    <a:pt x="444" y="620"/>
                  </a:lnTo>
                  <a:lnTo>
                    <a:pt x="456" y="621"/>
                  </a:lnTo>
                  <a:lnTo>
                    <a:pt x="469" y="625"/>
                  </a:lnTo>
                  <a:lnTo>
                    <a:pt x="479" y="628"/>
                  </a:lnTo>
                  <a:lnTo>
                    <a:pt x="491" y="631"/>
                  </a:lnTo>
                  <a:lnTo>
                    <a:pt x="503" y="633"/>
                  </a:lnTo>
                  <a:lnTo>
                    <a:pt x="515" y="637"/>
                  </a:lnTo>
                  <a:lnTo>
                    <a:pt x="525" y="640"/>
                  </a:lnTo>
                  <a:lnTo>
                    <a:pt x="535" y="642"/>
                  </a:lnTo>
                  <a:lnTo>
                    <a:pt x="545" y="645"/>
                  </a:lnTo>
                  <a:lnTo>
                    <a:pt x="555" y="647"/>
                  </a:lnTo>
                  <a:lnTo>
                    <a:pt x="564" y="650"/>
                  </a:lnTo>
                  <a:lnTo>
                    <a:pt x="574" y="652"/>
                  </a:lnTo>
                  <a:lnTo>
                    <a:pt x="582" y="653"/>
                  </a:lnTo>
                  <a:lnTo>
                    <a:pt x="589" y="655"/>
                  </a:lnTo>
                  <a:lnTo>
                    <a:pt x="598" y="657"/>
                  </a:lnTo>
                  <a:lnTo>
                    <a:pt x="604" y="659"/>
                  </a:lnTo>
                  <a:lnTo>
                    <a:pt x="611" y="660"/>
                  </a:lnTo>
                  <a:lnTo>
                    <a:pt x="616" y="662"/>
                  </a:lnTo>
                  <a:lnTo>
                    <a:pt x="623" y="664"/>
                  </a:lnTo>
                  <a:lnTo>
                    <a:pt x="626" y="665"/>
                  </a:lnTo>
                  <a:lnTo>
                    <a:pt x="632" y="667"/>
                  </a:lnTo>
                  <a:lnTo>
                    <a:pt x="635" y="667"/>
                  </a:lnTo>
                  <a:lnTo>
                    <a:pt x="638" y="667"/>
                  </a:lnTo>
                  <a:lnTo>
                    <a:pt x="640" y="669"/>
                  </a:lnTo>
                  <a:lnTo>
                    <a:pt x="643" y="669"/>
                  </a:lnTo>
                  <a:lnTo>
                    <a:pt x="689" y="474"/>
                  </a:lnTo>
                  <a:lnTo>
                    <a:pt x="687" y="461"/>
                  </a:lnTo>
                  <a:lnTo>
                    <a:pt x="706" y="428"/>
                  </a:lnTo>
                  <a:lnTo>
                    <a:pt x="706" y="418"/>
                  </a:lnTo>
                  <a:lnTo>
                    <a:pt x="711" y="411"/>
                  </a:lnTo>
                  <a:lnTo>
                    <a:pt x="714" y="403"/>
                  </a:lnTo>
                  <a:lnTo>
                    <a:pt x="709" y="398"/>
                  </a:lnTo>
                  <a:lnTo>
                    <a:pt x="691" y="386"/>
                  </a:lnTo>
                  <a:lnTo>
                    <a:pt x="692" y="378"/>
                  </a:lnTo>
                  <a:lnTo>
                    <a:pt x="692" y="376"/>
                  </a:lnTo>
                  <a:lnTo>
                    <a:pt x="692" y="374"/>
                  </a:lnTo>
                  <a:lnTo>
                    <a:pt x="694" y="373"/>
                  </a:lnTo>
                  <a:lnTo>
                    <a:pt x="694" y="371"/>
                  </a:lnTo>
                  <a:lnTo>
                    <a:pt x="696" y="369"/>
                  </a:lnTo>
                  <a:lnTo>
                    <a:pt x="696" y="367"/>
                  </a:lnTo>
                  <a:lnTo>
                    <a:pt x="696" y="366"/>
                  </a:lnTo>
                  <a:lnTo>
                    <a:pt x="701" y="356"/>
                  </a:lnTo>
                  <a:lnTo>
                    <a:pt x="706" y="347"/>
                  </a:lnTo>
                  <a:lnTo>
                    <a:pt x="714" y="339"/>
                  </a:lnTo>
                  <a:lnTo>
                    <a:pt x="721" y="330"/>
                  </a:lnTo>
                  <a:lnTo>
                    <a:pt x="730" y="323"/>
                  </a:lnTo>
                  <a:lnTo>
                    <a:pt x="736" y="318"/>
                  </a:lnTo>
                  <a:lnTo>
                    <a:pt x="740" y="315"/>
                  </a:lnTo>
                  <a:lnTo>
                    <a:pt x="742" y="313"/>
                  </a:lnTo>
                  <a:lnTo>
                    <a:pt x="742" y="305"/>
                  </a:lnTo>
                  <a:lnTo>
                    <a:pt x="789" y="239"/>
                  </a:lnTo>
                  <a:lnTo>
                    <a:pt x="791" y="230"/>
                  </a:lnTo>
                  <a:lnTo>
                    <a:pt x="784" y="217"/>
                  </a:lnTo>
                  <a:lnTo>
                    <a:pt x="774" y="208"/>
                  </a:lnTo>
                  <a:lnTo>
                    <a:pt x="762" y="185"/>
                  </a:lnTo>
                  <a:lnTo>
                    <a:pt x="764" y="186"/>
                  </a:lnTo>
                  <a:lnTo>
                    <a:pt x="596" y="144"/>
                  </a:lnTo>
                  <a:lnTo>
                    <a:pt x="594" y="144"/>
                  </a:lnTo>
                  <a:lnTo>
                    <a:pt x="593" y="144"/>
                  </a:lnTo>
                  <a:lnTo>
                    <a:pt x="589" y="144"/>
                  </a:lnTo>
                  <a:lnTo>
                    <a:pt x="586" y="144"/>
                  </a:lnTo>
                  <a:lnTo>
                    <a:pt x="582" y="146"/>
                  </a:lnTo>
                  <a:lnTo>
                    <a:pt x="577" y="146"/>
                  </a:lnTo>
                  <a:lnTo>
                    <a:pt x="574" y="146"/>
                  </a:lnTo>
                  <a:lnTo>
                    <a:pt x="569" y="146"/>
                  </a:lnTo>
                  <a:lnTo>
                    <a:pt x="564" y="146"/>
                  </a:lnTo>
                  <a:lnTo>
                    <a:pt x="559" y="146"/>
                  </a:lnTo>
                  <a:lnTo>
                    <a:pt x="554" y="144"/>
                  </a:lnTo>
                  <a:lnTo>
                    <a:pt x="549" y="144"/>
                  </a:lnTo>
                  <a:lnTo>
                    <a:pt x="544" y="142"/>
                  </a:lnTo>
                  <a:lnTo>
                    <a:pt x="538" y="141"/>
                  </a:lnTo>
                  <a:lnTo>
                    <a:pt x="533" y="139"/>
                  </a:lnTo>
                  <a:lnTo>
                    <a:pt x="532" y="139"/>
                  </a:lnTo>
                  <a:lnTo>
                    <a:pt x="530" y="139"/>
                  </a:lnTo>
                  <a:lnTo>
                    <a:pt x="528" y="139"/>
                  </a:lnTo>
                  <a:lnTo>
                    <a:pt x="527" y="141"/>
                  </a:lnTo>
                  <a:lnTo>
                    <a:pt x="523" y="142"/>
                  </a:lnTo>
                  <a:lnTo>
                    <a:pt x="522" y="144"/>
                  </a:lnTo>
                  <a:lnTo>
                    <a:pt x="520" y="144"/>
                  </a:lnTo>
                  <a:lnTo>
                    <a:pt x="498" y="144"/>
                  </a:lnTo>
                  <a:lnTo>
                    <a:pt x="496" y="144"/>
                  </a:lnTo>
                  <a:lnTo>
                    <a:pt x="491" y="144"/>
                  </a:lnTo>
                  <a:lnTo>
                    <a:pt x="483" y="146"/>
                  </a:lnTo>
                  <a:lnTo>
                    <a:pt x="472" y="147"/>
                  </a:lnTo>
                  <a:lnTo>
                    <a:pt x="464" y="147"/>
                  </a:lnTo>
                  <a:lnTo>
                    <a:pt x="454" y="147"/>
                  </a:lnTo>
                  <a:lnTo>
                    <a:pt x="447" y="144"/>
                  </a:lnTo>
                  <a:lnTo>
                    <a:pt x="440" y="141"/>
                  </a:lnTo>
                  <a:lnTo>
                    <a:pt x="437" y="141"/>
                  </a:lnTo>
                  <a:lnTo>
                    <a:pt x="434" y="141"/>
                  </a:lnTo>
                  <a:lnTo>
                    <a:pt x="428" y="141"/>
                  </a:lnTo>
                  <a:lnTo>
                    <a:pt x="423" y="141"/>
                  </a:lnTo>
                  <a:lnTo>
                    <a:pt x="420" y="142"/>
                  </a:lnTo>
                  <a:lnTo>
                    <a:pt x="417" y="142"/>
                  </a:lnTo>
                  <a:lnTo>
                    <a:pt x="408" y="141"/>
                  </a:lnTo>
                  <a:lnTo>
                    <a:pt x="395" y="144"/>
                  </a:lnTo>
                  <a:lnTo>
                    <a:pt x="395" y="142"/>
                  </a:lnTo>
                  <a:lnTo>
                    <a:pt x="390" y="139"/>
                  </a:lnTo>
                  <a:lnTo>
                    <a:pt x="384" y="134"/>
                  </a:lnTo>
                  <a:lnTo>
                    <a:pt x="376" y="129"/>
                  </a:lnTo>
                  <a:lnTo>
                    <a:pt x="369" y="124"/>
                  </a:lnTo>
                  <a:lnTo>
                    <a:pt x="361" y="120"/>
                  </a:lnTo>
                  <a:lnTo>
                    <a:pt x="352" y="117"/>
                  </a:lnTo>
                  <a:lnTo>
                    <a:pt x="346" y="117"/>
                  </a:lnTo>
                  <a:lnTo>
                    <a:pt x="344" y="117"/>
                  </a:lnTo>
                  <a:lnTo>
                    <a:pt x="342" y="117"/>
                  </a:lnTo>
                  <a:lnTo>
                    <a:pt x="339" y="119"/>
                  </a:lnTo>
                  <a:lnTo>
                    <a:pt x="335" y="119"/>
                  </a:lnTo>
                  <a:lnTo>
                    <a:pt x="332" y="120"/>
                  </a:lnTo>
                  <a:lnTo>
                    <a:pt x="327" y="120"/>
                  </a:lnTo>
                  <a:lnTo>
                    <a:pt x="320" y="122"/>
                  </a:lnTo>
                  <a:lnTo>
                    <a:pt x="315" y="122"/>
                  </a:lnTo>
                  <a:lnTo>
                    <a:pt x="310" y="122"/>
                  </a:lnTo>
                  <a:lnTo>
                    <a:pt x="303" y="122"/>
                  </a:lnTo>
                  <a:lnTo>
                    <a:pt x="298" y="122"/>
                  </a:lnTo>
                  <a:lnTo>
                    <a:pt x="293" y="122"/>
                  </a:lnTo>
                  <a:lnTo>
                    <a:pt x="288" y="120"/>
                  </a:lnTo>
                  <a:lnTo>
                    <a:pt x="283" y="119"/>
                  </a:lnTo>
                  <a:lnTo>
                    <a:pt x="280" y="117"/>
                  </a:lnTo>
                  <a:lnTo>
                    <a:pt x="278" y="114"/>
                  </a:lnTo>
                  <a:lnTo>
                    <a:pt x="276" y="112"/>
                  </a:lnTo>
                  <a:lnTo>
                    <a:pt x="274" y="112"/>
                  </a:lnTo>
                  <a:lnTo>
                    <a:pt x="273" y="110"/>
                  </a:lnTo>
                  <a:lnTo>
                    <a:pt x="269" y="107"/>
                  </a:lnTo>
                  <a:lnTo>
                    <a:pt x="268" y="105"/>
                  </a:lnTo>
                  <a:lnTo>
                    <a:pt x="266" y="103"/>
                  </a:lnTo>
                  <a:lnTo>
                    <a:pt x="264" y="103"/>
                  </a:lnTo>
                  <a:lnTo>
                    <a:pt x="259" y="92"/>
                  </a:lnTo>
                  <a:lnTo>
                    <a:pt x="259" y="90"/>
                  </a:lnTo>
                  <a:lnTo>
                    <a:pt x="261" y="87"/>
                  </a:lnTo>
                  <a:lnTo>
                    <a:pt x="261" y="83"/>
                  </a:lnTo>
                  <a:lnTo>
                    <a:pt x="263" y="78"/>
                  </a:lnTo>
                  <a:lnTo>
                    <a:pt x="263" y="73"/>
                  </a:lnTo>
                  <a:lnTo>
                    <a:pt x="263" y="68"/>
                  </a:lnTo>
                  <a:lnTo>
                    <a:pt x="263" y="63"/>
                  </a:lnTo>
                  <a:lnTo>
                    <a:pt x="263" y="56"/>
                  </a:lnTo>
                  <a:lnTo>
                    <a:pt x="261" y="51"/>
                  </a:lnTo>
                  <a:lnTo>
                    <a:pt x="261" y="46"/>
                  </a:lnTo>
                  <a:lnTo>
                    <a:pt x="258" y="41"/>
                  </a:lnTo>
                  <a:lnTo>
                    <a:pt x="254" y="36"/>
                  </a:lnTo>
                  <a:lnTo>
                    <a:pt x="251" y="32"/>
                  </a:lnTo>
                  <a:lnTo>
                    <a:pt x="246" y="29"/>
                  </a:lnTo>
                  <a:lnTo>
                    <a:pt x="239" y="27"/>
                  </a:lnTo>
                  <a:lnTo>
                    <a:pt x="237" y="27"/>
                  </a:lnTo>
                  <a:lnTo>
                    <a:pt x="236" y="27"/>
                  </a:lnTo>
                  <a:lnTo>
                    <a:pt x="232" y="26"/>
                  </a:lnTo>
                  <a:lnTo>
                    <a:pt x="230" y="26"/>
                  </a:lnTo>
                  <a:lnTo>
                    <a:pt x="229" y="26"/>
                  </a:lnTo>
                  <a:lnTo>
                    <a:pt x="227" y="26"/>
                  </a:lnTo>
                  <a:lnTo>
                    <a:pt x="239" y="27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61" name="Freeform 116"/>
            <p:cNvSpPr>
              <a:spLocks/>
            </p:cNvSpPr>
            <p:nvPr/>
          </p:nvSpPr>
          <p:spPr bwMode="auto">
            <a:xfrm>
              <a:off x="875" y="965"/>
              <a:ext cx="570" cy="930"/>
            </a:xfrm>
            <a:custGeom>
              <a:avLst/>
              <a:gdLst>
                <a:gd name="T0" fmla="*/ 177 w 586"/>
                <a:gd name="T1" fmla="*/ 129 h 958"/>
                <a:gd name="T2" fmla="*/ 183 w 586"/>
                <a:gd name="T3" fmla="*/ 147 h 958"/>
                <a:gd name="T4" fmla="*/ 183 w 586"/>
                <a:gd name="T5" fmla="*/ 152 h 958"/>
                <a:gd name="T6" fmla="*/ 191 w 586"/>
                <a:gd name="T7" fmla="*/ 156 h 958"/>
                <a:gd name="T8" fmla="*/ 200 w 586"/>
                <a:gd name="T9" fmla="*/ 173 h 958"/>
                <a:gd name="T10" fmla="*/ 208 w 586"/>
                <a:gd name="T11" fmla="*/ 192 h 958"/>
                <a:gd name="T12" fmla="*/ 214 w 586"/>
                <a:gd name="T13" fmla="*/ 202 h 958"/>
                <a:gd name="T14" fmla="*/ 227 w 586"/>
                <a:gd name="T15" fmla="*/ 217 h 958"/>
                <a:gd name="T16" fmla="*/ 232 w 586"/>
                <a:gd name="T17" fmla="*/ 242 h 958"/>
                <a:gd name="T18" fmla="*/ 222 w 586"/>
                <a:gd name="T19" fmla="*/ 265 h 958"/>
                <a:gd name="T20" fmla="*/ 222 w 586"/>
                <a:gd name="T21" fmla="*/ 281 h 958"/>
                <a:gd name="T22" fmla="*/ 213 w 586"/>
                <a:gd name="T23" fmla="*/ 292 h 958"/>
                <a:gd name="T24" fmla="*/ 211 w 586"/>
                <a:gd name="T25" fmla="*/ 305 h 958"/>
                <a:gd name="T26" fmla="*/ 247 w 586"/>
                <a:gd name="T27" fmla="*/ 300 h 958"/>
                <a:gd name="T28" fmla="*/ 250 w 586"/>
                <a:gd name="T29" fmla="*/ 299 h 958"/>
                <a:gd name="T30" fmla="*/ 253 w 586"/>
                <a:gd name="T31" fmla="*/ 329 h 958"/>
                <a:gd name="T32" fmla="*/ 259 w 586"/>
                <a:gd name="T33" fmla="*/ 348 h 958"/>
                <a:gd name="T34" fmla="*/ 264 w 586"/>
                <a:gd name="T35" fmla="*/ 360 h 958"/>
                <a:gd name="T36" fmla="*/ 261 w 586"/>
                <a:gd name="T37" fmla="*/ 369 h 958"/>
                <a:gd name="T38" fmla="*/ 270 w 586"/>
                <a:gd name="T39" fmla="*/ 378 h 958"/>
                <a:gd name="T40" fmla="*/ 282 w 586"/>
                <a:gd name="T41" fmla="*/ 394 h 958"/>
                <a:gd name="T42" fmla="*/ 284 w 586"/>
                <a:gd name="T43" fmla="*/ 415 h 958"/>
                <a:gd name="T44" fmla="*/ 292 w 586"/>
                <a:gd name="T45" fmla="*/ 419 h 958"/>
                <a:gd name="T46" fmla="*/ 295 w 586"/>
                <a:gd name="T47" fmla="*/ 411 h 958"/>
                <a:gd name="T48" fmla="*/ 308 w 586"/>
                <a:gd name="T49" fmla="*/ 413 h 958"/>
                <a:gd name="T50" fmla="*/ 320 w 586"/>
                <a:gd name="T51" fmla="*/ 416 h 958"/>
                <a:gd name="T52" fmla="*/ 327 w 586"/>
                <a:gd name="T53" fmla="*/ 409 h 958"/>
                <a:gd name="T54" fmla="*/ 334 w 586"/>
                <a:gd name="T55" fmla="*/ 411 h 958"/>
                <a:gd name="T56" fmla="*/ 352 w 586"/>
                <a:gd name="T57" fmla="*/ 413 h 958"/>
                <a:gd name="T58" fmla="*/ 386 w 586"/>
                <a:gd name="T59" fmla="*/ 403 h 958"/>
                <a:gd name="T60" fmla="*/ 183 w 586"/>
                <a:gd name="T61" fmla="*/ 599 h 958"/>
                <a:gd name="T62" fmla="*/ 176 w 586"/>
                <a:gd name="T63" fmla="*/ 598 h 958"/>
                <a:gd name="T64" fmla="*/ 156 w 586"/>
                <a:gd name="T65" fmla="*/ 595 h 958"/>
                <a:gd name="T66" fmla="*/ 125 w 586"/>
                <a:gd name="T67" fmla="*/ 588 h 958"/>
                <a:gd name="T68" fmla="*/ 89 w 586"/>
                <a:gd name="T69" fmla="*/ 580 h 958"/>
                <a:gd name="T70" fmla="*/ 51 w 586"/>
                <a:gd name="T71" fmla="*/ 572 h 958"/>
                <a:gd name="T72" fmla="*/ 18 w 586"/>
                <a:gd name="T73" fmla="*/ 564 h 958"/>
                <a:gd name="T74" fmla="*/ 44 w 586"/>
                <a:gd name="T75" fmla="*/ 403 h 958"/>
                <a:gd name="T76" fmla="*/ 34 w 586"/>
                <a:gd name="T77" fmla="*/ 375 h 958"/>
                <a:gd name="T78" fmla="*/ 37 w 586"/>
                <a:gd name="T79" fmla="*/ 368 h 958"/>
                <a:gd name="T80" fmla="*/ 42 w 586"/>
                <a:gd name="T81" fmla="*/ 356 h 958"/>
                <a:gd name="T82" fmla="*/ 64 w 586"/>
                <a:gd name="T83" fmla="*/ 330 h 958"/>
                <a:gd name="T84" fmla="*/ 101 w 586"/>
                <a:gd name="T85" fmla="*/ 273 h 958"/>
                <a:gd name="T86" fmla="*/ 83 w 586"/>
                <a:gd name="T87" fmla="*/ 228 h 958"/>
                <a:gd name="T88" fmla="*/ 83 w 586"/>
                <a:gd name="T89" fmla="*/ 198 h 958"/>
                <a:gd name="T90" fmla="*/ 89 w 586"/>
                <a:gd name="T91" fmla="*/ 176 h 958"/>
                <a:gd name="T92" fmla="*/ 98 w 586"/>
                <a:gd name="T93" fmla="*/ 137 h 958"/>
                <a:gd name="T94" fmla="*/ 109 w 586"/>
                <a:gd name="T95" fmla="*/ 91 h 958"/>
                <a:gd name="T96" fmla="*/ 118 w 586"/>
                <a:gd name="T97" fmla="*/ 46 h 958"/>
                <a:gd name="T98" fmla="*/ 125 w 586"/>
                <a:gd name="T99" fmla="*/ 17 h 958"/>
                <a:gd name="T100" fmla="*/ 127 w 586"/>
                <a:gd name="T101" fmla="*/ 0 h 958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w 586"/>
                <a:gd name="T154" fmla="*/ 0 h 958"/>
                <a:gd name="T155" fmla="*/ 586 w 586"/>
                <a:gd name="T156" fmla="*/ 958 h 958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T153" t="T154" r="T155" b="T156"/>
              <a:pathLst>
                <a:path w="586" h="958">
                  <a:moveTo>
                    <a:pt x="266" y="17"/>
                  </a:moveTo>
                  <a:lnTo>
                    <a:pt x="241" y="139"/>
                  </a:lnTo>
                  <a:lnTo>
                    <a:pt x="249" y="158"/>
                  </a:lnTo>
                  <a:lnTo>
                    <a:pt x="261" y="185"/>
                  </a:lnTo>
                  <a:lnTo>
                    <a:pt x="261" y="195"/>
                  </a:lnTo>
                  <a:lnTo>
                    <a:pt x="254" y="200"/>
                  </a:lnTo>
                  <a:lnTo>
                    <a:pt x="263" y="207"/>
                  </a:lnTo>
                  <a:lnTo>
                    <a:pt x="256" y="212"/>
                  </a:lnTo>
                  <a:lnTo>
                    <a:pt x="256" y="219"/>
                  </a:lnTo>
                  <a:lnTo>
                    <a:pt x="269" y="222"/>
                  </a:lnTo>
                  <a:lnTo>
                    <a:pt x="269" y="224"/>
                  </a:lnTo>
                  <a:lnTo>
                    <a:pt x="269" y="226"/>
                  </a:lnTo>
                  <a:lnTo>
                    <a:pt x="269" y="227"/>
                  </a:lnTo>
                  <a:lnTo>
                    <a:pt x="269" y="229"/>
                  </a:lnTo>
                  <a:lnTo>
                    <a:pt x="269" y="231"/>
                  </a:lnTo>
                  <a:lnTo>
                    <a:pt x="269" y="232"/>
                  </a:lnTo>
                  <a:lnTo>
                    <a:pt x="271" y="234"/>
                  </a:lnTo>
                  <a:lnTo>
                    <a:pt x="276" y="236"/>
                  </a:lnTo>
                  <a:lnTo>
                    <a:pt x="280" y="237"/>
                  </a:lnTo>
                  <a:lnTo>
                    <a:pt x="283" y="241"/>
                  </a:lnTo>
                  <a:lnTo>
                    <a:pt x="286" y="244"/>
                  </a:lnTo>
                  <a:lnTo>
                    <a:pt x="290" y="249"/>
                  </a:lnTo>
                  <a:lnTo>
                    <a:pt x="293" y="256"/>
                  </a:lnTo>
                  <a:lnTo>
                    <a:pt x="295" y="261"/>
                  </a:lnTo>
                  <a:lnTo>
                    <a:pt x="298" y="268"/>
                  </a:lnTo>
                  <a:lnTo>
                    <a:pt x="300" y="275"/>
                  </a:lnTo>
                  <a:lnTo>
                    <a:pt x="302" y="280"/>
                  </a:lnTo>
                  <a:lnTo>
                    <a:pt x="303" y="286"/>
                  </a:lnTo>
                  <a:lnTo>
                    <a:pt x="305" y="292"/>
                  </a:lnTo>
                  <a:lnTo>
                    <a:pt x="305" y="295"/>
                  </a:lnTo>
                  <a:lnTo>
                    <a:pt x="307" y="298"/>
                  </a:lnTo>
                  <a:lnTo>
                    <a:pt x="307" y="300"/>
                  </a:lnTo>
                  <a:lnTo>
                    <a:pt x="307" y="302"/>
                  </a:lnTo>
                  <a:lnTo>
                    <a:pt x="315" y="305"/>
                  </a:lnTo>
                  <a:lnTo>
                    <a:pt x="315" y="317"/>
                  </a:lnTo>
                  <a:lnTo>
                    <a:pt x="327" y="317"/>
                  </a:lnTo>
                  <a:lnTo>
                    <a:pt x="329" y="330"/>
                  </a:lnTo>
                  <a:lnTo>
                    <a:pt x="335" y="330"/>
                  </a:lnTo>
                  <a:lnTo>
                    <a:pt x="354" y="330"/>
                  </a:lnTo>
                  <a:lnTo>
                    <a:pt x="354" y="332"/>
                  </a:lnTo>
                  <a:lnTo>
                    <a:pt x="342" y="354"/>
                  </a:lnTo>
                  <a:lnTo>
                    <a:pt x="342" y="366"/>
                  </a:lnTo>
                  <a:lnTo>
                    <a:pt x="334" y="376"/>
                  </a:lnTo>
                  <a:lnTo>
                    <a:pt x="335" y="376"/>
                  </a:lnTo>
                  <a:lnTo>
                    <a:pt x="335" y="385"/>
                  </a:lnTo>
                  <a:lnTo>
                    <a:pt x="329" y="390"/>
                  </a:lnTo>
                  <a:lnTo>
                    <a:pt x="327" y="400"/>
                  </a:lnTo>
                  <a:lnTo>
                    <a:pt x="330" y="418"/>
                  </a:lnTo>
                  <a:lnTo>
                    <a:pt x="330" y="420"/>
                  </a:lnTo>
                  <a:lnTo>
                    <a:pt x="329" y="422"/>
                  </a:lnTo>
                  <a:lnTo>
                    <a:pt x="327" y="425"/>
                  </a:lnTo>
                  <a:lnTo>
                    <a:pt x="320" y="427"/>
                  </a:lnTo>
                  <a:lnTo>
                    <a:pt x="317" y="430"/>
                  </a:lnTo>
                  <a:lnTo>
                    <a:pt x="315" y="434"/>
                  </a:lnTo>
                  <a:lnTo>
                    <a:pt x="313" y="439"/>
                  </a:lnTo>
                  <a:lnTo>
                    <a:pt x="313" y="444"/>
                  </a:lnTo>
                  <a:lnTo>
                    <a:pt x="315" y="447"/>
                  </a:lnTo>
                  <a:lnTo>
                    <a:pt x="315" y="451"/>
                  </a:lnTo>
                  <a:lnTo>
                    <a:pt x="315" y="452"/>
                  </a:lnTo>
                  <a:lnTo>
                    <a:pt x="310" y="454"/>
                  </a:lnTo>
                  <a:lnTo>
                    <a:pt x="310" y="462"/>
                  </a:lnTo>
                  <a:lnTo>
                    <a:pt x="319" y="466"/>
                  </a:lnTo>
                  <a:lnTo>
                    <a:pt x="327" y="474"/>
                  </a:lnTo>
                  <a:lnTo>
                    <a:pt x="342" y="469"/>
                  </a:lnTo>
                  <a:lnTo>
                    <a:pt x="357" y="456"/>
                  </a:lnTo>
                  <a:lnTo>
                    <a:pt x="364" y="454"/>
                  </a:lnTo>
                  <a:lnTo>
                    <a:pt x="366" y="452"/>
                  </a:lnTo>
                  <a:lnTo>
                    <a:pt x="366" y="451"/>
                  </a:lnTo>
                  <a:lnTo>
                    <a:pt x="368" y="451"/>
                  </a:lnTo>
                  <a:lnTo>
                    <a:pt x="369" y="452"/>
                  </a:lnTo>
                  <a:lnTo>
                    <a:pt x="371" y="456"/>
                  </a:lnTo>
                  <a:lnTo>
                    <a:pt x="373" y="464"/>
                  </a:lnTo>
                  <a:lnTo>
                    <a:pt x="373" y="474"/>
                  </a:lnTo>
                  <a:lnTo>
                    <a:pt x="373" y="488"/>
                  </a:lnTo>
                  <a:lnTo>
                    <a:pt x="373" y="498"/>
                  </a:lnTo>
                  <a:lnTo>
                    <a:pt x="374" y="506"/>
                  </a:lnTo>
                  <a:lnTo>
                    <a:pt x="376" y="513"/>
                  </a:lnTo>
                  <a:lnTo>
                    <a:pt x="378" y="520"/>
                  </a:lnTo>
                  <a:lnTo>
                    <a:pt x="379" y="523"/>
                  </a:lnTo>
                  <a:lnTo>
                    <a:pt x="381" y="525"/>
                  </a:lnTo>
                  <a:lnTo>
                    <a:pt x="383" y="527"/>
                  </a:lnTo>
                  <a:lnTo>
                    <a:pt x="386" y="535"/>
                  </a:lnTo>
                  <a:lnTo>
                    <a:pt x="388" y="540"/>
                  </a:lnTo>
                  <a:lnTo>
                    <a:pt x="390" y="545"/>
                  </a:lnTo>
                  <a:lnTo>
                    <a:pt x="390" y="547"/>
                  </a:lnTo>
                  <a:lnTo>
                    <a:pt x="388" y="550"/>
                  </a:lnTo>
                  <a:lnTo>
                    <a:pt x="388" y="552"/>
                  </a:lnTo>
                  <a:lnTo>
                    <a:pt x="386" y="554"/>
                  </a:lnTo>
                  <a:lnTo>
                    <a:pt x="385" y="559"/>
                  </a:lnTo>
                  <a:lnTo>
                    <a:pt x="386" y="562"/>
                  </a:lnTo>
                  <a:lnTo>
                    <a:pt x="388" y="566"/>
                  </a:lnTo>
                  <a:lnTo>
                    <a:pt x="391" y="569"/>
                  </a:lnTo>
                  <a:lnTo>
                    <a:pt x="395" y="571"/>
                  </a:lnTo>
                  <a:lnTo>
                    <a:pt x="398" y="572"/>
                  </a:lnTo>
                  <a:lnTo>
                    <a:pt x="400" y="572"/>
                  </a:lnTo>
                  <a:lnTo>
                    <a:pt x="401" y="572"/>
                  </a:lnTo>
                  <a:lnTo>
                    <a:pt x="413" y="591"/>
                  </a:lnTo>
                  <a:lnTo>
                    <a:pt x="413" y="593"/>
                  </a:lnTo>
                  <a:lnTo>
                    <a:pt x="415" y="596"/>
                  </a:lnTo>
                  <a:lnTo>
                    <a:pt x="415" y="603"/>
                  </a:lnTo>
                  <a:lnTo>
                    <a:pt x="415" y="610"/>
                  </a:lnTo>
                  <a:lnTo>
                    <a:pt x="417" y="616"/>
                  </a:lnTo>
                  <a:lnTo>
                    <a:pt x="417" y="622"/>
                  </a:lnTo>
                  <a:lnTo>
                    <a:pt x="418" y="627"/>
                  </a:lnTo>
                  <a:lnTo>
                    <a:pt x="418" y="628"/>
                  </a:lnTo>
                  <a:lnTo>
                    <a:pt x="422" y="633"/>
                  </a:lnTo>
                  <a:lnTo>
                    <a:pt x="425" y="637"/>
                  </a:lnTo>
                  <a:lnTo>
                    <a:pt x="427" y="637"/>
                  </a:lnTo>
                  <a:lnTo>
                    <a:pt x="429" y="637"/>
                  </a:lnTo>
                  <a:lnTo>
                    <a:pt x="430" y="633"/>
                  </a:lnTo>
                  <a:lnTo>
                    <a:pt x="432" y="632"/>
                  </a:lnTo>
                  <a:lnTo>
                    <a:pt x="432" y="630"/>
                  </a:lnTo>
                  <a:lnTo>
                    <a:pt x="432" y="628"/>
                  </a:lnTo>
                  <a:lnTo>
                    <a:pt x="435" y="623"/>
                  </a:lnTo>
                  <a:lnTo>
                    <a:pt x="440" y="622"/>
                  </a:lnTo>
                  <a:lnTo>
                    <a:pt x="444" y="622"/>
                  </a:lnTo>
                  <a:lnTo>
                    <a:pt x="447" y="622"/>
                  </a:lnTo>
                  <a:lnTo>
                    <a:pt x="452" y="623"/>
                  </a:lnTo>
                  <a:lnTo>
                    <a:pt x="454" y="625"/>
                  </a:lnTo>
                  <a:lnTo>
                    <a:pt x="457" y="627"/>
                  </a:lnTo>
                  <a:lnTo>
                    <a:pt x="459" y="628"/>
                  </a:lnTo>
                  <a:lnTo>
                    <a:pt x="464" y="632"/>
                  </a:lnTo>
                  <a:lnTo>
                    <a:pt x="469" y="632"/>
                  </a:lnTo>
                  <a:lnTo>
                    <a:pt x="473" y="630"/>
                  </a:lnTo>
                  <a:lnTo>
                    <a:pt x="476" y="628"/>
                  </a:lnTo>
                  <a:lnTo>
                    <a:pt x="478" y="625"/>
                  </a:lnTo>
                  <a:lnTo>
                    <a:pt x="479" y="623"/>
                  </a:lnTo>
                  <a:lnTo>
                    <a:pt x="479" y="620"/>
                  </a:lnTo>
                  <a:lnTo>
                    <a:pt x="481" y="620"/>
                  </a:lnTo>
                  <a:lnTo>
                    <a:pt x="484" y="618"/>
                  </a:lnTo>
                  <a:lnTo>
                    <a:pt x="486" y="618"/>
                  </a:lnTo>
                  <a:lnTo>
                    <a:pt x="488" y="620"/>
                  </a:lnTo>
                  <a:lnTo>
                    <a:pt x="489" y="622"/>
                  </a:lnTo>
                  <a:lnTo>
                    <a:pt x="491" y="623"/>
                  </a:lnTo>
                  <a:lnTo>
                    <a:pt x="491" y="625"/>
                  </a:lnTo>
                  <a:lnTo>
                    <a:pt x="493" y="627"/>
                  </a:lnTo>
                  <a:lnTo>
                    <a:pt x="493" y="628"/>
                  </a:lnTo>
                  <a:lnTo>
                    <a:pt x="498" y="628"/>
                  </a:lnTo>
                  <a:lnTo>
                    <a:pt x="518" y="625"/>
                  </a:lnTo>
                  <a:lnTo>
                    <a:pt x="525" y="630"/>
                  </a:lnTo>
                  <a:lnTo>
                    <a:pt x="537" y="630"/>
                  </a:lnTo>
                  <a:lnTo>
                    <a:pt x="552" y="628"/>
                  </a:lnTo>
                  <a:lnTo>
                    <a:pt x="559" y="611"/>
                  </a:lnTo>
                  <a:lnTo>
                    <a:pt x="569" y="611"/>
                  </a:lnTo>
                  <a:lnTo>
                    <a:pt x="576" y="632"/>
                  </a:lnTo>
                  <a:lnTo>
                    <a:pt x="586" y="647"/>
                  </a:lnTo>
                  <a:lnTo>
                    <a:pt x="540" y="958"/>
                  </a:lnTo>
                  <a:lnTo>
                    <a:pt x="269" y="909"/>
                  </a:lnTo>
                  <a:lnTo>
                    <a:pt x="268" y="909"/>
                  </a:lnTo>
                  <a:lnTo>
                    <a:pt x="266" y="909"/>
                  </a:lnTo>
                  <a:lnTo>
                    <a:pt x="263" y="908"/>
                  </a:lnTo>
                  <a:lnTo>
                    <a:pt x="259" y="908"/>
                  </a:lnTo>
                  <a:lnTo>
                    <a:pt x="254" y="906"/>
                  </a:lnTo>
                  <a:lnTo>
                    <a:pt x="249" y="904"/>
                  </a:lnTo>
                  <a:lnTo>
                    <a:pt x="242" y="904"/>
                  </a:lnTo>
                  <a:lnTo>
                    <a:pt x="236" y="902"/>
                  </a:lnTo>
                  <a:lnTo>
                    <a:pt x="229" y="901"/>
                  </a:lnTo>
                  <a:lnTo>
                    <a:pt x="220" y="899"/>
                  </a:lnTo>
                  <a:lnTo>
                    <a:pt x="212" y="897"/>
                  </a:lnTo>
                  <a:lnTo>
                    <a:pt x="203" y="896"/>
                  </a:lnTo>
                  <a:lnTo>
                    <a:pt x="193" y="894"/>
                  </a:lnTo>
                  <a:lnTo>
                    <a:pt x="185" y="891"/>
                  </a:lnTo>
                  <a:lnTo>
                    <a:pt x="175" y="889"/>
                  </a:lnTo>
                  <a:lnTo>
                    <a:pt x="165" y="887"/>
                  </a:lnTo>
                  <a:lnTo>
                    <a:pt x="154" y="884"/>
                  </a:lnTo>
                  <a:lnTo>
                    <a:pt x="143" y="882"/>
                  </a:lnTo>
                  <a:lnTo>
                    <a:pt x="132" y="880"/>
                  </a:lnTo>
                  <a:lnTo>
                    <a:pt x="121" y="877"/>
                  </a:lnTo>
                  <a:lnTo>
                    <a:pt x="110" y="875"/>
                  </a:lnTo>
                  <a:lnTo>
                    <a:pt x="99" y="872"/>
                  </a:lnTo>
                  <a:lnTo>
                    <a:pt x="87" y="870"/>
                  </a:lnTo>
                  <a:lnTo>
                    <a:pt x="77" y="867"/>
                  </a:lnTo>
                  <a:lnTo>
                    <a:pt x="65" y="865"/>
                  </a:lnTo>
                  <a:lnTo>
                    <a:pt x="53" y="862"/>
                  </a:lnTo>
                  <a:lnTo>
                    <a:pt x="43" y="860"/>
                  </a:lnTo>
                  <a:lnTo>
                    <a:pt x="33" y="858"/>
                  </a:lnTo>
                  <a:lnTo>
                    <a:pt x="21" y="855"/>
                  </a:lnTo>
                  <a:lnTo>
                    <a:pt x="11" y="853"/>
                  </a:lnTo>
                  <a:lnTo>
                    <a:pt x="0" y="852"/>
                  </a:lnTo>
                  <a:lnTo>
                    <a:pt x="46" y="657"/>
                  </a:lnTo>
                  <a:lnTo>
                    <a:pt x="44" y="644"/>
                  </a:lnTo>
                  <a:lnTo>
                    <a:pt x="63" y="611"/>
                  </a:lnTo>
                  <a:lnTo>
                    <a:pt x="63" y="601"/>
                  </a:lnTo>
                  <a:lnTo>
                    <a:pt x="68" y="594"/>
                  </a:lnTo>
                  <a:lnTo>
                    <a:pt x="71" y="586"/>
                  </a:lnTo>
                  <a:lnTo>
                    <a:pt x="66" y="581"/>
                  </a:lnTo>
                  <a:lnTo>
                    <a:pt x="48" y="569"/>
                  </a:lnTo>
                  <a:lnTo>
                    <a:pt x="49" y="561"/>
                  </a:lnTo>
                  <a:lnTo>
                    <a:pt x="49" y="559"/>
                  </a:lnTo>
                  <a:lnTo>
                    <a:pt x="49" y="557"/>
                  </a:lnTo>
                  <a:lnTo>
                    <a:pt x="51" y="556"/>
                  </a:lnTo>
                  <a:lnTo>
                    <a:pt x="51" y="554"/>
                  </a:lnTo>
                  <a:lnTo>
                    <a:pt x="53" y="552"/>
                  </a:lnTo>
                  <a:lnTo>
                    <a:pt x="53" y="550"/>
                  </a:lnTo>
                  <a:lnTo>
                    <a:pt x="53" y="549"/>
                  </a:lnTo>
                  <a:lnTo>
                    <a:pt x="58" y="539"/>
                  </a:lnTo>
                  <a:lnTo>
                    <a:pt x="63" y="530"/>
                  </a:lnTo>
                  <a:lnTo>
                    <a:pt x="71" y="522"/>
                  </a:lnTo>
                  <a:lnTo>
                    <a:pt x="78" y="513"/>
                  </a:lnTo>
                  <a:lnTo>
                    <a:pt x="87" y="506"/>
                  </a:lnTo>
                  <a:lnTo>
                    <a:pt x="93" y="501"/>
                  </a:lnTo>
                  <a:lnTo>
                    <a:pt x="97" y="498"/>
                  </a:lnTo>
                  <a:lnTo>
                    <a:pt x="99" y="496"/>
                  </a:lnTo>
                  <a:lnTo>
                    <a:pt x="99" y="488"/>
                  </a:lnTo>
                  <a:lnTo>
                    <a:pt x="146" y="422"/>
                  </a:lnTo>
                  <a:lnTo>
                    <a:pt x="148" y="413"/>
                  </a:lnTo>
                  <a:lnTo>
                    <a:pt x="141" y="400"/>
                  </a:lnTo>
                  <a:lnTo>
                    <a:pt x="131" y="391"/>
                  </a:lnTo>
                  <a:lnTo>
                    <a:pt x="119" y="368"/>
                  </a:lnTo>
                  <a:lnTo>
                    <a:pt x="119" y="358"/>
                  </a:lnTo>
                  <a:lnTo>
                    <a:pt x="122" y="344"/>
                  </a:lnTo>
                  <a:lnTo>
                    <a:pt x="122" y="332"/>
                  </a:lnTo>
                  <a:lnTo>
                    <a:pt x="117" y="320"/>
                  </a:lnTo>
                  <a:lnTo>
                    <a:pt x="122" y="303"/>
                  </a:lnTo>
                  <a:lnTo>
                    <a:pt x="122" y="302"/>
                  </a:lnTo>
                  <a:lnTo>
                    <a:pt x="122" y="300"/>
                  </a:lnTo>
                  <a:lnTo>
                    <a:pt x="124" y="297"/>
                  </a:lnTo>
                  <a:lnTo>
                    <a:pt x="126" y="290"/>
                  </a:lnTo>
                  <a:lnTo>
                    <a:pt x="127" y="283"/>
                  </a:lnTo>
                  <a:lnTo>
                    <a:pt x="129" y="275"/>
                  </a:lnTo>
                  <a:lnTo>
                    <a:pt x="131" y="266"/>
                  </a:lnTo>
                  <a:lnTo>
                    <a:pt x="132" y="256"/>
                  </a:lnTo>
                  <a:lnTo>
                    <a:pt x="136" y="244"/>
                  </a:lnTo>
                  <a:lnTo>
                    <a:pt x="137" y="232"/>
                  </a:lnTo>
                  <a:lnTo>
                    <a:pt x="141" y="220"/>
                  </a:lnTo>
                  <a:lnTo>
                    <a:pt x="144" y="207"/>
                  </a:lnTo>
                  <a:lnTo>
                    <a:pt x="146" y="193"/>
                  </a:lnTo>
                  <a:lnTo>
                    <a:pt x="149" y="180"/>
                  </a:lnTo>
                  <a:lnTo>
                    <a:pt x="153" y="166"/>
                  </a:lnTo>
                  <a:lnTo>
                    <a:pt x="156" y="151"/>
                  </a:lnTo>
                  <a:lnTo>
                    <a:pt x="159" y="138"/>
                  </a:lnTo>
                  <a:lnTo>
                    <a:pt x="161" y="122"/>
                  </a:lnTo>
                  <a:lnTo>
                    <a:pt x="165" y="109"/>
                  </a:lnTo>
                  <a:lnTo>
                    <a:pt x="168" y="95"/>
                  </a:lnTo>
                  <a:lnTo>
                    <a:pt x="171" y="82"/>
                  </a:lnTo>
                  <a:lnTo>
                    <a:pt x="173" y="70"/>
                  </a:lnTo>
                  <a:lnTo>
                    <a:pt x="176" y="58"/>
                  </a:lnTo>
                  <a:lnTo>
                    <a:pt x="178" y="48"/>
                  </a:lnTo>
                  <a:lnTo>
                    <a:pt x="181" y="38"/>
                  </a:lnTo>
                  <a:lnTo>
                    <a:pt x="183" y="28"/>
                  </a:lnTo>
                  <a:lnTo>
                    <a:pt x="185" y="19"/>
                  </a:lnTo>
                  <a:lnTo>
                    <a:pt x="187" y="12"/>
                  </a:lnTo>
                  <a:lnTo>
                    <a:pt x="188" y="7"/>
                  </a:lnTo>
                  <a:lnTo>
                    <a:pt x="188" y="4"/>
                  </a:lnTo>
                  <a:lnTo>
                    <a:pt x="188" y="0"/>
                  </a:lnTo>
                  <a:lnTo>
                    <a:pt x="266" y="17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62" name="Freeform 117"/>
            <p:cNvSpPr>
              <a:spLocks/>
            </p:cNvSpPr>
            <p:nvPr/>
          </p:nvSpPr>
          <p:spPr bwMode="auto">
            <a:xfrm>
              <a:off x="1110" y="981"/>
              <a:ext cx="979" cy="621"/>
            </a:xfrm>
            <a:custGeom>
              <a:avLst/>
              <a:gdLst>
                <a:gd name="T0" fmla="*/ 289 w 1007"/>
                <a:gd name="T1" fmla="*/ 381 h 640"/>
                <a:gd name="T2" fmla="*/ 357 w 1007"/>
                <a:gd name="T3" fmla="*/ 389 h 640"/>
                <a:gd name="T4" fmla="*/ 425 w 1007"/>
                <a:gd name="T5" fmla="*/ 398 h 640"/>
                <a:gd name="T6" fmla="*/ 489 w 1007"/>
                <a:gd name="T7" fmla="*/ 406 h 640"/>
                <a:gd name="T8" fmla="*/ 550 w 1007"/>
                <a:gd name="T9" fmla="*/ 410 h 640"/>
                <a:gd name="T10" fmla="*/ 600 w 1007"/>
                <a:gd name="T11" fmla="*/ 415 h 640"/>
                <a:gd name="T12" fmla="*/ 635 w 1007"/>
                <a:gd name="T13" fmla="*/ 418 h 640"/>
                <a:gd name="T14" fmla="*/ 651 w 1007"/>
                <a:gd name="T15" fmla="*/ 420 h 640"/>
                <a:gd name="T16" fmla="*/ 635 w 1007"/>
                <a:gd name="T17" fmla="*/ 93 h 640"/>
                <a:gd name="T18" fmla="*/ 534 w 1007"/>
                <a:gd name="T19" fmla="*/ 82 h 640"/>
                <a:gd name="T20" fmla="*/ 426 w 1007"/>
                <a:gd name="T21" fmla="*/ 70 h 640"/>
                <a:gd name="T22" fmla="*/ 317 w 1007"/>
                <a:gd name="T23" fmla="*/ 54 h 640"/>
                <a:gd name="T24" fmla="*/ 215 w 1007"/>
                <a:gd name="T25" fmla="*/ 39 h 640"/>
                <a:gd name="T26" fmla="*/ 126 w 1007"/>
                <a:gd name="T27" fmla="*/ 17 h 640"/>
                <a:gd name="T28" fmla="*/ 60 w 1007"/>
                <a:gd name="T29" fmla="*/ 12 h 640"/>
                <a:gd name="T30" fmla="*/ 20 w 1007"/>
                <a:gd name="T31" fmla="*/ 2 h 640"/>
                <a:gd name="T32" fmla="*/ 0 w 1007"/>
                <a:gd name="T33" fmla="*/ 80 h 640"/>
                <a:gd name="T34" fmla="*/ 13 w 1007"/>
                <a:gd name="T35" fmla="*/ 120 h 640"/>
                <a:gd name="T36" fmla="*/ 17 w 1007"/>
                <a:gd name="T37" fmla="*/ 135 h 640"/>
                <a:gd name="T38" fmla="*/ 17 w 1007"/>
                <a:gd name="T39" fmla="*/ 139 h 640"/>
                <a:gd name="T40" fmla="*/ 17 w 1007"/>
                <a:gd name="T41" fmla="*/ 143 h 640"/>
                <a:gd name="T42" fmla="*/ 31 w 1007"/>
                <a:gd name="T43" fmla="*/ 148 h 640"/>
                <a:gd name="T44" fmla="*/ 41 w 1007"/>
                <a:gd name="T45" fmla="*/ 165 h 640"/>
                <a:gd name="T46" fmla="*/ 44 w 1007"/>
                <a:gd name="T47" fmla="*/ 180 h 640"/>
                <a:gd name="T48" fmla="*/ 45 w 1007"/>
                <a:gd name="T49" fmla="*/ 187 h 640"/>
                <a:gd name="T50" fmla="*/ 60 w 1007"/>
                <a:gd name="T51" fmla="*/ 206 h 640"/>
                <a:gd name="T52" fmla="*/ 77 w 1007"/>
                <a:gd name="T53" fmla="*/ 206 h 640"/>
                <a:gd name="T54" fmla="*/ 63 w 1007"/>
                <a:gd name="T55" fmla="*/ 236 h 640"/>
                <a:gd name="T56" fmla="*/ 58 w 1007"/>
                <a:gd name="T57" fmla="*/ 252 h 640"/>
                <a:gd name="T58" fmla="*/ 58 w 1007"/>
                <a:gd name="T59" fmla="*/ 268 h 640"/>
                <a:gd name="T60" fmla="*/ 49 w 1007"/>
                <a:gd name="T61" fmla="*/ 274 h 640"/>
                <a:gd name="T62" fmla="*/ 49 w 1007"/>
                <a:gd name="T63" fmla="*/ 285 h 640"/>
                <a:gd name="T64" fmla="*/ 51 w 1007"/>
                <a:gd name="T65" fmla="*/ 295 h 640"/>
                <a:gd name="T66" fmla="*/ 83 w 1007"/>
                <a:gd name="T67" fmla="*/ 286 h 640"/>
                <a:gd name="T68" fmla="*/ 85 w 1007"/>
                <a:gd name="T69" fmla="*/ 285 h 640"/>
                <a:gd name="T70" fmla="*/ 88 w 1007"/>
                <a:gd name="T71" fmla="*/ 300 h 640"/>
                <a:gd name="T72" fmla="*/ 90 w 1007"/>
                <a:gd name="T73" fmla="*/ 325 h 640"/>
                <a:gd name="T74" fmla="*/ 95 w 1007"/>
                <a:gd name="T75" fmla="*/ 334 h 640"/>
                <a:gd name="T76" fmla="*/ 101 w 1007"/>
                <a:gd name="T77" fmla="*/ 347 h 640"/>
                <a:gd name="T78" fmla="*/ 98 w 1007"/>
                <a:gd name="T79" fmla="*/ 352 h 640"/>
                <a:gd name="T80" fmla="*/ 101 w 1007"/>
                <a:gd name="T81" fmla="*/ 363 h 640"/>
                <a:gd name="T82" fmla="*/ 109 w 1007"/>
                <a:gd name="T83" fmla="*/ 364 h 640"/>
                <a:gd name="T84" fmla="*/ 117 w 1007"/>
                <a:gd name="T85" fmla="*/ 385 h 640"/>
                <a:gd name="T86" fmla="*/ 119 w 1007"/>
                <a:gd name="T87" fmla="*/ 399 h 640"/>
                <a:gd name="T88" fmla="*/ 125 w 1007"/>
                <a:gd name="T89" fmla="*/ 408 h 640"/>
                <a:gd name="T90" fmla="*/ 129 w 1007"/>
                <a:gd name="T91" fmla="*/ 402 h 640"/>
                <a:gd name="T92" fmla="*/ 137 w 1007"/>
                <a:gd name="T93" fmla="*/ 397 h 640"/>
                <a:gd name="T94" fmla="*/ 145 w 1007"/>
                <a:gd name="T95" fmla="*/ 399 h 640"/>
                <a:gd name="T96" fmla="*/ 157 w 1007"/>
                <a:gd name="T97" fmla="*/ 402 h 640"/>
                <a:gd name="T98" fmla="*/ 160 w 1007"/>
                <a:gd name="T99" fmla="*/ 396 h 640"/>
                <a:gd name="T100" fmla="*/ 167 w 1007"/>
                <a:gd name="T101" fmla="*/ 396 h 640"/>
                <a:gd name="T102" fmla="*/ 170 w 1007"/>
                <a:gd name="T103" fmla="*/ 399 h 640"/>
                <a:gd name="T104" fmla="*/ 192 w 1007"/>
                <a:gd name="T105" fmla="*/ 402 h 640"/>
                <a:gd name="T106" fmla="*/ 221 w 1007"/>
                <a:gd name="T107" fmla="*/ 389 h 640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w 1007"/>
                <a:gd name="T163" fmla="*/ 0 h 640"/>
                <a:gd name="T164" fmla="*/ 1007 w 1007"/>
                <a:gd name="T165" fmla="*/ 640 h 640"/>
              </a:gdLst>
              <a:ahLst/>
              <a:cxnLst>
                <a:cxn ang="T108">
                  <a:pos x="T0" y="T1"/>
                </a:cxn>
                <a:cxn ang="T109">
                  <a:pos x="T2" y="T3"/>
                </a:cxn>
                <a:cxn ang="T110">
                  <a:pos x="T4" y="T5"/>
                </a:cxn>
                <a:cxn ang="T111">
                  <a:pos x="T6" y="T7"/>
                </a:cxn>
                <a:cxn ang="T112">
                  <a:pos x="T8" y="T9"/>
                </a:cxn>
                <a:cxn ang="T113">
                  <a:pos x="T10" y="T11"/>
                </a:cxn>
                <a:cxn ang="T114">
                  <a:pos x="T12" y="T13"/>
                </a:cxn>
                <a:cxn ang="T115">
                  <a:pos x="T14" y="T15"/>
                </a:cxn>
                <a:cxn ang="T116">
                  <a:pos x="T16" y="T17"/>
                </a:cxn>
                <a:cxn ang="T117">
                  <a:pos x="T18" y="T19"/>
                </a:cxn>
                <a:cxn ang="T118">
                  <a:pos x="T20" y="T21"/>
                </a:cxn>
                <a:cxn ang="T119">
                  <a:pos x="T22" y="T23"/>
                </a:cxn>
                <a:cxn ang="T120">
                  <a:pos x="T24" y="T25"/>
                </a:cxn>
                <a:cxn ang="T121">
                  <a:pos x="T26" y="T27"/>
                </a:cxn>
                <a:cxn ang="T122">
                  <a:pos x="T28" y="T29"/>
                </a:cxn>
                <a:cxn ang="T123">
                  <a:pos x="T30" y="T31"/>
                </a:cxn>
                <a:cxn ang="T124">
                  <a:pos x="T32" y="T33"/>
                </a:cxn>
                <a:cxn ang="T125">
                  <a:pos x="T34" y="T35"/>
                </a:cxn>
                <a:cxn ang="T126">
                  <a:pos x="T36" y="T37"/>
                </a:cxn>
                <a:cxn ang="T127">
                  <a:pos x="T38" y="T39"/>
                </a:cxn>
                <a:cxn ang="T128">
                  <a:pos x="T40" y="T41"/>
                </a:cxn>
                <a:cxn ang="T129">
                  <a:pos x="T42" y="T43"/>
                </a:cxn>
                <a:cxn ang="T130">
                  <a:pos x="T44" y="T45"/>
                </a:cxn>
                <a:cxn ang="T131">
                  <a:pos x="T46" y="T47"/>
                </a:cxn>
                <a:cxn ang="T132">
                  <a:pos x="T48" y="T49"/>
                </a:cxn>
                <a:cxn ang="T133">
                  <a:pos x="T50" y="T51"/>
                </a:cxn>
                <a:cxn ang="T134">
                  <a:pos x="T52" y="T53"/>
                </a:cxn>
                <a:cxn ang="T135">
                  <a:pos x="T54" y="T55"/>
                </a:cxn>
                <a:cxn ang="T136">
                  <a:pos x="T56" y="T57"/>
                </a:cxn>
                <a:cxn ang="T137">
                  <a:pos x="T58" y="T59"/>
                </a:cxn>
                <a:cxn ang="T138">
                  <a:pos x="T60" y="T61"/>
                </a:cxn>
                <a:cxn ang="T139">
                  <a:pos x="T62" y="T63"/>
                </a:cxn>
                <a:cxn ang="T140">
                  <a:pos x="T64" y="T65"/>
                </a:cxn>
                <a:cxn ang="T141">
                  <a:pos x="T66" y="T67"/>
                </a:cxn>
                <a:cxn ang="T142">
                  <a:pos x="T68" y="T69"/>
                </a:cxn>
                <a:cxn ang="T143">
                  <a:pos x="T70" y="T71"/>
                </a:cxn>
                <a:cxn ang="T144">
                  <a:pos x="T72" y="T73"/>
                </a:cxn>
                <a:cxn ang="T145">
                  <a:pos x="T74" y="T75"/>
                </a:cxn>
                <a:cxn ang="T146">
                  <a:pos x="T76" y="T77"/>
                </a:cxn>
                <a:cxn ang="T147">
                  <a:pos x="T78" y="T79"/>
                </a:cxn>
                <a:cxn ang="T148">
                  <a:pos x="T80" y="T81"/>
                </a:cxn>
                <a:cxn ang="T149">
                  <a:pos x="T82" y="T83"/>
                </a:cxn>
                <a:cxn ang="T150">
                  <a:pos x="T84" y="T85"/>
                </a:cxn>
                <a:cxn ang="T151">
                  <a:pos x="T86" y="T87"/>
                </a:cxn>
                <a:cxn ang="T152">
                  <a:pos x="T88" y="T89"/>
                </a:cxn>
                <a:cxn ang="T153">
                  <a:pos x="T90" y="T91"/>
                </a:cxn>
                <a:cxn ang="T154">
                  <a:pos x="T92" y="T93"/>
                </a:cxn>
                <a:cxn ang="T155">
                  <a:pos x="T94" y="T95"/>
                </a:cxn>
                <a:cxn ang="T156">
                  <a:pos x="T96" y="T97"/>
                </a:cxn>
                <a:cxn ang="T157">
                  <a:pos x="T98" y="T99"/>
                </a:cxn>
                <a:cxn ang="T158">
                  <a:pos x="T100" y="T101"/>
                </a:cxn>
                <a:cxn ang="T159">
                  <a:pos x="T102" y="T103"/>
                </a:cxn>
                <a:cxn ang="T160">
                  <a:pos x="T104" y="T105"/>
                </a:cxn>
                <a:cxn ang="T161">
                  <a:pos x="T106" y="T107"/>
                </a:cxn>
              </a:cxnLst>
              <a:rect l="T162" t="T163" r="T164" b="T165"/>
              <a:pathLst>
                <a:path w="1007" h="640">
                  <a:moveTo>
                    <a:pt x="358" y="569"/>
                  </a:moveTo>
                  <a:lnTo>
                    <a:pt x="380" y="572"/>
                  </a:lnTo>
                  <a:lnTo>
                    <a:pt x="404" y="576"/>
                  </a:lnTo>
                  <a:lnTo>
                    <a:pt x="428" y="581"/>
                  </a:lnTo>
                  <a:lnTo>
                    <a:pt x="453" y="584"/>
                  </a:lnTo>
                  <a:lnTo>
                    <a:pt x="477" y="588"/>
                  </a:lnTo>
                  <a:lnTo>
                    <a:pt x="502" y="591"/>
                  </a:lnTo>
                  <a:lnTo>
                    <a:pt x="528" y="594"/>
                  </a:lnTo>
                  <a:lnTo>
                    <a:pt x="553" y="598"/>
                  </a:lnTo>
                  <a:lnTo>
                    <a:pt x="578" y="601"/>
                  </a:lnTo>
                  <a:lnTo>
                    <a:pt x="605" y="603"/>
                  </a:lnTo>
                  <a:lnTo>
                    <a:pt x="631" y="606"/>
                  </a:lnTo>
                  <a:lnTo>
                    <a:pt x="655" y="610"/>
                  </a:lnTo>
                  <a:lnTo>
                    <a:pt x="680" y="613"/>
                  </a:lnTo>
                  <a:lnTo>
                    <a:pt x="704" y="615"/>
                  </a:lnTo>
                  <a:lnTo>
                    <a:pt x="727" y="618"/>
                  </a:lnTo>
                  <a:lnTo>
                    <a:pt x="751" y="620"/>
                  </a:lnTo>
                  <a:lnTo>
                    <a:pt x="775" y="621"/>
                  </a:lnTo>
                  <a:lnTo>
                    <a:pt x="797" y="625"/>
                  </a:lnTo>
                  <a:lnTo>
                    <a:pt x="817" y="627"/>
                  </a:lnTo>
                  <a:lnTo>
                    <a:pt x="837" y="628"/>
                  </a:lnTo>
                  <a:lnTo>
                    <a:pt x="856" y="630"/>
                  </a:lnTo>
                  <a:lnTo>
                    <a:pt x="873" y="632"/>
                  </a:lnTo>
                  <a:lnTo>
                    <a:pt x="890" y="633"/>
                  </a:lnTo>
                  <a:lnTo>
                    <a:pt x="905" y="635"/>
                  </a:lnTo>
                  <a:lnTo>
                    <a:pt x="919" y="635"/>
                  </a:lnTo>
                  <a:lnTo>
                    <a:pt x="930" y="637"/>
                  </a:lnTo>
                  <a:lnTo>
                    <a:pt x="941" y="637"/>
                  </a:lnTo>
                  <a:lnTo>
                    <a:pt x="949" y="638"/>
                  </a:lnTo>
                  <a:lnTo>
                    <a:pt x="957" y="638"/>
                  </a:lnTo>
                  <a:lnTo>
                    <a:pt x="963" y="638"/>
                  </a:lnTo>
                  <a:lnTo>
                    <a:pt x="966" y="640"/>
                  </a:lnTo>
                  <a:lnTo>
                    <a:pt x="1007" y="144"/>
                  </a:lnTo>
                  <a:lnTo>
                    <a:pt x="974" y="143"/>
                  </a:lnTo>
                  <a:lnTo>
                    <a:pt x="941" y="141"/>
                  </a:lnTo>
                  <a:lnTo>
                    <a:pt x="905" y="139"/>
                  </a:lnTo>
                  <a:lnTo>
                    <a:pt x="869" y="136"/>
                  </a:lnTo>
                  <a:lnTo>
                    <a:pt x="832" y="131"/>
                  </a:lnTo>
                  <a:lnTo>
                    <a:pt x="793" y="127"/>
                  </a:lnTo>
                  <a:lnTo>
                    <a:pt x="754" y="122"/>
                  </a:lnTo>
                  <a:lnTo>
                    <a:pt x="714" y="117"/>
                  </a:lnTo>
                  <a:lnTo>
                    <a:pt x="673" y="112"/>
                  </a:lnTo>
                  <a:lnTo>
                    <a:pt x="633" y="105"/>
                  </a:lnTo>
                  <a:lnTo>
                    <a:pt x="592" y="100"/>
                  </a:lnTo>
                  <a:lnTo>
                    <a:pt x="551" y="93"/>
                  </a:lnTo>
                  <a:lnTo>
                    <a:pt x="511" y="88"/>
                  </a:lnTo>
                  <a:lnTo>
                    <a:pt x="470" y="82"/>
                  </a:lnTo>
                  <a:lnTo>
                    <a:pt x="431" y="75"/>
                  </a:lnTo>
                  <a:lnTo>
                    <a:pt x="392" y="68"/>
                  </a:lnTo>
                  <a:lnTo>
                    <a:pt x="355" y="61"/>
                  </a:lnTo>
                  <a:lnTo>
                    <a:pt x="318" y="56"/>
                  </a:lnTo>
                  <a:lnTo>
                    <a:pt x="282" y="49"/>
                  </a:lnTo>
                  <a:lnTo>
                    <a:pt x="248" y="43"/>
                  </a:lnTo>
                  <a:lnTo>
                    <a:pt x="216" y="38"/>
                  </a:lnTo>
                  <a:lnTo>
                    <a:pt x="188" y="31"/>
                  </a:lnTo>
                  <a:lnTo>
                    <a:pt x="159" y="26"/>
                  </a:lnTo>
                  <a:lnTo>
                    <a:pt x="133" y="21"/>
                  </a:lnTo>
                  <a:lnTo>
                    <a:pt x="108" y="17"/>
                  </a:lnTo>
                  <a:lnTo>
                    <a:pt x="88" y="12"/>
                  </a:lnTo>
                  <a:lnTo>
                    <a:pt x="69" y="9"/>
                  </a:lnTo>
                  <a:lnTo>
                    <a:pt x="54" y="5"/>
                  </a:lnTo>
                  <a:lnTo>
                    <a:pt x="42" y="4"/>
                  </a:lnTo>
                  <a:lnTo>
                    <a:pt x="34" y="2"/>
                  </a:lnTo>
                  <a:lnTo>
                    <a:pt x="27" y="0"/>
                  </a:lnTo>
                  <a:lnTo>
                    <a:pt x="25" y="0"/>
                  </a:lnTo>
                  <a:lnTo>
                    <a:pt x="0" y="122"/>
                  </a:lnTo>
                  <a:lnTo>
                    <a:pt x="8" y="141"/>
                  </a:lnTo>
                  <a:lnTo>
                    <a:pt x="20" y="168"/>
                  </a:lnTo>
                  <a:lnTo>
                    <a:pt x="20" y="178"/>
                  </a:lnTo>
                  <a:lnTo>
                    <a:pt x="13" y="183"/>
                  </a:lnTo>
                  <a:lnTo>
                    <a:pt x="22" y="190"/>
                  </a:lnTo>
                  <a:lnTo>
                    <a:pt x="15" y="195"/>
                  </a:lnTo>
                  <a:lnTo>
                    <a:pt x="15" y="202"/>
                  </a:lnTo>
                  <a:lnTo>
                    <a:pt x="28" y="205"/>
                  </a:lnTo>
                  <a:lnTo>
                    <a:pt x="28" y="207"/>
                  </a:lnTo>
                  <a:lnTo>
                    <a:pt x="28" y="209"/>
                  </a:lnTo>
                  <a:lnTo>
                    <a:pt x="28" y="210"/>
                  </a:lnTo>
                  <a:lnTo>
                    <a:pt x="28" y="212"/>
                  </a:lnTo>
                  <a:lnTo>
                    <a:pt x="28" y="214"/>
                  </a:lnTo>
                  <a:lnTo>
                    <a:pt x="28" y="215"/>
                  </a:lnTo>
                  <a:lnTo>
                    <a:pt x="30" y="217"/>
                  </a:lnTo>
                  <a:lnTo>
                    <a:pt x="35" y="219"/>
                  </a:lnTo>
                  <a:lnTo>
                    <a:pt x="39" y="220"/>
                  </a:lnTo>
                  <a:lnTo>
                    <a:pt x="42" y="224"/>
                  </a:lnTo>
                  <a:lnTo>
                    <a:pt x="45" y="227"/>
                  </a:lnTo>
                  <a:lnTo>
                    <a:pt x="49" y="232"/>
                  </a:lnTo>
                  <a:lnTo>
                    <a:pt x="52" y="239"/>
                  </a:lnTo>
                  <a:lnTo>
                    <a:pt x="54" y="244"/>
                  </a:lnTo>
                  <a:lnTo>
                    <a:pt x="57" y="251"/>
                  </a:lnTo>
                  <a:lnTo>
                    <a:pt x="59" y="258"/>
                  </a:lnTo>
                  <a:lnTo>
                    <a:pt x="61" y="263"/>
                  </a:lnTo>
                  <a:lnTo>
                    <a:pt x="62" y="269"/>
                  </a:lnTo>
                  <a:lnTo>
                    <a:pt x="64" y="275"/>
                  </a:lnTo>
                  <a:lnTo>
                    <a:pt x="64" y="278"/>
                  </a:lnTo>
                  <a:lnTo>
                    <a:pt x="66" y="281"/>
                  </a:lnTo>
                  <a:lnTo>
                    <a:pt x="66" y="283"/>
                  </a:lnTo>
                  <a:lnTo>
                    <a:pt x="66" y="285"/>
                  </a:lnTo>
                  <a:lnTo>
                    <a:pt x="74" y="288"/>
                  </a:lnTo>
                  <a:lnTo>
                    <a:pt x="74" y="300"/>
                  </a:lnTo>
                  <a:lnTo>
                    <a:pt x="86" y="300"/>
                  </a:lnTo>
                  <a:lnTo>
                    <a:pt x="88" y="313"/>
                  </a:lnTo>
                  <a:lnTo>
                    <a:pt x="94" y="313"/>
                  </a:lnTo>
                  <a:lnTo>
                    <a:pt x="113" y="313"/>
                  </a:lnTo>
                  <a:lnTo>
                    <a:pt x="113" y="315"/>
                  </a:lnTo>
                  <a:lnTo>
                    <a:pt x="101" y="337"/>
                  </a:lnTo>
                  <a:lnTo>
                    <a:pt x="101" y="349"/>
                  </a:lnTo>
                  <a:lnTo>
                    <a:pt x="93" y="359"/>
                  </a:lnTo>
                  <a:lnTo>
                    <a:pt x="94" y="359"/>
                  </a:lnTo>
                  <a:lnTo>
                    <a:pt x="94" y="368"/>
                  </a:lnTo>
                  <a:lnTo>
                    <a:pt x="88" y="373"/>
                  </a:lnTo>
                  <a:lnTo>
                    <a:pt x="86" y="383"/>
                  </a:lnTo>
                  <a:lnTo>
                    <a:pt x="89" y="401"/>
                  </a:lnTo>
                  <a:lnTo>
                    <a:pt x="89" y="403"/>
                  </a:lnTo>
                  <a:lnTo>
                    <a:pt x="88" y="405"/>
                  </a:lnTo>
                  <a:lnTo>
                    <a:pt x="86" y="408"/>
                  </a:lnTo>
                  <a:lnTo>
                    <a:pt x="79" y="410"/>
                  </a:lnTo>
                  <a:lnTo>
                    <a:pt x="76" y="413"/>
                  </a:lnTo>
                  <a:lnTo>
                    <a:pt x="74" y="417"/>
                  </a:lnTo>
                  <a:lnTo>
                    <a:pt x="72" y="422"/>
                  </a:lnTo>
                  <a:lnTo>
                    <a:pt x="72" y="427"/>
                  </a:lnTo>
                  <a:lnTo>
                    <a:pt x="74" y="430"/>
                  </a:lnTo>
                  <a:lnTo>
                    <a:pt x="74" y="434"/>
                  </a:lnTo>
                  <a:lnTo>
                    <a:pt x="74" y="435"/>
                  </a:lnTo>
                  <a:lnTo>
                    <a:pt x="69" y="437"/>
                  </a:lnTo>
                  <a:lnTo>
                    <a:pt x="69" y="445"/>
                  </a:lnTo>
                  <a:lnTo>
                    <a:pt x="78" y="449"/>
                  </a:lnTo>
                  <a:lnTo>
                    <a:pt x="86" y="457"/>
                  </a:lnTo>
                  <a:lnTo>
                    <a:pt x="101" y="452"/>
                  </a:lnTo>
                  <a:lnTo>
                    <a:pt x="116" y="439"/>
                  </a:lnTo>
                  <a:lnTo>
                    <a:pt x="123" y="437"/>
                  </a:lnTo>
                  <a:lnTo>
                    <a:pt x="125" y="435"/>
                  </a:lnTo>
                  <a:lnTo>
                    <a:pt x="125" y="434"/>
                  </a:lnTo>
                  <a:lnTo>
                    <a:pt x="127" y="434"/>
                  </a:lnTo>
                  <a:lnTo>
                    <a:pt x="128" y="435"/>
                  </a:lnTo>
                  <a:lnTo>
                    <a:pt x="130" y="439"/>
                  </a:lnTo>
                  <a:lnTo>
                    <a:pt x="132" y="447"/>
                  </a:lnTo>
                  <a:lnTo>
                    <a:pt x="132" y="457"/>
                  </a:lnTo>
                  <a:lnTo>
                    <a:pt x="132" y="471"/>
                  </a:lnTo>
                  <a:lnTo>
                    <a:pt x="132" y="481"/>
                  </a:lnTo>
                  <a:lnTo>
                    <a:pt x="133" y="489"/>
                  </a:lnTo>
                  <a:lnTo>
                    <a:pt x="135" y="496"/>
                  </a:lnTo>
                  <a:lnTo>
                    <a:pt x="137" y="503"/>
                  </a:lnTo>
                  <a:lnTo>
                    <a:pt x="138" y="506"/>
                  </a:lnTo>
                  <a:lnTo>
                    <a:pt x="140" y="508"/>
                  </a:lnTo>
                  <a:lnTo>
                    <a:pt x="142" y="510"/>
                  </a:lnTo>
                  <a:lnTo>
                    <a:pt x="145" y="518"/>
                  </a:lnTo>
                  <a:lnTo>
                    <a:pt x="147" y="523"/>
                  </a:lnTo>
                  <a:lnTo>
                    <a:pt x="149" y="528"/>
                  </a:lnTo>
                  <a:lnTo>
                    <a:pt x="149" y="530"/>
                  </a:lnTo>
                  <a:lnTo>
                    <a:pt x="147" y="533"/>
                  </a:lnTo>
                  <a:lnTo>
                    <a:pt x="147" y="535"/>
                  </a:lnTo>
                  <a:lnTo>
                    <a:pt x="145" y="537"/>
                  </a:lnTo>
                  <a:lnTo>
                    <a:pt x="144" y="542"/>
                  </a:lnTo>
                  <a:lnTo>
                    <a:pt x="145" y="545"/>
                  </a:lnTo>
                  <a:lnTo>
                    <a:pt x="147" y="549"/>
                  </a:lnTo>
                  <a:lnTo>
                    <a:pt x="150" y="552"/>
                  </a:lnTo>
                  <a:lnTo>
                    <a:pt x="154" y="554"/>
                  </a:lnTo>
                  <a:lnTo>
                    <a:pt x="157" y="555"/>
                  </a:lnTo>
                  <a:lnTo>
                    <a:pt x="159" y="555"/>
                  </a:lnTo>
                  <a:lnTo>
                    <a:pt x="160" y="555"/>
                  </a:lnTo>
                  <a:lnTo>
                    <a:pt x="172" y="574"/>
                  </a:lnTo>
                  <a:lnTo>
                    <a:pt x="172" y="576"/>
                  </a:lnTo>
                  <a:lnTo>
                    <a:pt x="174" y="579"/>
                  </a:lnTo>
                  <a:lnTo>
                    <a:pt x="174" y="586"/>
                  </a:lnTo>
                  <a:lnTo>
                    <a:pt x="174" y="593"/>
                  </a:lnTo>
                  <a:lnTo>
                    <a:pt x="176" y="599"/>
                  </a:lnTo>
                  <a:lnTo>
                    <a:pt x="176" y="605"/>
                  </a:lnTo>
                  <a:lnTo>
                    <a:pt x="177" y="610"/>
                  </a:lnTo>
                  <a:lnTo>
                    <a:pt x="177" y="611"/>
                  </a:lnTo>
                  <a:lnTo>
                    <a:pt x="181" y="616"/>
                  </a:lnTo>
                  <a:lnTo>
                    <a:pt x="184" y="620"/>
                  </a:lnTo>
                  <a:lnTo>
                    <a:pt x="186" y="620"/>
                  </a:lnTo>
                  <a:lnTo>
                    <a:pt x="188" y="620"/>
                  </a:lnTo>
                  <a:lnTo>
                    <a:pt x="189" y="616"/>
                  </a:lnTo>
                  <a:lnTo>
                    <a:pt x="191" y="615"/>
                  </a:lnTo>
                  <a:lnTo>
                    <a:pt x="191" y="613"/>
                  </a:lnTo>
                  <a:lnTo>
                    <a:pt x="191" y="611"/>
                  </a:lnTo>
                  <a:lnTo>
                    <a:pt x="194" y="606"/>
                  </a:lnTo>
                  <a:lnTo>
                    <a:pt x="199" y="605"/>
                  </a:lnTo>
                  <a:lnTo>
                    <a:pt x="203" y="605"/>
                  </a:lnTo>
                  <a:lnTo>
                    <a:pt x="206" y="605"/>
                  </a:lnTo>
                  <a:lnTo>
                    <a:pt x="211" y="606"/>
                  </a:lnTo>
                  <a:lnTo>
                    <a:pt x="213" y="608"/>
                  </a:lnTo>
                  <a:lnTo>
                    <a:pt x="216" y="610"/>
                  </a:lnTo>
                  <a:lnTo>
                    <a:pt x="218" y="611"/>
                  </a:lnTo>
                  <a:lnTo>
                    <a:pt x="223" y="615"/>
                  </a:lnTo>
                  <a:lnTo>
                    <a:pt x="228" y="615"/>
                  </a:lnTo>
                  <a:lnTo>
                    <a:pt x="232" y="613"/>
                  </a:lnTo>
                  <a:lnTo>
                    <a:pt x="235" y="611"/>
                  </a:lnTo>
                  <a:lnTo>
                    <a:pt x="237" y="608"/>
                  </a:lnTo>
                  <a:lnTo>
                    <a:pt x="238" y="606"/>
                  </a:lnTo>
                  <a:lnTo>
                    <a:pt x="238" y="603"/>
                  </a:lnTo>
                  <a:lnTo>
                    <a:pt x="240" y="603"/>
                  </a:lnTo>
                  <a:lnTo>
                    <a:pt x="243" y="601"/>
                  </a:lnTo>
                  <a:lnTo>
                    <a:pt x="245" y="601"/>
                  </a:lnTo>
                  <a:lnTo>
                    <a:pt x="247" y="603"/>
                  </a:lnTo>
                  <a:lnTo>
                    <a:pt x="248" y="605"/>
                  </a:lnTo>
                  <a:lnTo>
                    <a:pt x="250" y="606"/>
                  </a:lnTo>
                  <a:lnTo>
                    <a:pt x="250" y="608"/>
                  </a:lnTo>
                  <a:lnTo>
                    <a:pt x="252" y="610"/>
                  </a:lnTo>
                  <a:lnTo>
                    <a:pt x="252" y="611"/>
                  </a:lnTo>
                  <a:lnTo>
                    <a:pt x="257" y="611"/>
                  </a:lnTo>
                  <a:lnTo>
                    <a:pt x="277" y="608"/>
                  </a:lnTo>
                  <a:lnTo>
                    <a:pt x="284" y="613"/>
                  </a:lnTo>
                  <a:lnTo>
                    <a:pt x="296" y="613"/>
                  </a:lnTo>
                  <a:lnTo>
                    <a:pt x="311" y="611"/>
                  </a:lnTo>
                  <a:lnTo>
                    <a:pt x="318" y="594"/>
                  </a:lnTo>
                  <a:lnTo>
                    <a:pt x="328" y="594"/>
                  </a:lnTo>
                  <a:lnTo>
                    <a:pt x="335" y="615"/>
                  </a:lnTo>
                  <a:lnTo>
                    <a:pt x="345" y="630"/>
                  </a:lnTo>
                  <a:lnTo>
                    <a:pt x="358" y="56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63" name="Freeform 118"/>
            <p:cNvSpPr>
              <a:spLocks/>
            </p:cNvSpPr>
            <p:nvPr/>
          </p:nvSpPr>
          <p:spPr bwMode="auto">
            <a:xfrm>
              <a:off x="528" y="1726"/>
              <a:ext cx="609" cy="942"/>
            </a:xfrm>
            <a:custGeom>
              <a:avLst/>
              <a:gdLst>
                <a:gd name="T0" fmla="*/ 0 w 626"/>
                <a:gd name="T1" fmla="*/ 243 h 970"/>
                <a:gd name="T2" fmla="*/ 64 w 626"/>
                <a:gd name="T3" fmla="*/ 2 h 970"/>
                <a:gd name="T4" fmla="*/ 82 w 626"/>
                <a:gd name="T5" fmla="*/ 8 h 970"/>
                <a:gd name="T6" fmla="*/ 99 w 626"/>
                <a:gd name="T7" fmla="*/ 15 h 970"/>
                <a:gd name="T8" fmla="*/ 116 w 626"/>
                <a:gd name="T9" fmla="*/ 17 h 970"/>
                <a:gd name="T10" fmla="*/ 131 w 626"/>
                <a:gd name="T11" fmla="*/ 17 h 970"/>
                <a:gd name="T12" fmla="*/ 148 w 626"/>
                <a:gd name="T13" fmla="*/ 18 h 970"/>
                <a:gd name="T14" fmla="*/ 162 w 626"/>
                <a:gd name="T15" fmla="*/ 25 h 970"/>
                <a:gd name="T16" fmla="*/ 177 w 626"/>
                <a:gd name="T17" fmla="*/ 30 h 970"/>
                <a:gd name="T18" fmla="*/ 189 w 626"/>
                <a:gd name="T19" fmla="*/ 35 h 970"/>
                <a:gd name="T20" fmla="*/ 201 w 626"/>
                <a:gd name="T21" fmla="*/ 37 h 970"/>
                <a:gd name="T22" fmla="*/ 213 w 626"/>
                <a:gd name="T23" fmla="*/ 39 h 970"/>
                <a:gd name="T24" fmla="*/ 221 w 626"/>
                <a:gd name="T25" fmla="*/ 41 h 970"/>
                <a:gd name="T26" fmla="*/ 229 w 626"/>
                <a:gd name="T27" fmla="*/ 43 h 970"/>
                <a:gd name="T28" fmla="*/ 235 w 626"/>
                <a:gd name="T29" fmla="*/ 44 h 970"/>
                <a:gd name="T30" fmla="*/ 239 w 626"/>
                <a:gd name="T31" fmla="*/ 44 h 970"/>
                <a:gd name="T32" fmla="*/ 243 w 626"/>
                <a:gd name="T33" fmla="*/ 45 h 970"/>
                <a:gd name="T34" fmla="*/ 243 w 626"/>
                <a:gd name="T35" fmla="*/ 45 h 970"/>
                <a:gd name="T36" fmla="*/ 425 w 626"/>
                <a:gd name="T37" fmla="*/ 83 h 970"/>
                <a:gd name="T38" fmla="*/ 334 w 626"/>
                <a:gd name="T39" fmla="*/ 552 h 970"/>
                <a:gd name="T40" fmla="*/ 332 w 626"/>
                <a:gd name="T41" fmla="*/ 555 h 970"/>
                <a:gd name="T42" fmla="*/ 330 w 626"/>
                <a:gd name="T43" fmla="*/ 564 h 970"/>
                <a:gd name="T44" fmla="*/ 323 w 626"/>
                <a:gd name="T45" fmla="*/ 570 h 970"/>
                <a:gd name="T46" fmla="*/ 315 w 626"/>
                <a:gd name="T47" fmla="*/ 566 h 970"/>
                <a:gd name="T48" fmla="*/ 313 w 626"/>
                <a:gd name="T49" fmla="*/ 564 h 970"/>
                <a:gd name="T50" fmla="*/ 313 w 626"/>
                <a:gd name="T51" fmla="*/ 562 h 970"/>
                <a:gd name="T52" fmla="*/ 311 w 626"/>
                <a:gd name="T53" fmla="*/ 557 h 970"/>
                <a:gd name="T54" fmla="*/ 305 w 626"/>
                <a:gd name="T55" fmla="*/ 555 h 970"/>
                <a:gd name="T56" fmla="*/ 303 w 626"/>
                <a:gd name="T57" fmla="*/ 555 h 970"/>
                <a:gd name="T58" fmla="*/ 302 w 626"/>
                <a:gd name="T59" fmla="*/ 554 h 970"/>
                <a:gd name="T60" fmla="*/ 298 w 626"/>
                <a:gd name="T61" fmla="*/ 554 h 970"/>
                <a:gd name="T62" fmla="*/ 297 w 626"/>
                <a:gd name="T63" fmla="*/ 555 h 970"/>
                <a:gd name="T64" fmla="*/ 294 w 626"/>
                <a:gd name="T65" fmla="*/ 555 h 970"/>
                <a:gd name="T66" fmla="*/ 289 w 626"/>
                <a:gd name="T67" fmla="*/ 555 h 970"/>
                <a:gd name="T68" fmla="*/ 286 w 626"/>
                <a:gd name="T69" fmla="*/ 555 h 970"/>
                <a:gd name="T70" fmla="*/ 285 w 626"/>
                <a:gd name="T71" fmla="*/ 559 h 970"/>
                <a:gd name="T72" fmla="*/ 285 w 626"/>
                <a:gd name="T73" fmla="*/ 562 h 970"/>
                <a:gd name="T74" fmla="*/ 286 w 626"/>
                <a:gd name="T75" fmla="*/ 566 h 970"/>
                <a:gd name="T76" fmla="*/ 286 w 626"/>
                <a:gd name="T77" fmla="*/ 572 h 970"/>
                <a:gd name="T78" fmla="*/ 286 w 626"/>
                <a:gd name="T79" fmla="*/ 580 h 970"/>
                <a:gd name="T80" fmla="*/ 288 w 626"/>
                <a:gd name="T81" fmla="*/ 587 h 970"/>
                <a:gd name="T82" fmla="*/ 286 w 626"/>
                <a:gd name="T83" fmla="*/ 596 h 970"/>
                <a:gd name="T84" fmla="*/ 285 w 626"/>
                <a:gd name="T85" fmla="*/ 602 h 970"/>
                <a:gd name="T86" fmla="*/ 282 w 626"/>
                <a:gd name="T87" fmla="*/ 607 h 970"/>
                <a:gd name="T88" fmla="*/ 282 w 626"/>
                <a:gd name="T89" fmla="*/ 612 h 970"/>
                <a:gd name="T90" fmla="*/ 282 w 626"/>
                <a:gd name="T91" fmla="*/ 620 h 970"/>
                <a:gd name="T92" fmla="*/ 282 w 626"/>
                <a:gd name="T93" fmla="*/ 629 h 970"/>
                <a:gd name="T94" fmla="*/ 281 w 626"/>
                <a:gd name="T95" fmla="*/ 637 h 970"/>
                <a:gd name="T96" fmla="*/ 279 w 626"/>
                <a:gd name="T97" fmla="*/ 637 h 970"/>
                <a:gd name="T98" fmla="*/ 276 w 626"/>
                <a:gd name="T99" fmla="*/ 640 h 970"/>
                <a:gd name="T100" fmla="*/ 273 w 626"/>
                <a:gd name="T101" fmla="*/ 643 h 970"/>
                <a:gd name="T102" fmla="*/ 272 w 626"/>
                <a:gd name="T103" fmla="*/ 644 h 970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w 626"/>
                <a:gd name="T157" fmla="*/ 0 h 970"/>
                <a:gd name="T158" fmla="*/ 626 w 626"/>
                <a:gd name="T159" fmla="*/ 970 h 970"/>
              </a:gdLst>
              <a:ahLst/>
              <a:cxnLst>
                <a:cxn ang="T104">
                  <a:pos x="T0" y="T1"/>
                </a:cxn>
                <a:cxn ang="T105">
                  <a:pos x="T2" y="T3"/>
                </a:cxn>
                <a:cxn ang="T106">
                  <a:pos x="T4" y="T5"/>
                </a:cxn>
                <a:cxn ang="T107">
                  <a:pos x="T6" y="T7"/>
                </a:cxn>
                <a:cxn ang="T108">
                  <a:pos x="T8" y="T9"/>
                </a:cxn>
                <a:cxn ang="T109">
                  <a:pos x="T10" y="T11"/>
                </a:cxn>
                <a:cxn ang="T110">
                  <a:pos x="T12" y="T13"/>
                </a:cxn>
                <a:cxn ang="T111">
                  <a:pos x="T14" y="T15"/>
                </a:cxn>
                <a:cxn ang="T112">
                  <a:pos x="T16" y="T17"/>
                </a:cxn>
                <a:cxn ang="T113">
                  <a:pos x="T18" y="T19"/>
                </a:cxn>
                <a:cxn ang="T114">
                  <a:pos x="T20" y="T21"/>
                </a:cxn>
                <a:cxn ang="T115">
                  <a:pos x="T22" y="T23"/>
                </a:cxn>
                <a:cxn ang="T116">
                  <a:pos x="T24" y="T25"/>
                </a:cxn>
                <a:cxn ang="T117">
                  <a:pos x="T26" y="T27"/>
                </a:cxn>
                <a:cxn ang="T118">
                  <a:pos x="T28" y="T29"/>
                </a:cxn>
                <a:cxn ang="T119">
                  <a:pos x="T30" y="T31"/>
                </a:cxn>
                <a:cxn ang="T120">
                  <a:pos x="T32" y="T33"/>
                </a:cxn>
                <a:cxn ang="T121">
                  <a:pos x="T34" y="T35"/>
                </a:cxn>
                <a:cxn ang="T122">
                  <a:pos x="T36" y="T37"/>
                </a:cxn>
                <a:cxn ang="T123">
                  <a:pos x="T38" y="T39"/>
                </a:cxn>
                <a:cxn ang="T124">
                  <a:pos x="T40" y="T41"/>
                </a:cxn>
                <a:cxn ang="T125">
                  <a:pos x="T42" y="T43"/>
                </a:cxn>
                <a:cxn ang="T126">
                  <a:pos x="T44" y="T45"/>
                </a:cxn>
                <a:cxn ang="T127">
                  <a:pos x="T46" y="T47"/>
                </a:cxn>
                <a:cxn ang="T128">
                  <a:pos x="T48" y="T49"/>
                </a:cxn>
                <a:cxn ang="T129">
                  <a:pos x="T50" y="T51"/>
                </a:cxn>
                <a:cxn ang="T130">
                  <a:pos x="T52" y="T53"/>
                </a:cxn>
                <a:cxn ang="T131">
                  <a:pos x="T54" y="T55"/>
                </a:cxn>
                <a:cxn ang="T132">
                  <a:pos x="T56" y="T57"/>
                </a:cxn>
                <a:cxn ang="T133">
                  <a:pos x="T58" y="T59"/>
                </a:cxn>
                <a:cxn ang="T134">
                  <a:pos x="T60" y="T61"/>
                </a:cxn>
                <a:cxn ang="T135">
                  <a:pos x="T62" y="T63"/>
                </a:cxn>
                <a:cxn ang="T136">
                  <a:pos x="T64" y="T65"/>
                </a:cxn>
                <a:cxn ang="T137">
                  <a:pos x="T66" y="T67"/>
                </a:cxn>
                <a:cxn ang="T138">
                  <a:pos x="T68" y="T69"/>
                </a:cxn>
                <a:cxn ang="T139">
                  <a:pos x="T70" y="T71"/>
                </a:cxn>
                <a:cxn ang="T140">
                  <a:pos x="T72" y="T73"/>
                </a:cxn>
                <a:cxn ang="T141">
                  <a:pos x="T74" y="T75"/>
                </a:cxn>
                <a:cxn ang="T142">
                  <a:pos x="T76" y="T77"/>
                </a:cxn>
                <a:cxn ang="T143">
                  <a:pos x="T78" y="T79"/>
                </a:cxn>
                <a:cxn ang="T144">
                  <a:pos x="T80" y="T81"/>
                </a:cxn>
                <a:cxn ang="T145">
                  <a:pos x="T82" y="T83"/>
                </a:cxn>
                <a:cxn ang="T146">
                  <a:pos x="T84" y="T85"/>
                </a:cxn>
                <a:cxn ang="T147">
                  <a:pos x="T86" y="T87"/>
                </a:cxn>
                <a:cxn ang="T148">
                  <a:pos x="T88" y="T89"/>
                </a:cxn>
                <a:cxn ang="T149">
                  <a:pos x="T90" y="T91"/>
                </a:cxn>
                <a:cxn ang="T150">
                  <a:pos x="T92" y="T93"/>
                </a:cxn>
                <a:cxn ang="T151">
                  <a:pos x="T94" y="T95"/>
                </a:cxn>
                <a:cxn ang="T152">
                  <a:pos x="T96" y="T97"/>
                </a:cxn>
                <a:cxn ang="T153">
                  <a:pos x="T98" y="T99"/>
                </a:cxn>
                <a:cxn ang="T154">
                  <a:pos x="T100" y="T101"/>
                </a:cxn>
                <a:cxn ang="T155">
                  <a:pos x="T102" y="T103"/>
                </a:cxn>
              </a:cxnLst>
              <a:rect l="T156" t="T157" r="T158" b="T159"/>
              <a:pathLst>
                <a:path w="626" h="970">
                  <a:moveTo>
                    <a:pt x="400" y="970"/>
                  </a:moveTo>
                  <a:lnTo>
                    <a:pt x="0" y="366"/>
                  </a:lnTo>
                  <a:lnTo>
                    <a:pt x="95" y="0"/>
                  </a:lnTo>
                  <a:lnTo>
                    <a:pt x="93" y="2"/>
                  </a:lnTo>
                  <a:lnTo>
                    <a:pt x="107" y="5"/>
                  </a:lnTo>
                  <a:lnTo>
                    <a:pt x="120" y="8"/>
                  </a:lnTo>
                  <a:lnTo>
                    <a:pt x="132" y="12"/>
                  </a:lnTo>
                  <a:lnTo>
                    <a:pt x="146" y="15"/>
                  </a:lnTo>
                  <a:lnTo>
                    <a:pt x="158" y="19"/>
                  </a:lnTo>
                  <a:lnTo>
                    <a:pt x="170" y="20"/>
                  </a:lnTo>
                  <a:lnTo>
                    <a:pt x="183" y="24"/>
                  </a:lnTo>
                  <a:lnTo>
                    <a:pt x="193" y="27"/>
                  </a:lnTo>
                  <a:lnTo>
                    <a:pt x="205" y="30"/>
                  </a:lnTo>
                  <a:lnTo>
                    <a:pt x="217" y="32"/>
                  </a:lnTo>
                  <a:lnTo>
                    <a:pt x="229" y="36"/>
                  </a:lnTo>
                  <a:lnTo>
                    <a:pt x="239" y="39"/>
                  </a:lnTo>
                  <a:lnTo>
                    <a:pt x="249" y="41"/>
                  </a:lnTo>
                  <a:lnTo>
                    <a:pt x="259" y="44"/>
                  </a:lnTo>
                  <a:lnTo>
                    <a:pt x="269" y="46"/>
                  </a:lnTo>
                  <a:lnTo>
                    <a:pt x="278" y="49"/>
                  </a:lnTo>
                  <a:lnTo>
                    <a:pt x="288" y="51"/>
                  </a:lnTo>
                  <a:lnTo>
                    <a:pt x="296" y="52"/>
                  </a:lnTo>
                  <a:lnTo>
                    <a:pt x="303" y="54"/>
                  </a:lnTo>
                  <a:lnTo>
                    <a:pt x="312" y="56"/>
                  </a:lnTo>
                  <a:lnTo>
                    <a:pt x="318" y="58"/>
                  </a:lnTo>
                  <a:lnTo>
                    <a:pt x="325" y="59"/>
                  </a:lnTo>
                  <a:lnTo>
                    <a:pt x="330" y="61"/>
                  </a:lnTo>
                  <a:lnTo>
                    <a:pt x="337" y="63"/>
                  </a:lnTo>
                  <a:lnTo>
                    <a:pt x="340" y="64"/>
                  </a:lnTo>
                  <a:lnTo>
                    <a:pt x="346" y="66"/>
                  </a:lnTo>
                  <a:lnTo>
                    <a:pt x="349" y="66"/>
                  </a:lnTo>
                  <a:lnTo>
                    <a:pt x="352" y="66"/>
                  </a:lnTo>
                  <a:lnTo>
                    <a:pt x="354" y="68"/>
                  </a:lnTo>
                  <a:lnTo>
                    <a:pt x="357" y="68"/>
                  </a:lnTo>
                  <a:lnTo>
                    <a:pt x="626" y="125"/>
                  </a:lnTo>
                  <a:lnTo>
                    <a:pt x="508" y="741"/>
                  </a:lnTo>
                  <a:lnTo>
                    <a:pt x="491" y="831"/>
                  </a:lnTo>
                  <a:lnTo>
                    <a:pt x="491" y="833"/>
                  </a:lnTo>
                  <a:lnTo>
                    <a:pt x="489" y="836"/>
                  </a:lnTo>
                  <a:lnTo>
                    <a:pt x="488" y="843"/>
                  </a:lnTo>
                  <a:lnTo>
                    <a:pt x="484" y="850"/>
                  </a:lnTo>
                  <a:lnTo>
                    <a:pt x="481" y="855"/>
                  </a:lnTo>
                  <a:lnTo>
                    <a:pt x="476" y="858"/>
                  </a:lnTo>
                  <a:lnTo>
                    <a:pt x="471" y="858"/>
                  </a:lnTo>
                  <a:lnTo>
                    <a:pt x="464" y="853"/>
                  </a:lnTo>
                  <a:lnTo>
                    <a:pt x="464" y="851"/>
                  </a:lnTo>
                  <a:lnTo>
                    <a:pt x="462" y="850"/>
                  </a:lnTo>
                  <a:lnTo>
                    <a:pt x="462" y="848"/>
                  </a:lnTo>
                  <a:lnTo>
                    <a:pt x="462" y="846"/>
                  </a:lnTo>
                  <a:lnTo>
                    <a:pt x="461" y="844"/>
                  </a:lnTo>
                  <a:lnTo>
                    <a:pt x="457" y="841"/>
                  </a:lnTo>
                  <a:lnTo>
                    <a:pt x="454" y="841"/>
                  </a:lnTo>
                  <a:lnTo>
                    <a:pt x="449" y="839"/>
                  </a:lnTo>
                  <a:lnTo>
                    <a:pt x="447" y="839"/>
                  </a:lnTo>
                  <a:lnTo>
                    <a:pt x="445" y="838"/>
                  </a:lnTo>
                  <a:lnTo>
                    <a:pt x="445" y="836"/>
                  </a:lnTo>
                  <a:lnTo>
                    <a:pt x="444" y="834"/>
                  </a:lnTo>
                  <a:lnTo>
                    <a:pt x="440" y="833"/>
                  </a:lnTo>
                  <a:lnTo>
                    <a:pt x="439" y="833"/>
                  </a:lnTo>
                  <a:lnTo>
                    <a:pt x="437" y="833"/>
                  </a:lnTo>
                  <a:lnTo>
                    <a:pt x="435" y="836"/>
                  </a:lnTo>
                  <a:lnTo>
                    <a:pt x="434" y="836"/>
                  </a:lnTo>
                  <a:lnTo>
                    <a:pt x="432" y="838"/>
                  </a:lnTo>
                  <a:lnTo>
                    <a:pt x="428" y="838"/>
                  </a:lnTo>
                  <a:lnTo>
                    <a:pt x="425" y="838"/>
                  </a:lnTo>
                  <a:lnTo>
                    <a:pt x="423" y="838"/>
                  </a:lnTo>
                  <a:lnTo>
                    <a:pt x="420" y="839"/>
                  </a:lnTo>
                  <a:lnTo>
                    <a:pt x="420" y="841"/>
                  </a:lnTo>
                  <a:lnTo>
                    <a:pt x="418" y="843"/>
                  </a:lnTo>
                  <a:lnTo>
                    <a:pt x="418" y="844"/>
                  </a:lnTo>
                  <a:lnTo>
                    <a:pt x="418" y="846"/>
                  </a:lnTo>
                  <a:lnTo>
                    <a:pt x="420" y="850"/>
                  </a:lnTo>
                  <a:lnTo>
                    <a:pt x="420" y="853"/>
                  </a:lnTo>
                  <a:lnTo>
                    <a:pt x="420" y="856"/>
                  </a:lnTo>
                  <a:lnTo>
                    <a:pt x="420" y="861"/>
                  </a:lnTo>
                  <a:lnTo>
                    <a:pt x="420" y="866"/>
                  </a:lnTo>
                  <a:lnTo>
                    <a:pt x="420" y="873"/>
                  </a:lnTo>
                  <a:lnTo>
                    <a:pt x="422" y="878"/>
                  </a:lnTo>
                  <a:lnTo>
                    <a:pt x="422" y="885"/>
                  </a:lnTo>
                  <a:lnTo>
                    <a:pt x="420" y="890"/>
                  </a:lnTo>
                  <a:lnTo>
                    <a:pt x="420" y="897"/>
                  </a:lnTo>
                  <a:lnTo>
                    <a:pt x="420" y="902"/>
                  </a:lnTo>
                  <a:lnTo>
                    <a:pt x="418" y="907"/>
                  </a:lnTo>
                  <a:lnTo>
                    <a:pt x="417" y="912"/>
                  </a:lnTo>
                  <a:lnTo>
                    <a:pt x="415" y="916"/>
                  </a:lnTo>
                  <a:lnTo>
                    <a:pt x="415" y="919"/>
                  </a:lnTo>
                  <a:lnTo>
                    <a:pt x="415" y="922"/>
                  </a:lnTo>
                  <a:lnTo>
                    <a:pt x="415" y="927"/>
                  </a:lnTo>
                  <a:lnTo>
                    <a:pt x="415" y="934"/>
                  </a:lnTo>
                  <a:lnTo>
                    <a:pt x="415" y="941"/>
                  </a:lnTo>
                  <a:lnTo>
                    <a:pt x="415" y="948"/>
                  </a:lnTo>
                  <a:lnTo>
                    <a:pt x="415" y="954"/>
                  </a:lnTo>
                  <a:lnTo>
                    <a:pt x="413" y="960"/>
                  </a:lnTo>
                  <a:lnTo>
                    <a:pt x="412" y="960"/>
                  </a:lnTo>
                  <a:lnTo>
                    <a:pt x="410" y="961"/>
                  </a:lnTo>
                  <a:lnTo>
                    <a:pt x="408" y="963"/>
                  </a:lnTo>
                  <a:lnTo>
                    <a:pt x="406" y="965"/>
                  </a:lnTo>
                  <a:lnTo>
                    <a:pt x="403" y="966"/>
                  </a:lnTo>
                  <a:lnTo>
                    <a:pt x="401" y="968"/>
                  </a:lnTo>
                  <a:lnTo>
                    <a:pt x="400" y="970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64" name="Freeform 119"/>
            <p:cNvSpPr>
              <a:spLocks/>
            </p:cNvSpPr>
            <p:nvPr/>
          </p:nvSpPr>
          <p:spPr bwMode="auto">
            <a:xfrm>
              <a:off x="846" y="2445"/>
              <a:ext cx="649" cy="757"/>
            </a:xfrm>
            <a:custGeom>
              <a:avLst/>
              <a:gdLst>
                <a:gd name="T0" fmla="*/ 18 w 667"/>
                <a:gd name="T1" fmla="*/ 337 h 780"/>
                <a:gd name="T2" fmla="*/ 25 w 667"/>
                <a:gd name="T3" fmla="*/ 334 h 780"/>
                <a:gd name="T4" fmla="*/ 28 w 667"/>
                <a:gd name="T5" fmla="*/ 326 h 780"/>
                <a:gd name="T6" fmla="*/ 28 w 667"/>
                <a:gd name="T7" fmla="*/ 319 h 780"/>
                <a:gd name="T8" fmla="*/ 27 w 667"/>
                <a:gd name="T9" fmla="*/ 316 h 780"/>
                <a:gd name="T10" fmla="*/ 18 w 667"/>
                <a:gd name="T11" fmla="*/ 299 h 780"/>
                <a:gd name="T12" fmla="*/ 18 w 667"/>
                <a:gd name="T13" fmla="*/ 285 h 780"/>
                <a:gd name="T14" fmla="*/ 18 w 667"/>
                <a:gd name="T15" fmla="*/ 284 h 780"/>
                <a:gd name="T16" fmla="*/ 23 w 667"/>
                <a:gd name="T17" fmla="*/ 280 h 780"/>
                <a:gd name="T18" fmla="*/ 28 w 667"/>
                <a:gd name="T19" fmla="*/ 279 h 780"/>
                <a:gd name="T20" fmla="*/ 32 w 667"/>
                <a:gd name="T21" fmla="*/ 277 h 780"/>
                <a:gd name="T22" fmla="*/ 41 w 667"/>
                <a:gd name="T23" fmla="*/ 270 h 780"/>
                <a:gd name="T24" fmla="*/ 43 w 667"/>
                <a:gd name="T25" fmla="*/ 261 h 780"/>
                <a:gd name="T26" fmla="*/ 44 w 667"/>
                <a:gd name="T27" fmla="*/ 253 h 780"/>
                <a:gd name="T28" fmla="*/ 44 w 667"/>
                <a:gd name="T29" fmla="*/ 248 h 780"/>
                <a:gd name="T30" fmla="*/ 46 w 667"/>
                <a:gd name="T31" fmla="*/ 238 h 780"/>
                <a:gd name="T32" fmla="*/ 54 w 667"/>
                <a:gd name="T33" fmla="*/ 230 h 780"/>
                <a:gd name="T34" fmla="*/ 66 w 667"/>
                <a:gd name="T35" fmla="*/ 226 h 780"/>
                <a:gd name="T36" fmla="*/ 70 w 667"/>
                <a:gd name="T37" fmla="*/ 226 h 780"/>
                <a:gd name="T38" fmla="*/ 74 w 667"/>
                <a:gd name="T39" fmla="*/ 214 h 780"/>
                <a:gd name="T40" fmla="*/ 64 w 667"/>
                <a:gd name="T41" fmla="*/ 186 h 780"/>
                <a:gd name="T42" fmla="*/ 51 w 667"/>
                <a:gd name="T43" fmla="*/ 161 h 780"/>
                <a:gd name="T44" fmla="*/ 50 w 667"/>
                <a:gd name="T45" fmla="*/ 150 h 780"/>
                <a:gd name="T46" fmla="*/ 51 w 667"/>
                <a:gd name="T47" fmla="*/ 148 h 780"/>
                <a:gd name="T48" fmla="*/ 54 w 667"/>
                <a:gd name="T49" fmla="*/ 146 h 780"/>
                <a:gd name="T50" fmla="*/ 57 w 667"/>
                <a:gd name="T51" fmla="*/ 144 h 780"/>
                <a:gd name="T52" fmla="*/ 60 w 667"/>
                <a:gd name="T53" fmla="*/ 140 h 780"/>
                <a:gd name="T54" fmla="*/ 60 w 667"/>
                <a:gd name="T55" fmla="*/ 132 h 780"/>
                <a:gd name="T56" fmla="*/ 60 w 667"/>
                <a:gd name="T57" fmla="*/ 123 h 780"/>
                <a:gd name="T58" fmla="*/ 60 w 667"/>
                <a:gd name="T59" fmla="*/ 116 h 780"/>
                <a:gd name="T60" fmla="*/ 62 w 667"/>
                <a:gd name="T61" fmla="*/ 112 h 780"/>
                <a:gd name="T62" fmla="*/ 64 w 667"/>
                <a:gd name="T63" fmla="*/ 106 h 780"/>
                <a:gd name="T64" fmla="*/ 64 w 667"/>
                <a:gd name="T65" fmla="*/ 99 h 780"/>
                <a:gd name="T66" fmla="*/ 66 w 667"/>
                <a:gd name="T67" fmla="*/ 90 h 780"/>
                <a:gd name="T68" fmla="*/ 64 w 667"/>
                <a:gd name="T69" fmla="*/ 82 h 780"/>
                <a:gd name="T70" fmla="*/ 64 w 667"/>
                <a:gd name="T71" fmla="*/ 76 h 780"/>
                <a:gd name="T72" fmla="*/ 64 w 667"/>
                <a:gd name="T73" fmla="*/ 72 h 780"/>
                <a:gd name="T74" fmla="*/ 63 w 667"/>
                <a:gd name="T75" fmla="*/ 68 h 780"/>
                <a:gd name="T76" fmla="*/ 64 w 667"/>
                <a:gd name="T77" fmla="*/ 66 h 780"/>
                <a:gd name="T78" fmla="*/ 66 w 667"/>
                <a:gd name="T79" fmla="*/ 64 h 780"/>
                <a:gd name="T80" fmla="*/ 70 w 667"/>
                <a:gd name="T81" fmla="*/ 64 h 780"/>
                <a:gd name="T82" fmla="*/ 74 w 667"/>
                <a:gd name="T83" fmla="*/ 63 h 780"/>
                <a:gd name="T84" fmla="*/ 76 w 667"/>
                <a:gd name="T85" fmla="*/ 61 h 780"/>
                <a:gd name="T86" fmla="*/ 78 w 667"/>
                <a:gd name="T87" fmla="*/ 61 h 780"/>
                <a:gd name="T88" fmla="*/ 81 w 667"/>
                <a:gd name="T89" fmla="*/ 63 h 780"/>
                <a:gd name="T90" fmla="*/ 82 w 667"/>
                <a:gd name="T91" fmla="*/ 65 h 780"/>
                <a:gd name="T92" fmla="*/ 87 w 667"/>
                <a:gd name="T93" fmla="*/ 66 h 780"/>
                <a:gd name="T94" fmla="*/ 90 w 667"/>
                <a:gd name="T95" fmla="*/ 68 h 780"/>
                <a:gd name="T96" fmla="*/ 91 w 667"/>
                <a:gd name="T97" fmla="*/ 71 h 780"/>
                <a:gd name="T98" fmla="*/ 93 w 667"/>
                <a:gd name="T99" fmla="*/ 73 h 780"/>
                <a:gd name="T100" fmla="*/ 98 w 667"/>
                <a:gd name="T101" fmla="*/ 78 h 780"/>
                <a:gd name="T102" fmla="*/ 105 w 667"/>
                <a:gd name="T103" fmla="*/ 76 h 780"/>
                <a:gd name="T104" fmla="*/ 111 w 667"/>
                <a:gd name="T105" fmla="*/ 68 h 780"/>
                <a:gd name="T106" fmla="*/ 113 w 667"/>
                <a:gd name="T107" fmla="*/ 61 h 780"/>
                <a:gd name="T108" fmla="*/ 123 w 667"/>
                <a:gd name="T109" fmla="*/ 0 h 780"/>
                <a:gd name="T110" fmla="*/ 454 w 667"/>
                <a:gd name="T111" fmla="*/ 53 h 780"/>
                <a:gd name="T112" fmla="*/ 247 w 667"/>
                <a:gd name="T113" fmla="*/ 495 h 780"/>
                <a:gd name="T114" fmla="*/ 13 w 667"/>
                <a:gd name="T115" fmla="*/ 337 h 780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667"/>
                <a:gd name="T175" fmla="*/ 0 h 780"/>
                <a:gd name="T176" fmla="*/ 667 w 667"/>
                <a:gd name="T177" fmla="*/ 780 h 780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667" h="780">
                  <a:moveTo>
                    <a:pt x="13" y="513"/>
                  </a:moveTo>
                  <a:lnTo>
                    <a:pt x="29" y="513"/>
                  </a:lnTo>
                  <a:lnTo>
                    <a:pt x="34" y="511"/>
                  </a:lnTo>
                  <a:lnTo>
                    <a:pt x="39" y="508"/>
                  </a:lnTo>
                  <a:lnTo>
                    <a:pt x="41" y="503"/>
                  </a:lnTo>
                  <a:lnTo>
                    <a:pt x="42" y="496"/>
                  </a:lnTo>
                  <a:lnTo>
                    <a:pt x="42" y="491"/>
                  </a:lnTo>
                  <a:lnTo>
                    <a:pt x="42" y="486"/>
                  </a:lnTo>
                  <a:lnTo>
                    <a:pt x="42" y="483"/>
                  </a:lnTo>
                  <a:lnTo>
                    <a:pt x="41" y="481"/>
                  </a:lnTo>
                  <a:lnTo>
                    <a:pt x="24" y="472"/>
                  </a:lnTo>
                  <a:lnTo>
                    <a:pt x="29" y="455"/>
                  </a:lnTo>
                  <a:lnTo>
                    <a:pt x="27" y="444"/>
                  </a:lnTo>
                  <a:lnTo>
                    <a:pt x="30" y="433"/>
                  </a:lnTo>
                  <a:lnTo>
                    <a:pt x="32" y="432"/>
                  </a:lnTo>
                  <a:lnTo>
                    <a:pt x="35" y="430"/>
                  </a:lnTo>
                  <a:lnTo>
                    <a:pt x="37" y="427"/>
                  </a:lnTo>
                  <a:lnTo>
                    <a:pt x="41" y="425"/>
                  </a:lnTo>
                  <a:lnTo>
                    <a:pt x="42" y="423"/>
                  </a:lnTo>
                  <a:lnTo>
                    <a:pt x="44" y="422"/>
                  </a:lnTo>
                  <a:lnTo>
                    <a:pt x="46" y="420"/>
                  </a:lnTo>
                  <a:lnTo>
                    <a:pt x="51" y="415"/>
                  </a:lnTo>
                  <a:lnTo>
                    <a:pt x="56" y="410"/>
                  </a:lnTo>
                  <a:lnTo>
                    <a:pt x="57" y="403"/>
                  </a:lnTo>
                  <a:lnTo>
                    <a:pt x="59" y="396"/>
                  </a:lnTo>
                  <a:lnTo>
                    <a:pt x="61" y="389"/>
                  </a:lnTo>
                  <a:lnTo>
                    <a:pt x="61" y="384"/>
                  </a:lnTo>
                  <a:lnTo>
                    <a:pt x="61" y="379"/>
                  </a:lnTo>
                  <a:lnTo>
                    <a:pt x="61" y="378"/>
                  </a:lnTo>
                  <a:lnTo>
                    <a:pt x="63" y="369"/>
                  </a:lnTo>
                  <a:lnTo>
                    <a:pt x="66" y="361"/>
                  </a:lnTo>
                  <a:lnTo>
                    <a:pt x="73" y="354"/>
                  </a:lnTo>
                  <a:lnTo>
                    <a:pt x="81" y="349"/>
                  </a:lnTo>
                  <a:lnTo>
                    <a:pt x="88" y="345"/>
                  </a:lnTo>
                  <a:lnTo>
                    <a:pt x="95" y="344"/>
                  </a:lnTo>
                  <a:lnTo>
                    <a:pt x="100" y="344"/>
                  </a:lnTo>
                  <a:lnTo>
                    <a:pt x="101" y="342"/>
                  </a:lnTo>
                  <a:lnTo>
                    <a:pt x="108" y="334"/>
                  </a:lnTo>
                  <a:lnTo>
                    <a:pt x="108" y="325"/>
                  </a:lnTo>
                  <a:lnTo>
                    <a:pt x="91" y="301"/>
                  </a:lnTo>
                  <a:lnTo>
                    <a:pt x="93" y="283"/>
                  </a:lnTo>
                  <a:lnTo>
                    <a:pt x="81" y="257"/>
                  </a:lnTo>
                  <a:lnTo>
                    <a:pt x="76" y="244"/>
                  </a:lnTo>
                  <a:lnTo>
                    <a:pt x="73" y="229"/>
                  </a:lnTo>
                  <a:lnTo>
                    <a:pt x="74" y="227"/>
                  </a:lnTo>
                  <a:lnTo>
                    <a:pt x="76" y="225"/>
                  </a:lnTo>
                  <a:lnTo>
                    <a:pt x="79" y="224"/>
                  </a:lnTo>
                  <a:lnTo>
                    <a:pt x="81" y="222"/>
                  </a:lnTo>
                  <a:lnTo>
                    <a:pt x="83" y="220"/>
                  </a:lnTo>
                  <a:lnTo>
                    <a:pt x="85" y="219"/>
                  </a:lnTo>
                  <a:lnTo>
                    <a:pt x="86" y="219"/>
                  </a:lnTo>
                  <a:lnTo>
                    <a:pt x="88" y="213"/>
                  </a:lnTo>
                  <a:lnTo>
                    <a:pt x="88" y="207"/>
                  </a:lnTo>
                  <a:lnTo>
                    <a:pt x="88" y="200"/>
                  </a:lnTo>
                  <a:lnTo>
                    <a:pt x="88" y="193"/>
                  </a:lnTo>
                  <a:lnTo>
                    <a:pt x="88" y="186"/>
                  </a:lnTo>
                  <a:lnTo>
                    <a:pt x="88" y="181"/>
                  </a:lnTo>
                  <a:lnTo>
                    <a:pt x="88" y="178"/>
                  </a:lnTo>
                  <a:lnTo>
                    <a:pt x="88" y="175"/>
                  </a:lnTo>
                  <a:lnTo>
                    <a:pt x="90" y="171"/>
                  </a:lnTo>
                  <a:lnTo>
                    <a:pt x="91" y="166"/>
                  </a:lnTo>
                  <a:lnTo>
                    <a:pt x="93" y="161"/>
                  </a:lnTo>
                  <a:lnTo>
                    <a:pt x="93" y="156"/>
                  </a:lnTo>
                  <a:lnTo>
                    <a:pt x="93" y="149"/>
                  </a:lnTo>
                  <a:lnTo>
                    <a:pt x="95" y="144"/>
                  </a:lnTo>
                  <a:lnTo>
                    <a:pt x="95" y="137"/>
                  </a:lnTo>
                  <a:lnTo>
                    <a:pt x="93" y="132"/>
                  </a:lnTo>
                  <a:lnTo>
                    <a:pt x="93" y="125"/>
                  </a:lnTo>
                  <a:lnTo>
                    <a:pt x="93" y="120"/>
                  </a:lnTo>
                  <a:lnTo>
                    <a:pt x="93" y="115"/>
                  </a:lnTo>
                  <a:lnTo>
                    <a:pt x="93" y="112"/>
                  </a:lnTo>
                  <a:lnTo>
                    <a:pt x="93" y="109"/>
                  </a:lnTo>
                  <a:lnTo>
                    <a:pt x="91" y="105"/>
                  </a:lnTo>
                  <a:lnTo>
                    <a:pt x="91" y="103"/>
                  </a:lnTo>
                  <a:lnTo>
                    <a:pt x="91" y="102"/>
                  </a:lnTo>
                  <a:lnTo>
                    <a:pt x="93" y="100"/>
                  </a:lnTo>
                  <a:lnTo>
                    <a:pt x="93" y="98"/>
                  </a:lnTo>
                  <a:lnTo>
                    <a:pt x="96" y="97"/>
                  </a:lnTo>
                  <a:lnTo>
                    <a:pt x="98" y="97"/>
                  </a:lnTo>
                  <a:lnTo>
                    <a:pt x="101" y="97"/>
                  </a:lnTo>
                  <a:lnTo>
                    <a:pt x="105" y="97"/>
                  </a:lnTo>
                  <a:lnTo>
                    <a:pt x="107" y="95"/>
                  </a:lnTo>
                  <a:lnTo>
                    <a:pt x="108" y="95"/>
                  </a:lnTo>
                  <a:lnTo>
                    <a:pt x="110" y="92"/>
                  </a:lnTo>
                  <a:lnTo>
                    <a:pt x="112" y="92"/>
                  </a:lnTo>
                  <a:lnTo>
                    <a:pt x="113" y="92"/>
                  </a:lnTo>
                  <a:lnTo>
                    <a:pt x="117" y="93"/>
                  </a:lnTo>
                  <a:lnTo>
                    <a:pt x="118" y="95"/>
                  </a:lnTo>
                  <a:lnTo>
                    <a:pt x="118" y="97"/>
                  </a:lnTo>
                  <a:lnTo>
                    <a:pt x="120" y="98"/>
                  </a:lnTo>
                  <a:lnTo>
                    <a:pt x="122" y="98"/>
                  </a:lnTo>
                  <a:lnTo>
                    <a:pt x="127" y="100"/>
                  </a:lnTo>
                  <a:lnTo>
                    <a:pt x="130" y="100"/>
                  </a:lnTo>
                  <a:lnTo>
                    <a:pt x="134" y="103"/>
                  </a:lnTo>
                  <a:lnTo>
                    <a:pt x="135" y="105"/>
                  </a:lnTo>
                  <a:lnTo>
                    <a:pt x="135" y="107"/>
                  </a:lnTo>
                  <a:lnTo>
                    <a:pt x="135" y="109"/>
                  </a:lnTo>
                  <a:lnTo>
                    <a:pt x="137" y="110"/>
                  </a:lnTo>
                  <a:lnTo>
                    <a:pt x="137" y="112"/>
                  </a:lnTo>
                  <a:lnTo>
                    <a:pt x="144" y="117"/>
                  </a:lnTo>
                  <a:lnTo>
                    <a:pt x="149" y="117"/>
                  </a:lnTo>
                  <a:lnTo>
                    <a:pt x="154" y="114"/>
                  </a:lnTo>
                  <a:lnTo>
                    <a:pt x="157" y="109"/>
                  </a:lnTo>
                  <a:lnTo>
                    <a:pt x="161" y="102"/>
                  </a:lnTo>
                  <a:lnTo>
                    <a:pt x="162" y="95"/>
                  </a:lnTo>
                  <a:lnTo>
                    <a:pt x="164" y="92"/>
                  </a:lnTo>
                  <a:lnTo>
                    <a:pt x="164" y="90"/>
                  </a:lnTo>
                  <a:lnTo>
                    <a:pt x="181" y="0"/>
                  </a:lnTo>
                  <a:lnTo>
                    <a:pt x="667" y="81"/>
                  </a:lnTo>
                  <a:lnTo>
                    <a:pt x="570" y="780"/>
                  </a:lnTo>
                  <a:lnTo>
                    <a:pt x="362" y="753"/>
                  </a:lnTo>
                  <a:lnTo>
                    <a:pt x="0" y="542"/>
                  </a:lnTo>
                  <a:lnTo>
                    <a:pt x="13" y="513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65" name="Freeform 120"/>
            <p:cNvSpPr>
              <a:spLocks/>
            </p:cNvSpPr>
            <p:nvPr/>
          </p:nvSpPr>
          <p:spPr bwMode="auto">
            <a:xfrm>
              <a:off x="1495" y="2036"/>
              <a:ext cx="697" cy="552"/>
            </a:xfrm>
            <a:custGeom>
              <a:avLst/>
              <a:gdLst>
                <a:gd name="T0" fmla="*/ 387 w 717"/>
                <a:gd name="T1" fmla="*/ 376 h 568"/>
                <a:gd name="T2" fmla="*/ 368 w 717"/>
                <a:gd name="T3" fmla="*/ 375 h 568"/>
                <a:gd name="T4" fmla="*/ 343 w 717"/>
                <a:gd name="T5" fmla="*/ 374 h 568"/>
                <a:gd name="T6" fmla="*/ 315 w 717"/>
                <a:gd name="T7" fmla="*/ 372 h 568"/>
                <a:gd name="T8" fmla="*/ 285 w 717"/>
                <a:gd name="T9" fmla="*/ 369 h 568"/>
                <a:gd name="T10" fmla="*/ 252 w 717"/>
                <a:gd name="T11" fmla="*/ 364 h 568"/>
                <a:gd name="T12" fmla="*/ 219 w 717"/>
                <a:gd name="T13" fmla="*/ 362 h 568"/>
                <a:gd name="T14" fmla="*/ 185 w 717"/>
                <a:gd name="T15" fmla="*/ 359 h 568"/>
                <a:gd name="T16" fmla="*/ 152 w 717"/>
                <a:gd name="T17" fmla="*/ 354 h 568"/>
                <a:gd name="T18" fmla="*/ 119 w 717"/>
                <a:gd name="T19" fmla="*/ 351 h 568"/>
                <a:gd name="T20" fmla="*/ 89 w 717"/>
                <a:gd name="T21" fmla="*/ 347 h 568"/>
                <a:gd name="T22" fmla="*/ 63 w 717"/>
                <a:gd name="T23" fmla="*/ 344 h 568"/>
                <a:gd name="T24" fmla="*/ 42 w 717"/>
                <a:gd name="T25" fmla="*/ 342 h 568"/>
                <a:gd name="T26" fmla="*/ 17 w 717"/>
                <a:gd name="T27" fmla="*/ 340 h 568"/>
                <a:gd name="T28" fmla="*/ 11 w 717"/>
                <a:gd name="T29" fmla="*/ 336 h 568"/>
                <a:gd name="T30" fmla="*/ 1 w 717"/>
                <a:gd name="T31" fmla="*/ 336 h 568"/>
                <a:gd name="T32" fmla="*/ 45 w 717"/>
                <a:gd name="T33" fmla="*/ 0 h 568"/>
                <a:gd name="T34" fmla="*/ 49 w 717"/>
                <a:gd name="T35" fmla="*/ 2 h 568"/>
                <a:gd name="T36" fmla="*/ 63 w 717"/>
                <a:gd name="T37" fmla="*/ 5 h 568"/>
                <a:gd name="T38" fmla="*/ 79 w 717"/>
                <a:gd name="T39" fmla="*/ 7 h 568"/>
                <a:gd name="T40" fmla="*/ 99 w 717"/>
                <a:gd name="T41" fmla="*/ 10 h 568"/>
                <a:gd name="T42" fmla="*/ 122 w 717"/>
                <a:gd name="T43" fmla="*/ 15 h 568"/>
                <a:gd name="T44" fmla="*/ 149 w 717"/>
                <a:gd name="T45" fmla="*/ 17 h 568"/>
                <a:gd name="T46" fmla="*/ 177 w 717"/>
                <a:gd name="T47" fmla="*/ 17 h 568"/>
                <a:gd name="T48" fmla="*/ 205 w 717"/>
                <a:gd name="T49" fmla="*/ 17 h 568"/>
                <a:gd name="T50" fmla="*/ 233 w 717"/>
                <a:gd name="T51" fmla="*/ 20 h 568"/>
                <a:gd name="T52" fmla="*/ 261 w 717"/>
                <a:gd name="T53" fmla="*/ 23 h 568"/>
                <a:gd name="T54" fmla="*/ 286 w 717"/>
                <a:gd name="T55" fmla="*/ 26 h 568"/>
                <a:gd name="T56" fmla="*/ 308 w 717"/>
                <a:gd name="T57" fmla="*/ 32 h 568"/>
                <a:gd name="T58" fmla="*/ 327 w 717"/>
                <a:gd name="T59" fmla="*/ 33 h 568"/>
                <a:gd name="T60" fmla="*/ 341 w 717"/>
                <a:gd name="T61" fmla="*/ 37 h 568"/>
                <a:gd name="T62" fmla="*/ 350 w 717"/>
                <a:gd name="T63" fmla="*/ 38 h 568"/>
                <a:gd name="T64" fmla="*/ 355 w 717"/>
                <a:gd name="T65" fmla="*/ 38 h 568"/>
                <a:gd name="T66" fmla="*/ 483 w 717"/>
                <a:gd name="T67" fmla="*/ 44 h 568"/>
                <a:gd name="T68" fmla="*/ 459 w 717"/>
                <a:gd name="T69" fmla="*/ 381 h 568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w 717"/>
                <a:gd name="T106" fmla="*/ 0 h 568"/>
                <a:gd name="T107" fmla="*/ 717 w 717"/>
                <a:gd name="T108" fmla="*/ 568 h 568"/>
              </a:gdLst>
              <a:ahLst/>
              <a:cxnLst>
                <a:cxn ang="T70">
                  <a:pos x="T0" y="T1"/>
                </a:cxn>
                <a:cxn ang="T71">
                  <a:pos x="T2" y="T3"/>
                </a:cxn>
                <a:cxn ang="T72">
                  <a:pos x="T4" y="T5"/>
                </a:cxn>
                <a:cxn ang="T73">
                  <a:pos x="T6" y="T7"/>
                </a:cxn>
                <a:cxn ang="T74">
                  <a:pos x="T8" y="T9"/>
                </a:cxn>
                <a:cxn ang="T75">
                  <a:pos x="T10" y="T11"/>
                </a:cxn>
                <a:cxn ang="T76">
                  <a:pos x="T12" y="T13"/>
                </a:cxn>
                <a:cxn ang="T77">
                  <a:pos x="T14" y="T15"/>
                </a:cxn>
                <a:cxn ang="T78">
                  <a:pos x="T16" y="T17"/>
                </a:cxn>
                <a:cxn ang="T79">
                  <a:pos x="T18" y="T19"/>
                </a:cxn>
                <a:cxn ang="T80">
                  <a:pos x="T20" y="T21"/>
                </a:cxn>
                <a:cxn ang="T81">
                  <a:pos x="T22" y="T23"/>
                </a:cxn>
                <a:cxn ang="T82">
                  <a:pos x="T24" y="T25"/>
                </a:cxn>
                <a:cxn ang="T83">
                  <a:pos x="T26" y="T27"/>
                </a:cxn>
                <a:cxn ang="T84">
                  <a:pos x="T28" y="T29"/>
                </a:cxn>
                <a:cxn ang="T85">
                  <a:pos x="T30" y="T31"/>
                </a:cxn>
                <a:cxn ang="T86">
                  <a:pos x="T32" y="T33"/>
                </a:cxn>
                <a:cxn ang="T87">
                  <a:pos x="T34" y="T35"/>
                </a:cxn>
                <a:cxn ang="T88">
                  <a:pos x="T36" y="T37"/>
                </a:cxn>
                <a:cxn ang="T89">
                  <a:pos x="T38" y="T39"/>
                </a:cxn>
                <a:cxn ang="T90">
                  <a:pos x="T40" y="T41"/>
                </a:cxn>
                <a:cxn ang="T91">
                  <a:pos x="T42" y="T43"/>
                </a:cxn>
                <a:cxn ang="T92">
                  <a:pos x="T44" y="T45"/>
                </a:cxn>
                <a:cxn ang="T93">
                  <a:pos x="T46" y="T47"/>
                </a:cxn>
                <a:cxn ang="T94">
                  <a:pos x="T48" y="T49"/>
                </a:cxn>
                <a:cxn ang="T95">
                  <a:pos x="T50" y="T51"/>
                </a:cxn>
                <a:cxn ang="T96">
                  <a:pos x="T52" y="T53"/>
                </a:cxn>
                <a:cxn ang="T97">
                  <a:pos x="T54" y="T55"/>
                </a:cxn>
                <a:cxn ang="T98">
                  <a:pos x="T56" y="T57"/>
                </a:cxn>
                <a:cxn ang="T99">
                  <a:pos x="T58" y="T59"/>
                </a:cxn>
                <a:cxn ang="T100">
                  <a:pos x="T60" y="T61"/>
                </a:cxn>
                <a:cxn ang="T101">
                  <a:pos x="T62" y="T63"/>
                </a:cxn>
                <a:cxn ang="T102">
                  <a:pos x="T64" y="T65"/>
                </a:cxn>
                <a:cxn ang="T103">
                  <a:pos x="T66" y="T67"/>
                </a:cxn>
                <a:cxn ang="T104">
                  <a:pos x="T68" y="T69"/>
                </a:cxn>
              </a:cxnLst>
              <a:rect l="T105" t="T106" r="T107" b="T108"/>
              <a:pathLst>
                <a:path w="717" h="568">
                  <a:moveTo>
                    <a:pt x="587" y="562"/>
                  </a:moveTo>
                  <a:lnTo>
                    <a:pt x="575" y="562"/>
                  </a:lnTo>
                  <a:lnTo>
                    <a:pt x="561" y="562"/>
                  </a:lnTo>
                  <a:lnTo>
                    <a:pt x="546" y="560"/>
                  </a:lnTo>
                  <a:lnTo>
                    <a:pt x="528" y="560"/>
                  </a:lnTo>
                  <a:lnTo>
                    <a:pt x="509" y="558"/>
                  </a:lnTo>
                  <a:lnTo>
                    <a:pt x="489" y="557"/>
                  </a:lnTo>
                  <a:lnTo>
                    <a:pt x="468" y="555"/>
                  </a:lnTo>
                  <a:lnTo>
                    <a:pt x="446" y="552"/>
                  </a:lnTo>
                  <a:lnTo>
                    <a:pt x="423" y="550"/>
                  </a:lnTo>
                  <a:lnTo>
                    <a:pt x="399" y="548"/>
                  </a:lnTo>
                  <a:lnTo>
                    <a:pt x="374" y="545"/>
                  </a:lnTo>
                  <a:lnTo>
                    <a:pt x="350" y="543"/>
                  </a:lnTo>
                  <a:lnTo>
                    <a:pt x="325" y="540"/>
                  </a:lnTo>
                  <a:lnTo>
                    <a:pt x="299" y="538"/>
                  </a:lnTo>
                  <a:lnTo>
                    <a:pt x="274" y="535"/>
                  </a:lnTo>
                  <a:lnTo>
                    <a:pt x="250" y="531"/>
                  </a:lnTo>
                  <a:lnTo>
                    <a:pt x="225" y="530"/>
                  </a:lnTo>
                  <a:lnTo>
                    <a:pt x="201" y="526"/>
                  </a:lnTo>
                  <a:lnTo>
                    <a:pt x="177" y="523"/>
                  </a:lnTo>
                  <a:lnTo>
                    <a:pt x="155" y="521"/>
                  </a:lnTo>
                  <a:lnTo>
                    <a:pt x="133" y="518"/>
                  </a:lnTo>
                  <a:lnTo>
                    <a:pt x="113" y="516"/>
                  </a:lnTo>
                  <a:lnTo>
                    <a:pt x="93" y="513"/>
                  </a:lnTo>
                  <a:lnTo>
                    <a:pt x="74" y="511"/>
                  </a:lnTo>
                  <a:lnTo>
                    <a:pt x="59" y="509"/>
                  </a:lnTo>
                  <a:lnTo>
                    <a:pt x="44" y="508"/>
                  </a:lnTo>
                  <a:lnTo>
                    <a:pt x="30" y="506"/>
                  </a:lnTo>
                  <a:lnTo>
                    <a:pt x="20" y="504"/>
                  </a:lnTo>
                  <a:lnTo>
                    <a:pt x="11" y="502"/>
                  </a:lnTo>
                  <a:lnTo>
                    <a:pt x="5" y="502"/>
                  </a:lnTo>
                  <a:lnTo>
                    <a:pt x="1" y="502"/>
                  </a:lnTo>
                  <a:lnTo>
                    <a:pt x="0" y="502"/>
                  </a:lnTo>
                  <a:lnTo>
                    <a:pt x="66" y="0"/>
                  </a:lnTo>
                  <a:lnTo>
                    <a:pt x="69" y="2"/>
                  </a:lnTo>
                  <a:lnTo>
                    <a:pt x="74" y="2"/>
                  </a:lnTo>
                  <a:lnTo>
                    <a:pt x="83" y="3"/>
                  </a:lnTo>
                  <a:lnTo>
                    <a:pt x="93" y="5"/>
                  </a:lnTo>
                  <a:lnTo>
                    <a:pt x="103" y="5"/>
                  </a:lnTo>
                  <a:lnTo>
                    <a:pt x="116" y="7"/>
                  </a:lnTo>
                  <a:lnTo>
                    <a:pt x="132" y="8"/>
                  </a:lnTo>
                  <a:lnTo>
                    <a:pt x="147" y="10"/>
                  </a:lnTo>
                  <a:lnTo>
                    <a:pt x="164" y="13"/>
                  </a:lnTo>
                  <a:lnTo>
                    <a:pt x="182" y="15"/>
                  </a:lnTo>
                  <a:lnTo>
                    <a:pt x="201" y="17"/>
                  </a:lnTo>
                  <a:lnTo>
                    <a:pt x="221" y="18"/>
                  </a:lnTo>
                  <a:lnTo>
                    <a:pt x="242" y="22"/>
                  </a:lnTo>
                  <a:lnTo>
                    <a:pt x="262" y="24"/>
                  </a:lnTo>
                  <a:lnTo>
                    <a:pt x="282" y="27"/>
                  </a:lnTo>
                  <a:lnTo>
                    <a:pt x="304" y="29"/>
                  </a:lnTo>
                  <a:lnTo>
                    <a:pt x="325" y="30"/>
                  </a:lnTo>
                  <a:lnTo>
                    <a:pt x="347" y="34"/>
                  </a:lnTo>
                  <a:lnTo>
                    <a:pt x="367" y="35"/>
                  </a:lnTo>
                  <a:lnTo>
                    <a:pt x="387" y="37"/>
                  </a:lnTo>
                  <a:lnTo>
                    <a:pt x="406" y="39"/>
                  </a:lnTo>
                  <a:lnTo>
                    <a:pt x="424" y="40"/>
                  </a:lnTo>
                  <a:lnTo>
                    <a:pt x="441" y="44"/>
                  </a:lnTo>
                  <a:lnTo>
                    <a:pt x="457" y="46"/>
                  </a:lnTo>
                  <a:lnTo>
                    <a:pt x="472" y="47"/>
                  </a:lnTo>
                  <a:lnTo>
                    <a:pt x="485" y="47"/>
                  </a:lnTo>
                  <a:lnTo>
                    <a:pt x="497" y="49"/>
                  </a:lnTo>
                  <a:lnTo>
                    <a:pt x="507" y="51"/>
                  </a:lnTo>
                  <a:lnTo>
                    <a:pt x="516" y="51"/>
                  </a:lnTo>
                  <a:lnTo>
                    <a:pt x="521" y="52"/>
                  </a:lnTo>
                  <a:lnTo>
                    <a:pt x="526" y="52"/>
                  </a:lnTo>
                  <a:lnTo>
                    <a:pt x="524" y="52"/>
                  </a:lnTo>
                  <a:lnTo>
                    <a:pt x="717" y="64"/>
                  </a:lnTo>
                  <a:lnTo>
                    <a:pt x="710" y="189"/>
                  </a:lnTo>
                  <a:lnTo>
                    <a:pt x="683" y="568"/>
                  </a:lnTo>
                  <a:lnTo>
                    <a:pt x="587" y="562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66" name="Freeform 121"/>
            <p:cNvSpPr>
              <a:spLocks/>
            </p:cNvSpPr>
            <p:nvPr/>
          </p:nvSpPr>
          <p:spPr bwMode="auto">
            <a:xfrm>
              <a:off x="1401" y="2524"/>
              <a:ext cx="665" cy="694"/>
            </a:xfrm>
            <a:custGeom>
              <a:avLst/>
              <a:gdLst>
                <a:gd name="T0" fmla="*/ 60 w 684"/>
                <a:gd name="T1" fmla="*/ 470 h 715"/>
                <a:gd name="T2" fmla="*/ 65 w 684"/>
                <a:gd name="T3" fmla="*/ 433 h 715"/>
                <a:gd name="T4" fmla="*/ 182 w 684"/>
                <a:gd name="T5" fmla="*/ 449 h 715"/>
                <a:gd name="T6" fmla="*/ 177 w 684"/>
                <a:gd name="T7" fmla="*/ 439 h 715"/>
                <a:gd name="T8" fmla="*/ 177 w 684"/>
                <a:gd name="T9" fmla="*/ 428 h 715"/>
                <a:gd name="T10" fmla="*/ 426 w 684"/>
                <a:gd name="T11" fmla="*/ 452 h 715"/>
                <a:gd name="T12" fmla="*/ 459 w 684"/>
                <a:gd name="T13" fmla="*/ 80 h 715"/>
                <a:gd name="T14" fmla="*/ 461 w 684"/>
                <a:gd name="T15" fmla="*/ 41 h 715"/>
                <a:gd name="T16" fmla="*/ 453 w 684"/>
                <a:gd name="T17" fmla="*/ 41 h 715"/>
                <a:gd name="T18" fmla="*/ 444 w 684"/>
                <a:gd name="T19" fmla="*/ 41 h 715"/>
                <a:gd name="T20" fmla="*/ 434 w 684"/>
                <a:gd name="T21" fmla="*/ 40 h 715"/>
                <a:gd name="T22" fmla="*/ 422 w 684"/>
                <a:gd name="T23" fmla="*/ 40 h 715"/>
                <a:gd name="T24" fmla="*/ 409 w 684"/>
                <a:gd name="T25" fmla="*/ 39 h 715"/>
                <a:gd name="T26" fmla="*/ 395 w 684"/>
                <a:gd name="T27" fmla="*/ 39 h 715"/>
                <a:gd name="T28" fmla="*/ 380 w 684"/>
                <a:gd name="T29" fmla="*/ 38 h 715"/>
                <a:gd name="T30" fmla="*/ 367 w 684"/>
                <a:gd name="T31" fmla="*/ 36 h 715"/>
                <a:gd name="T32" fmla="*/ 350 w 684"/>
                <a:gd name="T33" fmla="*/ 34 h 715"/>
                <a:gd name="T34" fmla="*/ 334 w 684"/>
                <a:gd name="T35" fmla="*/ 32 h 715"/>
                <a:gd name="T36" fmla="*/ 318 w 684"/>
                <a:gd name="T37" fmla="*/ 29 h 715"/>
                <a:gd name="T38" fmla="*/ 301 w 684"/>
                <a:gd name="T39" fmla="*/ 27 h 715"/>
                <a:gd name="T40" fmla="*/ 285 w 684"/>
                <a:gd name="T41" fmla="*/ 24 h 715"/>
                <a:gd name="T42" fmla="*/ 266 w 684"/>
                <a:gd name="T43" fmla="*/ 22 h 715"/>
                <a:gd name="T44" fmla="*/ 251 w 684"/>
                <a:gd name="T45" fmla="*/ 19 h 715"/>
                <a:gd name="T46" fmla="*/ 234 w 684"/>
                <a:gd name="T47" fmla="*/ 17 h 715"/>
                <a:gd name="T48" fmla="*/ 217 w 684"/>
                <a:gd name="T49" fmla="*/ 17 h 715"/>
                <a:gd name="T50" fmla="*/ 201 w 684"/>
                <a:gd name="T51" fmla="*/ 17 h 715"/>
                <a:gd name="T52" fmla="*/ 185 w 684"/>
                <a:gd name="T53" fmla="*/ 17 h 715"/>
                <a:gd name="T54" fmla="*/ 170 w 684"/>
                <a:gd name="T55" fmla="*/ 17 h 715"/>
                <a:gd name="T56" fmla="*/ 155 w 684"/>
                <a:gd name="T57" fmla="*/ 16 h 715"/>
                <a:gd name="T58" fmla="*/ 142 w 684"/>
                <a:gd name="T59" fmla="*/ 14 h 715"/>
                <a:gd name="T60" fmla="*/ 128 w 684"/>
                <a:gd name="T61" fmla="*/ 11 h 715"/>
                <a:gd name="T62" fmla="*/ 116 w 684"/>
                <a:gd name="T63" fmla="*/ 9 h 715"/>
                <a:gd name="T64" fmla="*/ 106 w 684"/>
                <a:gd name="T65" fmla="*/ 7 h 715"/>
                <a:gd name="T66" fmla="*/ 95 w 684"/>
                <a:gd name="T67" fmla="*/ 6 h 715"/>
                <a:gd name="T68" fmla="*/ 85 w 684"/>
                <a:gd name="T69" fmla="*/ 4 h 715"/>
                <a:gd name="T70" fmla="*/ 79 w 684"/>
                <a:gd name="T71" fmla="*/ 2 h 715"/>
                <a:gd name="T72" fmla="*/ 73 w 684"/>
                <a:gd name="T73" fmla="*/ 0 h 715"/>
                <a:gd name="T74" fmla="*/ 69 w 684"/>
                <a:gd name="T75" fmla="*/ 0 h 715"/>
                <a:gd name="T76" fmla="*/ 67 w 684"/>
                <a:gd name="T77" fmla="*/ 0 h 715"/>
                <a:gd name="T78" fmla="*/ 66 w 684"/>
                <a:gd name="T79" fmla="*/ 0 h 715"/>
                <a:gd name="T80" fmla="*/ 66 w 684"/>
                <a:gd name="T81" fmla="*/ 0 h 715"/>
                <a:gd name="T82" fmla="*/ 66 w 684"/>
                <a:gd name="T83" fmla="*/ 0 h 715"/>
                <a:gd name="T84" fmla="*/ 0 w 684"/>
                <a:gd name="T85" fmla="*/ 460 h 715"/>
                <a:gd name="T86" fmla="*/ 60 w 684"/>
                <a:gd name="T87" fmla="*/ 470 h 715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w 684"/>
                <a:gd name="T133" fmla="*/ 0 h 715"/>
                <a:gd name="T134" fmla="*/ 684 w 684"/>
                <a:gd name="T135" fmla="*/ 715 h 715"/>
              </a:gdLst>
              <a:ahLst/>
              <a:cxnLst>
                <a:cxn ang="T88">
                  <a:pos x="T0" y="T1"/>
                </a:cxn>
                <a:cxn ang="T89">
                  <a:pos x="T2" y="T3"/>
                </a:cxn>
                <a:cxn ang="T90">
                  <a:pos x="T4" y="T5"/>
                </a:cxn>
                <a:cxn ang="T91">
                  <a:pos x="T6" y="T7"/>
                </a:cxn>
                <a:cxn ang="T92">
                  <a:pos x="T8" y="T9"/>
                </a:cxn>
                <a:cxn ang="T93">
                  <a:pos x="T10" y="T11"/>
                </a:cxn>
                <a:cxn ang="T94">
                  <a:pos x="T12" y="T13"/>
                </a:cxn>
                <a:cxn ang="T95">
                  <a:pos x="T14" y="T15"/>
                </a:cxn>
                <a:cxn ang="T96">
                  <a:pos x="T16" y="T17"/>
                </a:cxn>
                <a:cxn ang="T97">
                  <a:pos x="T18" y="T19"/>
                </a:cxn>
                <a:cxn ang="T98">
                  <a:pos x="T20" y="T21"/>
                </a:cxn>
                <a:cxn ang="T99">
                  <a:pos x="T22" y="T23"/>
                </a:cxn>
                <a:cxn ang="T100">
                  <a:pos x="T24" y="T25"/>
                </a:cxn>
                <a:cxn ang="T101">
                  <a:pos x="T26" y="T27"/>
                </a:cxn>
                <a:cxn ang="T102">
                  <a:pos x="T28" y="T29"/>
                </a:cxn>
                <a:cxn ang="T103">
                  <a:pos x="T30" y="T31"/>
                </a:cxn>
                <a:cxn ang="T104">
                  <a:pos x="T32" y="T33"/>
                </a:cxn>
                <a:cxn ang="T105">
                  <a:pos x="T34" y="T35"/>
                </a:cxn>
                <a:cxn ang="T106">
                  <a:pos x="T36" y="T37"/>
                </a:cxn>
                <a:cxn ang="T107">
                  <a:pos x="T38" y="T39"/>
                </a:cxn>
                <a:cxn ang="T108">
                  <a:pos x="T40" y="T41"/>
                </a:cxn>
                <a:cxn ang="T109">
                  <a:pos x="T42" y="T43"/>
                </a:cxn>
                <a:cxn ang="T110">
                  <a:pos x="T44" y="T45"/>
                </a:cxn>
                <a:cxn ang="T111">
                  <a:pos x="T46" y="T47"/>
                </a:cxn>
                <a:cxn ang="T112">
                  <a:pos x="T48" y="T49"/>
                </a:cxn>
                <a:cxn ang="T113">
                  <a:pos x="T50" y="T51"/>
                </a:cxn>
                <a:cxn ang="T114">
                  <a:pos x="T52" y="T53"/>
                </a:cxn>
                <a:cxn ang="T115">
                  <a:pos x="T54" y="T55"/>
                </a:cxn>
                <a:cxn ang="T116">
                  <a:pos x="T56" y="T57"/>
                </a:cxn>
                <a:cxn ang="T117">
                  <a:pos x="T58" y="T59"/>
                </a:cxn>
                <a:cxn ang="T118">
                  <a:pos x="T60" y="T61"/>
                </a:cxn>
                <a:cxn ang="T119">
                  <a:pos x="T62" y="T63"/>
                </a:cxn>
                <a:cxn ang="T120">
                  <a:pos x="T64" y="T65"/>
                </a:cxn>
                <a:cxn ang="T121">
                  <a:pos x="T66" y="T67"/>
                </a:cxn>
                <a:cxn ang="T122">
                  <a:pos x="T68" y="T69"/>
                </a:cxn>
                <a:cxn ang="T123">
                  <a:pos x="T70" y="T71"/>
                </a:cxn>
                <a:cxn ang="T124">
                  <a:pos x="T72" y="T73"/>
                </a:cxn>
                <a:cxn ang="T125">
                  <a:pos x="T74" y="T75"/>
                </a:cxn>
                <a:cxn ang="T126">
                  <a:pos x="T76" y="T77"/>
                </a:cxn>
                <a:cxn ang="T127">
                  <a:pos x="T78" y="T79"/>
                </a:cxn>
                <a:cxn ang="T128">
                  <a:pos x="T80" y="T81"/>
                </a:cxn>
                <a:cxn ang="T129">
                  <a:pos x="T82" y="T83"/>
                </a:cxn>
                <a:cxn ang="T130">
                  <a:pos x="T84" y="T85"/>
                </a:cxn>
                <a:cxn ang="T131">
                  <a:pos x="T86" y="T87"/>
                </a:cxn>
              </a:cxnLst>
              <a:rect l="T132" t="T133" r="T134" b="T135"/>
              <a:pathLst>
                <a:path w="684" h="715">
                  <a:moveTo>
                    <a:pt x="88" y="715"/>
                  </a:moveTo>
                  <a:lnTo>
                    <a:pt x="95" y="657"/>
                  </a:lnTo>
                  <a:lnTo>
                    <a:pt x="268" y="681"/>
                  </a:lnTo>
                  <a:lnTo>
                    <a:pt x="262" y="666"/>
                  </a:lnTo>
                  <a:lnTo>
                    <a:pt x="262" y="649"/>
                  </a:lnTo>
                  <a:lnTo>
                    <a:pt x="633" y="686"/>
                  </a:lnTo>
                  <a:lnTo>
                    <a:pt x="679" y="121"/>
                  </a:lnTo>
                  <a:lnTo>
                    <a:pt x="684" y="60"/>
                  </a:lnTo>
                  <a:lnTo>
                    <a:pt x="672" y="60"/>
                  </a:lnTo>
                  <a:lnTo>
                    <a:pt x="658" y="60"/>
                  </a:lnTo>
                  <a:lnTo>
                    <a:pt x="643" y="58"/>
                  </a:lnTo>
                  <a:lnTo>
                    <a:pt x="625" y="58"/>
                  </a:lnTo>
                  <a:lnTo>
                    <a:pt x="606" y="56"/>
                  </a:lnTo>
                  <a:lnTo>
                    <a:pt x="586" y="55"/>
                  </a:lnTo>
                  <a:lnTo>
                    <a:pt x="565" y="53"/>
                  </a:lnTo>
                  <a:lnTo>
                    <a:pt x="543" y="50"/>
                  </a:lnTo>
                  <a:lnTo>
                    <a:pt x="520" y="48"/>
                  </a:lnTo>
                  <a:lnTo>
                    <a:pt x="496" y="46"/>
                  </a:lnTo>
                  <a:lnTo>
                    <a:pt x="471" y="43"/>
                  </a:lnTo>
                  <a:lnTo>
                    <a:pt x="447" y="41"/>
                  </a:lnTo>
                  <a:lnTo>
                    <a:pt x="422" y="38"/>
                  </a:lnTo>
                  <a:lnTo>
                    <a:pt x="396" y="36"/>
                  </a:lnTo>
                  <a:lnTo>
                    <a:pt x="371" y="33"/>
                  </a:lnTo>
                  <a:lnTo>
                    <a:pt x="347" y="29"/>
                  </a:lnTo>
                  <a:lnTo>
                    <a:pt x="322" y="28"/>
                  </a:lnTo>
                  <a:lnTo>
                    <a:pt x="298" y="24"/>
                  </a:lnTo>
                  <a:lnTo>
                    <a:pt x="274" y="21"/>
                  </a:lnTo>
                  <a:lnTo>
                    <a:pt x="252" y="19"/>
                  </a:lnTo>
                  <a:lnTo>
                    <a:pt x="230" y="16"/>
                  </a:lnTo>
                  <a:lnTo>
                    <a:pt x="210" y="14"/>
                  </a:lnTo>
                  <a:lnTo>
                    <a:pt x="190" y="11"/>
                  </a:lnTo>
                  <a:lnTo>
                    <a:pt x="171" y="9"/>
                  </a:lnTo>
                  <a:lnTo>
                    <a:pt x="156" y="7"/>
                  </a:lnTo>
                  <a:lnTo>
                    <a:pt x="141" y="6"/>
                  </a:lnTo>
                  <a:lnTo>
                    <a:pt x="127" y="4"/>
                  </a:lnTo>
                  <a:lnTo>
                    <a:pt x="117" y="2"/>
                  </a:lnTo>
                  <a:lnTo>
                    <a:pt x="108" y="0"/>
                  </a:lnTo>
                  <a:lnTo>
                    <a:pt x="102" y="0"/>
                  </a:lnTo>
                  <a:lnTo>
                    <a:pt x="98" y="0"/>
                  </a:lnTo>
                  <a:lnTo>
                    <a:pt x="97" y="0"/>
                  </a:lnTo>
                  <a:lnTo>
                    <a:pt x="0" y="699"/>
                  </a:lnTo>
                  <a:lnTo>
                    <a:pt x="88" y="715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67" name="Freeform 122"/>
            <p:cNvSpPr>
              <a:spLocks/>
            </p:cNvSpPr>
            <p:nvPr/>
          </p:nvSpPr>
          <p:spPr bwMode="auto">
            <a:xfrm>
              <a:off x="2061" y="2582"/>
              <a:ext cx="827" cy="428"/>
            </a:xfrm>
            <a:custGeom>
              <a:avLst/>
              <a:gdLst>
                <a:gd name="T0" fmla="*/ 203 w 851"/>
                <a:gd name="T1" fmla="*/ 212 h 441"/>
                <a:gd name="T2" fmla="*/ 234 w 851"/>
                <a:gd name="T3" fmla="*/ 228 h 441"/>
                <a:gd name="T4" fmla="*/ 266 w 851"/>
                <a:gd name="T5" fmla="*/ 242 h 441"/>
                <a:gd name="T6" fmla="*/ 271 w 851"/>
                <a:gd name="T7" fmla="*/ 245 h 441"/>
                <a:gd name="T8" fmla="*/ 277 w 851"/>
                <a:gd name="T9" fmla="*/ 248 h 441"/>
                <a:gd name="T10" fmla="*/ 285 w 851"/>
                <a:gd name="T11" fmla="*/ 247 h 441"/>
                <a:gd name="T12" fmla="*/ 297 w 851"/>
                <a:gd name="T13" fmla="*/ 248 h 441"/>
                <a:gd name="T14" fmla="*/ 303 w 851"/>
                <a:gd name="T15" fmla="*/ 255 h 441"/>
                <a:gd name="T16" fmla="*/ 315 w 851"/>
                <a:gd name="T17" fmla="*/ 251 h 441"/>
                <a:gd name="T18" fmla="*/ 332 w 851"/>
                <a:gd name="T19" fmla="*/ 257 h 441"/>
                <a:gd name="T20" fmla="*/ 347 w 851"/>
                <a:gd name="T21" fmla="*/ 264 h 441"/>
                <a:gd name="T22" fmla="*/ 367 w 851"/>
                <a:gd name="T23" fmla="*/ 271 h 441"/>
                <a:gd name="T24" fmla="*/ 367 w 851"/>
                <a:gd name="T25" fmla="*/ 273 h 441"/>
                <a:gd name="T26" fmla="*/ 369 w 851"/>
                <a:gd name="T27" fmla="*/ 278 h 441"/>
                <a:gd name="T28" fmla="*/ 380 w 851"/>
                <a:gd name="T29" fmla="*/ 271 h 441"/>
                <a:gd name="T30" fmla="*/ 384 w 851"/>
                <a:gd name="T31" fmla="*/ 265 h 441"/>
                <a:gd name="T32" fmla="*/ 385 w 851"/>
                <a:gd name="T33" fmla="*/ 272 h 441"/>
                <a:gd name="T34" fmla="*/ 389 w 851"/>
                <a:gd name="T35" fmla="*/ 283 h 441"/>
                <a:gd name="T36" fmla="*/ 392 w 851"/>
                <a:gd name="T37" fmla="*/ 280 h 441"/>
                <a:gd name="T38" fmla="*/ 392 w 851"/>
                <a:gd name="T39" fmla="*/ 276 h 441"/>
                <a:gd name="T40" fmla="*/ 425 w 851"/>
                <a:gd name="T41" fmla="*/ 269 h 441"/>
                <a:gd name="T42" fmla="*/ 423 w 851"/>
                <a:gd name="T43" fmla="*/ 270 h 441"/>
                <a:gd name="T44" fmla="*/ 425 w 851"/>
                <a:gd name="T45" fmla="*/ 275 h 441"/>
                <a:gd name="T46" fmla="*/ 438 w 851"/>
                <a:gd name="T47" fmla="*/ 280 h 441"/>
                <a:gd name="T48" fmla="*/ 446 w 851"/>
                <a:gd name="T49" fmla="*/ 286 h 441"/>
                <a:gd name="T50" fmla="*/ 452 w 851"/>
                <a:gd name="T51" fmla="*/ 282 h 441"/>
                <a:gd name="T52" fmla="*/ 465 w 851"/>
                <a:gd name="T53" fmla="*/ 272 h 441"/>
                <a:gd name="T54" fmla="*/ 476 w 851"/>
                <a:gd name="T55" fmla="*/ 273 h 441"/>
                <a:gd name="T56" fmla="*/ 479 w 851"/>
                <a:gd name="T57" fmla="*/ 279 h 441"/>
                <a:gd name="T58" fmla="*/ 479 w 851"/>
                <a:gd name="T59" fmla="*/ 279 h 441"/>
                <a:gd name="T60" fmla="*/ 479 w 851"/>
                <a:gd name="T61" fmla="*/ 276 h 441"/>
                <a:gd name="T62" fmla="*/ 487 w 851"/>
                <a:gd name="T63" fmla="*/ 269 h 441"/>
                <a:gd name="T64" fmla="*/ 489 w 851"/>
                <a:gd name="T65" fmla="*/ 264 h 441"/>
                <a:gd name="T66" fmla="*/ 492 w 851"/>
                <a:gd name="T67" fmla="*/ 269 h 441"/>
                <a:gd name="T68" fmla="*/ 504 w 851"/>
                <a:gd name="T69" fmla="*/ 278 h 441"/>
                <a:gd name="T70" fmla="*/ 506 w 851"/>
                <a:gd name="T71" fmla="*/ 280 h 441"/>
                <a:gd name="T72" fmla="*/ 509 w 851"/>
                <a:gd name="T73" fmla="*/ 272 h 441"/>
                <a:gd name="T74" fmla="*/ 520 w 851"/>
                <a:gd name="T75" fmla="*/ 267 h 441"/>
                <a:gd name="T76" fmla="*/ 527 w 851"/>
                <a:gd name="T77" fmla="*/ 269 h 441"/>
                <a:gd name="T78" fmla="*/ 546 w 851"/>
                <a:gd name="T79" fmla="*/ 285 h 441"/>
                <a:gd name="T80" fmla="*/ 569 w 851"/>
                <a:gd name="T81" fmla="*/ 147 h 441"/>
                <a:gd name="T82" fmla="*/ 555 w 851"/>
                <a:gd name="T83" fmla="*/ 16 h 441"/>
                <a:gd name="T84" fmla="*/ 546 w 851"/>
                <a:gd name="T85" fmla="*/ 16 h 441"/>
                <a:gd name="T86" fmla="*/ 519 w 851"/>
                <a:gd name="T87" fmla="*/ 16 h 441"/>
                <a:gd name="T88" fmla="*/ 477 w 851"/>
                <a:gd name="T89" fmla="*/ 16 h 441"/>
                <a:gd name="T90" fmla="*/ 427 w 851"/>
                <a:gd name="T91" fmla="*/ 16 h 441"/>
                <a:gd name="T92" fmla="*/ 368 w 851"/>
                <a:gd name="T93" fmla="*/ 16 h 441"/>
                <a:gd name="T94" fmla="*/ 306 w 851"/>
                <a:gd name="T95" fmla="*/ 16 h 441"/>
                <a:gd name="T96" fmla="*/ 244 w 851"/>
                <a:gd name="T97" fmla="*/ 15 h 441"/>
                <a:gd name="T98" fmla="*/ 185 w 851"/>
                <a:gd name="T99" fmla="*/ 13 h 441"/>
                <a:gd name="T100" fmla="*/ 133 w 851"/>
                <a:gd name="T101" fmla="*/ 12 h 441"/>
                <a:gd name="T102" fmla="*/ 88 w 851"/>
                <a:gd name="T103" fmla="*/ 8 h 441"/>
                <a:gd name="T104" fmla="*/ 5 w 851"/>
                <a:gd name="T105" fmla="*/ 0 h 441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w 851"/>
                <a:gd name="T160" fmla="*/ 0 h 441"/>
                <a:gd name="T161" fmla="*/ 851 w 851"/>
                <a:gd name="T162" fmla="*/ 441 h 441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T159" t="T160" r="T161" b="T162"/>
              <a:pathLst>
                <a:path w="851" h="441">
                  <a:moveTo>
                    <a:pt x="303" y="79"/>
                  </a:moveTo>
                  <a:lnTo>
                    <a:pt x="294" y="320"/>
                  </a:lnTo>
                  <a:lnTo>
                    <a:pt x="303" y="321"/>
                  </a:lnTo>
                  <a:lnTo>
                    <a:pt x="326" y="345"/>
                  </a:lnTo>
                  <a:lnTo>
                    <a:pt x="335" y="338"/>
                  </a:lnTo>
                  <a:lnTo>
                    <a:pt x="350" y="347"/>
                  </a:lnTo>
                  <a:lnTo>
                    <a:pt x="359" y="335"/>
                  </a:lnTo>
                  <a:lnTo>
                    <a:pt x="379" y="369"/>
                  </a:lnTo>
                  <a:lnTo>
                    <a:pt x="397" y="369"/>
                  </a:lnTo>
                  <a:lnTo>
                    <a:pt x="399" y="369"/>
                  </a:lnTo>
                  <a:lnTo>
                    <a:pt x="401" y="370"/>
                  </a:lnTo>
                  <a:lnTo>
                    <a:pt x="404" y="372"/>
                  </a:lnTo>
                  <a:lnTo>
                    <a:pt x="408" y="374"/>
                  </a:lnTo>
                  <a:lnTo>
                    <a:pt x="411" y="375"/>
                  </a:lnTo>
                  <a:lnTo>
                    <a:pt x="414" y="377"/>
                  </a:lnTo>
                  <a:lnTo>
                    <a:pt x="418" y="379"/>
                  </a:lnTo>
                  <a:lnTo>
                    <a:pt x="419" y="379"/>
                  </a:lnTo>
                  <a:lnTo>
                    <a:pt x="426" y="374"/>
                  </a:lnTo>
                  <a:lnTo>
                    <a:pt x="431" y="372"/>
                  </a:lnTo>
                  <a:lnTo>
                    <a:pt x="438" y="374"/>
                  </a:lnTo>
                  <a:lnTo>
                    <a:pt x="443" y="377"/>
                  </a:lnTo>
                  <a:lnTo>
                    <a:pt x="447" y="380"/>
                  </a:lnTo>
                  <a:lnTo>
                    <a:pt x="450" y="386"/>
                  </a:lnTo>
                  <a:lnTo>
                    <a:pt x="452" y="387"/>
                  </a:lnTo>
                  <a:lnTo>
                    <a:pt x="453" y="389"/>
                  </a:lnTo>
                  <a:lnTo>
                    <a:pt x="458" y="379"/>
                  </a:lnTo>
                  <a:lnTo>
                    <a:pt x="469" y="382"/>
                  </a:lnTo>
                  <a:lnTo>
                    <a:pt x="484" y="377"/>
                  </a:lnTo>
                  <a:lnTo>
                    <a:pt x="484" y="391"/>
                  </a:lnTo>
                  <a:lnTo>
                    <a:pt x="496" y="392"/>
                  </a:lnTo>
                  <a:lnTo>
                    <a:pt x="499" y="406"/>
                  </a:lnTo>
                  <a:lnTo>
                    <a:pt x="511" y="411"/>
                  </a:lnTo>
                  <a:lnTo>
                    <a:pt x="518" y="401"/>
                  </a:lnTo>
                  <a:lnTo>
                    <a:pt x="529" y="397"/>
                  </a:lnTo>
                  <a:lnTo>
                    <a:pt x="540" y="408"/>
                  </a:lnTo>
                  <a:lnTo>
                    <a:pt x="548" y="411"/>
                  </a:lnTo>
                  <a:lnTo>
                    <a:pt x="548" y="413"/>
                  </a:lnTo>
                  <a:lnTo>
                    <a:pt x="548" y="414"/>
                  </a:lnTo>
                  <a:lnTo>
                    <a:pt x="548" y="416"/>
                  </a:lnTo>
                  <a:lnTo>
                    <a:pt x="548" y="418"/>
                  </a:lnTo>
                  <a:lnTo>
                    <a:pt x="550" y="419"/>
                  </a:lnTo>
                  <a:lnTo>
                    <a:pt x="551" y="421"/>
                  </a:lnTo>
                  <a:lnTo>
                    <a:pt x="555" y="419"/>
                  </a:lnTo>
                  <a:lnTo>
                    <a:pt x="562" y="416"/>
                  </a:lnTo>
                  <a:lnTo>
                    <a:pt x="567" y="411"/>
                  </a:lnTo>
                  <a:lnTo>
                    <a:pt x="570" y="408"/>
                  </a:lnTo>
                  <a:lnTo>
                    <a:pt x="572" y="406"/>
                  </a:lnTo>
                  <a:lnTo>
                    <a:pt x="572" y="404"/>
                  </a:lnTo>
                  <a:lnTo>
                    <a:pt x="572" y="408"/>
                  </a:lnTo>
                  <a:lnTo>
                    <a:pt x="573" y="413"/>
                  </a:lnTo>
                  <a:lnTo>
                    <a:pt x="575" y="419"/>
                  </a:lnTo>
                  <a:lnTo>
                    <a:pt x="579" y="428"/>
                  </a:lnTo>
                  <a:lnTo>
                    <a:pt x="580" y="431"/>
                  </a:lnTo>
                  <a:lnTo>
                    <a:pt x="584" y="431"/>
                  </a:lnTo>
                  <a:lnTo>
                    <a:pt x="584" y="430"/>
                  </a:lnTo>
                  <a:lnTo>
                    <a:pt x="585" y="426"/>
                  </a:lnTo>
                  <a:lnTo>
                    <a:pt x="585" y="424"/>
                  </a:lnTo>
                  <a:lnTo>
                    <a:pt x="585" y="421"/>
                  </a:lnTo>
                  <a:lnTo>
                    <a:pt x="585" y="419"/>
                  </a:lnTo>
                  <a:lnTo>
                    <a:pt x="602" y="406"/>
                  </a:lnTo>
                  <a:lnTo>
                    <a:pt x="616" y="416"/>
                  </a:lnTo>
                  <a:lnTo>
                    <a:pt x="633" y="408"/>
                  </a:lnTo>
                  <a:lnTo>
                    <a:pt x="631" y="409"/>
                  </a:lnTo>
                  <a:lnTo>
                    <a:pt x="631" y="413"/>
                  </a:lnTo>
                  <a:lnTo>
                    <a:pt x="633" y="414"/>
                  </a:lnTo>
                  <a:lnTo>
                    <a:pt x="634" y="418"/>
                  </a:lnTo>
                  <a:lnTo>
                    <a:pt x="639" y="421"/>
                  </a:lnTo>
                  <a:lnTo>
                    <a:pt x="646" y="424"/>
                  </a:lnTo>
                  <a:lnTo>
                    <a:pt x="653" y="428"/>
                  </a:lnTo>
                  <a:lnTo>
                    <a:pt x="658" y="431"/>
                  </a:lnTo>
                  <a:lnTo>
                    <a:pt x="661" y="433"/>
                  </a:lnTo>
                  <a:lnTo>
                    <a:pt x="665" y="435"/>
                  </a:lnTo>
                  <a:lnTo>
                    <a:pt x="667" y="435"/>
                  </a:lnTo>
                  <a:lnTo>
                    <a:pt x="670" y="433"/>
                  </a:lnTo>
                  <a:lnTo>
                    <a:pt x="675" y="430"/>
                  </a:lnTo>
                  <a:lnTo>
                    <a:pt x="682" y="423"/>
                  </a:lnTo>
                  <a:lnTo>
                    <a:pt x="690" y="416"/>
                  </a:lnTo>
                  <a:lnTo>
                    <a:pt x="697" y="413"/>
                  </a:lnTo>
                  <a:lnTo>
                    <a:pt x="702" y="413"/>
                  </a:lnTo>
                  <a:lnTo>
                    <a:pt x="707" y="414"/>
                  </a:lnTo>
                  <a:lnTo>
                    <a:pt x="709" y="416"/>
                  </a:lnTo>
                  <a:lnTo>
                    <a:pt x="712" y="419"/>
                  </a:lnTo>
                  <a:lnTo>
                    <a:pt x="714" y="421"/>
                  </a:lnTo>
                  <a:lnTo>
                    <a:pt x="714" y="423"/>
                  </a:lnTo>
                  <a:lnTo>
                    <a:pt x="716" y="423"/>
                  </a:lnTo>
                  <a:lnTo>
                    <a:pt x="716" y="421"/>
                  </a:lnTo>
                  <a:lnTo>
                    <a:pt x="717" y="419"/>
                  </a:lnTo>
                  <a:lnTo>
                    <a:pt x="721" y="416"/>
                  </a:lnTo>
                  <a:lnTo>
                    <a:pt x="724" y="411"/>
                  </a:lnTo>
                  <a:lnTo>
                    <a:pt x="727" y="408"/>
                  </a:lnTo>
                  <a:lnTo>
                    <a:pt x="727" y="404"/>
                  </a:lnTo>
                  <a:lnTo>
                    <a:pt x="727" y="401"/>
                  </a:lnTo>
                  <a:lnTo>
                    <a:pt x="729" y="401"/>
                  </a:lnTo>
                  <a:lnTo>
                    <a:pt x="731" y="404"/>
                  </a:lnTo>
                  <a:lnTo>
                    <a:pt x="734" y="408"/>
                  </a:lnTo>
                  <a:lnTo>
                    <a:pt x="741" y="411"/>
                  </a:lnTo>
                  <a:lnTo>
                    <a:pt x="746" y="416"/>
                  </a:lnTo>
                  <a:lnTo>
                    <a:pt x="751" y="421"/>
                  </a:lnTo>
                  <a:lnTo>
                    <a:pt x="753" y="423"/>
                  </a:lnTo>
                  <a:lnTo>
                    <a:pt x="755" y="424"/>
                  </a:lnTo>
                  <a:lnTo>
                    <a:pt x="756" y="423"/>
                  </a:lnTo>
                  <a:lnTo>
                    <a:pt x="758" y="419"/>
                  </a:lnTo>
                  <a:lnTo>
                    <a:pt x="761" y="414"/>
                  </a:lnTo>
                  <a:lnTo>
                    <a:pt x="766" y="409"/>
                  </a:lnTo>
                  <a:lnTo>
                    <a:pt x="771" y="406"/>
                  </a:lnTo>
                  <a:lnTo>
                    <a:pt x="775" y="406"/>
                  </a:lnTo>
                  <a:lnTo>
                    <a:pt x="780" y="406"/>
                  </a:lnTo>
                  <a:lnTo>
                    <a:pt x="783" y="408"/>
                  </a:lnTo>
                  <a:lnTo>
                    <a:pt x="787" y="408"/>
                  </a:lnTo>
                  <a:lnTo>
                    <a:pt x="788" y="409"/>
                  </a:lnTo>
                  <a:lnTo>
                    <a:pt x="815" y="433"/>
                  </a:lnTo>
                  <a:lnTo>
                    <a:pt x="831" y="435"/>
                  </a:lnTo>
                  <a:lnTo>
                    <a:pt x="849" y="441"/>
                  </a:lnTo>
                  <a:lnTo>
                    <a:pt x="851" y="223"/>
                  </a:lnTo>
                  <a:lnTo>
                    <a:pt x="831" y="84"/>
                  </a:lnTo>
                  <a:lnTo>
                    <a:pt x="829" y="20"/>
                  </a:lnTo>
                  <a:lnTo>
                    <a:pt x="827" y="20"/>
                  </a:lnTo>
                  <a:lnTo>
                    <a:pt x="822" y="20"/>
                  </a:lnTo>
                  <a:lnTo>
                    <a:pt x="814" y="20"/>
                  </a:lnTo>
                  <a:lnTo>
                    <a:pt x="804" y="20"/>
                  </a:lnTo>
                  <a:lnTo>
                    <a:pt x="790" y="20"/>
                  </a:lnTo>
                  <a:lnTo>
                    <a:pt x="773" y="20"/>
                  </a:lnTo>
                  <a:lnTo>
                    <a:pt x="755" y="20"/>
                  </a:lnTo>
                  <a:lnTo>
                    <a:pt x="736" y="20"/>
                  </a:lnTo>
                  <a:lnTo>
                    <a:pt x="712" y="20"/>
                  </a:lnTo>
                  <a:lnTo>
                    <a:pt x="689" y="20"/>
                  </a:lnTo>
                  <a:lnTo>
                    <a:pt x="663" y="20"/>
                  </a:lnTo>
                  <a:lnTo>
                    <a:pt x="636" y="20"/>
                  </a:lnTo>
                  <a:lnTo>
                    <a:pt x="609" y="20"/>
                  </a:lnTo>
                  <a:lnTo>
                    <a:pt x="579" y="18"/>
                  </a:lnTo>
                  <a:lnTo>
                    <a:pt x="550" y="18"/>
                  </a:lnTo>
                  <a:lnTo>
                    <a:pt x="519" y="18"/>
                  </a:lnTo>
                  <a:lnTo>
                    <a:pt x="489" y="18"/>
                  </a:lnTo>
                  <a:lnTo>
                    <a:pt x="457" y="17"/>
                  </a:lnTo>
                  <a:lnTo>
                    <a:pt x="426" y="17"/>
                  </a:lnTo>
                  <a:lnTo>
                    <a:pt x="396" y="17"/>
                  </a:lnTo>
                  <a:lnTo>
                    <a:pt x="364" y="15"/>
                  </a:lnTo>
                  <a:lnTo>
                    <a:pt x="335" y="15"/>
                  </a:lnTo>
                  <a:lnTo>
                    <a:pt x="304" y="15"/>
                  </a:lnTo>
                  <a:lnTo>
                    <a:pt x="276" y="13"/>
                  </a:lnTo>
                  <a:lnTo>
                    <a:pt x="249" y="13"/>
                  </a:lnTo>
                  <a:lnTo>
                    <a:pt x="221" y="12"/>
                  </a:lnTo>
                  <a:lnTo>
                    <a:pt x="198" y="12"/>
                  </a:lnTo>
                  <a:lnTo>
                    <a:pt x="174" y="10"/>
                  </a:lnTo>
                  <a:lnTo>
                    <a:pt x="152" y="10"/>
                  </a:lnTo>
                  <a:lnTo>
                    <a:pt x="133" y="8"/>
                  </a:lnTo>
                  <a:lnTo>
                    <a:pt x="117" y="6"/>
                  </a:lnTo>
                  <a:lnTo>
                    <a:pt x="101" y="6"/>
                  </a:lnTo>
                  <a:lnTo>
                    <a:pt x="5" y="0"/>
                  </a:lnTo>
                  <a:lnTo>
                    <a:pt x="0" y="61"/>
                  </a:lnTo>
                  <a:lnTo>
                    <a:pt x="303" y="7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68" name="Freeform 123"/>
            <p:cNvSpPr>
              <a:spLocks/>
            </p:cNvSpPr>
            <p:nvPr/>
          </p:nvSpPr>
          <p:spPr bwMode="auto">
            <a:xfrm>
              <a:off x="1658" y="2620"/>
              <a:ext cx="1334" cy="1316"/>
            </a:xfrm>
            <a:custGeom>
              <a:avLst/>
              <a:gdLst>
                <a:gd name="T0" fmla="*/ 522 w 1371"/>
                <a:gd name="T1" fmla="*/ 189 h 1355"/>
                <a:gd name="T2" fmla="*/ 569 w 1371"/>
                <a:gd name="T3" fmla="*/ 212 h 1355"/>
                <a:gd name="T4" fmla="*/ 614 w 1371"/>
                <a:gd name="T5" fmla="*/ 210 h 1355"/>
                <a:gd name="T6" fmla="*/ 658 w 1371"/>
                <a:gd name="T7" fmla="*/ 236 h 1355"/>
                <a:gd name="T8" fmla="*/ 674 w 1371"/>
                <a:gd name="T9" fmla="*/ 231 h 1355"/>
                <a:gd name="T10" fmla="*/ 695 w 1371"/>
                <a:gd name="T11" fmla="*/ 229 h 1355"/>
                <a:gd name="T12" fmla="*/ 729 w 1371"/>
                <a:gd name="T13" fmla="*/ 244 h 1355"/>
                <a:gd name="T14" fmla="*/ 767 w 1371"/>
                <a:gd name="T15" fmla="*/ 234 h 1355"/>
                <a:gd name="T16" fmla="*/ 775 w 1371"/>
                <a:gd name="T17" fmla="*/ 236 h 1355"/>
                <a:gd name="T18" fmla="*/ 796 w 1371"/>
                <a:gd name="T19" fmla="*/ 240 h 1355"/>
                <a:gd name="T20" fmla="*/ 818 w 1371"/>
                <a:gd name="T21" fmla="*/ 231 h 1355"/>
                <a:gd name="T22" fmla="*/ 894 w 1371"/>
                <a:gd name="T23" fmla="*/ 303 h 1355"/>
                <a:gd name="T24" fmla="*/ 931 w 1371"/>
                <a:gd name="T25" fmla="*/ 458 h 1355"/>
                <a:gd name="T26" fmla="*/ 923 w 1371"/>
                <a:gd name="T27" fmla="*/ 500 h 1355"/>
                <a:gd name="T28" fmla="*/ 925 w 1371"/>
                <a:gd name="T29" fmla="*/ 533 h 1355"/>
                <a:gd name="T30" fmla="*/ 913 w 1371"/>
                <a:gd name="T31" fmla="*/ 574 h 1355"/>
                <a:gd name="T32" fmla="*/ 894 w 1371"/>
                <a:gd name="T33" fmla="*/ 585 h 1355"/>
                <a:gd name="T34" fmla="*/ 867 w 1371"/>
                <a:gd name="T35" fmla="*/ 592 h 1355"/>
                <a:gd name="T36" fmla="*/ 853 w 1371"/>
                <a:gd name="T37" fmla="*/ 594 h 1355"/>
                <a:gd name="T38" fmla="*/ 853 w 1371"/>
                <a:gd name="T39" fmla="*/ 583 h 1355"/>
                <a:gd name="T40" fmla="*/ 841 w 1371"/>
                <a:gd name="T41" fmla="*/ 579 h 1355"/>
                <a:gd name="T42" fmla="*/ 833 w 1371"/>
                <a:gd name="T43" fmla="*/ 582 h 1355"/>
                <a:gd name="T44" fmla="*/ 829 w 1371"/>
                <a:gd name="T45" fmla="*/ 591 h 1355"/>
                <a:gd name="T46" fmla="*/ 840 w 1371"/>
                <a:gd name="T47" fmla="*/ 610 h 1355"/>
                <a:gd name="T48" fmla="*/ 811 w 1371"/>
                <a:gd name="T49" fmla="*/ 644 h 1355"/>
                <a:gd name="T50" fmla="*/ 773 w 1371"/>
                <a:gd name="T51" fmla="*/ 666 h 1355"/>
                <a:gd name="T52" fmla="*/ 739 w 1371"/>
                <a:gd name="T53" fmla="*/ 687 h 1355"/>
                <a:gd name="T54" fmla="*/ 770 w 1371"/>
                <a:gd name="T55" fmla="*/ 665 h 1355"/>
                <a:gd name="T56" fmla="*/ 751 w 1371"/>
                <a:gd name="T57" fmla="*/ 672 h 1355"/>
                <a:gd name="T58" fmla="*/ 747 w 1371"/>
                <a:gd name="T59" fmla="*/ 663 h 1355"/>
                <a:gd name="T60" fmla="*/ 719 w 1371"/>
                <a:gd name="T61" fmla="*/ 666 h 1355"/>
                <a:gd name="T62" fmla="*/ 729 w 1371"/>
                <a:gd name="T63" fmla="*/ 684 h 1355"/>
                <a:gd name="T64" fmla="*/ 716 w 1371"/>
                <a:gd name="T65" fmla="*/ 694 h 1355"/>
                <a:gd name="T66" fmla="*/ 704 w 1371"/>
                <a:gd name="T67" fmla="*/ 682 h 1355"/>
                <a:gd name="T68" fmla="*/ 695 w 1371"/>
                <a:gd name="T69" fmla="*/ 702 h 1355"/>
                <a:gd name="T70" fmla="*/ 684 w 1371"/>
                <a:gd name="T71" fmla="*/ 718 h 1355"/>
                <a:gd name="T72" fmla="*/ 669 w 1371"/>
                <a:gd name="T73" fmla="*/ 733 h 1355"/>
                <a:gd name="T74" fmla="*/ 654 w 1371"/>
                <a:gd name="T75" fmla="*/ 779 h 1355"/>
                <a:gd name="T76" fmla="*/ 646 w 1371"/>
                <a:gd name="T77" fmla="*/ 769 h 1355"/>
                <a:gd name="T78" fmla="*/ 653 w 1371"/>
                <a:gd name="T79" fmla="*/ 795 h 1355"/>
                <a:gd name="T80" fmla="*/ 654 w 1371"/>
                <a:gd name="T81" fmla="*/ 897 h 1355"/>
                <a:gd name="T82" fmla="*/ 623 w 1371"/>
                <a:gd name="T83" fmla="*/ 881 h 1355"/>
                <a:gd name="T84" fmla="*/ 595 w 1371"/>
                <a:gd name="T85" fmla="*/ 881 h 1355"/>
                <a:gd name="T86" fmla="*/ 535 w 1371"/>
                <a:gd name="T87" fmla="*/ 853 h 1355"/>
                <a:gd name="T88" fmla="*/ 522 w 1371"/>
                <a:gd name="T89" fmla="*/ 841 h 1355"/>
                <a:gd name="T90" fmla="*/ 509 w 1371"/>
                <a:gd name="T91" fmla="*/ 806 h 1355"/>
                <a:gd name="T92" fmla="*/ 504 w 1371"/>
                <a:gd name="T93" fmla="*/ 781 h 1355"/>
                <a:gd name="T94" fmla="*/ 487 w 1371"/>
                <a:gd name="T95" fmla="*/ 748 h 1355"/>
                <a:gd name="T96" fmla="*/ 463 w 1371"/>
                <a:gd name="T97" fmla="*/ 718 h 1355"/>
                <a:gd name="T98" fmla="*/ 444 w 1371"/>
                <a:gd name="T99" fmla="*/ 693 h 1355"/>
                <a:gd name="T100" fmla="*/ 361 w 1371"/>
                <a:gd name="T101" fmla="*/ 569 h 1355"/>
                <a:gd name="T102" fmla="*/ 323 w 1371"/>
                <a:gd name="T103" fmla="*/ 563 h 1355"/>
                <a:gd name="T104" fmla="*/ 297 w 1371"/>
                <a:gd name="T105" fmla="*/ 557 h 1355"/>
                <a:gd name="T106" fmla="*/ 282 w 1371"/>
                <a:gd name="T107" fmla="*/ 562 h 1355"/>
                <a:gd name="T108" fmla="*/ 251 w 1371"/>
                <a:gd name="T109" fmla="*/ 600 h 1355"/>
                <a:gd name="T110" fmla="*/ 238 w 1371"/>
                <a:gd name="T111" fmla="*/ 614 h 1355"/>
                <a:gd name="T112" fmla="*/ 215 w 1371"/>
                <a:gd name="T113" fmla="*/ 619 h 1355"/>
                <a:gd name="T114" fmla="*/ 177 w 1371"/>
                <a:gd name="T115" fmla="*/ 594 h 1355"/>
                <a:gd name="T116" fmla="*/ 143 w 1371"/>
                <a:gd name="T117" fmla="*/ 567 h 1355"/>
                <a:gd name="T118" fmla="*/ 124 w 1371"/>
                <a:gd name="T119" fmla="*/ 510 h 1355"/>
                <a:gd name="T120" fmla="*/ 88 w 1371"/>
                <a:gd name="T121" fmla="*/ 458 h 1355"/>
                <a:gd name="T122" fmla="*/ 6 w 1371"/>
                <a:gd name="T123" fmla="*/ 372 h 1355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w 1371"/>
                <a:gd name="T187" fmla="*/ 0 h 1355"/>
                <a:gd name="T188" fmla="*/ 1371 w 1371"/>
                <a:gd name="T189" fmla="*/ 1355 h 1355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T186" t="T187" r="T188" b="T189"/>
              <a:pathLst>
                <a:path w="1371" h="1355">
                  <a:moveTo>
                    <a:pt x="6" y="560"/>
                  </a:moveTo>
                  <a:lnTo>
                    <a:pt x="0" y="545"/>
                  </a:lnTo>
                  <a:lnTo>
                    <a:pt x="0" y="528"/>
                  </a:lnTo>
                  <a:lnTo>
                    <a:pt x="371" y="565"/>
                  </a:lnTo>
                  <a:lnTo>
                    <a:pt x="417" y="0"/>
                  </a:lnTo>
                  <a:lnTo>
                    <a:pt x="720" y="18"/>
                  </a:lnTo>
                  <a:lnTo>
                    <a:pt x="711" y="259"/>
                  </a:lnTo>
                  <a:lnTo>
                    <a:pt x="720" y="260"/>
                  </a:lnTo>
                  <a:lnTo>
                    <a:pt x="743" y="284"/>
                  </a:lnTo>
                  <a:lnTo>
                    <a:pt x="752" y="277"/>
                  </a:lnTo>
                  <a:lnTo>
                    <a:pt x="767" y="286"/>
                  </a:lnTo>
                  <a:lnTo>
                    <a:pt x="776" y="274"/>
                  </a:lnTo>
                  <a:lnTo>
                    <a:pt x="796" y="308"/>
                  </a:lnTo>
                  <a:lnTo>
                    <a:pt x="814" y="308"/>
                  </a:lnTo>
                  <a:lnTo>
                    <a:pt x="816" y="308"/>
                  </a:lnTo>
                  <a:lnTo>
                    <a:pt x="818" y="309"/>
                  </a:lnTo>
                  <a:lnTo>
                    <a:pt x="821" y="311"/>
                  </a:lnTo>
                  <a:lnTo>
                    <a:pt x="825" y="313"/>
                  </a:lnTo>
                  <a:lnTo>
                    <a:pt x="828" y="314"/>
                  </a:lnTo>
                  <a:lnTo>
                    <a:pt x="831" y="316"/>
                  </a:lnTo>
                  <a:lnTo>
                    <a:pt x="835" y="318"/>
                  </a:lnTo>
                  <a:lnTo>
                    <a:pt x="836" y="318"/>
                  </a:lnTo>
                  <a:lnTo>
                    <a:pt x="843" y="313"/>
                  </a:lnTo>
                  <a:lnTo>
                    <a:pt x="848" y="311"/>
                  </a:lnTo>
                  <a:lnTo>
                    <a:pt x="855" y="313"/>
                  </a:lnTo>
                  <a:lnTo>
                    <a:pt x="860" y="316"/>
                  </a:lnTo>
                  <a:lnTo>
                    <a:pt x="864" y="319"/>
                  </a:lnTo>
                  <a:lnTo>
                    <a:pt x="867" y="325"/>
                  </a:lnTo>
                  <a:lnTo>
                    <a:pt x="869" y="326"/>
                  </a:lnTo>
                  <a:lnTo>
                    <a:pt x="870" y="328"/>
                  </a:lnTo>
                  <a:lnTo>
                    <a:pt x="875" y="318"/>
                  </a:lnTo>
                  <a:lnTo>
                    <a:pt x="886" y="321"/>
                  </a:lnTo>
                  <a:lnTo>
                    <a:pt x="901" y="316"/>
                  </a:lnTo>
                  <a:lnTo>
                    <a:pt x="901" y="330"/>
                  </a:lnTo>
                  <a:lnTo>
                    <a:pt x="913" y="331"/>
                  </a:lnTo>
                  <a:lnTo>
                    <a:pt x="916" y="345"/>
                  </a:lnTo>
                  <a:lnTo>
                    <a:pt x="928" y="350"/>
                  </a:lnTo>
                  <a:lnTo>
                    <a:pt x="935" y="340"/>
                  </a:lnTo>
                  <a:lnTo>
                    <a:pt x="946" y="336"/>
                  </a:lnTo>
                  <a:lnTo>
                    <a:pt x="957" y="347"/>
                  </a:lnTo>
                  <a:lnTo>
                    <a:pt x="965" y="350"/>
                  </a:lnTo>
                  <a:lnTo>
                    <a:pt x="965" y="352"/>
                  </a:lnTo>
                  <a:lnTo>
                    <a:pt x="965" y="353"/>
                  </a:lnTo>
                  <a:lnTo>
                    <a:pt x="965" y="355"/>
                  </a:lnTo>
                  <a:lnTo>
                    <a:pt x="965" y="357"/>
                  </a:lnTo>
                  <a:lnTo>
                    <a:pt x="967" y="358"/>
                  </a:lnTo>
                  <a:lnTo>
                    <a:pt x="968" y="360"/>
                  </a:lnTo>
                  <a:lnTo>
                    <a:pt x="972" y="358"/>
                  </a:lnTo>
                  <a:lnTo>
                    <a:pt x="979" y="355"/>
                  </a:lnTo>
                  <a:lnTo>
                    <a:pt x="984" y="350"/>
                  </a:lnTo>
                  <a:lnTo>
                    <a:pt x="987" y="347"/>
                  </a:lnTo>
                  <a:lnTo>
                    <a:pt x="989" y="345"/>
                  </a:lnTo>
                  <a:lnTo>
                    <a:pt x="989" y="343"/>
                  </a:lnTo>
                  <a:lnTo>
                    <a:pt x="989" y="347"/>
                  </a:lnTo>
                  <a:lnTo>
                    <a:pt x="990" y="352"/>
                  </a:lnTo>
                  <a:lnTo>
                    <a:pt x="992" y="358"/>
                  </a:lnTo>
                  <a:lnTo>
                    <a:pt x="996" y="367"/>
                  </a:lnTo>
                  <a:lnTo>
                    <a:pt x="997" y="370"/>
                  </a:lnTo>
                  <a:lnTo>
                    <a:pt x="1001" y="370"/>
                  </a:lnTo>
                  <a:lnTo>
                    <a:pt x="1001" y="369"/>
                  </a:lnTo>
                  <a:lnTo>
                    <a:pt x="1002" y="365"/>
                  </a:lnTo>
                  <a:lnTo>
                    <a:pt x="1002" y="363"/>
                  </a:lnTo>
                  <a:lnTo>
                    <a:pt x="1002" y="360"/>
                  </a:lnTo>
                  <a:lnTo>
                    <a:pt x="1002" y="358"/>
                  </a:lnTo>
                  <a:lnTo>
                    <a:pt x="1019" y="345"/>
                  </a:lnTo>
                  <a:lnTo>
                    <a:pt x="1033" y="355"/>
                  </a:lnTo>
                  <a:lnTo>
                    <a:pt x="1050" y="347"/>
                  </a:lnTo>
                  <a:lnTo>
                    <a:pt x="1048" y="348"/>
                  </a:lnTo>
                  <a:lnTo>
                    <a:pt x="1048" y="352"/>
                  </a:lnTo>
                  <a:lnTo>
                    <a:pt x="1050" y="353"/>
                  </a:lnTo>
                  <a:lnTo>
                    <a:pt x="1051" y="357"/>
                  </a:lnTo>
                  <a:lnTo>
                    <a:pt x="1056" y="360"/>
                  </a:lnTo>
                  <a:lnTo>
                    <a:pt x="1063" y="363"/>
                  </a:lnTo>
                  <a:lnTo>
                    <a:pt x="1070" y="367"/>
                  </a:lnTo>
                  <a:lnTo>
                    <a:pt x="1075" y="370"/>
                  </a:lnTo>
                  <a:lnTo>
                    <a:pt x="1078" y="372"/>
                  </a:lnTo>
                  <a:lnTo>
                    <a:pt x="1082" y="374"/>
                  </a:lnTo>
                  <a:lnTo>
                    <a:pt x="1084" y="374"/>
                  </a:lnTo>
                  <a:lnTo>
                    <a:pt x="1087" y="372"/>
                  </a:lnTo>
                  <a:lnTo>
                    <a:pt x="1092" y="369"/>
                  </a:lnTo>
                  <a:lnTo>
                    <a:pt x="1099" y="362"/>
                  </a:lnTo>
                  <a:lnTo>
                    <a:pt x="1107" y="355"/>
                  </a:lnTo>
                  <a:lnTo>
                    <a:pt x="1114" y="352"/>
                  </a:lnTo>
                  <a:lnTo>
                    <a:pt x="1119" y="352"/>
                  </a:lnTo>
                  <a:lnTo>
                    <a:pt x="1124" y="353"/>
                  </a:lnTo>
                  <a:lnTo>
                    <a:pt x="1126" y="355"/>
                  </a:lnTo>
                  <a:lnTo>
                    <a:pt x="1129" y="358"/>
                  </a:lnTo>
                  <a:lnTo>
                    <a:pt x="1131" y="360"/>
                  </a:lnTo>
                  <a:lnTo>
                    <a:pt x="1131" y="362"/>
                  </a:lnTo>
                  <a:lnTo>
                    <a:pt x="1133" y="362"/>
                  </a:lnTo>
                  <a:lnTo>
                    <a:pt x="1133" y="360"/>
                  </a:lnTo>
                  <a:lnTo>
                    <a:pt x="1134" y="358"/>
                  </a:lnTo>
                  <a:lnTo>
                    <a:pt x="1138" y="355"/>
                  </a:lnTo>
                  <a:lnTo>
                    <a:pt x="1141" y="350"/>
                  </a:lnTo>
                  <a:lnTo>
                    <a:pt x="1144" y="347"/>
                  </a:lnTo>
                  <a:lnTo>
                    <a:pt x="1144" y="343"/>
                  </a:lnTo>
                  <a:lnTo>
                    <a:pt x="1144" y="340"/>
                  </a:lnTo>
                  <a:lnTo>
                    <a:pt x="1146" y="340"/>
                  </a:lnTo>
                  <a:lnTo>
                    <a:pt x="1148" y="343"/>
                  </a:lnTo>
                  <a:lnTo>
                    <a:pt x="1151" y="347"/>
                  </a:lnTo>
                  <a:lnTo>
                    <a:pt x="1158" y="350"/>
                  </a:lnTo>
                  <a:lnTo>
                    <a:pt x="1163" y="355"/>
                  </a:lnTo>
                  <a:lnTo>
                    <a:pt x="1168" y="360"/>
                  </a:lnTo>
                  <a:lnTo>
                    <a:pt x="1170" y="362"/>
                  </a:lnTo>
                  <a:lnTo>
                    <a:pt x="1172" y="363"/>
                  </a:lnTo>
                  <a:lnTo>
                    <a:pt x="1173" y="362"/>
                  </a:lnTo>
                  <a:lnTo>
                    <a:pt x="1175" y="358"/>
                  </a:lnTo>
                  <a:lnTo>
                    <a:pt x="1178" y="353"/>
                  </a:lnTo>
                  <a:lnTo>
                    <a:pt x="1183" y="348"/>
                  </a:lnTo>
                  <a:lnTo>
                    <a:pt x="1188" y="345"/>
                  </a:lnTo>
                  <a:lnTo>
                    <a:pt x="1192" y="345"/>
                  </a:lnTo>
                  <a:lnTo>
                    <a:pt x="1197" y="345"/>
                  </a:lnTo>
                  <a:lnTo>
                    <a:pt x="1200" y="347"/>
                  </a:lnTo>
                  <a:lnTo>
                    <a:pt x="1204" y="347"/>
                  </a:lnTo>
                  <a:lnTo>
                    <a:pt x="1205" y="348"/>
                  </a:lnTo>
                  <a:lnTo>
                    <a:pt x="1232" y="372"/>
                  </a:lnTo>
                  <a:lnTo>
                    <a:pt x="1248" y="374"/>
                  </a:lnTo>
                  <a:lnTo>
                    <a:pt x="1266" y="380"/>
                  </a:lnTo>
                  <a:lnTo>
                    <a:pt x="1265" y="377"/>
                  </a:lnTo>
                  <a:lnTo>
                    <a:pt x="1276" y="392"/>
                  </a:lnTo>
                  <a:lnTo>
                    <a:pt x="1302" y="389"/>
                  </a:lnTo>
                  <a:lnTo>
                    <a:pt x="1312" y="391"/>
                  </a:lnTo>
                  <a:lnTo>
                    <a:pt x="1312" y="455"/>
                  </a:lnTo>
                  <a:lnTo>
                    <a:pt x="1317" y="580"/>
                  </a:lnTo>
                  <a:lnTo>
                    <a:pt x="1341" y="611"/>
                  </a:lnTo>
                  <a:lnTo>
                    <a:pt x="1341" y="641"/>
                  </a:lnTo>
                  <a:lnTo>
                    <a:pt x="1354" y="655"/>
                  </a:lnTo>
                  <a:lnTo>
                    <a:pt x="1361" y="675"/>
                  </a:lnTo>
                  <a:lnTo>
                    <a:pt x="1361" y="677"/>
                  </a:lnTo>
                  <a:lnTo>
                    <a:pt x="1363" y="678"/>
                  </a:lnTo>
                  <a:lnTo>
                    <a:pt x="1364" y="682"/>
                  </a:lnTo>
                  <a:lnTo>
                    <a:pt x="1366" y="687"/>
                  </a:lnTo>
                  <a:lnTo>
                    <a:pt x="1366" y="690"/>
                  </a:lnTo>
                  <a:lnTo>
                    <a:pt x="1368" y="695"/>
                  </a:lnTo>
                  <a:lnTo>
                    <a:pt x="1370" y="700"/>
                  </a:lnTo>
                  <a:lnTo>
                    <a:pt x="1371" y="705"/>
                  </a:lnTo>
                  <a:lnTo>
                    <a:pt x="1371" y="710"/>
                  </a:lnTo>
                  <a:lnTo>
                    <a:pt x="1371" y="717"/>
                  </a:lnTo>
                  <a:lnTo>
                    <a:pt x="1371" y="722"/>
                  </a:lnTo>
                  <a:lnTo>
                    <a:pt x="1370" y="727"/>
                  </a:lnTo>
                  <a:lnTo>
                    <a:pt x="1368" y="734"/>
                  </a:lnTo>
                  <a:lnTo>
                    <a:pt x="1366" y="739"/>
                  </a:lnTo>
                  <a:lnTo>
                    <a:pt x="1363" y="744"/>
                  </a:lnTo>
                  <a:lnTo>
                    <a:pt x="1356" y="753"/>
                  </a:lnTo>
                  <a:lnTo>
                    <a:pt x="1353" y="759"/>
                  </a:lnTo>
                  <a:lnTo>
                    <a:pt x="1351" y="765"/>
                  </a:lnTo>
                  <a:lnTo>
                    <a:pt x="1351" y="768"/>
                  </a:lnTo>
                  <a:lnTo>
                    <a:pt x="1353" y="771"/>
                  </a:lnTo>
                  <a:lnTo>
                    <a:pt x="1354" y="773"/>
                  </a:lnTo>
                  <a:lnTo>
                    <a:pt x="1356" y="775"/>
                  </a:lnTo>
                  <a:lnTo>
                    <a:pt x="1353" y="797"/>
                  </a:lnTo>
                  <a:lnTo>
                    <a:pt x="1356" y="798"/>
                  </a:lnTo>
                  <a:lnTo>
                    <a:pt x="1358" y="802"/>
                  </a:lnTo>
                  <a:lnTo>
                    <a:pt x="1361" y="807"/>
                  </a:lnTo>
                  <a:lnTo>
                    <a:pt x="1363" y="812"/>
                  </a:lnTo>
                  <a:lnTo>
                    <a:pt x="1363" y="819"/>
                  </a:lnTo>
                  <a:lnTo>
                    <a:pt x="1359" y="827"/>
                  </a:lnTo>
                  <a:lnTo>
                    <a:pt x="1353" y="836"/>
                  </a:lnTo>
                  <a:lnTo>
                    <a:pt x="1351" y="837"/>
                  </a:lnTo>
                  <a:lnTo>
                    <a:pt x="1348" y="836"/>
                  </a:lnTo>
                  <a:lnTo>
                    <a:pt x="1346" y="836"/>
                  </a:lnTo>
                  <a:lnTo>
                    <a:pt x="1329" y="854"/>
                  </a:lnTo>
                  <a:lnTo>
                    <a:pt x="1337" y="866"/>
                  </a:lnTo>
                  <a:lnTo>
                    <a:pt x="1339" y="875"/>
                  </a:lnTo>
                  <a:lnTo>
                    <a:pt x="1337" y="875"/>
                  </a:lnTo>
                  <a:lnTo>
                    <a:pt x="1334" y="875"/>
                  </a:lnTo>
                  <a:lnTo>
                    <a:pt x="1332" y="875"/>
                  </a:lnTo>
                  <a:lnTo>
                    <a:pt x="1329" y="875"/>
                  </a:lnTo>
                  <a:lnTo>
                    <a:pt x="1324" y="876"/>
                  </a:lnTo>
                  <a:lnTo>
                    <a:pt x="1319" y="878"/>
                  </a:lnTo>
                  <a:lnTo>
                    <a:pt x="1312" y="880"/>
                  </a:lnTo>
                  <a:lnTo>
                    <a:pt x="1305" y="883"/>
                  </a:lnTo>
                  <a:lnTo>
                    <a:pt x="1295" y="888"/>
                  </a:lnTo>
                  <a:lnTo>
                    <a:pt x="1285" y="893"/>
                  </a:lnTo>
                  <a:lnTo>
                    <a:pt x="1273" y="898"/>
                  </a:lnTo>
                  <a:lnTo>
                    <a:pt x="1260" y="905"/>
                  </a:lnTo>
                  <a:lnTo>
                    <a:pt x="1246" y="913"/>
                  </a:lnTo>
                  <a:lnTo>
                    <a:pt x="1251" y="905"/>
                  </a:lnTo>
                  <a:lnTo>
                    <a:pt x="1256" y="902"/>
                  </a:lnTo>
                  <a:lnTo>
                    <a:pt x="1268" y="895"/>
                  </a:lnTo>
                  <a:lnTo>
                    <a:pt x="1270" y="895"/>
                  </a:lnTo>
                  <a:lnTo>
                    <a:pt x="1271" y="893"/>
                  </a:lnTo>
                  <a:lnTo>
                    <a:pt x="1271" y="891"/>
                  </a:lnTo>
                  <a:lnTo>
                    <a:pt x="1268" y="890"/>
                  </a:lnTo>
                  <a:lnTo>
                    <a:pt x="1266" y="890"/>
                  </a:lnTo>
                  <a:lnTo>
                    <a:pt x="1263" y="890"/>
                  </a:lnTo>
                  <a:lnTo>
                    <a:pt x="1261" y="890"/>
                  </a:lnTo>
                  <a:lnTo>
                    <a:pt x="1260" y="890"/>
                  </a:lnTo>
                  <a:lnTo>
                    <a:pt x="1258" y="891"/>
                  </a:lnTo>
                  <a:lnTo>
                    <a:pt x="1256" y="891"/>
                  </a:lnTo>
                  <a:lnTo>
                    <a:pt x="1251" y="895"/>
                  </a:lnTo>
                  <a:lnTo>
                    <a:pt x="1249" y="895"/>
                  </a:lnTo>
                  <a:lnTo>
                    <a:pt x="1248" y="895"/>
                  </a:lnTo>
                  <a:lnTo>
                    <a:pt x="1246" y="895"/>
                  </a:lnTo>
                  <a:lnTo>
                    <a:pt x="1244" y="895"/>
                  </a:lnTo>
                  <a:lnTo>
                    <a:pt x="1243" y="893"/>
                  </a:lnTo>
                  <a:lnTo>
                    <a:pt x="1244" y="890"/>
                  </a:lnTo>
                  <a:lnTo>
                    <a:pt x="1246" y="886"/>
                  </a:lnTo>
                  <a:lnTo>
                    <a:pt x="1248" y="881"/>
                  </a:lnTo>
                  <a:lnTo>
                    <a:pt x="1249" y="878"/>
                  </a:lnTo>
                  <a:lnTo>
                    <a:pt x="1251" y="876"/>
                  </a:lnTo>
                  <a:lnTo>
                    <a:pt x="1253" y="875"/>
                  </a:lnTo>
                  <a:lnTo>
                    <a:pt x="1254" y="873"/>
                  </a:lnTo>
                  <a:lnTo>
                    <a:pt x="1254" y="871"/>
                  </a:lnTo>
                  <a:lnTo>
                    <a:pt x="1254" y="869"/>
                  </a:lnTo>
                  <a:lnTo>
                    <a:pt x="1253" y="868"/>
                  </a:lnTo>
                  <a:lnTo>
                    <a:pt x="1251" y="864"/>
                  </a:lnTo>
                  <a:lnTo>
                    <a:pt x="1249" y="864"/>
                  </a:lnTo>
                  <a:lnTo>
                    <a:pt x="1248" y="864"/>
                  </a:lnTo>
                  <a:lnTo>
                    <a:pt x="1243" y="868"/>
                  </a:lnTo>
                  <a:lnTo>
                    <a:pt x="1238" y="869"/>
                  </a:lnTo>
                  <a:lnTo>
                    <a:pt x="1234" y="871"/>
                  </a:lnTo>
                  <a:lnTo>
                    <a:pt x="1232" y="873"/>
                  </a:lnTo>
                  <a:lnTo>
                    <a:pt x="1232" y="875"/>
                  </a:lnTo>
                  <a:lnTo>
                    <a:pt x="1232" y="876"/>
                  </a:lnTo>
                  <a:lnTo>
                    <a:pt x="1232" y="878"/>
                  </a:lnTo>
                  <a:lnTo>
                    <a:pt x="1231" y="880"/>
                  </a:lnTo>
                  <a:lnTo>
                    <a:pt x="1229" y="880"/>
                  </a:lnTo>
                  <a:lnTo>
                    <a:pt x="1227" y="880"/>
                  </a:lnTo>
                  <a:lnTo>
                    <a:pt x="1224" y="878"/>
                  </a:lnTo>
                  <a:lnTo>
                    <a:pt x="1222" y="875"/>
                  </a:lnTo>
                  <a:lnTo>
                    <a:pt x="1219" y="873"/>
                  </a:lnTo>
                  <a:lnTo>
                    <a:pt x="1217" y="871"/>
                  </a:lnTo>
                  <a:lnTo>
                    <a:pt x="1216" y="869"/>
                  </a:lnTo>
                  <a:lnTo>
                    <a:pt x="1216" y="871"/>
                  </a:lnTo>
                  <a:lnTo>
                    <a:pt x="1217" y="875"/>
                  </a:lnTo>
                  <a:lnTo>
                    <a:pt x="1219" y="878"/>
                  </a:lnTo>
                  <a:lnTo>
                    <a:pt x="1219" y="881"/>
                  </a:lnTo>
                  <a:lnTo>
                    <a:pt x="1219" y="885"/>
                  </a:lnTo>
                  <a:lnTo>
                    <a:pt x="1217" y="886"/>
                  </a:lnTo>
                  <a:lnTo>
                    <a:pt x="1216" y="890"/>
                  </a:lnTo>
                  <a:lnTo>
                    <a:pt x="1216" y="891"/>
                  </a:lnTo>
                  <a:lnTo>
                    <a:pt x="1217" y="895"/>
                  </a:lnTo>
                  <a:lnTo>
                    <a:pt x="1221" y="898"/>
                  </a:lnTo>
                  <a:lnTo>
                    <a:pt x="1226" y="903"/>
                  </a:lnTo>
                  <a:lnTo>
                    <a:pt x="1231" y="907"/>
                  </a:lnTo>
                  <a:lnTo>
                    <a:pt x="1234" y="910"/>
                  </a:lnTo>
                  <a:lnTo>
                    <a:pt x="1236" y="913"/>
                  </a:lnTo>
                  <a:lnTo>
                    <a:pt x="1234" y="915"/>
                  </a:lnTo>
                  <a:lnTo>
                    <a:pt x="1234" y="917"/>
                  </a:lnTo>
                  <a:lnTo>
                    <a:pt x="1232" y="919"/>
                  </a:lnTo>
                  <a:lnTo>
                    <a:pt x="1231" y="919"/>
                  </a:lnTo>
                  <a:lnTo>
                    <a:pt x="1212" y="939"/>
                  </a:lnTo>
                  <a:lnTo>
                    <a:pt x="1202" y="937"/>
                  </a:lnTo>
                  <a:lnTo>
                    <a:pt x="1192" y="959"/>
                  </a:lnTo>
                  <a:lnTo>
                    <a:pt x="1202" y="957"/>
                  </a:lnTo>
                  <a:lnTo>
                    <a:pt x="1200" y="959"/>
                  </a:lnTo>
                  <a:lnTo>
                    <a:pt x="1199" y="961"/>
                  </a:lnTo>
                  <a:lnTo>
                    <a:pt x="1197" y="964"/>
                  </a:lnTo>
                  <a:lnTo>
                    <a:pt x="1194" y="966"/>
                  </a:lnTo>
                  <a:lnTo>
                    <a:pt x="1190" y="969"/>
                  </a:lnTo>
                  <a:lnTo>
                    <a:pt x="1185" y="973"/>
                  </a:lnTo>
                  <a:lnTo>
                    <a:pt x="1180" y="976"/>
                  </a:lnTo>
                  <a:lnTo>
                    <a:pt x="1177" y="981"/>
                  </a:lnTo>
                  <a:lnTo>
                    <a:pt x="1172" y="985"/>
                  </a:lnTo>
                  <a:lnTo>
                    <a:pt x="1165" y="988"/>
                  </a:lnTo>
                  <a:lnTo>
                    <a:pt x="1160" y="991"/>
                  </a:lnTo>
                  <a:lnTo>
                    <a:pt x="1155" y="995"/>
                  </a:lnTo>
                  <a:lnTo>
                    <a:pt x="1148" y="998"/>
                  </a:lnTo>
                  <a:lnTo>
                    <a:pt x="1143" y="1000"/>
                  </a:lnTo>
                  <a:lnTo>
                    <a:pt x="1136" y="1001"/>
                  </a:lnTo>
                  <a:lnTo>
                    <a:pt x="1134" y="1003"/>
                  </a:lnTo>
                  <a:lnTo>
                    <a:pt x="1129" y="1007"/>
                  </a:lnTo>
                  <a:lnTo>
                    <a:pt x="1124" y="1010"/>
                  </a:lnTo>
                  <a:lnTo>
                    <a:pt x="1117" y="1013"/>
                  </a:lnTo>
                  <a:lnTo>
                    <a:pt x="1111" y="1018"/>
                  </a:lnTo>
                  <a:lnTo>
                    <a:pt x="1106" y="1022"/>
                  </a:lnTo>
                  <a:lnTo>
                    <a:pt x="1102" y="1023"/>
                  </a:lnTo>
                  <a:lnTo>
                    <a:pt x="1100" y="1025"/>
                  </a:lnTo>
                  <a:lnTo>
                    <a:pt x="1099" y="1025"/>
                  </a:lnTo>
                  <a:lnTo>
                    <a:pt x="1094" y="1029"/>
                  </a:lnTo>
                  <a:lnTo>
                    <a:pt x="1089" y="1032"/>
                  </a:lnTo>
                  <a:lnTo>
                    <a:pt x="1084" y="1034"/>
                  </a:lnTo>
                  <a:lnTo>
                    <a:pt x="1078" y="1034"/>
                  </a:lnTo>
                  <a:lnTo>
                    <a:pt x="1080" y="1034"/>
                  </a:lnTo>
                  <a:lnTo>
                    <a:pt x="1085" y="1029"/>
                  </a:lnTo>
                  <a:lnTo>
                    <a:pt x="1099" y="1020"/>
                  </a:lnTo>
                  <a:lnTo>
                    <a:pt x="1100" y="1018"/>
                  </a:lnTo>
                  <a:lnTo>
                    <a:pt x="1102" y="1017"/>
                  </a:lnTo>
                  <a:lnTo>
                    <a:pt x="1107" y="1015"/>
                  </a:lnTo>
                  <a:lnTo>
                    <a:pt x="1112" y="1012"/>
                  </a:lnTo>
                  <a:lnTo>
                    <a:pt x="1119" y="1008"/>
                  </a:lnTo>
                  <a:lnTo>
                    <a:pt x="1124" y="1005"/>
                  </a:lnTo>
                  <a:lnTo>
                    <a:pt x="1131" y="1001"/>
                  </a:lnTo>
                  <a:lnTo>
                    <a:pt x="1136" y="998"/>
                  </a:lnTo>
                  <a:lnTo>
                    <a:pt x="1139" y="995"/>
                  </a:lnTo>
                  <a:lnTo>
                    <a:pt x="1141" y="993"/>
                  </a:lnTo>
                  <a:lnTo>
                    <a:pt x="1143" y="993"/>
                  </a:lnTo>
                  <a:lnTo>
                    <a:pt x="1141" y="993"/>
                  </a:lnTo>
                  <a:lnTo>
                    <a:pt x="1138" y="993"/>
                  </a:lnTo>
                  <a:lnTo>
                    <a:pt x="1131" y="996"/>
                  </a:lnTo>
                  <a:lnTo>
                    <a:pt x="1119" y="1001"/>
                  </a:lnTo>
                  <a:lnTo>
                    <a:pt x="1106" y="1008"/>
                  </a:lnTo>
                  <a:lnTo>
                    <a:pt x="1104" y="1008"/>
                  </a:lnTo>
                  <a:lnTo>
                    <a:pt x="1102" y="1010"/>
                  </a:lnTo>
                  <a:lnTo>
                    <a:pt x="1099" y="1012"/>
                  </a:lnTo>
                  <a:lnTo>
                    <a:pt x="1097" y="1013"/>
                  </a:lnTo>
                  <a:lnTo>
                    <a:pt x="1094" y="1015"/>
                  </a:lnTo>
                  <a:lnTo>
                    <a:pt x="1092" y="1015"/>
                  </a:lnTo>
                  <a:lnTo>
                    <a:pt x="1092" y="1012"/>
                  </a:lnTo>
                  <a:lnTo>
                    <a:pt x="1094" y="1008"/>
                  </a:lnTo>
                  <a:lnTo>
                    <a:pt x="1094" y="1007"/>
                  </a:lnTo>
                  <a:lnTo>
                    <a:pt x="1095" y="1005"/>
                  </a:lnTo>
                  <a:lnTo>
                    <a:pt x="1095" y="1003"/>
                  </a:lnTo>
                  <a:lnTo>
                    <a:pt x="1097" y="1000"/>
                  </a:lnTo>
                  <a:lnTo>
                    <a:pt x="1097" y="998"/>
                  </a:lnTo>
                  <a:lnTo>
                    <a:pt x="1099" y="995"/>
                  </a:lnTo>
                  <a:lnTo>
                    <a:pt x="1099" y="993"/>
                  </a:lnTo>
                  <a:lnTo>
                    <a:pt x="1087" y="1005"/>
                  </a:lnTo>
                  <a:lnTo>
                    <a:pt x="1078" y="1007"/>
                  </a:lnTo>
                  <a:lnTo>
                    <a:pt x="1075" y="1001"/>
                  </a:lnTo>
                  <a:lnTo>
                    <a:pt x="1077" y="1012"/>
                  </a:lnTo>
                  <a:lnTo>
                    <a:pt x="1067" y="1015"/>
                  </a:lnTo>
                  <a:lnTo>
                    <a:pt x="1065" y="1013"/>
                  </a:lnTo>
                  <a:lnTo>
                    <a:pt x="1062" y="1008"/>
                  </a:lnTo>
                  <a:lnTo>
                    <a:pt x="1056" y="1003"/>
                  </a:lnTo>
                  <a:lnTo>
                    <a:pt x="1051" y="1000"/>
                  </a:lnTo>
                  <a:lnTo>
                    <a:pt x="1048" y="998"/>
                  </a:lnTo>
                  <a:lnTo>
                    <a:pt x="1048" y="1000"/>
                  </a:lnTo>
                  <a:lnTo>
                    <a:pt x="1050" y="1007"/>
                  </a:lnTo>
                  <a:lnTo>
                    <a:pt x="1058" y="1020"/>
                  </a:lnTo>
                  <a:lnTo>
                    <a:pt x="1060" y="1020"/>
                  </a:lnTo>
                  <a:lnTo>
                    <a:pt x="1063" y="1023"/>
                  </a:lnTo>
                  <a:lnTo>
                    <a:pt x="1067" y="1023"/>
                  </a:lnTo>
                  <a:lnTo>
                    <a:pt x="1068" y="1025"/>
                  </a:lnTo>
                  <a:lnTo>
                    <a:pt x="1070" y="1029"/>
                  </a:lnTo>
                  <a:lnTo>
                    <a:pt x="1070" y="1032"/>
                  </a:lnTo>
                  <a:lnTo>
                    <a:pt x="1067" y="1035"/>
                  </a:lnTo>
                  <a:lnTo>
                    <a:pt x="1063" y="1037"/>
                  </a:lnTo>
                  <a:lnTo>
                    <a:pt x="1062" y="1039"/>
                  </a:lnTo>
                  <a:lnTo>
                    <a:pt x="1058" y="1040"/>
                  </a:lnTo>
                  <a:lnTo>
                    <a:pt x="1056" y="1042"/>
                  </a:lnTo>
                  <a:lnTo>
                    <a:pt x="1053" y="1044"/>
                  </a:lnTo>
                  <a:lnTo>
                    <a:pt x="1051" y="1045"/>
                  </a:lnTo>
                  <a:lnTo>
                    <a:pt x="1050" y="1045"/>
                  </a:lnTo>
                  <a:lnTo>
                    <a:pt x="1050" y="1047"/>
                  </a:lnTo>
                  <a:lnTo>
                    <a:pt x="1048" y="1047"/>
                  </a:lnTo>
                  <a:lnTo>
                    <a:pt x="1046" y="1047"/>
                  </a:lnTo>
                  <a:lnTo>
                    <a:pt x="1045" y="1047"/>
                  </a:lnTo>
                  <a:lnTo>
                    <a:pt x="1043" y="1045"/>
                  </a:lnTo>
                  <a:lnTo>
                    <a:pt x="1041" y="1044"/>
                  </a:lnTo>
                  <a:lnTo>
                    <a:pt x="1040" y="1039"/>
                  </a:lnTo>
                  <a:lnTo>
                    <a:pt x="1040" y="1034"/>
                  </a:lnTo>
                  <a:lnTo>
                    <a:pt x="1036" y="1030"/>
                  </a:lnTo>
                  <a:lnTo>
                    <a:pt x="1036" y="1027"/>
                  </a:lnTo>
                  <a:lnTo>
                    <a:pt x="1033" y="1027"/>
                  </a:lnTo>
                  <a:lnTo>
                    <a:pt x="1033" y="1025"/>
                  </a:lnTo>
                  <a:lnTo>
                    <a:pt x="1031" y="1025"/>
                  </a:lnTo>
                  <a:lnTo>
                    <a:pt x="1029" y="1025"/>
                  </a:lnTo>
                  <a:lnTo>
                    <a:pt x="1019" y="1013"/>
                  </a:lnTo>
                  <a:lnTo>
                    <a:pt x="1023" y="1027"/>
                  </a:lnTo>
                  <a:lnTo>
                    <a:pt x="1031" y="1037"/>
                  </a:lnTo>
                  <a:lnTo>
                    <a:pt x="1028" y="1040"/>
                  </a:lnTo>
                  <a:lnTo>
                    <a:pt x="1031" y="1056"/>
                  </a:lnTo>
                  <a:lnTo>
                    <a:pt x="1019" y="1069"/>
                  </a:lnTo>
                  <a:lnTo>
                    <a:pt x="1018" y="1057"/>
                  </a:lnTo>
                  <a:lnTo>
                    <a:pt x="1011" y="1067"/>
                  </a:lnTo>
                  <a:lnTo>
                    <a:pt x="1006" y="1064"/>
                  </a:lnTo>
                  <a:lnTo>
                    <a:pt x="984" y="1078"/>
                  </a:lnTo>
                  <a:lnTo>
                    <a:pt x="992" y="1086"/>
                  </a:lnTo>
                  <a:lnTo>
                    <a:pt x="996" y="1083"/>
                  </a:lnTo>
                  <a:lnTo>
                    <a:pt x="997" y="1081"/>
                  </a:lnTo>
                  <a:lnTo>
                    <a:pt x="1001" y="1078"/>
                  </a:lnTo>
                  <a:lnTo>
                    <a:pt x="1002" y="1076"/>
                  </a:lnTo>
                  <a:lnTo>
                    <a:pt x="1004" y="1078"/>
                  </a:lnTo>
                  <a:lnTo>
                    <a:pt x="1004" y="1081"/>
                  </a:lnTo>
                  <a:lnTo>
                    <a:pt x="1001" y="1089"/>
                  </a:lnTo>
                  <a:lnTo>
                    <a:pt x="999" y="1091"/>
                  </a:lnTo>
                  <a:lnTo>
                    <a:pt x="997" y="1095"/>
                  </a:lnTo>
                  <a:lnTo>
                    <a:pt x="996" y="1098"/>
                  </a:lnTo>
                  <a:lnTo>
                    <a:pt x="994" y="1100"/>
                  </a:lnTo>
                  <a:lnTo>
                    <a:pt x="992" y="1103"/>
                  </a:lnTo>
                  <a:lnTo>
                    <a:pt x="992" y="1105"/>
                  </a:lnTo>
                  <a:lnTo>
                    <a:pt x="985" y="1110"/>
                  </a:lnTo>
                  <a:lnTo>
                    <a:pt x="982" y="1103"/>
                  </a:lnTo>
                  <a:lnTo>
                    <a:pt x="952" y="1103"/>
                  </a:lnTo>
                  <a:lnTo>
                    <a:pt x="957" y="1110"/>
                  </a:lnTo>
                  <a:lnTo>
                    <a:pt x="962" y="1111"/>
                  </a:lnTo>
                  <a:lnTo>
                    <a:pt x="965" y="1120"/>
                  </a:lnTo>
                  <a:lnTo>
                    <a:pt x="972" y="1125"/>
                  </a:lnTo>
                  <a:lnTo>
                    <a:pt x="977" y="1123"/>
                  </a:lnTo>
                  <a:lnTo>
                    <a:pt x="963" y="1167"/>
                  </a:lnTo>
                  <a:lnTo>
                    <a:pt x="963" y="1169"/>
                  </a:lnTo>
                  <a:lnTo>
                    <a:pt x="962" y="1171"/>
                  </a:lnTo>
                  <a:lnTo>
                    <a:pt x="962" y="1172"/>
                  </a:lnTo>
                  <a:lnTo>
                    <a:pt x="960" y="1172"/>
                  </a:lnTo>
                  <a:lnTo>
                    <a:pt x="958" y="1174"/>
                  </a:lnTo>
                  <a:lnTo>
                    <a:pt x="957" y="1172"/>
                  </a:lnTo>
                  <a:lnTo>
                    <a:pt x="955" y="1169"/>
                  </a:lnTo>
                  <a:lnTo>
                    <a:pt x="955" y="1162"/>
                  </a:lnTo>
                  <a:lnTo>
                    <a:pt x="953" y="1159"/>
                  </a:lnTo>
                  <a:lnTo>
                    <a:pt x="953" y="1155"/>
                  </a:lnTo>
                  <a:lnTo>
                    <a:pt x="952" y="1154"/>
                  </a:lnTo>
                  <a:lnTo>
                    <a:pt x="950" y="1152"/>
                  </a:lnTo>
                  <a:lnTo>
                    <a:pt x="948" y="1154"/>
                  </a:lnTo>
                  <a:lnTo>
                    <a:pt x="948" y="1157"/>
                  </a:lnTo>
                  <a:lnTo>
                    <a:pt x="948" y="1164"/>
                  </a:lnTo>
                  <a:lnTo>
                    <a:pt x="946" y="1166"/>
                  </a:lnTo>
                  <a:lnTo>
                    <a:pt x="945" y="1169"/>
                  </a:lnTo>
                  <a:lnTo>
                    <a:pt x="941" y="1172"/>
                  </a:lnTo>
                  <a:lnTo>
                    <a:pt x="940" y="1172"/>
                  </a:lnTo>
                  <a:lnTo>
                    <a:pt x="930" y="1166"/>
                  </a:lnTo>
                  <a:lnTo>
                    <a:pt x="931" y="1174"/>
                  </a:lnTo>
                  <a:lnTo>
                    <a:pt x="928" y="1179"/>
                  </a:lnTo>
                  <a:lnTo>
                    <a:pt x="938" y="1184"/>
                  </a:lnTo>
                  <a:lnTo>
                    <a:pt x="957" y="1181"/>
                  </a:lnTo>
                  <a:lnTo>
                    <a:pt x="958" y="1198"/>
                  </a:lnTo>
                  <a:lnTo>
                    <a:pt x="948" y="1223"/>
                  </a:lnTo>
                  <a:lnTo>
                    <a:pt x="948" y="1233"/>
                  </a:lnTo>
                  <a:lnTo>
                    <a:pt x="962" y="1269"/>
                  </a:lnTo>
                  <a:lnTo>
                    <a:pt x="960" y="1291"/>
                  </a:lnTo>
                  <a:lnTo>
                    <a:pt x="970" y="1304"/>
                  </a:lnTo>
                  <a:lnTo>
                    <a:pt x="975" y="1325"/>
                  </a:lnTo>
                  <a:lnTo>
                    <a:pt x="982" y="1337"/>
                  </a:lnTo>
                  <a:lnTo>
                    <a:pt x="968" y="1347"/>
                  </a:lnTo>
                  <a:lnTo>
                    <a:pt x="962" y="1355"/>
                  </a:lnTo>
                  <a:lnTo>
                    <a:pt x="960" y="1353"/>
                  </a:lnTo>
                  <a:lnTo>
                    <a:pt x="958" y="1352"/>
                  </a:lnTo>
                  <a:lnTo>
                    <a:pt x="957" y="1350"/>
                  </a:lnTo>
                  <a:lnTo>
                    <a:pt x="953" y="1347"/>
                  </a:lnTo>
                  <a:lnTo>
                    <a:pt x="950" y="1343"/>
                  </a:lnTo>
                  <a:lnTo>
                    <a:pt x="946" y="1340"/>
                  </a:lnTo>
                  <a:lnTo>
                    <a:pt x="943" y="1338"/>
                  </a:lnTo>
                  <a:lnTo>
                    <a:pt x="938" y="1335"/>
                  </a:lnTo>
                  <a:lnTo>
                    <a:pt x="933" y="1331"/>
                  </a:lnTo>
                  <a:lnTo>
                    <a:pt x="926" y="1330"/>
                  </a:lnTo>
                  <a:lnTo>
                    <a:pt x="919" y="1326"/>
                  </a:lnTo>
                  <a:lnTo>
                    <a:pt x="913" y="1325"/>
                  </a:lnTo>
                  <a:lnTo>
                    <a:pt x="904" y="1325"/>
                  </a:lnTo>
                  <a:lnTo>
                    <a:pt x="896" y="1325"/>
                  </a:lnTo>
                  <a:lnTo>
                    <a:pt x="887" y="1325"/>
                  </a:lnTo>
                  <a:lnTo>
                    <a:pt x="886" y="1325"/>
                  </a:lnTo>
                  <a:lnTo>
                    <a:pt x="884" y="1325"/>
                  </a:lnTo>
                  <a:lnTo>
                    <a:pt x="882" y="1325"/>
                  </a:lnTo>
                  <a:lnTo>
                    <a:pt x="879" y="1325"/>
                  </a:lnTo>
                  <a:lnTo>
                    <a:pt x="877" y="1325"/>
                  </a:lnTo>
                  <a:lnTo>
                    <a:pt x="875" y="1326"/>
                  </a:lnTo>
                  <a:lnTo>
                    <a:pt x="874" y="1326"/>
                  </a:lnTo>
                  <a:lnTo>
                    <a:pt x="872" y="1326"/>
                  </a:lnTo>
                  <a:lnTo>
                    <a:pt x="836" y="1304"/>
                  </a:lnTo>
                  <a:lnTo>
                    <a:pt x="821" y="1304"/>
                  </a:lnTo>
                  <a:lnTo>
                    <a:pt x="821" y="1303"/>
                  </a:lnTo>
                  <a:lnTo>
                    <a:pt x="820" y="1301"/>
                  </a:lnTo>
                  <a:lnTo>
                    <a:pt x="820" y="1298"/>
                  </a:lnTo>
                  <a:lnTo>
                    <a:pt x="816" y="1294"/>
                  </a:lnTo>
                  <a:lnTo>
                    <a:pt x="811" y="1291"/>
                  </a:lnTo>
                  <a:lnTo>
                    <a:pt x="806" y="1287"/>
                  </a:lnTo>
                  <a:lnTo>
                    <a:pt x="798" y="1284"/>
                  </a:lnTo>
                  <a:lnTo>
                    <a:pt x="787" y="1284"/>
                  </a:lnTo>
                  <a:lnTo>
                    <a:pt x="786" y="1284"/>
                  </a:lnTo>
                  <a:lnTo>
                    <a:pt x="784" y="1284"/>
                  </a:lnTo>
                  <a:lnTo>
                    <a:pt x="781" y="1284"/>
                  </a:lnTo>
                  <a:lnTo>
                    <a:pt x="779" y="1284"/>
                  </a:lnTo>
                  <a:lnTo>
                    <a:pt x="777" y="1284"/>
                  </a:lnTo>
                  <a:lnTo>
                    <a:pt x="776" y="1284"/>
                  </a:lnTo>
                  <a:lnTo>
                    <a:pt x="774" y="1284"/>
                  </a:lnTo>
                  <a:lnTo>
                    <a:pt x="774" y="1269"/>
                  </a:lnTo>
                  <a:lnTo>
                    <a:pt x="767" y="1267"/>
                  </a:lnTo>
                  <a:lnTo>
                    <a:pt x="767" y="1265"/>
                  </a:lnTo>
                  <a:lnTo>
                    <a:pt x="767" y="1262"/>
                  </a:lnTo>
                  <a:lnTo>
                    <a:pt x="765" y="1257"/>
                  </a:lnTo>
                  <a:lnTo>
                    <a:pt x="764" y="1252"/>
                  </a:lnTo>
                  <a:lnTo>
                    <a:pt x="764" y="1247"/>
                  </a:lnTo>
                  <a:lnTo>
                    <a:pt x="762" y="1242"/>
                  </a:lnTo>
                  <a:lnTo>
                    <a:pt x="759" y="1237"/>
                  </a:lnTo>
                  <a:lnTo>
                    <a:pt x="757" y="1230"/>
                  </a:lnTo>
                  <a:lnTo>
                    <a:pt x="755" y="1225"/>
                  </a:lnTo>
                  <a:lnTo>
                    <a:pt x="754" y="1220"/>
                  </a:lnTo>
                  <a:lnTo>
                    <a:pt x="750" y="1216"/>
                  </a:lnTo>
                  <a:lnTo>
                    <a:pt x="748" y="1213"/>
                  </a:lnTo>
                  <a:lnTo>
                    <a:pt x="745" y="1210"/>
                  </a:lnTo>
                  <a:lnTo>
                    <a:pt x="743" y="1208"/>
                  </a:lnTo>
                  <a:lnTo>
                    <a:pt x="740" y="1208"/>
                  </a:lnTo>
                  <a:lnTo>
                    <a:pt x="738" y="1208"/>
                  </a:lnTo>
                  <a:lnTo>
                    <a:pt x="738" y="1205"/>
                  </a:lnTo>
                  <a:lnTo>
                    <a:pt x="738" y="1199"/>
                  </a:lnTo>
                  <a:lnTo>
                    <a:pt x="738" y="1193"/>
                  </a:lnTo>
                  <a:lnTo>
                    <a:pt x="738" y="1188"/>
                  </a:lnTo>
                  <a:lnTo>
                    <a:pt x="738" y="1181"/>
                  </a:lnTo>
                  <a:lnTo>
                    <a:pt x="738" y="1177"/>
                  </a:lnTo>
                  <a:lnTo>
                    <a:pt x="738" y="1176"/>
                  </a:lnTo>
                  <a:lnTo>
                    <a:pt x="728" y="1166"/>
                  </a:lnTo>
                  <a:lnTo>
                    <a:pt x="728" y="1164"/>
                  </a:lnTo>
                  <a:lnTo>
                    <a:pt x="728" y="1161"/>
                  </a:lnTo>
                  <a:lnTo>
                    <a:pt x="730" y="1154"/>
                  </a:lnTo>
                  <a:lnTo>
                    <a:pt x="730" y="1147"/>
                  </a:lnTo>
                  <a:lnTo>
                    <a:pt x="728" y="1140"/>
                  </a:lnTo>
                  <a:lnTo>
                    <a:pt x="726" y="1133"/>
                  </a:lnTo>
                  <a:lnTo>
                    <a:pt x="725" y="1128"/>
                  </a:lnTo>
                  <a:lnTo>
                    <a:pt x="720" y="1127"/>
                  </a:lnTo>
                  <a:lnTo>
                    <a:pt x="718" y="1127"/>
                  </a:lnTo>
                  <a:lnTo>
                    <a:pt x="715" y="1125"/>
                  </a:lnTo>
                  <a:lnTo>
                    <a:pt x="711" y="1123"/>
                  </a:lnTo>
                  <a:lnTo>
                    <a:pt x="708" y="1122"/>
                  </a:lnTo>
                  <a:lnTo>
                    <a:pt x="706" y="1118"/>
                  </a:lnTo>
                  <a:lnTo>
                    <a:pt x="703" y="1115"/>
                  </a:lnTo>
                  <a:lnTo>
                    <a:pt x="699" y="1111"/>
                  </a:lnTo>
                  <a:lnTo>
                    <a:pt x="696" y="1106"/>
                  </a:lnTo>
                  <a:lnTo>
                    <a:pt x="693" y="1103"/>
                  </a:lnTo>
                  <a:lnTo>
                    <a:pt x="689" y="1098"/>
                  </a:lnTo>
                  <a:lnTo>
                    <a:pt x="686" y="1091"/>
                  </a:lnTo>
                  <a:lnTo>
                    <a:pt x="682" y="1086"/>
                  </a:lnTo>
                  <a:lnTo>
                    <a:pt x="679" y="1081"/>
                  </a:lnTo>
                  <a:lnTo>
                    <a:pt x="676" y="1074"/>
                  </a:lnTo>
                  <a:lnTo>
                    <a:pt x="672" y="1069"/>
                  </a:lnTo>
                  <a:lnTo>
                    <a:pt x="669" y="1062"/>
                  </a:lnTo>
                  <a:lnTo>
                    <a:pt x="667" y="1061"/>
                  </a:lnTo>
                  <a:lnTo>
                    <a:pt x="666" y="1059"/>
                  </a:lnTo>
                  <a:lnTo>
                    <a:pt x="662" y="1056"/>
                  </a:lnTo>
                  <a:lnTo>
                    <a:pt x="660" y="1051"/>
                  </a:lnTo>
                  <a:lnTo>
                    <a:pt x="657" y="1047"/>
                  </a:lnTo>
                  <a:lnTo>
                    <a:pt x="654" y="1045"/>
                  </a:lnTo>
                  <a:lnTo>
                    <a:pt x="652" y="1044"/>
                  </a:lnTo>
                  <a:lnTo>
                    <a:pt x="652" y="1042"/>
                  </a:lnTo>
                  <a:lnTo>
                    <a:pt x="610" y="949"/>
                  </a:lnTo>
                  <a:lnTo>
                    <a:pt x="605" y="935"/>
                  </a:lnTo>
                  <a:lnTo>
                    <a:pt x="591" y="915"/>
                  </a:lnTo>
                  <a:lnTo>
                    <a:pt x="564" y="891"/>
                  </a:lnTo>
                  <a:lnTo>
                    <a:pt x="562" y="890"/>
                  </a:lnTo>
                  <a:lnTo>
                    <a:pt x="561" y="885"/>
                  </a:lnTo>
                  <a:lnTo>
                    <a:pt x="554" y="880"/>
                  </a:lnTo>
                  <a:lnTo>
                    <a:pt x="549" y="873"/>
                  </a:lnTo>
                  <a:lnTo>
                    <a:pt x="542" y="866"/>
                  </a:lnTo>
                  <a:lnTo>
                    <a:pt x="535" y="861"/>
                  </a:lnTo>
                  <a:lnTo>
                    <a:pt x="528" y="856"/>
                  </a:lnTo>
                  <a:lnTo>
                    <a:pt x="522" y="854"/>
                  </a:lnTo>
                  <a:lnTo>
                    <a:pt x="520" y="854"/>
                  </a:lnTo>
                  <a:lnTo>
                    <a:pt x="515" y="854"/>
                  </a:lnTo>
                  <a:lnTo>
                    <a:pt x="512" y="853"/>
                  </a:lnTo>
                  <a:lnTo>
                    <a:pt x="506" y="853"/>
                  </a:lnTo>
                  <a:lnTo>
                    <a:pt x="501" y="853"/>
                  </a:lnTo>
                  <a:lnTo>
                    <a:pt x="496" y="851"/>
                  </a:lnTo>
                  <a:lnTo>
                    <a:pt x="490" y="851"/>
                  </a:lnTo>
                  <a:lnTo>
                    <a:pt x="484" y="849"/>
                  </a:lnTo>
                  <a:lnTo>
                    <a:pt x="478" y="849"/>
                  </a:lnTo>
                  <a:lnTo>
                    <a:pt x="473" y="847"/>
                  </a:lnTo>
                  <a:lnTo>
                    <a:pt x="468" y="846"/>
                  </a:lnTo>
                  <a:lnTo>
                    <a:pt x="461" y="844"/>
                  </a:lnTo>
                  <a:lnTo>
                    <a:pt x="457" y="844"/>
                  </a:lnTo>
                  <a:lnTo>
                    <a:pt x="452" y="841"/>
                  </a:lnTo>
                  <a:lnTo>
                    <a:pt x="449" y="839"/>
                  </a:lnTo>
                  <a:lnTo>
                    <a:pt x="446" y="837"/>
                  </a:lnTo>
                  <a:lnTo>
                    <a:pt x="442" y="836"/>
                  </a:lnTo>
                  <a:lnTo>
                    <a:pt x="440" y="834"/>
                  </a:lnTo>
                  <a:lnTo>
                    <a:pt x="439" y="834"/>
                  </a:lnTo>
                  <a:lnTo>
                    <a:pt x="435" y="836"/>
                  </a:lnTo>
                  <a:lnTo>
                    <a:pt x="434" y="837"/>
                  </a:lnTo>
                  <a:lnTo>
                    <a:pt x="432" y="839"/>
                  </a:lnTo>
                  <a:lnTo>
                    <a:pt x="429" y="842"/>
                  </a:lnTo>
                  <a:lnTo>
                    <a:pt x="427" y="846"/>
                  </a:lnTo>
                  <a:lnTo>
                    <a:pt x="424" y="847"/>
                  </a:lnTo>
                  <a:lnTo>
                    <a:pt x="420" y="849"/>
                  </a:lnTo>
                  <a:lnTo>
                    <a:pt x="418" y="849"/>
                  </a:lnTo>
                  <a:lnTo>
                    <a:pt x="417" y="849"/>
                  </a:lnTo>
                  <a:lnTo>
                    <a:pt x="415" y="847"/>
                  </a:lnTo>
                  <a:lnTo>
                    <a:pt x="413" y="846"/>
                  </a:lnTo>
                  <a:lnTo>
                    <a:pt x="412" y="844"/>
                  </a:lnTo>
                  <a:lnTo>
                    <a:pt x="408" y="844"/>
                  </a:lnTo>
                  <a:lnTo>
                    <a:pt x="405" y="846"/>
                  </a:lnTo>
                  <a:lnTo>
                    <a:pt x="398" y="847"/>
                  </a:lnTo>
                  <a:lnTo>
                    <a:pt x="391" y="853"/>
                  </a:lnTo>
                  <a:lnTo>
                    <a:pt x="386" y="863"/>
                  </a:lnTo>
                  <a:lnTo>
                    <a:pt x="380" y="875"/>
                  </a:lnTo>
                  <a:lnTo>
                    <a:pt x="374" y="891"/>
                  </a:lnTo>
                  <a:lnTo>
                    <a:pt x="368" y="902"/>
                  </a:lnTo>
                  <a:lnTo>
                    <a:pt x="368" y="903"/>
                  </a:lnTo>
                  <a:lnTo>
                    <a:pt x="366" y="903"/>
                  </a:lnTo>
                  <a:lnTo>
                    <a:pt x="366" y="905"/>
                  </a:lnTo>
                  <a:lnTo>
                    <a:pt x="364" y="908"/>
                  </a:lnTo>
                  <a:lnTo>
                    <a:pt x="361" y="912"/>
                  </a:lnTo>
                  <a:lnTo>
                    <a:pt x="358" y="915"/>
                  </a:lnTo>
                  <a:lnTo>
                    <a:pt x="356" y="915"/>
                  </a:lnTo>
                  <a:lnTo>
                    <a:pt x="356" y="917"/>
                  </a:lnTo>
                  <a:lnTo>
                    <a:pt x="352" y="919"/>
                  </a:lnTo>
                  <a:lnTo>
                    <a:pt x="351" y="922"/>
                  </a:lnTo>
                  <a:lnTo>
                    <a:pt x="349" y="924"/>
                  </a:lnTo>
                  <a:lnTo>
                    <a:pt x="347" y="925"/>
                  </a:lnTo>
                  <a:lnTo>
                    <a:pt x="346" y="927"/>
                  </a:lnTo>
                  <a:lnTo>
                    <a:pt x="346" y="930"/>
                  </a:lnTo>
                  <a:lnTo>
                    <a:pt x="344" y="932"/>
                  </a:lnTo>
                  <a:lnTo>
                    <a:pt x="342" y="935"/>
                  </a:lnTo>
                  <a:lnTo>
                    <a:pt x="339" y="937"/>
                  </a:lnTo>
                  <a:lnTo>
                    <a:pt x="334" y="937"/>
                  </a:lnTo>
                  <a:lnTo>
                    <a:pt x="325" y="937"/>
                  </a:lnTo>
                  <a:lnTo>
                    <a:pt x="314" y="932"/>
                  </a:lnTo>
                  <a:lnTo>
                    <a:pt x="312" y="930"/>
                  </a:lnTo>
                  <a:lnTo>
                    <a:pt x="308" y="927"/>
                  </a:lnTo>
                  <a:lnTo>
                    <a:pt x="303" y="924"/>
                  </a:lnTo>
                  <a:lnTo>
                    <a:pt x="297" y="919"/>
                  </a:lnTo>
                  <a:lnTo>
                    <a:pt x="288" y="912"/>
                  </a:lnTo>
                  <a:lnTo>
                    <a:pt x="280" y="907"/>
                  </a:lnTo>
                  <a:lnTo>
                    <a:pt x="271" y="902"/>
                  </a:lnTo>
                  <a:lnTo>
                    <a:pt x="263" y="895"/>
                  </a:lnTo>
                  <a:lnTo>
                    <a:pt x="261" y="895"/>
                  </a:lnTo>
                  <a:lnTo>
                    <a:pt x="259" y="895"/>
                  </a:lnTo>
                  <a:lnTo>
                    <a:pt x="256" y="895"/>
                  </a:lnTo>
                  <a:lnTo>
                    <a:pt x="251" y="893"/>
                  </a:lnTo>
                  <a:lnTo>
                    <a:pt x="246" y="890"/>
                  </a:lnTo>
                  <a:lnTo>
                    <a:pt x="239" y="885"/>
                  </a:lnTo>
                  <a:lnTo>
                    <a:pt x="234" y="880"/>
                  </a:lnTo>
                  <a:lnTo>
                    <a:pt x="227" y="869"/>
                  </a:lnTo>
                  <a:lnTo>
                    <a:pt x="224" y="866"/>
                  </a:lnTo>
                  <a:lnTo>
                    <a:pt x="220" y="864"/>
                  </a:lnTo>
                  <a:lnTo>
                    <a:pt x="217" y="863"/>
                  </a:lnTo>
                  <a:lnTo>
                    <a:pt x="214" y="859"/>
                  </a:lnTo>
                  <a:lnTo>
                    <a:pt x="209" y="854"/>
                  </a:lnTo>
                  <a:lnTo>
                    <a:pt x="204" y="846"/>
                  </a:lnTo>
                  <a:lnTo>
                    <a:pt x="195" y="834"/>
                  </a:lnTo>
                  <a:lnTo>
                    <a:pt x="187" y="819"/>
                  </a:lnTo>
                  <a:lnTo>
                    <a:pt x="187" y="815"/>
                  </a:lnTo>
                  <a:lnTo>
                    <a:pt x="185" y="809"/>
                  </a:lnTo>
                  <a:lnTo>
                    <a:pt x="185" y="800"/>
                  </a:lnTo>
                  <a:lnTo>
                    <a:pt x="185" y="792"/>
                  </a:lnTo>
                  <a:lnTo>
                    <a:pt x="183" y="783"/>
                  </a:lnTo>
                  <a:lnTo>
                    <a:pt x="183" y="776"/>
                  </a:lnTo>
                  <a:lnTo>
                    <a:pt x="183" y="771"/>
                  </a:lnTo>
                  <a:lnTo>
                    <a:pt x="183" y="770"/>
                  </a:lnTo>
                  <a:lnTo>
                    <a:pt x="171" y="753"/>
                  </a:lnTo>
                  <a:lnTo>
                    <a:pt x="171" y="751"/>
                  </a:lnTo>
                  <a:lnTo>
                    <a:pt x="171" y="749"/>
                  </a:lnTo>
                  <a:lnTo>
                    <a:pt x="171" y="746"/>
                  </a:lnTo>
                  <a:lnTo>
                    <a:pt x="170" y="741"/>
                  </a:lnTo>
                  <a:lnTo>
                    <a:pt x="166" y="732"/>
                  </a:lnTo>
                  <a:lnTo>
                    <a:pt x="160" y="722"/>
                  </a:lnTo>
                  <a:lnTo>
                    <a:pt x="149" y="710"/>
                  </a:lnTo>
                  <a:lnTo>
                    <a:pt x="134" y="695"/>
                  </a:lnTo>
                  <a:lnTo>
                    <a:pt x="132" y="693"/>
                  </a:lnTo>
                  <a:lnTo>
                    <a:pt x="129" y="690"/>
                  </a:lnTo>
                  <a:lnTo>
                    <a:pt x="124" y="685"/>
                  </a:lnTo>
                  <a:lnTo>
                    <a:pt x="119" y="680"/>
                  </a:lnTo>
                  <a:lnTo>
                    <a:pt x="114" y="677"/>
                  </a:lnTo>
                  <a:lnTo>
                    <a:pt x="109" y="671"/>
                  </a:lnTo>
                  <a:lnTo>
                    <a:pt x="105" y="670"/>
                  </a:lnTo>
                  <a:lnTo>
                    <a:pt x="104" y="668"/>
                  </a:lnTo>
                  <a:lnTo>
                    <a:pt x="92" y="648"/>
                  </a:lnTo>
                  <a:lnTo>
                    <a:pt x="60" y="609"/>
                  </a:lnTo>
                  <a:lnTo>
                    <a:pt x="43" y="605"/>
                  </a:lnTo>
                  <a:lnTo>
                    <a:pt x="19" y="561"/>
                  </a:lnTo>
                  <a:lnTo>
                    <a:pt x="6" y="560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69" name="Freeform 124"/>
            <p:cNvSpPr>
              <a:spLocks/>
            </p:cNvSpPr>
            <p:nvPr/>
          </p:nvSpPr>
          <p:spPr bwMode="auto">
            <a:xfrm>
              <a:off x="2004" y="1844"/>
              <a:ext cx="789" cy="392"/>
            </a:xfrm>
            <a:custGeom>
              <a:avLst/>
              <a:gdLst>
                <a:gd name="T0" fmla="*/ 533 w 811"/>
                <a:gd name="T1" fmla="*/ 239 h 404"/>
                <a:gd name="T2" fmla="*/ 531 w 811"/>
                <a:gd name="T3" fmla="*/ 229 h 404"/>
                <a:gd name="T4" fmla="*/ 528 w 811"/>
                <a:gd name="T5" fmla="*/ 221 h 404"/>
                <a:gd name="T6" fmla="*/ 526 w 811"/>
                <a:gd name="T7" fmla="*/ 216 h 404"/>
                <a:gd name="T8" fmla="*/ 520 w 811"/>
                <a:gd name="T9" fmla="*/ 209 h 404"/>
                <a:gd name="T10" fmla="*/ 518 w 811"/>
                <a:gd name="T11" fmla="*/ 199 h 404"/>
                <a:gd name="T12" fmla="*/ 520 w 811"/>
                <a:gd name="T13" fmla="*/ 188 h 404"/>
                <a:gd name="T14" fmla="*/ 520 w 811"/>
                <a:gd name="T15" fmla="*/ 178 h 404"/>
                <a:gd name="T16" fmla="*/ 521 w 811"/>
                <a:gd name="T17" fmla="*/ 173 h 404"/>
                <a:gd name="T18" fmla="*/ 516 w 811"/>
                <a:gd name="T19" fmla="*/ 146 h 404"/>
                <a:gd name="T20" fmla="*/ 508 w 811"/>
                <a:gd name="T21" fmla="*/ 138 h 404"/>
                <a:gd name="T22" fmla="*/ 505 w 811"/>
                <a:gd name="T23" fmla="*/ 127 h 404"/>
                <a:gd name="T24" fmla="*/ 506 w 811"/>
                <a:gd name="T25" fmla="*/ 122 h 404"/>
                <a:gd name="T26" fmla="*/ 504 w 811"/>
                <a:gd name="T27" fmla="*/ 108 h 404"/>
                <a:gd name="T28" fmla="*/ 501 w 811"/>
                <a:gd name="T29" fmla="*/ 102 h 404"/>
                <a:gd name="T30" fmla="*/ 493 w 811"/>
                <a:gd name="T31" fmla="*/ 97 h 404"/>
                <a:gd name="T32" fmla="*/ 490 w 811"/>
                <a:gd name="T33" fmla="*/ 87 h 404"/>
                <a:gd name="T34" fmla="*/ 489 w 811"/>
                <a:gd name="T35" fmla="*/ 80 h 404"/>
                <a:gd name="T36" fmla="*/ 486 w 811"/>
                <a:gd name="T37" fmla="*/ 73 h 404"/>
                <a:gd name="T38" fmla="*/ 484 w 811"/>
                <a:gd name="T39" fmla="*/ 70 h 404"/>
                <a:gd name="T40" fmla="*/ 478 w 811"/>
                <a:gd name="T41" fmla="*/ 63 h 404"/>
                <a:gd name="T42" fmla="*/ 474 w 811"/>
                <a:gd name="T43" fmla="*/ 58 h 404"/>
                <a:gd name="T44" fmla="*/ 469 w 811"/>
                <a:gd name="T45" fmla="*/ 48 h 404"/>
                <a:gd name="T46" fmla="*/ 459 w 811"/>
                <a:gd name="T47" fmla="*/ 41 h 404"/>
                <a:gd name="T48" fmla="*/ 450 w 811"/>
                <a:gd name="T49" fmla="*/ 39 h 404"/>
                <a:gd name="T50" fmla="*/ 441 w 811"/>
                <a:gd name="T51" fmla="*/ 38 h 404"/>
                <a:gd name="T52" fmla="*/ 398 w 811"/>
                <a:gd name="T53" fmla="*/ 32 h 404"/>
                <a:gd name="T54" fmla="*/ 391 w 811"/>
                <a:gd name="T55" fmla="*/ 37 h 404"/>
                <a:gd name="T56" fmla="*/ 384 w 811"/>
                <a:gd name="T57" fmla="*/ 38 h 404"/>
                <a:gd name="T58" fmla="*/ 378 w 811"/>
                <a:gd name="T59" fmla="*/ 32 h 404"/>
                <a:gd name="T60" fmla="*/ 364 w 811"/>
                <a:gd name="T61" fmla="*/ 18 h 404"/>
                <a:gd name="T62" fmla="*/ 355 w 811"/>
                <a:gd name="T63" fmla="*/ 16 h 404"/>
                <a:gd name="T64" fmla="*/ 348 w 811"/>
                <a:gd name="T65" fmla="*/ 16 h 404"/>
                <a:gd name="T66" fmla="*/ 328 w 811"/>
                <a:gd name="T67" fmla="*/ 16 h 404"/>
                <a:gd name="T68" fmla="*/ 295 w 811"/>
                <a:gd name="T69" fmla="*/ 16 h 404"/>
                <a:gd name="T70" fmla="*/ 258 w 811"/>
                <a:gd name="T71" fmla="*/ 16 h 404"/>
                <a:gd name="T72" fmla="*/ 214 w 811"/>
                <a:gd name="T73" fmla="*/ 16 h 404"/>
                <a:gd name="T74" fmla="*/ 167 w 811"/>
                <a:gd name="T75" fmla="*/ 13 h 404"/>
                <a:gd name="T76" fmla="*/ 123 w 811"/>
                <a:gd name="T77" fmla="*/ 12 h 404"/>
                <a:gd name="T78" fmla="*/ 84 w 811"/>
                <a:gd name="T79" fmla="*/ 8 h 404"/>
                <a:gd name="T80" fmla="*/ 50 w 811"/>
                <a:gd name="T81" fmla="*/ 5 h 404"/>
                <a:gd name="T82" fmla="*/ 23 w 811"/>
                <a:gd name="T83" fmla="*/ 2 h 404"/>
                <a:gd name="T84" fmla="*/ 2 w 811"/>
                <a:gd name="T85" fmla="*/ 165 h 404"/>
                <a:gd name="T86" fmla="*/ 126 w 811"/>
                <a:gd name="T87" fmla="*/ 254 h 404"/>
                <a:gd name="T88" fmla="*/ 153 w 811"/>
                <a:gd name="T89" fmla="*/ 257 h 404"/>
                <a:gd name="T90" fmla="*/ 189 w 811"/>
                <a:gd name="T91" fmla="*/ 260 h 404"/>
                <a:gd name="T92" fmla="*/ 234 w 811"/>
                <a:gd name="T93" fmla="*/ 262 h 404"/>
                <a:gd name="T94" fmla="*/ 289 w 811"/>
                <a:gd name="T95" fmla="*/ 262 h 404"/>
                <a:gd name="T96" fmla="*/ 343 w 811"/>
                <a:gd name="T97" fmla="*/ 262 h 404"/>
                <a:gd name="T98" fmla="*/ 400 w 811"/>
                <a:gd name="T99" fmla="*/ 264 h 404"/>
                <a:gd name="T100" fmla="*/ 449 w 811"/>
                <a:gd name="T101" fmla="*/ 264 h 404"/>
                <a:gd name="T102" fmla="*/ 492 w 811"/>
                <a:gd name="T103" fmla="*/ 265 h 404"/>
                <a:gd name="T104" fmla="*/ 528 w 811"/>
                <a:gd name="T105" fmla="*/ 265 h 404"/>
                <a:gd name="T106" fmla="*/ 547 w 811"/>
                <a:gd name="T107" fmla="*/ 265 h 404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w 811"/>
                <a:gd name="T163" fmla="*/ 0 h 404"/>
                <a:gd name="T164" fmla="*/ 811 w 811"/>
                <a:gd name="T165" fmla="*/ 404 h 404"/>
              </a:gdLst>
              <a:ahLst/>
              <a:cxnLst>
                <a:cxn ang="T108">
                  <a:pos x="T0" y="T1"/>
                </a:cxn>
                <a:cxn ang="T109">
                  <a:pos x="T2" y="T3"/>
                </a:cxn>
                <a:cxn ang="T110">
                  <a:pos x="T4" y="T5"/>
                </a:cxn>
                <a:cxn ang="T111">
                  <a:pos x="T6" y="T7"/>
                </a:cxn>
                <a:cxn ang="T112">
                  <a:pos x="T8" y="T9"/>
                </a:cxn>
                <a:cxn ang="T113">
                  <a:pos x="T10" y="T11"/>
                </a:cxn>
                <a:cxn ang="T114">
                  <a:pos x="T12" y="T13"/>
                </a:cxn>
                <a:cxn ang="T115">
                  <a:pos x="T14" y="T15"/>
                </a:cxn>
                <a:cxn ang="T116">
                  <a:pos x="T16" y="T17"/>
                </a:cxn>
                <a:cxn ang="T117">
                  <a:pos x="T18" y="T19"/>
                </a:cxn>
                <a:cxn ang="T118">
                  <a:pos x="T20" y="T21"/>
                </a:cxn>
                <a:cxn ang="T119">
                  <a:pos x="T22" y="T23"/>
                </a:cxn>
                <a:cxn ang="T120">
                  <a:pos x="T24" y="T25"/>
                </a:cxn>
                <a:cxn ang="T121">
                  <a:pos x="T26" y="T27"/>
                </a:cxn>
                <a:cxn ang="T122">
                  <a:pos x="T28" y="T29"/>
                </a:cxn>
                <a:cxn ang="T123">
                  <a:pos x="T30" y="T31"/>
                </a:cxn>
                <a:cxn ang="T124">
                  <a:pos x="T32" y="T33"/>
                </a:cxn>
                <a:cxn ang="T125">
                  <a:pos x="T34" y="T35"/>
                </a:cxn>
                <a:cxn ang="T126">
                  <a:pos x="T36" y="T37"/>
                </a:cxn>
                <a:cxn ang="T127">
                  <a:pos x="T38" y="T39"/>
                </a:cxn>
                <a:cxn ang="T128">
                  <a:pos x="T40" y="T41"/>
                </a:cxn>
                <a:cxn ang="T129">
                  <a:pos x="T42" y="T43"/>
                </a:cxn>
                <a:cxn ang="T130">
                  <a:pos x="T44" y="T45"/>
                </a:cxn>
                <a:cxn ang="T131">
                  <a:pos x="T46" y="T47"/>
                </a:cxn>
                <a:cxn ang="T132">
                  <a:pos x="T48" y="T49"/>
                </a:cxn>
                <a:cxn ang="T133">
                  <a:pos x="T50" y="T51"/>
                </a:cxn>
                <a:cxn ang="T134">
                  <a:pos x="T52" y="T53"/>
                </a:cxn>
                <a:cxn ang="T135">
                  <a:pos x="T54" y="T55"/>
                </a:cxn>
                <a:cxn ang="T136">
                  <a:pos x="T56" y="T57"/>
                </a:cxn>
                <a:cxn ang="T137">
                  <a:pos x="T58" y="T59"/>
                </a:cxn>
                <a:cxn ang="T138">
                  <a:pos x="T60" y="T61"/>
                </a:cxn>
                <a:cxn ang="T139">
                  <a:pos x="T62" y="T63"/>
                </a:cxn>
                <a:cxn ang="T140">
                  <a:pos x="T64" y="T65"/>
                </a:cxn>
                <a:cxn ang="T141">
                  <a:pos x="T66" y="T67"/>
                </a:cxn>
                <a:cxn ang="T142">
                  <a:pos x="T68" y="T69"/>
                </a:cxn>
                <a:cxn ang="T143">
                  <a:pos x="T70" y="T71"/>
                </a:cxn>
                <a:cxn ang="T144">
                  <a:pos x="T72" y="T73"/>
                </a:cxn>
                <a:cxn ang="T145">
                  <a:pos x="T74" y="T75"/>
                </a:cxn>
                <a:cxn ang="T146">
                  <a:pos x="T76" y="T77"/>
                </a:cxn>
                <a:cxn ang="T147">
                  <a:pos x="T78" y="T79"/>
                </a:cxn>
                <a:cxn ang="T148">
                  <a:pos x="T80" y="T81"/>
                </a:cxn>
                <a:cxn ang="T149">
                  <a:pos x="T82" y="T83"/>
                </a:cxn>
                <a:cxn ang="T150">
                  <a:pos x="T84" y="T85"/>
                </a:cxn>
                <a:cxn ang="T151">
                  <a:pos x="T86" y="T87"/>
                </a:cxn>
                <a:cxn ang="T152">
                  <a:pos x="T88" y="T89"/>
                </a:cxn>
                <a:cxn ang="T153">
                  <a:pos x="T90" y="T91"/>
                </a:cxn>
                <a:cxn ang="T154">
                  <a:pos x="T92" y="T93"/>
                </a:cxn>
                <a:cxn ang="T155">
                  <a:pos x="T94" y="T95"/>
                </a:cxn>
                <a:cxn ang="T156">
                  <a:pos x="T96" y="T97"/>
                </a:cxn>
                <a:cxn ang="T157">
                  <a:pos x="T98" y="T99"/>
                </a:cxn>
                <a:cxn ang="T158">
                  <a:pos x="T100" y="T101"/>
                </a:cxn>
                <a:cxn ang="T159">
                  <a:pos x="T102" y="T103"/>
                </a:cxn>
                <a:cxn ang="T160">
                  <a:pos x="T104" y="T105"/>
                </a:cxn>
                <a:cxn ang="T161">
                  <a:pos x="T106" y="T107"/>
                </a:cxn>
              </a:cxnLst>
              <a:rect l="T162" t="T163" r="T164" b="T165"/>
              <a:pathLst>
                <a:path w="811" h="404">
                  <a:moveTo>
                    <a:pt x="811" y="404"/>
                  </a:moveTo>
                  <a:lnTo>
                    <a:pt x="799" y="376"/>
                  </a:lnTo>
                  <a:lnTo>
                    <a:pt x="785" y="364"/>
                  </a:lnTo>
                  <a:lnTo>
                    <a:pt x="782" y="352"/>
                  </a:lnTo>
                  <a:lnTo>
                    <a:pt x="782" y="350"/>
                  </a:lnTo>
                  <a:lnTo>
                    <a:pt x="780" y="348"/>
                  </a:lnTo>
                  <a:lnTo>
                    <a:pt x="779" y="345"/>
                  </a:lnTo>
                  <a:lnTo>
                    <a:pt x="777" y="342"/>
                  </a:lnTo>
                  <a:lnTo>
                    <a:pt x="775" y="337"/>
                  </a:lnTo>
                  <a:lnTo>
                    <a:pt x="774" y="333"/>
                  </a:lnTo>
                  <a:lnTo>
                    <a:pt x="772" y="330"/>
                  </a:lnTo>
                  <a:lnTo>
                    <a:pt x="769" y="326"/>
                  </a:lnTo>
                  <a:lnTo>
                    <a:pt x="767" y="323"/>
                  </a:lnTo>
                  <a:lnTo>
                    <a:pt x="765" y="318"/>
                  </a:lnTo>
                  <a:lnTo>
                    <a:pt x="765" y="313"/>
                  </a:lnTo>
                  <a:lnTo>
                    <a:pt x="763" y="308"/>
                  </a:lnTo>
                  <a:lnTo>
                    <a:pt x="763" y="303"/>
                  </a:lnTo>
                  <a:lnTo>
                    <a:pt x="763" y="298"/>
                  </a:lnTo>
                  <a:lnTo>
                    <a:pt x="763" y="291"/>
                  </a:lnTo>
                  <a:lnTo>
                    <a:pt x="765" y="286"/>
                  </a:lnTo>
                  <a:lnTo>
                    <a:pt x="765" y="281"/>
                  </a:lnTo>
                  <a:lnTo>
                    <a:pt x="765" y="276"/>
                  </a:lnTo>
                  <a:lnTo>
                    <a:pt x="765" y="272"/>
                  </a:lnTo>
                  <a:lnTo>
                    <a:pt x="767" y="269"/>
                  </a:lnTo>
                  <a:lnTo>
                    <a:pt x="767" y="266"/>
                  </a:lnTo>
                  <a:lnTo>
                    <a:pt x="767" y="264"/>
                  </a:lnTo>
                  <a:lnTo>
                    <a:pt x="760" y="255"/>
                  </a:lnTo>
                  <a:lnTo>
                    <a:pt x="758" y="223"/>
                  </a:lnTo>
                  <a:lnTo>
                    <a:pt x="755" y="218"/>
                  </a:lnTo>
                  <a:lnTo>
                    <a:pt x="750" y="215"/>
                  </a:lnTo>
                  <a:lnTo>
                    <a:pt x="747" y="210"/>
                  </a:lnTo>
                  <a:lnTo>
                    <a:pt x="743" y="205"/>
                  </a:lnTo>
                  <a:lnTo>
                    <a:pt x="743" y="200"/>
                  </a:lnTo>
                  <a:lnTo>
                    <a:pt x="743" y="194"/>
                  </a:lnTo>
                  <a:lnTo>
                    <a:pt x="743" y="191"/>
                  </a:lnTo>
                  <a:lnTo>
                    <a:pt x="743" y="188"/>
                  </a:lnTo>
                  <a:lnTo>
                    <a:pt x="745" y="186"/>
                  </a:lnTo>
                  <a:lnTo>
                    <a:pt x="743" y="178"/>
                  </a:lnTo>
                  <a:lnTo>
                    <a:pt x="743" y="169"/>
                  </a:lnTo>
                  <a:lnTo>
                    <a:pt x="741" y="164"/>
                  </a:lnTo>
                  <a:lnTo>
                    <a:pt x="738" y="159"/>
                  </a:lnTo>
                  <a:lnTo>
                    <a:pt x="736" y="156"/>
                  </a:lnTo>
                  <a:lnTo>
                    <a:pt x="735" y="154"/>
                  </a:lnTo>
                  <a:lnTo>
                    <a:pt x="733" y="152"/>
                  </a:lnTo>
                  <a:lnTo>
                    <a:pt x="731" y="150"/>
                  </a:lnTo>
                  <a:lnTo>
                    <a:pt x="726" y="147"/>
                  </a:lnTo>
                  <a:lnTo>
                    <a:pt x="725" y="144"/>
                  </a:lnTo>
                  <a:lnTo>
                    <a:pt x="721" y="139"/>
                  </a:lnTo>
                  <a:lnTo>
                    <a:pt x="721" y="134"/>
                  </a:lnTo>
                  <a:lnTo>
                    <a:pt x="719" y="130"/>
                  </a:lnTo>
                  <a:lnTo>
                    <a:pt x="719" y="125"/>
                  </a:lnTo>
                  <a:lnTo>
                    <a:pt x="719" y="123"/>
                  </a:lnTo>
                  <a:lnTo>
                    <a:pt x="714" y="110"/>
                  </a:lnTo>
                  <a:lnTo>
                    <a:pt x="713" y="108"/>
                  </a:lnTo>
                  <a:lnTo>
                    <a:pt x="711" y="105"/>
                  </a:lnTo>
                  <a:lnTo>
                    <a:pt x="708" y="103"/>
                  </a:lnTo>
                  <a:lnTo>
                    <a:pt x="706" y="100"/>
                  </a:lnTo>
                  <a:lnTo>
                    <a:pt x="703" y="95"/>
                  </a:lnTo>
                  <a:lnTo>
                    <a:pt x="699" y="93"/>
                  </a:lnTo>
                  <a:lnTo>
                    <a:pt x="697" y="90"/>
                  </a:lnTo>
                  <a:lnTo>
                    <a:pt x="696" y="88"/>
                  </a:lnTo>
                  <a:lnTo>
                    <a:pt x="694" y="84"/>
                  </a:lnTo>
                  <a:lnTo>
                    <a:pt x="692" y="79"/>
                  </a:lnTo>
                  <a:lnTo>
                    <a:pt x="689" y="74"/>
                  </a:lnTo>
                  <a:lnTo>
                    <a:pt x="686" y="69"/>
                  </a:lnTo>
                  <a:lnTo>
                    <a:pt x="681" y="64"/>
                  </a:lnTo>
                  <a:lnTo>
                    <a:pt x="675" y="61"/>
                  </a:lnTo>
                  <a:lnTo>
                    <a:pt x="667" y="59"/>
                  </a:lnTo>
                  <a:lnTo>
                    <a:pt x="665" y="59"/>
                  </a:lnTo>
                  <a:lnTo>
                    <a:pt x="662" y="57"/>
                  </a:lnTo>
                  <a:lnTo>
                    <a:pt x="659" y="56"/>
                  </a:lnTo>
                  <a:lnTo>
                    <a:pt x="659" y="54"/>
                  </a:lnTo>
                  <a:lnTo>
                    <a:pt x="648" y="54"/>
                  </a:lnTo>
                  <a:lnTo>
                    <a:pt x="637" y="44"/>
                  </a:lnTo>
                  <a:lnTo>
                    <a:pt x="584" y="44"/>
                  </a:lnTo>
                  <a:lnTo>
                    <a:pt x="584" y="46"/>
                  </a:lnTo>
                  <a:lnTo>
                    <a:pt x="582" y="47"/>
                  </a:lnTo>
                  <a:lnTo>
                    <a:pt x="579" y="51"/>
                  </a:lnTo>
                  <a:lnTo>
                    <a:pt x="576" y="52"/>
                  </a:lnTo>
                  <a:lnTo>
                    <a:pt x="572" y="56"/>
                  </a:lnTo>
                  <a:lnTo>
                    <a:pt x="569" y="56"/>
                  </a:lnTo>
                  <a:lnTo>
                    <a:pt x="565" y="54"/>
                  </a:lnTo>
                  <a:lnTo>
                    <a:pt x="562" y="51"/>
                  </a:lnTo>
                  <a:lnTo>
                    <a:pt x="560" y="49"/>
                  </a:lnTo>
                  <a:lnTo>
                    <a:pt x="555" y="46"/>
                  </a:lnTo>
                  <a:lnTo>
                    <a:pt x="549" y="42"/>
                  </a:lnTo>
                  <a:lnTo>
                    <a:pt x="542" y="37"/>
                  </a:lnTo>
                  <a:lnTo>
                    <a:pt x="535" y="32"/>
                  </a:lnTo>
                  <a:lnTo>
                    <a:pt x="528" y="29"/>
                  </a:lnTo>
                  <a:lnTo>
                    <a:pt x="523" y="25"/>
                  </a:lnTo>
                  <a:lnTo>
                    <a:pt x="521" y="25"/>
                  </a:lnTo>
                  <a:lnTo>
                    <a:pt x="520" y="25"/>
                  </a:lnTo>
                  <a:lnTo>
                    <a:pt x="516" y="25"/>
                  </a:lnTo>
                  <a:lnTo>
                    <a:pt x="511" y="24"/>
                  </a:lnTo>
                  <a:lnTo>
                    <a:pt x="503" y="24"/>
                  </a:lnTo>
                  <a:lnTo>
                    <a:pt x="493" y="24"/>
                  </a:lnTo>
                  <a:lnTo>
                    <a:pt x="481" y="24"/>
                  </a:lnTo>
                  <a:lnTo>
                    <a:pt x="467" y="24"/>
                  </a:lnTo>
                  <a:lnTo>
                    <a:pt x="450" y="22"/>
                  </a:lnTo>
                  <a:lnTo>
                    <a:pt x="433" y="22"/>
                  </a:lnTo>
                  <a:lnTo>
                    <a:pt x="417" y="20"/>
                  </a:lnTo>
                  <a:lnTo>
                    <a:pt x="398" y="20"/>
                  </a:lnTo>
                  <a:lnTo>
                    <a:pt x="378" y="20"/>
                  </a:lnTo>
                  <a:lnTo>
                    <a:pt x="357" y="18"/>
                  </a:lnTo>
                  <a:lnTo>
                    <a:pt x="335" y="18"/>
                  </a:lnTo>
                  <a:lnTo>
                    <a:pt x="313" y="17"/>
                  </a:lnTo>
                  <a:lnTo>
                    <a:pt x="291" y="15"/>
                  </a:lnTo>
                  <a:lnTo>
                    <a:pt x="269" y="15"/>
                  </a:lnTo>
                  <a:lnTo>
                    <a:pt x="247" y="13"/>
                  </a:lnTo>
                  <a:lnTo>
                    <a:pt x="225" y="13"/>
                  </a:lnTo>
                  <a:lnTo>
                    <a:pt x="203" y="12"/>
                  </a:lnTo>
                  <a:lnTo>
                    <a:pt x="181" y="12"/>
                  </a:lnTo>
                  <a:lnTo>
                    <a:pt x="161" y="10"/>
                  </a:lnTo>
                  <a:lnTo>
                    <a:pt x="142" y="8"/>
                  </a:lnTo>
                  <a:lnTo>
                    <a:pt x="122" y="8"/>
                  </a:lnTo>
                  <a:lnTo>
                    <a:pt x="105" y="7"/>
                  </a:lnTo>
                  <a:lnTo>
                    <a:pt x="88" y="7"/>
                  </a:lnTo>
                  <a:lnTo>
                    <a:pt x="73" y="5"/>
                  </a:lnTo>
                  <a:lnTo>
                    <a:pt x="59" y="3"/>
                  </a:lnTo>
                  <a:lnTo>
                    <a:pt x="48" y="3"/>
                  </a:lnTo>
                  <a:lnTo>
                    <a:pt x="37" y="2"/>
                  </a:lnTo>
                  <a:lnTo>
                    <a:pt x="31" y="2"/>
                  </a:lnTo>
                  <a:lnTo>
                    <a:pt x="24" y="0"/>
                  </a:lnTo>
                  <a:lnTo>
                    <a:pt x="2" y="250"/>
                  </a:lnTo>
                  <a:lnTo>
                    <a:pt x="0" y="250"/>
                  </a:lnTo>
                  <a:lnTo>
                    <a:pt x="193" y="262"/>
                  </a:lnTo>
                  <a:lnTo>
                    <a:pt x="186" y="387"/>
                  </a:lnTo>
                  <a:lnTo>
                    <a:pt x="197" y="389"/>
                  </a:lnTo>
                  <a:lnTo>
                    <a:pt x="208" y="391"/>
                  </a:lnTo>
                  <a:lnTo>
                    <a:pt x="224" y="392"/>
                  </a:lnTo>
                  <a:lnTo>
                    <a:pt x="239" y="392"/>
                  </a:lnTo>
                  <a:lnTo>
                    <a:pt x="257" y="394"/>
                  </a:lnTo>
                  <a:lnTo>
                    <a:pt x="278" y="396"/>
                  </a:lnTo>
                  <a:lnTo>
                    <a:pt x="298" y="396"/>
                  </a:lnTo>
                  <a:lnTo>
                    <a:pt x="322" y="398"/>
                  </a:lnTo>
                  <a:lnTo>
                    <a:pt x="345" y="398"/>
                  </a:lnTo>
                  <a:lnTo>
                    <a:pt x="371" y="399"/>
                  </a:lnTo>
                  <a:lnTo>
                    <a:pt x="396" y="399"/>
                  </a:lnTo>
                  <a:lnTo>
                    <a:pt x="423" y="399"/>
                  </a:lnTo>
                  <a:lnTo>
                    <a:pt x="450" y="401"/>
                  </a:lnTo>
                  <a:lnTo>
                    <a:pt x="477" y="401"/>
                  </a:lnTo>
                  <a:lnTo>
                    <a:pt x="505" y="401"/>
                  </a:lnTo>
                  <a:lnTo>
                    <a:pt x="532" y="401"/>
                  </a:lnTo>
                  <a:lnTo>
                    <a:pt x="559" y="403"/>
                  </a:lnTo>
                  <a:lnTo>
                    <a:pt x="586" y="403"/>
                  </a:lnTo>
                  <a:lnTo>
                    <a:pt x="611" y="403"/>
                  </a:lnTo>
                  <a:lnTo>
                    <a:pt x="637" y="403"/>
                  </a:lnTo>
                  <a:lnTo>
                    <a:pt x="660" y="403"/>
                  </a:lnTo>
                  <a:lnTo>
                    <a:pt x="684" y="403"/>
                  </a:lnTo>
                  <a:lnTo>
                    <a:pt x="704" y="404"/>
                  </a:lnTo>
                  <a:lnTo>
                    <a:pt x="725" y="404"/>
                  </a:lnTo>
                  <a:lnTo>
                    <a:pt x="743" y="404"/>
                  </a:lnTo>
                  <a:lnTo>
                    <a:pt x="760" y="404"/>
                  </a:lnTo>
                  <a:lnTo>
                    <a:pt x="775" y="404"/>
                  </a:lnTo>
                  <a:lnTo>
                    <a:pt x="787" y="404"/>
                  </a:lnTo>
                  <a:lnTo>
                    <a:pt x="797" y="404"/>
                  </a:lnTo>
                  <a:lnTo>
                    <a:pt x="804" y="404"/>
                  </a:lnTo>
                  <a:lnTo>
                    <a:pt x="809" y="404"/>
                  </a:lnTo>
                  <a:lnTo>
                    <a:pt x="811" y="404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70" name="Freeform 125"/>
            <p:cNvSpPr>
              <a:spLocks/>
            </p:cNvSpPr>
            <p:nvPr/>
          </p:nvSpPr>
          <p:spPr bwMode="auto">
            <a:xfrm>
              <a:off x="1384" y="1534"/>
              <a:ext cx="665" cy="553"/>
            </a:xfrm>
            <a:custGeom>
              <a:avLst/>
              <a:gdLst>
                <a:gd name="T0" fmla="*/ 119 w 684"/>
                <a:gd name="T1" fmla="*/ 340 h 570"/>
                <a:gd name="T2" fmla="*/ 108 w 684"/>
                <a:gd name="T3" fmla="*/ 337 h 570"/>
                <a:gd name="T4" fmla="*/ 89 w 684"/>
                <a:gd name="T5" fmla="*/ 333 h 570"/>
                <a:gd name="T6" fmla="*/ 69 w 684"/>
                <a:gd name="T7" fmla="*/ 330 h 570"/>
                <a:gd name="T8" fmla="*/ 47 w 684"/>
                <a:gd name="T9" fmla="*/ 327 h 570"/>
                <a:gd name="T10" fmla="*/ 25 w 684"/>
                <a:gd name="T11" fmla="*/ 324 h 570"/>
                <a:gd name="T12" fmla="*/ 16 w 684"/>
                <a:gd name="T13" fmla="*/ 322 h 570"/>
                <a:gd name="T14" fmla="*/ 2 w 684"/>
                <a:gd name="T15" fmla="*/ 320 h 570"/>
                <a:gd name="T16" fmla="*/ 17 w 684"/>
                <a:gd name="T17" fmla="*/ 244 h 570"/>
                <a:gd name="T18" fmla="*/ 50 w 684"/>
                <a:gd name="T19" fmla="*/ 0 h 570"/>
                <a:gd name="T20" fmla="*/ 83 w 684"/>
                <a:gd name="T21" fmla="*/ 7 h 570"/>
                <a:gd name="T22" fmla="*/ 116 w 684"/>
                <a:gd name="T23" fmla="*/ 15 h 570"/>
                <a:gd name="T24" fmla="*/ 149 w 684"/>
                <a:gd name="T25" fmla="*/ 16 h 570"/>
                <a:gd name="T26" fmla="*/ 182 w 684"/>
                <a:gd name="T27" fmla="*/ 16 h 570"/>
                <a:gd name="T28" fmla="*/ 218 w 684"/>
                <a:gd name="T29" fmla="*/ 20 h 570"/>
                <a:gd name="T30" fmla="*/ 252 w 684"/>
                <a:gd name="T31" fmla="*/ 27 h 570"/>
                <a:gd name="T32" fmla="*/ 285 w 684"/>
                <a:gd name="T33" fmla="*/ 32 h 570"/>
                <a:gd name="T34" fmla="*/ 316 w 684"/>
                <a:gd name="T35" fmla="*/ 36 h 570"/>
                <a:gd name="T36" fmla="*/ 347 w 684"/>
                <a:gd name="T37" fmla="*/ 39 h 570"/>
                <a:gd name="T38" fmla="*/ 374 w 684"/>
                <a:gd name="T39" fmla="*/ 40 h 570"/>
                <a:gd name="T40" fmla="*/ 399 w 684"/>
                <a:gd name="T41" fmla="*/ 42 h 570"/>
                <a:gd name="T42" fmla="*/ 421 w 684"/>
                <a:gd name="T43" fmla="*/ 44 h 570"/>
                <a:gd name="T44" fmla="*/ 437 w 684"/>
                <a:gd name="T45" fmla="*/ 45 h 570"/>
                <a:gd name="T46" fmla="*/ 449 w 684"/>
                <a:gd name="T47" fmla="*/ 45 h 570"/>
                <a:gd name="T48" fmla="*/ 459 w 684"/>
                <a:gd name="T49" fmla="*/ 45 h 570"/>
                <a:gd name="T50" fmla="*/ 461 w 684"/>
                <a:gd name="T51" fmla="*/ 46 h 570"/>
                <a:gd name="T52" fmla="*/ 446 w 684"/>
                <a:gd name="T53" fmla="*/ 210 h 570"/>
                <a:gd name="T54" fmla="*/ 432 w 684"/>
                <a:gd name="T55" fmla="*/ 373 h 570"/>
                <a:gd name="T56" fmla="*/ 425 w 684"/>
                <a:gd name="T57" fmla="*/ 372 h 570"/>
                <a:gd name="T58" fmla="*/ 412 w 684"/>
                <a:gd name="T59" fmla="*/ 372 h 570"/>
                <a:gd name="T60" fmla="*/ 395 w 684"/>
                <a:gd name="T61" fmla="*/ 371 h 570"/>
                <a:gd name="T62" fmla="*/ 374 w 684"/>
                <a:gd name="T63" fmla="*/ 368 h 570"/>
                <a:gd name="T64" fmla="*/ 350 w 684"/>
                <a:gd name="T65" fmla="*/ 364 h 570"/>
                <a:gd name="T66" fmla="*/ 324 w 684"/>
                <a:gd name="T67" fmla="*/ 362 h 570"/>
                <a:gd name="T68" fmla="*/ 296 w 684"/>
                <a:gd name="T69" fmla="*/ 360 h 570"/>
                <a:gd name="T70" fmla="*/ 266 w 684"/>
                <a:gd name="T71" fmla="*/ 357 h 570"/>
                <a:gd name="T72" fmla="*/ 240 w 684"/>
                <a:gd name="T73" fmla="*/ 353 h 570"/>
                <a:gd name="T74" fmla="*/ 213 w 684"/>
                <a:gd name="T75" fmla="*/ 350 h 570"/>
                <a:gd name="T76" fmla="*/ 187 w 684"/>
                <a:gd name="T77" fmla="*/ 348 h 570"/>
                <a:gd name="T78" fmla="*/ 166 w 684"/>
                <a:gd name="T79" fmla="*/ 344 h 570"/>
                <a:gd name="T80" fmla="*/ 146 w 684"/>
                <a:gd name="T81" fmla="*/ 342 h 570"/>
                <a:gd name="T82" fmla="*/ 134 w 684"/>
                <a:gd name="T83" fmla="*/ 341 h 570"/>
                <a:gd name="T84" fmla="*/ 122 w 684"/>
                <a:gd name="T85" fmla="*/ 340 h 570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684"/>
                <a:gd name="T130" fmla="*/ 0 h 570"/>
                <a:gd name="T131" fmla="*/ 684 w 684"/>
                <a:gd name="T132" fmla="*/ 570 h 570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684" h="570">
                  <a:moveTo>
                    <a:pt x="180" y="518"/>
                  </a:moveTo>
                  <a:lnTo>
                    <a:pt x="176" y="518"/>
                  </a:lnTo>
                  <a:lnTo>
                    <a:pt x="169" y="516"/>
                  </a:lnTo>
                  <a:lnTo>
                    <a:pt x="159" y="514"/>
                  </a:lnTo>
                  <a:lnTo>
                    <a:pt x="147" y="513"/>
                  </a:lnTo>
                  <a:lnTo>
                    <a:pt x="134" y="509"/>
                  </a:lnTo>
                  <a:lnTo>
                    <a:pt x="119" y="508"/>
                  </a:lnTo>
                  <a:lnTo>
                    <a:pt x="102" y="504"/>
                  </a:lnTo>
                  <a:lnTo>
                    <a:pt x="87" y="503"/>
                  </a:lnTo>
                  <a:lnTo>
                    <a:pt x="70" y="499"/>
                  </a:lnTo>
                  <a:lnTo>
                    <a:pt x="54" y="498"/>
                  </a:lnTo>
                  <a:lnTo>
                    <a:pt x="39" y="496"/>
                  </a:lnTo>
                  <a:lnTo>
                    <a:pt x="27" y="492"/>
                  </a:lnTo>
                  <a:lnTo>
                    <a:pt x="16" y="491"/>
                  </a:lnTo>
                  <a:lnTo>
                    <a:pt x="9" y="489"/>
                  </a:lnTo>
                  <a:lnTo>
                    <a:pt x="2" y="489"/>
                  </a:lnTo>
                  <a:lnTo>
                    <a:pt x="0" y="489"/>
                  </a:lnTo>
                  <a:lnTo>
                    <a:pt x="17" y="372"/>
                  </a:lnTo>
                  <a:lnTo>
                    <a:pt x="63" y="61"/>
                  </a:lnTo>
                  <a:lnTo>
                    <a:pt x="76" y="0"/>
                  </a:lnTo>
                  <a:lnTo>
                    <a:pt x="98" y="3"/>
                  </a:lnTo>
                  <a:lnTo>
                    <a:pt x="122" y="7"/>
                  </a:lnTo>
                  <a:lnTo>
                    <a:pt x="146" y="12"/>
                  </a:lnTo>
                  <a:lnTo>
                    <a:pt x="171" y="15"/>
                  </a:lnTo>
                  <a:lnTo>
                    <a:pt x="195" y="19"/>
                  </a:lnTo>
                  <a:lnTo>
                    <a:pt x="220" y="22"/>
                  </a:lnTo>
                  <a:lnTo>
                    <a:pt x="246" y="25"/>
                  </a:lnTo>
                  <a:lnTo>
                    <a:pt x="271" y="29"/>
                  </a:lnTo>
                  <a:lnTo>
                    <a:pt x="296" y="32"/>
                  </a:lnTo>
                  <a:lnTo>
                    <a:pt x="323" y="34"/>
                  </a:lnTo>
                  <a:lnTo>
                    <a:pt x="349" y="37"/>
                  </a:lnTo>
                  <a:lnTo>
                    <a:pt x="373" y="41"/>
                  </a:lnTo>
                  <a:lnTo>
                    <a:pt x="398" y="44"/>
                  </a:lnTo>
                  <a:lnTo>
                    <a:pt x="422" y="46"/>
                  </a:lnTo>
                  <a:lnTo>
                    <a:pt x="445" y="49"/>
                  </a:lnTo>
                  <a:lnTo>
                    <a:pt x="469" y="51"/>
                  </a:lnTo>
                  <a:lnTo>
                    <a:pt x="493" y="52"/>
                  </a:lnTo>
                  <a:lnTo>
                    <a:pt x="515" y="56"/>
                  </a:lnTo>
                  <a:lnTo>
                    <a:pt x="535" y="58"/>
                  </a:lnTo>
                  <a:lnTo>
                    <a:pt x="555" y="59"/>
                  </a:lnTo>
                  <a:lnTo>
                    <a:pt x="574" y="61"/>
                  </a:lnTo>
                  <a:lnTo>
                    <a:pt x="591" y="63"/>
                  </a:lnTo>
                  <a:lnTo>
                    <a:pt x="608" y="64"/>
                  </a:lnTo>
                  <a:lnTo>
                    <a:pt x="623" y="66"/>
                  </a:lnTo>
                  <a:lnTo>
                    <a:pt x="637" y="66"/>
                  </a:lnTo>
                  <a:lnTo>
                    <a:pt x="648" y="68"/>
                  </a:lnTo>
                  <a:lnTo>
                    <a:pt x="659" y="68"/>
                  </a:lnTo>
                  <a:lnTo>
                    <a:pt x="667" y="69"/>
                  </a:lnTo>
                  <a:lnTo>
                    <a:pt x="675" y="69"/>
                  </a:lnTo>
                  <a:lnTo>
                    <a:pt x="681" y="69"/>
                  </a:lnTo>
                  <a:lnTo>
                    <a:pt x="684" y="71"/>
                  </a:lnTo>
                  <a:lnTo>
                    <a:pt x="662" y="320"/>
                  </a:lnTo>
                  <a:lnTo>
                    <a:pt x="640" y="570"/>
                  </a:lnTo>
                  <a:lnTo>
                    <a:pt x="635" y="570"/>
                  </a:lnTo>
                  <a:lnTo>
                    <a:pt x="630" y="569"/>
                  </a:lnTo>
                  <a:lnTo>
                    <a:pt x="621" y="569"/>
                  </a:lnTo>
                  <a:lnTo>
                    <a:pt x="611" y="567"/>
                  </a:lnTo>
                  <a:lnTo>
                    <a:pt x="599" y="565"/>
                  </a:lnTo>
                  <a:lnTo>
                    <a:pt x="586" y="565"/>
                  </a:lnTo>
                  <a:lnTo>
                    <a:pt x="571" y="564"/>
                  </a:lnTo>
                  <a:lnTo>
                    <a:pt x="555" y="562"/>
                  </a:lnTo>
                  <a:lnTo>
                    <a:pt x="538" y="558"/>
                  </a:lnTo>
                  <a:lnTo>
                    <a:pt x="520" y="557"/>
                  </a:lnTo>
                  <a:lnTo>
                    <a:pt x="501" y="555"/>
                  </a:lnTo>
                  <a:lnTo>
                    <a:pt x="481" y="553"/>
                  </a:lnTo>
                  <a:lnTo>
                    <a:pt x="461" y="552"/>
                  </a:lnTo>
                  <a:lnTo>
                    <a:pt x="439" y="548"/>
                  </a:lnTo>
                  <a:lnTo>
                    <a:pt x="418" y="547"/>
                  </a:lnTo>
                  <a:lnTo>
                    <a:pt x="396" y="545"/>
                  </a:lnTo>
                  <a:lnTo>
                    <a:pt x="376" y="542"/>
                  </a:lnTo>
                  <a:lnTo>
                    <a:pt x="356" y="540"/>
                  </a:lnTo>
                  <a:lnTo>
                    <a:pt x="335" y="536"/>
                  </a:lnTo>
                  <a:lnTo>
                    <a:pt x="315" y="535"/>
                  </a:lnTo>
                  <a:lnTo>
                    <a:pt x="296" y="533"/>
                  </a:lnTo>
                  <a:lnTo>
                    <a:pt x="278" y="531"/>
                  </a:lnTo>
                  <a:lnTo>
                    <a:pt x="261" y="528"/>
                  </a:lnTo>
                  <a:lnTo>
                    <a:pt x="246" y="526"/>
                  </a:lnTo>
                  <a:lnTo>
                    <a:pt x="230" y="525"/>
                  </a:lnTo>
                  <a:lnTo>
                    <a:pt x="217" y="523"/>
                  </a:lnTo>
                  <a:lnTo>
                    <a:pt x="207" y="523"/>
                  </a:lnTo>
                  <a:lnTo>
                    <a:pt x="197" y="521"/>
                  </a:lnTo>
                  <a:lnTo>
                    <a:pt x="188" y="520"/>
                  </a:lnTo>
                  <a:lnTo>
                    <a:pt x="183" y="520"/>
                  </a:lnTo>
                  <a:lnTo>
                    <a:pt x="180" y="518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771" name="Group 126"/>
            <p:cNvGrpSpPr>
              <a:grpSpLocks/>
            </p:cNvGrpSpPr>
            <p:nvPr/>
          </p:nvGrpSpPr>
          <p:grpSpPr bwMode="auto">
            <a:xfrm>
              <a:off x="3179" y="1296"/>
              <a:ext cx="723" cy="681"/>
              <a:chOff x="3132" y="1095"/>
              <a:chExt cx="724" cy="681"/>
            </a:xfrm>
          </p:grpSpPr>
          <p:sp>
            <p:nvSpPr>
              <p:cNvPr id="834" name="Freeform 127"/>
              <p:cNvSpPr>
                <a:spLocks/>
              </p:cNvSpPr>
              <p:nvPr/>
            </p:nvSpPr>
            <p:spPr bwMode="auto">
              <a:xfrm>
                <a:off x="3132" y="1095"/>
                <a:ext cx="548" cy="284"/>
              </a:xfrm>
              <a:custGeom>
                <a:avLst/>
                <a:gdLst>
                  <a:gd name="T0" fmla="*/ 12 w 564"/>
                  <a:gd name="T1" fmla="*/ 83 h 293"/>
                  <a:gd name="T2" fmla="*/ 17 w 564"/>
                  <a:gd name="T3" fmla="*/ 98 h 293"/>
                  <a:gd name="T4" fmla="*/ 27 w 564"/>
                  <a:gd name="T5" fmla="*/ 104 h 293"/>
                  <a:gd name="T6" fmla="*/ 45 w 564"/>
                  <a:gd name="T7" fmla="*/ 104 h 293"/>
                  <a:gd name="T8" fmla="*/ 79 w 564"/>
                  <a:gd name="T9" fmla="*/ 112 h 293"/>
                  <a:gd name="T10" fmla="*/ 104 w 564"/>
                  <a:gd name="T11" fmla="*/ 122 h 293"/>
                  <a:gd name="T12" fmla="*/ 137 w 564"/>
                  <a:gd name="T13" fmla="*/ 125 h 293"/>
                  <a:gd name="T14" fmla="*/ 149 w 564"/>
                  <a:gd name="T15" fmla="*/ 137 h 293"/>
                  <a:gd name="T16" fmla="*/ 156 w 564"/>
                  <a:gd name="T17" fmla="*/ 160 h 293"/>
                  <a:gd name="T18" fmla="*/ 154 w 564"/>
                  <a:gd name="T19" fmla="*/ 172 h 293"/>
                  <a:gd name="T20" fmla="*/ 168 w 564"/>
                  <a:gd name="T21" fmla="*/ 184 h 293"/>
                  <a:gd name="T22" fmla="*/ 178 w 564"/>
                  <a:gd name="T23" fmla="*/ 181 h 293"/>
                  <a:gd name="T24" fmla="*/ 182 w 564"/>
                  <a:gd name="T25" fmla="*/ 172 h 293"/>
                  <a:gd name="T26" fmla="*/ 193 w 564"/>
                  <a:gd name="T27" fmla="*/ 151 h 293"/>
                  <a:gd name="T28" fmla="*/ 200 w 564"/>
                  <a:gd name="T29" fmla="*/ 139 h 293"/>
                  <a:gd name="T30" fmla="*/ 206 w 564"/>
                  <a:gd name="T31" fmla="*/ 122 h 293"/>
                  <a:gd name="T32" fmla="*/ 206 w 564"/>
                  <a:gd name="T33" fmla="*/ 132 h 293"/>
                  <a:gd name="T34" fmla="*/ 218 w 564"/>
                  <a:gd name="T35" fmla="*/ 125 h 293"/>
                  <a:gd name="T36" fmla="*/ 229 w 564"/>
                  <a:gd name="T37" fmla="*/ 127 h 293"/>
                  <a:gd name="T38" fmla="*/ 224 w 564"/>
                  <a:gd name="T39" fmla="*/ 139 h 293"/>
                  <a:gd name="T40" fmla="*/ 229 w 564"/>
                  <a:gd name="T41" fmla="*/ 137 h 293"/>
                  <a:gd name="T42" fmla="*/ 244 w 564"/>
                  <a:gd name="T43" fmla="*/ 125 h 293"/>
                  <a:gd name="T44" fmla="*/ 250 w 564"/>
                  <a:gd name="T45" fmla="*/ 111 h 293"/>
                  <a:gd name="T46" fmla="*/ 287 w 564"/>
                  <a:gd name="T47" fmla="*/ 98 h 293"/>
                  <a:gd name="T48" fmla="*/ 315 w 564"/>
                  <a:gd name="T49" fmla="*/ 101 h 293"/>
                  <a:gd name="T50" fmla="*/ 335 w 564"/>
                  <a:gd name="T51" fmla="*/ 114 h 293"/>
                  <a:gd name="T52" fmla="*/ 334 w 564"/>
                  <a:gd name="T53" fmla="*/ 101 h 293"/>
                  <a:gd name="T54" fmla="*/ 341 w 564"/>
                  <a:gd name="T55" fmla="*/ 97 h 293"/>
                  <a:gd name="T56" fmla="*/ 351 w 564"/>
                  <a:gd name="T57" fmla="*/ 98 h 293"/>
                  <a:gd name="T58" fmla="*/ 373 w 564"/>
                  <a:gd name="T59" fmla="*/ 94 h 293"/>
                  <a:gd name="T60" fmla="*/ 360 w 564"/>
                  <a:gd name="T61" fmla="*/ 79 h 293"/>
                  <a:gd name="T62" fmla="*/ 357 w 564"/>
                  <a:gd name="T63" fmla="*/ 65 h 293"/>
                  <a:gd name="T64" fmla="*/ 347 w 564"/>
                  <a:gd name="T65" fmla="*/ 63 h 293"/>
                  <a:gd name="T66" fmla="*/ 331 w 564"/>
                  <a:gd name="T67" fmla="*/ 64 h 293"/>
                  <a:gd name="T68" fmla="*/ 309 w 564"/>
                  <a:gd name="T69" fmla="*/ 46 h 293"/>
                  <a:gd name="T70" fmla="*/ 304 w 564"/>
                  <a:gd name="T71" fmla="*/ 42 h 293"/>
                  <a:gd name="T72" fmla="*/ 290 w 564"/>
                  <a:gd name="T73" fmla="*/ 46 h 293"/>
                  <a:gd name="T74" fmla="*/ 264 w 564"/>
                  <a:gd name="T75" fmla="*/ 53 h 293"/>
                  <a:gd name="T76" fmla="*/ 247 w 564"/>
                  <a:gd name="T77" fmla="*/ 54 h 293"/>
                  <a:gd name="T78" fmla="*/ 212 w 564"/>
                  <a:gd name="T79" fmla="*/ 76 h 293"/>
                  <a:gd name="T80" fmla="*/ 203 w 564"/>
                  <a:gd name="T81" fmla="*/ 72 h 293"/>
                  <a:gd name="T82" fmla="*/ 190 w 564"/>
                  <a:gd name="T83" fmla="*/ 75 h 293"/>
                  <a:gd name="T84" fmla="*/ 170 w 564"/>
                  <a:gd name="T85" fmla="*/ 65 h 293"/>
                  <a:gd name="T86" fmla="*/ 151 w 564"/>
                  <a:gd name="T87" fmla="*/ 45 h 293"/>
                  <a:gd name="T88" fmla="*/ 127 w 564"/>
                  <a:gd name="T89" fmla="*/ 52 h 293"/>
                  <a:gd name="T90" fmla="*/ 130 w 564"/>
                  <a:gd name="T91" fmla="*/ 44 h 293"/>
                  <a:gd name="T92" fmla="*/ 117 w 564"/>
                  <a:gd name="T93" fmla="*/ 52 h 293"/>
                  <a:gd name="T94" fmla="*/ 113 w 564"/>
                  <a:gd name="T95" fmla="*/ 42 h 293"/>
                  <a:gd name="T96" fmla="*/ 108 w 564"/>
                  <a:gd name="T97" fmla="*/ 40 h 293"/>
                  <a:gd name="T98" fmla="*/ 111 w 564"/>
                  <a:gd name="T99" fmla="*/ 35 h 293"/>
                  <a:gd name="T100" fmla="*/ 113 w 564"/>
                  <a:gd name="T101" fmla="*/ 35 h 293"/>
                  <a:gd name="T102" fmla="*/ 114 w 564"/>
                  <a:gd name="T103" fmla="*/ 39 h 293"/>
                  <a:gd name="T104" fmla="*/ 117 w 564"/>
                  <a:gd name="T105" fmla="*/ 37 h 293"/>
                  <a:gd name="T106" fmla="*/ 142 w 564"/>
                  <a:gd name="T107" fmla="*/ 8 h 293"/>
                  <a:gd name="T108" fmla="*/ 152 w 564"/>
                  <a:gd name="T109" fmla="*/ 3 h 293"/>
                  <a:gd name="T110" fmla="*/ 132 w 564"/>
                  <a:gd name="T111" fmla="*/ 2 h 293"/>
                  <a:gd name="T112" fmla="*/ 104 w 564"/>
                  <a:gd name="T113" fmla="*/ 20 h 293"/>
                  <a:gd name="T114" fmla="*/ 87 w 564"/>
                  <a:gd name="T115" fmla="*/ 38 h 293"/>
                  <a:gd name="T116" fmla="*/ 74 w 564"/>
                  <a:gd name="T117" fmla="*/ 46 h 293"/>
                  <a:gd name="T118" fmla="*/ 55 w 564"/>
                  <a:gd name="T119" fmla="*/ 59 h 293"/>
                  <a:gd name="T120" fmla="*/ 42 w 564"/>
                  <a:gd name="T121" fmla="*/ 61 h 293"/>
                  <a:gd name="T122" fmla="*/ 17 w 564"/>
                  <a:gd name="T123" fmla="*/ 76 h 293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w 564"/>
                  <a:gd name="T187" fmla="*/ 0 h 293"/>
                  <a:gd name="T188" fmla="*/ 564 w 564"/>
                  <a:gd name="T189" fmla="*/ 293 h 293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T186" t="T187" r="T188" b="T189"/>
                <a:pathLst>
                  <a:path w="564" h="293">
                    <a:moveTo>
                      <a:pt x="0" y="129"/>
                    </a:moveTo>
                    <a:lnTo>
                      <a:pt x="2" y="129"/>
                    </a:lnTo>
                    <a:lnTo>
                      <a:pt x="4" y="129"/>
                    </a:lnTo>
                    <a:lnTo>
                      <a:pt x="6" y="129"/>
                    </a:lnTo>
                    <a:lnTo>
                      <a:pt x="9" y="129"/>
                    </a:lnTo>
                    <a:lnTo>
                      <a:pt x="12" y="129"/>
                    </a:lnTo>
                    <a:lnTo>
                      <a:pt x="17" y="130"/>
                    </a:lnTo>
                    <a:lnTo>
                      <a:pt x="21" y="135"/>
                    </a:lnTo>
                    <a:lnTo>
                      <a:pt x="26" y="140"/>
                    </a:lnTo>
                    <a:lnTo>
                      <a:pt x="29" y="149"/>
                    </a:lnTo>
                    <a:lnTo>
                      <a:pt x="31" y="151"/>
                    </a:lnTo>
                    <a:lnTo>
                      <a:pt x="31" y="152"/>
                    </a:lnTo>
                    <a:lnTo>
                      <a:pt x="34" y="154"/>
                    </a:lnTo>
                    <a:lnTo>
                      <a:pt x="36" y="156"/>
                    </a:lnTo>
                    <a:lnTo>
                      <a:pt x="38" y="157"/>
                    </a:lnTo>
                    <a:lnTo>
                      <a:pt x="39" y="159"/>
                    </a:lnTo>
                    <a:lnTo>
                      <a:pt x="41" y="159"/>
                    </a:lnTo>
                    <a:lnTo>
                      <a:pt x="41" y="161"/>
                    </a:lnTo>
                    <a:lnTo>
                      <a:pt x="44" y="161"/>
                    </a:lnTo>
                    <a:lnTo>
                      <a:pt x="48" y="161"/>
                    </a:lnTo>
                    <a:lnTo>
                      <a:pt x="53" y="161"/>
                    </a:lnTo>
                    <a:lnTo>
                      <a:pt x="60" y="162"/>
                    </a:lnTo>
                    <a:lnTo>
                      <a:pt x="66" y="162"/>
                    </a:lnTo>
                    <a:lnTo>
                      <a:pt x="75" y="164"/>
                    </a:lnTo>
                    <a:lnTo>
                      <a:pt x="83" y="166"/>
                    </a:lnTo>
                    <a:lnTo>
                      <a:pt x="92" y="168"/>
                    </a:lnTo>
                    <a:lnTo>
                      <a:pt x="100" y="169"/>
                    </a:lnTo>
                    <a:lnTo>
                      <a:pt x="109" y="171"/>
                    </a:lnTo>
                    <a:lnTo>
                      <a:pt x="117" y="174"/>
                    </a:lnTo>
                    <a:lnTo>
                      <a:pt x="126" y="176"/>
                    </a:lnTo>
                    <a:lnTo>
                      <a:pt x="132" y="179"/>
                    </a:lnTo>
                    <a:lnTo>
                      <a:pt x="139" y="183"/>
                    </a:lnTo>
                    <a:lnTo>
                      <a:pt x="146" y="186"/>
                    </a:lnTo>
                    <a:lnTo>
                      <a:pt x="148" y="186"/>
                    </a:lnTo>
                    <a:lnTo>
                      <a:pt x="154" y="188"/>
                    </a:lnTo>
                    <a:lnTo>
                      <a:pt x="165" y="190"/>
                    </a:lnTo>
                    <a:lnTo>
                      <a:pt x="175" y="190"/>
                    </a:lnTo>
                    <a:lnTo>
                      <a:pt x="185" y="191"/>
                    </a:lnTo>
                    <a:lnTo>
                      <a:pt x="193" y="193"/>
                    </a:lnTo>
                    <a:lnTo>
                      <a:pt x="200" y="193"/>
                    </a:lnTo>
                    <a:lnTo>
                      <a:pt x="204" y="193"/>
                    </a:lnTo>
                    <a:lnTo>
                      <a:pt x="207" y="198"/>
                    </a:lnTo>
                    <a:lnTo>
                      <a:pt x="210" y="210"/>
                    </a:lnTo>
                    <a:lnTo>
                      <a:pt x="212" y="210"/>
                    </a:lnTo>
                    <a:lnTo>
                      <a:pt x="214" y="210"/>
                    </a:lnTo>
                    <a:lnTo>
                      <a:pt x="219" y="210"/>
                    </a:lnTo>
                    <a:lnTo>
                      <a:pt x="222" y="212"/>
                    </a:lnTo>
                    <a:lnTo>
                      <a:pt x="227" y="215"/>
                    </a:lnTo>
                    <a:lnTo>
                      <a:pt x="231" y="222"/>
                    </a:lnTo>
                    <a:lnTo>
                      <a:pt x="234" y="230"/>
                    </a:lnTo>
                    <a:lnTo>
                      <a:pt x="236" y="242"/>
                    </a:lnTo>
                    <a:lnTo>
                      <a:pt x="236" y="244"/>
                    </a:lnTo>
                    <a:lnTo>
                      <a:pt x="234" y="247"/>
                    </a:lnTo>
                    <a:lnTo>
                      <a:pt x="234" y="250"/>
                    </a:lnTo>
                    <a:lnTo>
                      <a:pt x="234" y="256"/>
                    </a:lnTo>
                    <a:lnTo>
                      <a:pt x="232" y="259"/>
                    </a:lnTo>
                    <a:lnTo>
                      <a:pt x="232" y="262"/>
                    </a:lnTo>
                    <a:lnTo>
                      <a:pt x="231" y="266"/>
                    </a:lnTo>
                    <a:lnTo>
                      <a:pt x="253" y="266"/>
                    </a:lnTo>
                    <a:lnTo>
                      <a:pt x="253" y="267"/>
                    </a:lnTo>
                    <a:lnTo>
                      <a:pt x="251" y="269"/>
                    </a:lnTo>
                    <a:lnTo>
                      <a:pt x="251" y="274"/>
                    </a:lnTo>
                    <a:lnTo>
                      <a:pt x="251" y="279"/>
                    </a:lnTo>
                    <a:lnTo>
                      <a:pt x="251" y="284"/>
                    </a:lnTo>
                    <a:lnTo>
                      <a:pt x="253" y="288"/>
                    </a:lnTo>
                    <a:lnTo>
                      <a:pt x="256" y="291"/>
                    </a:lnTo>
                    <a:lnTo>
                      <a:pt x="261" y="293"/>
                    </a:lnTo>
                    <a:lnTo>
                      <a:pt x="266" y="279"/>
                    </a:lnTo>
                    <a:lnTo>
                      <a:pt x="266" y="281"/>
                    </a:lnTo>
                    <a:lnTo>
                      <a:pt x="266" y="279"/>
                    </a:lnTo>
                    <a:lnTo>
                      <a:pt x="266" y="278"/>
                    </a:lnTo>
                    <a:lnTo>
                      <a:pt x="268" y="274"/>
                    </a:lnTo>
                    <a:lnTo>
                      <a:pt x="270" y="271"/>
                    </a:lnTo>
                    <a:lnTo>
                      <a:pt x="271" y="266"/>
                    </a:lnTo>
                    <a:lnTo>
                      <a:pt x="275" y="261"/>
                    </a:lnTo>
                    <a:lnTo>
                      <a:pt x="276" y="256"/>
                    </a:lnTo>
                    <a:lnTo>
                      <a:pt x="280" y="250"/>
                    </a:lnTo>
                    <a:lnTo>
                      <a:pt x="283" y="245"/>
                    </a:lnTo>
                    <a:lnTo>
                      <a:pt x="286" y="239"/>
                    </a:lnTo>
                    <a:lnTo>
                      <a:pt x="288" y="234"/>
                    </a:lnTo>
                    <a:lnTo>
                      <a:pt x="292" y="228"/>
                    </a:lnTo>
                    <a:lnTo>
                      <a:pt x="293" y="225"/>
                    </a:lnTo>
                    <a:lnTo>
                      <a:pt x="297" y="220"/>
                    </a:lnTo>
                    <a:lnTo>
                      <a:pt x="298" y="218"/>
                    </a:lnTo>
                    <a:lnTo>
                      <a:pt x="298" y="217"/>
                    </a:lnTo>
                    <a:lnTo>
                      <a:pt x="300" y="215"/>
                    </a:lnTo>
                    <a:lnTo>
                      <a:pt x="300" y="206"/>
                    </a:lnTo>
                    <a:lnTo>
                      <a:pt x="302" y="198"/>
                    </a:lnTo>
                    <a:lnTo>
                      <a:pt x="303" y="193"/>
                    </a:lnTo>
                    <a:lnTo>
                      <a:pt x="305" y="191"/>
                    </a:lnTo>
                    <a:lnTo>
                      <a:pt x="307" y="188"/>
                    </a:lnTo>
                    <a:lnTo>
                      <a:pt x="308" y="188"/>
                    </a:lnTo>
                    <a:lnTo>
                      <a:pt x="310" y="188"/>
                    </a:lnTo>
                    <a:lnTo>
                      <a:pt x="308" y="191"/>
                    </a:lnTo>
                    <a:lnTo>
                      <a:pt x="308" y="195"/>
                    </a:lnTo>
                    <a:lnTo>
                      <a:pt x="308" y="198"/>
                    </a:lnTo>
                    <a:lnTo>
                      <a:pt x="308" y="203"/>
                    </a:lnTo>
                    <a:lnTo>
                      <a:pt x="308" y="206"/>
                    </a:lnTo>
                    <a:lnTo>
                      <a:pt x="308" y="210"/>
                    </a:lnTo>
                    <a:lnTo>
                      <a:pt x="310" y="213"/>
                    </a:lnTo>
                    <a:lnTo>
                      <a:pt x="327" y="201"/>
                    </a:lnTo>
                    <a:lnTo>
                      <a:pt x="327" y="193"/>
                    </a:lnTo>
                    <a:lnTo>
                      <a:pt x="336" y="191"/>
                    </a:lnTo>
                    <a:lnTo>
                      <a:pt x="341" y="186"/>
                    </a:lnTo>
                    <a:lnTo>
                      <a:pt x="346" y="191"/>
                    </a:lnTo>
                    <a:lnTo>
                      <a:pt x="344" y="191"/>
                    </a:lnTo>
                    <a:lnTo>
                      <a:pt x="344" y="193"/>
                    </a:lnTo>
                    <a:lnTo>
                      <a:pt x="342" y="196"/>
                    </a:lnTo>
                    <a:lnTo>
                      <a:pt x="341" y="198"/>
                    </a:lnTo>
                    <a:lnTo>
                      <a:pt x="339" y="201"/>
                    </a:lnTo>
                    <a:lnTo>
                      <a:pt x="336" y="205"/>
                    </a:lnTo>
                    <a:lnTo>
                      <a:pt x="336" y="208"/>
                    </a:lnTo>
                    <a:lnTo>
                      <a:pt x="336" y="210"/>
                    </a:lnTo>
                    <a:lnTo>
                      <a:pt x="336" y="215"/>
                    </a:lnTo>
                    <a:lnTo>
                      <a:pt x="336" y="218"/>
                    </a:lnTo>
                    <a:lnTo>
                      <a:pt x="337" y="218"/>
                    </a:lnTo>
                    <a:lnTo>
                      <a:pt x="339" y="217"/>
                    </a:lnTo>
                    <a:lnTo>
                      <a:pt x="341" y="215"/>
                    </a:lnTo>
                    <a:lnTo>
                      <a:pt x="342" y="213"/>
                    </a:lnTo>
                    <a:lnTo>
                      <a:pt x="342" y="212"/>
                    </a:lnTo>
                    <a:lnTo>
                      <a:pt x="344" y="210"/>
                    </a:lnTo>
                    <a:lnTo>
                      <a:pt x="354" y="198"/>
                    </a:lnTo>
                    <a:lnTo>
                      <a:pt x="356" y="198"/>
                    </a:lnTo>
                    <a:lnTo>
                      <a:pt x="359" y="196"/>
                    </a:lnTo>
                    <a:lnTo>
                      <a:pt x="363" y="193"/>
                    </a:lnTo>
                    <a:lnTo>
                      <a:pt x="364" y="193"/>
                    </a:lnTo>
                    <a:lnTo>
                      <a:pt x="363" y="188"/>
                    </a:lnTo>
                    <a:lnTo>
                      <a:pt x="363" y="183"/>
                    </a:lnTo>
                    <a:lnTo>
                      <a:pt x="364" y="179"/>
                    </a:lnTo>
                    <a:lnTo>
                      <a:pt x="366" y="176"/>
                    </a:lnTo>
                    <a:lnTo>
                      <a:pt x="369" y="174"/>
                    </a:lnTo>
                    <a:lnTo>
                      <a:pt x="373" y="173"/>
                    </a:lnTo>
                    <a:lnTo>
                      <a:pt x="374" y="173"/>
                    </a:lnTo>
                    <a:lnTo>
                      <a:pt x="376" y="171"/>
                    </a:lnTo>
                    <a:lnTo>
                      <a:pt x="400" y="173"/>
                    </a:lnTo>
                    <a:lnTo>
                      <a:pt x="400" y="168"/>
                    </a:lnTo>
                    <a:lnTo>
                      <a:pt x="417" y="168"/>
                    </a:lnTo>
                    <a:lnTo>
                      <a:pt x="429" y="151"/>
                    </a:lnTo>
                    <a:lnTo>
                      <a:pt x="468" y="154"/>
                    </a:lnTo>
                    <a:lnTo>
                      <a:pt x="471" y="157"/>
                    </a:lnTo>
                    <a:lnTo>
                      <a:pt x="474" y="159"/>
                    </a:lnTo>
                    <a:lnTo>
                      <a:pt x="479" y="162"/>
                    </a:lnTo>
                    <a:lnTo>
                      <a:pt x="486" y="168"/>
                    </a:lnTo>
                    <a:lnTo>
                      <a:pt x="493" y="171"/>
                    </a:lnTo>
                    <a:lnTo>
                      <a:pt x="498" y="174"/>
                    </a:lnTo>
                    <a:lnTo>
                      <a:pt x="501" y="176"/>
                    </a:lnTo>
                    <a:lnTo>
                      <a:pt x="503" y="174"/>
                    </a:lnTo>
                    <a:lnTo>
                      <a:pt x="503" y="173"/>
                    </a:lnTo>
                    <a:lnTo>
                      <a:pt x="501" y="171"/>
                    </a:lnTo>
                    <a:lnTo>
                      <a:pt x="501" y="166"/>
                    </a:lnTo>
                    <a:lnTo>
                      <a:pt x="500" y="162"/>
                    </a:lnTo>
                    <a:lnTo>
                      <a:pt x="500" y="157"/>
                    </a:lnTo>
                    <a:lnTo>
                      <a:pt x="501" y="154"/>
                    </a:lnTo>
                    <a:lnTo>
                      <a:pt x="501" y="152"/>
                    </a:lnTo>
                    <a:lnTo>
                      <a:pt x="505" y="151"/>
                    </a:lnTo>
                    <a:lnTo>
                      <a:pt x="506" y="149"/>
                    </a:lnTo>
                    <a:lnTo>
                      <a:pt x="508" y="149"/>
                    </a:lnTo>
                    <a:lnTo>
                      <a:pt x="510" y="149"/>
                    </a:lnTo>
                    <a:lnTo>
                      <a:pt x="510" y="152"/>
                    </a:lnTo>
                    <a:lnTo>
                      <a:pt x="513" y="154"/>
                    </a:lnTo>
                    <a:lnTo>
                      <a:pt x="517" y="154"/>
                    </a:lnTo>
                    <a:lnTo>
                      <a:pt x="520" y="154"/>
                    </a:lnTo>
                    <a:lnTo>
                      <a:pt x="525" y="152"/>
                    </a:lnTo>
                    <a:lnTo>
                      <a:pt x="528" y="151"/>
                    </a:lnTo>
                    <a:lnTo>
                      <a:pt x="532" y="151"/>
                    </a:lnTo>
                    <a:lnTo>
                      <a:pt x="532" y="149"/>
                    </a:lnTo>
                    <a:lnTo>
                      <a:pt x="562" y="149"/>
                    </a:lnTo>
                    <a:lnTo>
                      <a:pt x="564" y="144"/>
                    </a:lnTo>
                    <a:lnTo>
                      <a:pt x="559" y="144"/>
                    </a:lnTo>
                    <a:lnTo>
                      <a:pt x="550" y="129"/>
                    </a:lnTo>
                    <a:lnTo>
                      <a:pt x="537" y="129"/>
                    </a:lnTo>
                    <a:lnTo>
                      <a:pt x="537" y="127"/>
                    </a:lnTo>
                    <a:lnTo>
                      <a:pt x="537" y="125"/>
                    </a:lnTo>
                    <a:lnTo>
                      <a:pt x="537" y="124"/>
                    </a:lnTo>
                    <a:lnTo>
                      <a:pt x="535" y="120"/>
                    </a:lnTo>
                    <a:lnTo>
                      <a:pt x="535" y="118"/>
                    </a:lnTo>
                    <a:lnTo>
                      <a:pt x="535" y="117"/>
                    </a:lnTo>
                    <a:lnTo>
                      <a:pt x="535" y="115"/>
                    </a:lnTo>
                    <a:lnTo>
                      <a:pt x="535" y="105"/>
                    </a:lnTo>
                    <a:lnTo>
                      <a:pt x="534" y="100"/>
                    </a:lnTo>
                    <a:lnTo>
                      <a:pt x="530" y="96"/>
                    </a:lnTo>
                    <a:lnTo>
                      <a:pt x="527" y="95"/>
                    </a:lnTo>
                    <a:lnTo>
                      <a:pt x="523" y="95"/>
                    </a:lnTo>
                    <a:lnTo>
                      <a:pt x="520" y="95"/>
                    </a:lnTo>
                    <a:lnTo>
                      <a:pt x="518" y="96"/>
                    </a:lnTo>
                    <a:lnTo>
                      <a:pt x="513" y="102"/>
                    </a:lnTo>
                    <a:lnTo>
                      <a:pt x="508" y="102"/>
                    </a:lnTo>
                    <a:lnTo>
                      <a:pt x="505" y="102"/>
                    </a:lnTo>
                    <a:lnTo>
                      <a:pt x="501" y="102"/>
                    </a:lnTo>
                    <a:lnTo>
                      <a:pt x="500" y="100"/>
                    </a:lnTo>
                    <a:lnTo>
                      <a:pt x="496" y="98"/>
                    </a:lnTo>
                    <a:lnTo>
                      <a:pt x="496" y="96"/>
                    </a:lnTo>
                    <a:lnTo>
                      <a:pt x="496" y="95"/>
                    </a:lnTo>
                    <a:lnTo>
                      <a:pt x="490" y="102"/>
                    </a:lnTo>
                    <a:lnTo>
                      <a:pt x="468" y="100"/>
                    </a:lnTo>
                    <a:lnTo>
                      <a:pt x="466" y="95"/>
                    </a:lnTo>
                    <a:lnTo>
                      <a:pt x="462" y="73"/>
                    </a:lnTo>
                    <a:lnTo>
                      <a:pt x="466" y="68"/>
                    </a:lnTo>
                    <a:lnTo>
                      <a:pt x="464" y="61"/>
                    </a:lnTo>
                    <a:lnTo>
                      <a:pt x="462" y="63"/>
                    </a:lnTo>
                    <a:lnTo>
                      <a:pt x="459" y="63"/>
                    </a:lnTo>
                    <a:lnTo>
                      <a:pt x="456" y="64"/>
                    </a:lnTo>
                    <a:lnTo>
                      <a:pt x="452" y="66"/>
                    </a:lnTo>
                    <a:lnTo>
                      <a:pt x="449" y="66"/>
                    </a:lnTo>
                    <a:lnTo>
                      <a:pt x="447" y="68"/>
                    </a:lnTo>
                    <a:lnTo>
                      <a:pt x="440" y="71"/>
                    </a:lnTo>
                    <a:lnTo>
                      <a:pt x="434" y="73"/>
                    </a:lnTo>
                    <a:lnTo>
                      <a:pt x="427" y="74"/>
                    </a:lnTo>
                    <a:lnTo>
                      <a:pt x="420" y="78"/>
                    </a:lnTo>
                    <a:lnTo>
                      <a:pt x="413" y="78"/>
                    </a:lnTo>
                    <a:lnTo>
                      <a:pt x="407" y="80"/>
                    </a:lnTo>
                    <a:lnTo>
                      <a:pt x="402" y="81"/>
                    </a:lnTo>
                    <a:lnTo>
                      <a:pt x="395" y="81"/>
                    </a:lnTo>
                    <a:lnTo>
                      <a:pt x="390" y="83"/>
                    </a:lnTo>
                    <a:lnTo>
                      <a:pt x="383" y="83"/>
                    </a:lnTo>
                    <a:lnTo>
                      <a:pt x="380" y="83"/>
                    </a:lnTo>
                    <a:lnTo>
                      <a:pt x="374" y="83"/>
                    </a:lnTo>
                    <a:lnTo>
                      <a:pt x="371" y="83"/>
                    </a:lnTo>
                    <a:lnTo>
                      <a:pt x="369" y="83"/>
                    </a:lnTo>
                    <a:lnTo>
                      <a:pt x="368" y="83"/>
                    </a:lnTo>
                    <a:lnTo>
                      <a:pt x="330" y="118"/>
                    </a:lnTo>
                    <a:lnTo>
                      <a:pt x="324" y="117"/>
                    </a:lnTo>
                    <a:lnTo>
                      <a:pt x="317" y="117"/>
                    </a:lnTo>
                    <a:lnTo>
                      <a:pt x="315" y="117"/>
                    </a:lnTo>
                    <a:lnTo>
                      <a:pt x="312" y="117"/>
                    </a:lnTo>
                    <a:lnTo>
                      <a:pt x="308" y="117"/>
                    </a:lnTo>
                    <a:lnTo>
                      <a:pt x="307" y="117"/>
                    </a:lnTo>
                    <a:lnTo>
                      <a:pt x="305" y="112"/>
                    </a:lnTo>
                    <a:lnTo>
                      <a:pt x="303" y="110"/>
                    </a:lnTo>
                    <a:lnTo>
                      <a:pt x="300" y="108"/>
                    </a:lnTo>
                    <a:lnTo>
                      <a:pt x="297" y="110"/>
                    </a:lnTo>
                    <a:lnTo>
                      <a:pt x="292" y="112"/>
                    </a:lnTo>
                    <a:lnTo>
                      <a:pt x="288" y="113"/>
                    </a:lnTo>
                    <a:lnTo>
                      <a:pt x="286" y="115"/>
                    </a:lnTo>
                    <a:lnTo>
                      <a:pt x="285" y="115"/>
                    </a:lnTo>
                    <a:lnTo>
                      <a:pt x="266" y="115"/>
                    </a:lnTo>
                    <a:lnTo>
                      <a:pt x="263" y="108"/>
                    </a:lnTo>
                    <a:lnTo>
                      <a:pt x="263" y="107"/>
                    </a:lnTo>
                    <a:lnTo>
                      <a:pt x="261" y="105"/>
                    </a:lnTo>
                    <a:lnTo>
                      <a:pt x="258" y="102"/>
                    </a:lnTo>
                    <a:lnTo>
                      <a:pt x="254" y="100"/>
                    </a:lnTo>
                    <a:lnTo>
                      <a:pt x="253" y="96"/>
                    </a:lnTo>
                    <a:lnTo>
                      <a:pt x="249" y="93"/>
                    </a:lnTo>
                    <a:lnTo>
                      <a:pt x="246" y="90"/>
                    </a:lnTo>
                    <a:lnTo>
                      <a:pt x="244" y="88"/>
                    </a:lnTo>
                    <a:lnTo>
                      <a:pt x="236" y="78"/>
                    </a:lnTo>
                    <a:lnTo>
                      <a:pt x="226" y="71"/>
                    </a:lnTo>
                    <a:lnTo>
                      <a:pt x="217" y="69"/>
                    </a:lnTo>
                    <a:lnTo>
                      <a:pt x="209" y="69"/>
                    </a:lnTo>
                    <a:lnTo>
                      <a:pt x="200" y="73"/>
                    </a:lnTo>
                    <a:lnTo>
                      <a:pt x="195" y="76"/>
                    </a:lnTo>
                    <a:lnTo>
                      <a:pt x="192" y="78"/>
                    </a:lnTo>
                    <a:lnTo>
                      <a:pt x="190" y="80"/>
                    </a:lnTo>
                    <a:lnTo>
                      <a:pt x="190" y="78"/>
                    </a:lnTo>
                    <a:lnTo>
                      <a:pt x="192" y="74"/>
                    </a:lnTo>
                    <a:lnTo>
                      <a:pt x="192" y="73"/>
                    </a:lnTo>
                    <a:lnTo>
                      <a:pt x="193" y="71"/>
                    </a:lnTo>
                    <a:lnTo>
                      <a:pt x="193" y="68"/>
                    </a:lnTo>
                    <a:lnTo>
                      <a:pt x="193" y="66"/>
                    </a:lnTo>
                    <a:lnTo>
                      <a:pt x="188" y="68"/>
                    </a:lnTo>
                    <a:lnTo>
                      <a:pt x="183" y="69"/>
                    </a:lnTo>
                    <a:lnTo>
                      <a:pt x="180" y="74"/>
                    </a:lnTo>
                    <a:lnTo>
                      <a:pt x="176" y="80"/>
                    </a:lnTo>
                    <a:lnTo>
                      <a:pt x="173" y="85"/>
                    </a:lnTo>
                    <a:lnTo>
                      <a:pt x="171" y="88"/>
                    </a:lnTo>
                    <a:lnTo>
                      <a:pt x="170" y="91"/>
                    </a:lnTo>
                    <a:lnTo>
                      <a:pt x="168" y="64"/>
                    </a:lnTo>
                    <a:lnTo>
                      <a:pt x="168" y="66"/>
                    </a:lnTo>
                    <a:lnTo>
                      <a:pt x="166" y="66"/>
                    </a:lnTo>
                    <a:lnTo>
                      <a:pt x="165" y="66"/>
                    </a:lnTo>
                    <a:lnTo>
                      <a:pt x="163" y="64"/>
                    </a:lnTo>
                    <a:lnTo>
                      <a:pt x="163" y="63"/>
                    </a:lnTo>
                    <a:lnTo>
                      <a:pt x="161" y="61"/>
                    </a:lnTo>
                    <a:lnTo>
                      <a:pt x="163" y="56"/>
                    </a:lnTo>
                    <a:lnTo>
                      <a:pt x="163" y="52"/>
                    </a:lnTo>
                    <a:lnTo>
                      <a:pt x="165" y="49"/>
                    </a:lnTo>
                    <a:lnTo>
                      <a:pt x="166" y="49"/>
                    </a:lnTo>
                    <a:lnTo>
                      <a:pt x="166" y="51"/>
                    </a:lnTo>
                    <a:lnTo>
                      <a:pt x="168" y="52"/>
                    </a:lnTo>
                    <a:lnTo>
                      <a:pt x="168" y="54"/>
                    </a:lnTo>
                    <a:lnTo>
                      <a:pt x="168" y="52"/>
                    </a:lnTo>
                    <a:lnTo>
                      <a:pt x="168" y="51"/>
                    </a:lnTo>
                    <a:lnTo>
                      <a:pt x="168" y="49"/>
                    </a:lnTo>
                    <a:lnTo>
                      <a:pt x="166" y="47"/>
                    </a:lnTo>
                    <a:lnTo>
                      <a:pt x="168" y="49"/>
                    </a:lnTo>
                    <a:lnTo>
                      <a:pt x="168" y="54"/>
                    </a:lnTo>
                    <a:lnTo>
                      <a:pt x="170" y="59"/>
                    </a:lnTo>
                    <a:lnTo>
                      <a:pt x="171" y="61"/>
                    </a:lnTo>
                    <a:lnTo>
                      <a:pt x="173" y="61"/>
                    </a:lnTo>
                    <a:lnTo>
                      <a:pt x="175" y="61"/>
                    </a:lnTo>
                    <a:lnTo>
                      <a:pt x="175" y="58"/>
                    </a:lnTo>
                    <a:lnTo>
                      <a:pt x="176" y="56"/>
                    </a:lnTo>
                    <a:lnTo>
                      <a:pt x="176" y="54"/>
                    </a:lnTo>
                    <a:lnTo>
                      <a:pt x="185" y="46"/>
                    </a:lnTo>
                    <a:lnTo>
                      <a:pt x="187" y="37"/>
                    </a:lnTo>
                    <a:lnTo>
                      <a:pt x="207" y="19"/>
                    </a:lnTo>
                    <a:lnTo>
                      <a:pt x="214" y="8"/>
                    </a:lnTo>
                    <a:lnTo>
                      <a:pt x="212" y="8"/>
                    </a:lnTo>
                    <a:lnTo>
                      <a:pt x="212" y="10"/>
                    </a:lnTo>
                    <a:lnTo>
                      <a:pt x="214" y="10"/>
                    </a:lnTo>
                    <a:lnTo>
                      <a:pt x="222" y="7"/>
                    </a:lnTo>
                    <a:lnTo>
                      <a:pt x="226" y="5"/>
                    </a:lnTo>
                    <a:lnTo>
                      <a:pt x="227" y="3"/>
                    </a:lnTo>
                    <a:lnTo>
                      <a:pt x="224" y="2"/>
                    </a:lnTo>
                    <a:lnTo>
                      <a:pt x="219" y="2"/>
                    </a:lnTo>
                    <a:lnTo>
                      <a:pt x="215" y="0"/>
                    </a:lnTo>
                    <a:lnTo>
                      <a:pt x="210" y="0"/>
                    </a:lnTo>
                    <a:lnTo>
                      <a:pt x="209" y="0"/>
                    </a:lnTo>
                    <a:lnTo>
                      <a:pt x="197" y="2"/>
                    </a:lnTo>
                    <a:lnTo>
                      <a:pt x="185" y="5"/>
                    </a:lnTo>
                    <a:lnTo>
                      <a:pt x="176" y="12"/>
                    </a:lnTo>
                    <a:lnTo>
                      <a:pt x="168" y="19"/>
                    </a:lnTo>
                    <a:lnTo>
                      <a:pt x="163" y="25"/>
                    </a:lnTo>
                    <a:lnTo>
                      <a:pt x="158" y="30"/>
                    </a:lnTo>
                    <a:lnTo>
                      <a:pt x="154" y="34"/>
                    </a:lnTo>
                    <a:lnTo>
                      <a:pt x="154" y="36"/>
                    </a:lnTo>
                    <a:lnTo>
                      <a:pt x="146" y="37"/>
                    </a:lnTo>
                    <a:lnTo>
                      <a:pt x="141" y="41"/>
                    </a:lnTo>
                    <a:lnTo>
                      <a:pt x="136" y="46"/>
                    </a:lnTo>
                    <a:lnTo>
                      <a:pt x="132" y="51"/>
                    </a:lnTo>
                    <a:lnTo>
                      <a:pt x="131" y="56"/>
                    </a:lnTo>
                    <a:lnTo>
                      <a:pt x="127" y="61"/>
                    </a:lnTo>
                    <a:lnTo>
                      <a:pt x="126" y="64"/>
                    </a:lnTo>
                    <a:lnTo>
                      <a:pt x="122" y="66"/>
                    </a:lnTo>
                    <a:lnTo>
                      <a:pt x="119" y="68"/>
                    </a:lnTo>
                    <a:lnTo>
                      <a:pt x="114" y="69"/>
                    </a:lnTo>
                    <a:lnTo>
                      <a:pt x="109" y="73"/>
                    </a:lnTo>
                    <a:lnTo>
                      <a:pt x="104" y="78"/>
                    </a:lnTo>
                    <a:lnTo>
                      <a:pt x="99" y="81"/>
                    </a:lnTo>
                    <a:lnTo>
                      <a:pt x="95" y="85"/>
                    </a:lnTo>
                    <a:lnTo>
                      <a:pt x="92" y="88"/>
                    </a:lnTo>
                    <a:lnTo>
                      <a:pt x="92" y="90"/>
                    </a:lnTo>
                    <a:lnTo>
                      <a:pt x="83" y="90"/>
                    </a:lnTo>
                    <a:lnTo>
                      <a:pt x="73" y="90"/>
                    </a:lnTo>
                    <a:lnTo>
                      <a:pt x="73" y="91"/>
                    </a:lnTo>
                    <a:lnTo>
                      <a:pt x="70" y="91"/>
                    </a:lnTo>
                    <a:lnTo>
                      <a:pt x="66" y="91"/>
                    </a:lnTo>
                    <a:lnTo>
                      <a:pt x="65" y="93"/>
                    </a:lnTo>
                    <a:lnTo>
                      <a:pt x="60" y="93"/>
                    </a:lnTo>
                    <a:lnTo>
                      <a:pt x="56" y="95"/>
                    </a:lnTo>
                    <a:lnTo>
                      <a:pt x="55" y="96"/>
                    </a:lnTo>
                    <a:lnTo>
                      <a:pt x="53" y="96"/>
                    </a:lnTo>
                    <a:lnTo>
                      <a:pt x="46" y="105"/>
                    </a:lnTo>
                    <a:lnTo>
                      <a:pt x="38" y="112"/>
                    </a:lnTo>
                    <a:lnTo>
                      <a:pt x="29" y="117"/>
                    </a:lnTo>
                    <a:lnTo>
                      <a:pt x="21" y="120"/>
                    </a:lnTo>
                    <a:lnTo>
                      <a:pt x="12" y="124"/>
                    </a:lnTo>
                    <a:lnTo>
                      <a:pt x="7" y="127"/>
                    </a:lnTo>
                    <a:lnTo>
                      <a:pt x="2" y="127"/>
                    </a:lnTo>
                    <a:lnTo>
                      <a:pt x="0" y="129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35" name="Freeform 128"/>
              <p:cNvSpPr>
                <a:spLocks/>
              </p:cNvSpPr>
              <p:nvPr/>
            </p:nvSpPr>
            <p:spPr bwMode="auto">
              <a:xfrm>
                <a:off x="3490" y="1273"/>
                <a:ext cx="366" cy="503"/>
              </a:xfrm>
              <a:custGeom>
                <a:avLst/>
                <a:gdLst>
                  <a:gd name="T0" fmla="*/ 211 w 377"/>
                  <a:gd name="T1" fmla="*/ 296 h 519"/>
                  <a:gd name="T2" fmla="*/ 216 w 377"/>
                  <a:gd name="T3" fmla="*/ 272 h 519"/>
                  <a:gd name="T4" fmla="*/ 230 w 377"/>
                  <a:gd name="T5" fmla="*/ 256 h 519"/>
                  <a:gd name="T6" fmla="*/ 236 w 377"/>
                  <a:gd name="T7" fmla="*/ 241 h 519"/>
                  <a:gd name="T8" fmla="*/ 237 w 377"/>
                  <a:gd name="T9" fmla="*/ 233 h 519"/>
                  <a:gd name="T10" fmla="*/ 244 w 377"/>
                  <a:gd name="T11" fmla="*/ 236 h 519"/>
                  <a:gd name="T12" fmla="*/ 248 w 377"/>
                  <a:gd name="T13" fmla="*/ 233 h 519"/>
                  <a:gd name="T14" fmla="*/ 250 w 377"/>
                  <a:gd name="T15" fmla="*/ 204 h 519"/>
                  <a:gd name="T16" fmla="*/ 229 w 377"/>
                  <a:gd name="T17" fmla="*/ 139 h 519"/>
                  <a:gd name="T18" fmla="*/ 214 w 377"/>
                  <a:gd name="T19" fmla="*/ 122 h 519"/>
                  <a:gd name="T20" fmla="*/ 204 w 377"/>
                  <a:gd name="T21" fmla="*/ 128 h 519"/>
                  <a:gd name="T22" fmla="*/ 192 w 377"/>
                  <a:gd name="T23" fmla="*/ 133 h 519"/>
                  <a:gd name="T24" fmla="*/ 186 w 377"/>
                  <a:gd name="T25" fmla="*/ 148 h 519"/>
                  <a:gd name="T26" fmla="*/ 176 w 377"/>
                  <a:gd name="T27" fmla="*/ 162 h 519"/>
                  <a:gd name="T28" fmla="*/ 172 w 377"/>
                  <a:gd name="T29" fmla="*/ 168 h 519"/>
                  <a:gd name="T30" fmla="*/ 166 w 377"/>
                  <a:gd name="T31" fmla="*/ 166 h 519"/>
                  <a:gd name="T32" fmla="*/ 153 w 377"/>
                  <a:gd name="T33" fmla="*/ 155 h 519"/>
                  <a:gd name="T34" fmla="*/ 156 w 377"/>
                  <a:gd name="T35" fmla="*/ 139 h 519"/>
                  <a:gd name="T36" fmla="*/ 164 w 377"/>
                  <a:gd name="T37" fmla="*/ 135 h 519"/>
                  <a:gd name="T38" fmla="*/ 182 w 377"/>
                  <a:gd name="T39" fmla="*/ 98 h 519"/>
                  <a:gd name="T40" fmla="*/ 182 w 377"/>
                  <a:gd name="T41" fmla="*/ 76 h 519"/>
                  <a:gd name="T42" fmla="*/ 173 w 377"/>
                  <a:gd name="T43" fmla="*/ 59 h 519"/>
                  <a:gd name="T44" fmla="*/ 169 w 377"/>
                  <a:gd name="T45" fmla="*/ 47 h 519"/>
                  <a:gd name="T46" fmla="*/ 178 w 377"/>
                  <a:gd name="T47" fmla="*/ 48 h 519"/>
                  <a:gd name="T48" fmla="*/ 164 w 377"/>
                  <a:gd name="T49" fmla="*/ 26 h 519"/>
                  <a:gd name="T50" fmla="*/ 140 w 377"/>
                  <a:gd name="T51" fmla="*/ 16 h 519"/>
                  <a:gd name="T52" fmla="*/ 91 w 377"/>
                  <a:gd name="T53" fmla="*/ 0 h 519"/>
                  <a:gd name="T54" fmla="*/ 77 w 377"/>
                  <a:gd name="T55" fmla="*/ 10 h 519"/>
                  <a:gd name="T56" fmla="*/ 71 w 377"/>
                  <a:gd name="T57" fmla="*/ 23 h 519"/>
                  <a:gd name="T58" fmla="*/ 79 w 377"/>
                  <a:gd name="T59" fmla="*/ 33 h 519"/>
                  <a:gd name="T60" fmla="*/ 72 w 377"/>
                  <a:gd name="T61" fmla="*/ 37 h 519"/>
                  <a:gd name="T62" fmla="*/ 57 w 377"/>
                  <a:gd name="T63" fmla="*/ 46 h 519"/>
                  <a:gd name="T64" fmla="*/ 59 w 377"/>
                  <a:gd name="T65" fmla="*/ 66 h 519"/>
                  <a:gd name="T66" fmla="*/ 55 w 377"/>
                  <a:gd name="T67" fmla="*/ 81 h 519"/>
                  <a:gd name="T68" fmla="*/ 47 w 377"/>
                  <a:gd name="T69" fmla="*/ 85 h 519"/>
                  <a:gd name="T70" fmla="*/ 47 w 377"/>
                  <a:gd name="T71" fmla="*/ 69 h 519"/>
                  <a:gd name="T72" fmla="*/ 44 w 377"/>
                  <a:gd name="T73" fmla="*/ 53 h 519"/>
                  <a:gd name="T74" fmla="*/ 42 w 377"/>
                  <a:gd name="T75" fmla="*/ 59 h 519"/>
                  <a:gd name="T76" fmla="*/ 36 w 377"/>
                  <a:gd name="T77" fmla="*/ 74 h 519"/>
                  <a:gd name="T78" fmla="*/ 25 w 377"/>
                  <a:gd name="T79" fmla="*/ 75 h 519"/>
                  <a:gd name="T80" fmla="*/ 18 w 377"/>
                  <a:gd name="T81" fmla="*/ 78 h 519"/>
                  <a:gd name="T82" fmla="*/ 17 w 377"/>
                  <a:gd name="T83" fmla="*/ 91 h 519"/>
                  <a:gd name="T84" fmla="*/ 17 w 377"/>
                  <a:gd name="T85" fmla="*/ 103 h 519"/>
                  <a:gd name="T86" fmla="*/ 17 w 377"/>
                  <a:gd name="T87" fmla="*/ 117 h 519"/>
                  <a:gd name="T88" fmla="*/ 10 w 377"/>
                  <a:gd name="T89" fmla="*/ 139 h 519"/>
                  <a:gd name="T90" fmla="*/ 3 w 377"/>
                  <a:gd name="T91" fmla="*/ 150 h 519"/>
                  <a:gd name="T92" fmla="*/ 10 w 377"/>
                  <a:gd name="T93" fmla="*/ 170 h 519"/>
                  <a:gd name="T94" fmla="*/ 3 w 377"/>
                  <a:gd name="T95" fmla="*/ 178 h 519"/>
                  <a:gd name="T96" fmla="*/ 17 w 377"/>
                  <a:gd name="T97" fmla="*/ 201 h 519"/>
                  <a:gd name="T98" fmla="*/ 17 w 377"/>
                  <a:gd name="T99" fmla="*/ 215 h 519"/>
                  <a:gd name="T100" fmla="*/ 30 w 377"/>
                  <a:gd name="T101" fmla="*/ 246 h 519"/>
                  <a:gd name="T102" fmla="*/ 28 w 377"/>
                  <a:gd name="T103" fmla="*/ 282 h 519"/>
                  <a:gd name="T104" fmla="*/ 17 w 377"/>
                  <a:gd name="T105" fmla="*/ 306 h 519"/>
                  <a:gd name="T106" fmla="*/ 17 w 377"/>
                  <a:gd name="T107" fmla="*/ 320 h 519"/>
                  <a:gd name="T108" fmla="*/ 3 w 377"/>
                  <a:gd name="T109" fmla="*/ 334 h 519"/>
                  <a:gd name="T110" fmla="*/ 201 w 377"/>
                  <a:gd name="T111" fmla="*/ 320 h 519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377"/>
                  <a:gd name="T169" fmla="*/ 0 h 519"/>
                  <a:gd name="T170" fmla="*/ 377 w 377"/>
                  <a:gd name="T171" fmla="*/ 519 h 519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377" h="519">
                    <a:moveTo>
                      <a:pt x="304" y="496"/>
                    </a:moveTo>
                    <a:lnTo>
                      <a:pt x="304" y="489"/>
                    </a:lnTo>
                    <a:lnTo>
                      <a:pt x="308" y="480"/>
                    </a:lnTo>
                    <a:lnTo>
                      <a:pt x="311" y="472"/>
                    </a:lnTo>
                    <a:lnTo>
                      <a:pt x="314" y="465"/>
                    </a:lnTo>
                    <a:lnTo>
                      <a:pt x="320" y="458"/>
                    </a:lnTo>
                    <a:lnTo>
                      <a:pt x="325" y="453"/>
                    </a:lnTo>
                    <a:lnTo>
                      <a:pt x="326" y="450"/>
                    </a:lnTo>
                    <a:lnTo>
                      <a:pt x="328" y="448"/>
                    </a:lnTo>
                    <a:lnTo>
                      <a:pt x="326" y="438"/>
                    </a:lnTo>
                    <a:lnTo>
                      <a:pt x="326" y="430"/>
                    </a:lnTo>
                    <a:lnTo>
                      <a:pt x="328" y="421"/>
                    </a:lnTo>
                    <a:lnTo>
                      <a:pt x="330" y="416"/>
                    </a:lnTo>
                    <a:lnTo>
                      <a:pt x="333" y="411"/>
                    </a:lnTo>
                    <a:lnTo>
                      <a:pt x="336" y="408"/>
                    </a:lnTo>
                    <a:lnTo>
                      <a:pt x="338" y="406"/>
                    </a:lnTo>
                    <a:lnTo>
                      <a:pt x="340" y="406"/>
                    </a:lnTo>
                    <a:lnTo>
                      <a:pt x="348" y="396"/>
                    </a:lnTo>
                    <a:lnTo>
                      <a:pt x="350" y="386"/>
                    </a:lnTo>
                    <a:lnTo>
                      <a:pt x="350" y="384"/>
                    </a:lnTo>
                    <a:lnTo>
                      <a:pt x="350" y="382"/>
                    </a:lnTo>
                    <a:lnTo>
                      <a:pt x="352" y="381"/>
                    </a:lnTo>
                    <a:lnTo>
                      <a:pt x="352" y="379"/>
                    </a:lnTo>
                    <a:lnTo>
                      <a:pt x="355" y="375"/>
                    </a:lnTo>
                    <a:lnTo>
                      <a:pt x="355" y="372"/>
                    </a:lnTo>
                    <a:lnTo>
                      <a:pt x="353" y="370"/>
                    </a:lnTo>
                    <a:lnTo>
                      <a:pt x="355" y="365"/>
                    </a:lnTo>
                    <a:lnTo>
                      <a:pt x="355" y="362"/>
                    </a:lnTo>
                    <a:lnTo>
                      <a:pt x="358" y="360"/>
                    </a:lnTo>
                    <a:lnTo>
                      <a:pt x="360" y="360"/>
                    </a:lnTo>
                    <a:lnTo>
                      <a:pt x="364" y="359"/>
                    </a:lnTo>
                    <a:lnTo>
                      <a:pt x="365" y="360"/>
                    </a:lnTo>
                    <a:lnTo>
                      <a:pt x="367" y="360"/>
                    </a:lnTo>
                    <a:lnTo>
                      <a:pt x="369" y="360"/>
                    </a:lnTo>
                    <a:lnTo>
                      <a:pt x="369" y="365"/>
                    </a:lnTo>
                    <a:lnTo>
                      <a:pt x="370" y="367"/>
                    </a:lnTo>
                    <a:lnTo>
                      <a:pt x="372" y="367"/>
                    </a:lnTo>
                    <a:lnTo>
                      <a:pt x="372" y="365"/>
                    </a:lnTo>
                    <a:lnTo>
                      <a:pt x="374" y="364"/>
                    </a:lnTo>
                    <a:lnTo>
                      <a:pt x="374" y="362"/>
                    </a:lnTo>
                    <a:lnTo>
                      <a:pt x="375" y="360"/>
                    </a:lnTo>
                    <a:lnTo>
                      <a:pt x="377" y="316"/>
                    </a:lnTo>
                    <a:lnTo>
                      <a:pt x="377" y="318"/>
                    </a:lnTo>
                    <a:lnTo>
                      <a:pt x="377" y="316"/>
                    </a:lnTo>
                    <a:lnTo>
                      <a:pt x="372" y="293"/>
                    </a:lnTo>
                    <a:lnTo>
                      <a:pt x="365" y="271"/>
                    </a:lnTo>
                    <a:lnTo>
                      <a:pt x="360" y="254"/>
                    </a:lnTo>
                    <a:lnTo>
                      <a:pt x="355" y="237"/>
                    </a:lnTo>
                    <a:lnTo>
                      <a:pt x="350" y="225"/>
                    </a:lnTo>
                    <a:lnTo>
                      <a:pt x="345" y="215"/>
                    </a:lnTo>
                    <a:lnTo>
                      <a:pt x="340" y="206"/>
                    </a:lnTo>
                    <a:lnTo>
                      <a:pt x="336" y="199"/>
                    </a:lnTo>
                    <a:lnTo>
                      <a:pt x="333" y="196"/>
                    </a:lnTo>
                    <a:lnTo>
                      <a:pt x="330" y="193"/>
                    </a:lnTo>
                    <a:lnTo>
                      <a:pt x="326" y="191"/>
                    </a:lnTo>
                    <a:lnTo>
                      <a:pt x="323" y="189"/>
                    </a:lnTo>
                    <a:lnTo>
                      <a:pt x="321" y="189"/>
                    </a:lnTo>
                    <a:lnTo>
                      <a:pt x="318" y="191"/>
                    </a:lnTo>
                    <a:lnTo>
                      <a:pt x="316" y="191"/>
                    </a:lnTo>
                    <a:lnTo>
                      <a:pt x="314" y="193"/>
                    </a:lnTo>
                    <a:lnTo>
                      <a:pt x="311" y="194"/>
                    </a:lnTo>
                    <a:lnTo>
                      <a:pt x="308" y="198"/>
                    </a:lnTo>
                    <a:lnTo>
                      <a:pt x="303" y="199"/>
                    </a:lnTo>
                    <a:lnTo>
                      <a:pt x="299" y="201"/>
                    </a:lnTo>
                    <a:lnTo>
                      <a:pt x="296" y="203"/>
                    </a:lnTo>
                    <a:lnTo>
                      <a:pt x="294" y="205"/>
                    </a:lnTo>
                    <a:lnTo>
                      <a:pt x="292" y="205"/>
                    </a:lnTo>
                    <a:lnTo>
                      <a:pt x="292" y="206"/>
                    </a:lnTo>
                    <a:lnTo>
                      <a:pt x="287" y="210"/>
                    </a:lnTo>
                    <a:lnTo>
                      <a:pt x="284" y="218"/>
                    </a:lnTo>
                    <a:lnTo>
                      <a:pt x="284" y="221"/>
                    </a:lnTo>
                    <a:lnTo>
                      <a:pt x="282" y="225"/>
                    </a:lnTo>
                    <a:lnTo>
                      <a:pt x="281" y="230"/>
                    </a:lnTo>
                    <a:lnTo>
                      <a:pt x="277" y="233"/>
                    </a:lnTo>
                    <a:lnTo>
                      <a:pt x="276" y="238"/>
                    </a:lnTo>
                    <a:lnTo>
                      <a:pt x="272" y="242"/>
                    </a:lnTo>
                    <a:lnTo>
                      <a:pt x="269" y="242"/>
                    </a:lnTo>
                    <a:lnTo>
                      <a:pt x="269" y="247"/>
                    </a:lnTo>
                    <a:lnTo>
                      <a:pt x="267" y="250"/>
                    </a:lnTo>
                    <a:lnTo>
                      <a:pt x="265" y="254"/>
                    </a:lnTo>
                    <a:lnTo>
                      <a:pt x="264" y="255"/>
                    </a:lnTo>
                    <a:lnTo>
                      <a:pt x="262" y="257"/>
                    </a:lnTo>
                    <a:lnTo>
                      <a:pt x="260" y="259"/>
                    </a:lnTo>
                    <a:lnTo>
                      <a:pt x="259" y="259"/>
                    </a:lnTo>
                    <a:lnTo>
                      <a:pt x="255" y="259"/>
                    </a:lnTo>
                    <a:lnTo>
                      <a:pt x="254" y="257"/>
                    </a:lnTo>
                    <a:lnTo>
                      <a:pt x="252" y="257"/>
                    </a:lnTo>
                    <a:lnTo>
                      <a:pt x="250" y="257"/>
                    </a:lnTo>
                    <a:lnTo>
                      <a:pt x="247" y="255"/>
                    </a:lnTo>
                    <a:lnTo>
                      <a:pt x="238" y="255"/>
                    </a:lnTo>
                    <a:lnTo>
                      <a:pt x="235" y="250"/>
                    </a:lnTo>
                    <a:lnTo>
                      <a:pt x="232" y="245"/>
                    </a:lnTo>
                    <a:lnTo>
                      <a:pt x="232" y="240"/>
                    </a:lnTo>
                    <a:lnTo>
                      <a:pt x="232" y="233"/>
                    </a:lnTo>
                    <a:lnTo>
                      <a:pt x="233" y="228"/>
                    </a:lnTo>
                    <a:lnTo>
                      <a:pt x="233" y="225"/>
                    </a:lnTo>
                    <a:lnTo>
                      <a:pt x="235" y="223"/>
                    </a:lnTo>
                    <a:lnTo>
                      <a:pt x="235" y="218"/>
                    </a:lnTo>
                    <a:lnTo>
                      <a:pt x="237" y="215"/>
                    </a:lnTo>
                    <a:lnTo>
                      <a:pt x="238" y="213"/>
                    </a:lnTo>
                    <a:lnTo>
                      <a:pt x="242" y="211"/>
                    </a:lnTo>
                    <a:lnTo>
                      <a:pt x="243" y="210"/>
                    </a:lnTo>
                    <a:lnTo>
                      <a:pt x="247" y="210"/>
                    </a:lnTo>
                    <a:lnTo>
                      <a:pt x="248" y="208"/>
                    </a:lnTo>
                    <a:lnTo>
                      <a:pt x="259" y="198"/>
                    </a:lnTo>
                    <a:lnTo>
                      <a:pt x="262" y="176"/>
                    </a:lnTo>
                    <a:lnTo>
                      <a:pt x="276" y="164"/>
                    </a:lnTo>
                    <a:lnTo>
                      <a:pt x="276" y="162"/>
                    </a:lnTo>
                    <a:lnTo>
                      <a:pt x="276" y="159"/>
                    </a:lnTo>
                    <a:lnTo>
                      <a:pt x="276" y="152"/>
                    </a:lnTo>
                    <a:lnTo>
                      <a:pt x="276" y="147"/>
                    </a:lnTo>
                    <a:lnTo>
                      <a:pt x="276" y="140"/>
                    </a:lnTo>
                    <a:lnTo>
                      <a:pt x="276" y="133"/>
                    </a:lnTo>
                    <a:lnTo>
                      <a:pt x="276" y="128"/>
                    </a:lnTo>
                    <a:lnTo>
                      <a:pt x="276" y="127"/>
                    </a:lnTo>
                    <a:lnTo>
                      <a:pt x="276" y="118"/>
                    </a:lnTo>
                    <a:lnTo>
                      <a:pt x="274" y="110"/>
                    </a:lnTo>
                    <a:lnTo>
                      <a:pt x="272" y="105"/>
                    </a:lnTo>
                    <a:lnTo>
                      <a:pt x="269" y="100"/>
                    </a:lnTo>
                    <a:lnTo>
                      <a:pt x="267" y="96"/>
                    </a:lnTo>
                    <a:lnTo>
                      <a:pt x="264" y="93"/>
                    </a:lnTo>
                    <a:lnTo>
                      <a:pt x="262" y="91"/>
                    </a:lnTo>
                    <a:lnTo>
                      <a:pt x="260" y="89"/>
                    </a:lnTo>
                    <a:lnTo>
                      <a:pt x="255" y="86"/>
                    </a:lnTo>
                    <a:lnTo>
                      <a:pt x="254" y="83"/>
                    </a:lnTo>
                    <a:lnTo>
                      <a:pt x="254" y="79"/>
                    </a:lnTo>
                    <a:lnTo>
                      <a:pt x="254" y="76"/>
                    </a:lnTo>
                    <a:lnTo>
                      <a:pt x="255" y="74"/>
                    </a:lnTo>
                    <a:lnTo>
                      <a:pt x="257" y="73"/>
                    </a:lnTo>
                    <a:lnTo>
                      <a:pt x="259" y="71"/>
                    </a:lnTo>
                    <a:lnTo>
                      <a:pt x="260" y="71"/>
                    </a:lnTo>
                    <a:lnTo>
                      <a:pt x="265" y="76"/>
                    </a:lnTo>
                    <a:lnTo>
                      <a:pt x="269" y="76"/>
                    </a:lnTo>
                    <a:lnTo>
                      <a:pt x="270" y="76"/>
                    </a:lnTo>
                    <a:lnTo>
                      <a:pt x="270" y="74"/>
                    </a:lnTo>
                    <a:lnTo>
                      <a:pt x="270" y="73"/>
                    </a:lnTo>
                    <a:lnTo>
                      <a:pt x="269" y="71"/>
                    </a:lnTo>
                    <a:lnTo>
                      <a:pt x="269" y="69"/>
                    </a:lnTo>
                    <a:lnTo>
                      <a:pt x="267" y="67"/>
                    </a:lnTo>
                    <a:lnTo>
                      <a:pt x="248" y="40"/>
                    </a:lnTo>
                    <a:lnTo>
                      <a:pt x="240" y="39"/>
                    </a:lnTo>
                    <a:lnTo>
                      <a:pt x="232" y="37"/>
                    </a:lnTo>
                    <a:lnTo>
                      <a:pt x="225" y="35"/>
                    </a:lnTo>
                    <a:lnTo>
                      <a:pt x="220" y="34"/>
                    </a:lnTo>
                    <a:lnTo>
                      <a:pt x="215" y="32"/>
                    </a:lnTo>
                    <a:lnTo>
                      <a:pt x="211" y="29"/>
                    </a:lnTo>
                    <a:lnTo>
                      <a:pt x="210" y="27"/>
                    </a:lnTo>
                    <a:lnTo>
                      <a:pt x="208" y="27"/>
                    </a:lnTo>
                    <a:lnTo>
                      <a:pt x="193" y="27"/>
                    </a:lnTo>
                    <a:lnTo>
                      <a:pt x="179" y="12"/>
                    </a:lnTo>
                    <a:lnTo>
                      <a:pt x="152" y="10"/>
                    </a:lnTo>
                    <a:lnTo>
                      <a:pt x="138" y="0"/>
                    </a:lnTo>
                    <a:lnTo>
                      <a:pt x="130" y="0"/>
                    </a:lnTo>
                    <a:lnTo>
                      <a:pt x="125" y="3"/>
                    </a:lnTo>
                    <a:lnTo>
                      <a:pt x="115" y="1"/>
                    </a:lnTo>
                    <a:lnTo>
                      <a:pt x="115" y="3"/>
                    </a:lnTo>
                    <a:lnTo>
                      <a:pt x="115" y="7"/>
                    </a:lnTo>
                    <a:lnTo>
                      <a:pt x="115" y="10"/>
                    </a:lnTo>
                    <a:lnTo>
                      <a:pt x="115" y="12"/>
                    </a:lnTo>
                    <a:lnTo>
                      <a:pt x="108" y="17"/>
                    </a:lnTo>
                    <a:lnTo>
                      <a:pt x="105" y="22"/>
                    </a:lnTo>
                    <a:lnTo>
                      <a:pt x="103" y="27"/>
                    </a:lnTo>
                    <a:lnTo>
                      <a:pt x="105" y="32"/>
                    </a:lnTo>
                    <a:lnTo>
                      <a:pt x="106" y="37"/>
                    </a:lnTo>
                    <a:lnTo>
                      <a:pt x="110" y="40"/>
                    </a:lnTo>
                    <a:lnTo>
                      <a:pt x="111" y="42"/>
                    </a:lnTo>
                    <a:lnTo>
                      <a:pt x="113" y="44"/>
                    </a:lnTo>
                    <a:lnTo>
                      <a:pt x="116" y="44"/>
                    </a:lnTo>
                    <a:lnTo>
                      <a:pt x="120" y="45"/>
                    </a:lnTo>
                    <a:lnTo>
                      <a:pt x="120" y="47"/>
                    </a:lnTo>
                    <a:lnTo>
                      <a:pt x="120" y="49"/>
                    </a:lnTo>
                    <a:lnTo>
                      <a:pt x="120" y="51"/>
                    </a:lnTo>
                    <a:lnTo>
                      <a:pt x="118" y="52"/>
                    </a:lnTo>
                    <a:lnTo>
                      <a:pt x="116" y="52"/>
                    </a:lnTo>
                    <a:lnTo>
                      <a:pt x="116" y="54"/>
                    </a:lnTo>
                    <a:lnTo>
                      <a:pt x="108" y="54"/>
                    </a:lnTo>
                    <a:lnTo>
                      <a:pt x="101" y="56"/>
                    </a:lnTo>
                    <a:lnTo>
                      <a:pt x="96" y="59"/>
                    </a:lnTo>
                    <a:lnTo>
                      <a:pt x="91" y="62"/>
                    </a:lnTo>
                    <a:lnTo>
                      <a:pt x="89" y="67"/>
                    </a:lnTo>
                    <a:lnTo>
                      <a:pt x="86" y="71"/>
                    </a:lnTo>
                    <a:lnTo>
                      <a:pt x="86" y="73"/>
                    </a:lnTo>
                    <a:lnTo>
                      <a:pt x="86" y="74"/>
                    </a:lnTo>
                    <a:lnTo>
                      <a:pt x="88" y="79"/>
                    </a:lnTo>
                    <a:lnTo>
                      <a:pt x="88" y="86"/>
                    </a:lnTo>
                    <a:lnTo>
                      <a:pt x="89" y="91"/>
                    </a:lnTo>
                    <a:lnTo>
                      <a:pt x="89" y="96"/>
                    </a:lnTo>
                    <a:lnTo>
                      <a:pt x="89" y="101"/>
                    </a:lnTo>
                    <a:lnTo>
                      <a:pt x="89" y="106"/>
                    </a:lnTo>
                    <a:lnTo>
                      <a:pt x="88" y="110"/>
                    </a:lnTo>
                    <a:lnTo>
                      <a:pt x="86" y="115"/>
                    </a:lnTo>
                    <a:lnTo>
                      <a:pt x="86" y="118"/>
                    </a:lnTo>
                    <a:lnTo>
                      <a:pt x="84" y="123"/>
                    </a:lnTo>
                    <a:lnTo>
                      <a:pt x="83" y="127"/>
                    </a:lnTo>
                    <a:lnTo>
                      <a:pt x="83" y="128"/>
                    </a:lnTo>
                    <a:lnTo>
                      <a:pt x="81" y="132"/>
                    </a:lnTo>
                    <a:lnTo>
                      <a:pt x="79" y="133"/>
                    </a:lnTo>
                    <a:lnTo>
                      <a:pt x="72" y="132"/>
                    </a:lnTo>
                    <a:lnTo>
                      <a:pt x="66" y="130"/>
                    </a:lnTo>
                    <a:lnTo>
                      <a:pt x="66" y="128"/>
                    </a:lnTo>
                    <a:lnTo>
                      <a:pt x="67" y="125"/>
                    </a:lnTo>
                    <a:lnTo>
                      <a:pt x="67" y="118"/>
                    </a:lnTo>
                    <a:lnTo>
                      <a:pt x="69" y="113"/>
                    </a:lnTo>
                    <a:lnTo>
                      <a:pt x="71" y="106"/>
                    </a:lnTo>
                    <a:lnTo>
                      <a:pt x="71" y="100"/>
                    </a:lnTo>
                    <a:lnTo>
                      <a:pt x="71" y="95"/>
                    </a:lnTo>
                    <a:lnTo>
                      <a:pt x="71" y="93"/>
                    </a:lnTo>
                    <a:lnTo>
                      <a:pt x="69" y="86"/>
                    </a:lnTo>
                    <a:lnTo>
                      <a:pt x="67" y="83"/>
                    </a:lnTo>
                    <a:lnTo>
                      <a:pt x="66" y="81"/>
                    </a:lnTo>
                    <a:lnTo>
                      <a:pt x="64" y="83"/>
                    </a:lnTo>
                    <a:lnTo>
                      <a:pt x="64" y="84"/>
                    </a:lnTo>
                    <a:lnTo>
                      <a:pt x="62" y="88"/>
                    </a:lnTo>
                    <a:lnTo>
                      <a:pt x="62" y="89"/>
                    </a:lnTo>
                    <a:lnTo>
                      <a:pt x="61" y="91"/>
                    </a:lnTo>
                    <a:lnTo>
                      <a:pt x="61" y="93"/>
                    </a:lnTo>
                    <a:lnTo>
                      <a:pt x="59" y="98"/>
                    </a:lnTo>
                    <a:lnTo>
                      <a:pt x="56" y="101"/>
                    </a:lnTo>
                    <a:lnTo>
                      <a:pt x="54" y="106"/>
                    </a:lnTo>
                    <a:lnTo>
                      <a:pt x="52" y="110"/>
                    </a:lnTo>
                    <a:lnTo>
                      <a:pt x="50" y="113"/>
                    </a:lnTo>
                    <a:lnTo>
                      <a:pt x="49" y="113"/>
                    </a:lnTo>
                    <a:lnTo>
                      <a:pt x="44" y="111"/>
                    </a:lnTo>
                    <a:lnTo>
                      <a:pt x="40" y="111"/>
                    </a:lnTo>
                    <a:lnTo>
                      <a:pt x="39" y="113"/>
                    </a:lnTo>
                    <a:lnTo>
                      <a:pt x="39" y="115"/>
                    </a:lnTo>
                    <a:lnTo>
                      <a:pt x="39" y="117"/>
                    </a:lnTo>
                    <a:lnTo>
                      <a:pt x="32" y="120"/>
                    </a:lnTo>
                    <a:lnTo>
                      <a:pt x="32" y="122"/>
                    </a:lnTo>
                    <a:lnTo>
                      <a:pt x="32" y="125"/>
                    </a:lnTo>
                    <a:lnTo>
                      <a:pt x="30" y="128"/>
                    </a:lnTo>
                    <a:lnTo>
                      <a:pt x="30" y="133"/>
                    </a:lnTo>
                    <a:lnTo>
                      <a:pt x="30" y="137"/>
                    </a:lnTo>
                    <a:lnTo>
                      <a:pt x="30" y="139"/>
                    </a:lnTo>
                    <a:lnTo>
                      <a:pt x="30" y="140"/>
                    </a:lnTo>
                    <a:lnTo>
                      <a:pt x="23" y="144"/>
                    </a:lnTo>
                    <a:lnTo>
                      <a:pt x="20" y="147"/>
                    </a:lnTo>
                    <a:lnTo>
                      <a:pt x="18" y="150"/>
                    </a:lnTo>
                    <a:lnTo>
                      <a:pt x="17" y="152"/>
                    </a:lnTo>
                    <a:lnTo>
                      <a:pt x="15" y="155"/>
                    </a:lnTo>
                    <a:lnTo>
                      <a:pt x="17" y="159"/>
                    </a:lnTo>
                    <a:lnTo>
                      <a:pt x="17" y="161"/>
                    </a:lnTo>
                    <a:lnTo>
                      <a:pt x="18" y="162"/>
                    </a:lnTo>
                    <a:lnTo>
                      <a:pt x="20" y="166"/>
                    </a:lnTo>
                    <a:lnTo>
                      <a:pt x="20" y="171"/>
                    </a:lnTo>
                    <a:lnTo>
                      <a:pt x="20" y="176"/>
                    </a:lnTo>
                    <a:lnTo>
                      <a:pt x="20" y="181"/>
                    </a:lnTo>
                    <a:lnTo>
                      <a:pt x="18" y="186"/>
                    </a:lnTo>
                    <a:lnTo>
                      <a:pt x="17" y="193"/>
                    </a:lnTo>
                    <a:lnTo>
                      <a:pt x="15" y="198"/>
                    </a:lnTo>
                    <a:lnTo>
                      <a:pt x="13" y="203"/>
                    </a:lnTo>
                    <a:lnTo>
                      <a:pt x="12" y="210"/>
                    </a:lnTo>
                    <a:lnTo>
                      <a:pt x="10" y="215"/>
                    </a:lnTo>
                    <a:lnTo>
                      <a:pt x="8" y="220"/>
                    </a:lnTo>
                    <a:lnTo>
                      <a:pt x="6" y="225"/>
                    </a:lnTo>
                    <a:lnTo>
                      <a:pt x="5" y="228"/>
                    </a:lnTo>
                    <a:lnTo>
                      <a:pt x="3" y="232"/>
                    </a:lnTo>
                    <a:lnTo>
                      <a:pt x="3" y="233"/>
                    </a:lnTo>
                    <a:lnTo>
                      <a:pt x="5" y="238"/>
                    </a:lnTo>
                    <a:lnTo>
                      <a:pt x="6" y="245"/>
                    </a:lnTo>
                    <a:lnTo>
                      <a:pt x="8" y="250"/>
                    </a:lnTo>
                    <a:lnTo>
                      <a:pt x="8" y="255"/>
                    </a:lnTo>
                    <a:lnTo>
                      <a:pt x="10" y="260"/>
                    </a:lnTo>
                    <a:lnTo>
                      <a:pt x="10" y="264"/>
                    </a:lnTo>
                    <a:lnTo>
                      <a:pt x="10" y="267"/>
                    </a:lnTo>
                    <a:lnTo>
                      <a:pt x="6" y="269"/>
                    </a:lnTo>
                    <a:lnTo>
                      <a:pt x="5" y="271"/>
                    </a:lnTo>
                    <a:lnTo>
                      <a:pt x="3" y="274"/>
                    </a:lnTo>
                    <a:lnTo>
                      <a:pt x="3" y="277"/>
                    </a:lnTo>
                    <a:lnTo>
                      <a:pt x="5" y="282"/>
                    </a:lnTo>
                    <a:lnTo>
                      <a:pt x="6" y="287"/>
                    </a:lnTo>
                    <a:lnTo>
                      <a:pt x="8" y="294"/>
                    </a:lnTo>
                    <a:lnTo>
                      <a:pt x="12" y="299"/>
                    </a:lnTo>
                    <a:lnTo>
                      <a:pt x="15" y="306"/>
                    </a:lnTo>
                    <a:lnTo>
                      <a:pt x="17" y="311"/>
                    </a:lnTo>
                    <a:lnTo>
                      <a:pt x="20" y="318"/>
                    </a:lnTo>
                    <a:lnTo>
                      <a:pt x="23" y="323"/>
                    </a:lnTo>
                    <a:lnTo>
                      <a:pt x="25" y="326"/>
                    </a:lnTo>
                    <a:lnTo>
                      <a:pt x="27" y="330"/>
                    </a:lnTo>
                    <a:lnTo>
                      <a:pt x="28" y="333"/>
                    </a:lnTo>
                    <a:lnTo>
                      <a:pt x="30" y="333"/>
                    </a:lnTo>
                    <a:lnTo>
                      <a:pt x="34" y="338"/>
                    </a:lnTo>
                    <a:lnTo>
                      <a:pt x="37" y="345"/>
                    </a:lnTo>
                    <a:lnTo>
                      <a:pt x="39" y="353"/>
                    </a:lnTo>
                    <a:lnTo>
                      <a:pt x="42" y="362"/>
                    </a:lnTo>
                    <a:lnTo>
                      <a:pt x="42" y="370"/>
                    </a:lnTo>
                    <a:lnTo>
                      <a:pt x="44" y="381"/>
                    </a:lnTo>
                    <a:lnTo>
                      <a:pt x="44" y="391"/>
                    </a:lnTo>
                    <a:lnTo>
                      <a:pt x="44" y="401"/>
                    </a:lnTo>
                    <a:lnTo>
                      <a:pt x="44" y="411"/>
                    </a:lnTo>
                    <a:lnTo>
                      <a:pt x="44" y="419"/>
                    </a:lnTo>
                    <a:lnTo>
                      <a:pt x="44" y="428"/>
                    </a:lnTo>
                    <a:lnTo>
                      <a:pt x="42" y="436"/>
                    </a:lnTo>
                    <a:lnTo>
                      <a:pt x="42" y="441"/>
                    </a:lnTo>
                    <a:lnTo>
                      <a:pt x="40" y="447"/>
                    </a:lnTo>
                    <a:lnTo>
                      <a:pt x="40" y="450"/>
                    </a:lnTo>
                    <a:lnTo>
                      <a:pt x="40" y="452"/>
                    </a:lnTo>
                    <a:lnTo>
                      <a:pt x="32" y="463"/>
                    </a:lnTo>
                    <a:lnTo>
                      <a:pt x="27" y="474"/>
                    </a:lnTo>
                    <a:lnTo>
                      <a:pt x="23" y="480"/>
                    </a:lnTo>
                    <a:lnTo>
                      <a:pt x="23" y="487"/>
                    </a:lnTo>
                    <a:lnTo>
                      <a:pt x="23" y="491"/>
                    </a:lnTo>
                    <a:lnTo>
                      <a:pt x="23" y="494"/>
                    </a:lnTo>
                    <a:lnTo>
                      <a:pt x="23" y="496"/>
                    </a:lnTo>
                    <a:lnTo>
                      <a:pt x="18" y="502"/>
                    </a:lnTo>
                    <a:lnTo>
                      <a:pt x="15" y="506"/>
                    </a:lnTo>
                    <a:lnTo>
                      <a:pt x="12" y="511"/>
                    </a:lnTo>
                    <a:lnTo>
                      <a:pt x="8" y="513"/>
                    </a:lnTo>
                    <a:lnTo>
                      <a:pt x="6" y="516"/>
                    </a:lnTo>
                    <a:lnTo>
                      <a:pt x="3" y="518"/>
                    </a:lnTo>
                    <a:lnTo>
                      <a:pt x="3" y="519"/>
                    </a:lnTo>
                    <a:lnTo>
                      <a:pt x="1" y="519"/>
                    </a:lnTo>
                    <a:lnTo>
                      <a:pt x="0" y="519"/>
                    </a:lnTo>
                    <a:lnTo>
                      <a:pt x="184" y="497"/>
                    </a:lnTo>
                    <a:lnTo>
                      <a:pt x="188" y="514"/>
                    </a:lnTo>
                    <a:lnTo>
                      <a:pt x="304" y="496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772" name="Freeform 129"/>
            <p:cNvSpPr>
              <a:spLocks/>
            </p:cNvSpPr>
            <p:nvPr/>
          </p:nvSpPr>
          <p:spPr bwMode="auto">
            <a:xfrm>
              <a:off x="3986" y="2043"/>
              <a:ext cx="434" cy="427"/>
            </a:xfrm>
            <a:custGeom>
              <a:avLst/>
              <a:gdLst>
                <a:gd name="T0" fmla="*/ 44 w 446"/>
                <a:gd name="T1" fmla="*/ 263 h 440"/>
                <a:gd name="T2" fmla="*/ 35 w 446"/>
                <a:gd name="T3" fmla="*/ 261 h 440"/>
                <a:gd name="T4" fmla="*/ 18 w 446"/>
                <a:gd name="T5" fmla="*/ 234 h 440"/>
                <a:gd name="T6" fmla="*/ 5 w 446"/>
                <a:gd name="T7" fmla="*/ 218 h 440"/>
                <a:gd name="T8" fmla="*/ 3 w 446"/>
                <a:gd name="T9" fmla="*/ 201 h 440"/>
                <a:gd name="T10" fmla="*/ 1 w 446"/>
                <a:gd name="T11" fmla="*/ 196 h 440"/>
                <a:gd name="T12" fmla="*/ 18 w 446"/>
                <a:gd name="T13" fmla="*/ 195 h 440"/>
                <a:gd name="T14" fmla="*/ 18 w 446"/>
                <a:gd name="T15" fmla="*/ 167 h 440"/>
                <a:gd name="T16" fmla="*/ 23 w 446"/>
                <a:gd name="T17" fmla="*/ 160 h 440"/>
                <a:gd name="T18" fmla="*/ 26 w 446"/>
                <a:gd name="T19" fmla="*/ 148 h 440"/>
                <a:gd name="T20" fmla="*/ 40 w 446"/>
                <a:gd name="T21" fmla="*/ 148 h 440"/>
                <a:gd name="T22" fmla="*/ 47 w 446"/>
                <a:gd name="T23" fmla="*/ 148 h 440"/>
                <a:gd name="T24" fmla="*/ 64 w 446"/>
                <a:gd name="T25" fmla="*/ 110 h 440"/>
                <a:gd name="T26" fmla="*/ 74 w 446"/>
                <a:gd name="T27" fmla="*/ 110 h 440"/>
                <a:gd name="T28" fmla="*/ 81 w 446"/>
                <a:gd name="T29" fmla="*/ 103 h 440"/>
                <a:gd name="T30" fmla="*/ 90 w 446"/>
                <a:gd name="T31" fmla="*/ 90 h 440"/>
                <a:gd name="T32" fmla="*/ 97 w 446"/>
                <a:gd name="T33" fmla="*/ 72 h 440"/>
                <a:gd name="T34" fmla="*/ 98 w 446"/>
                <a:gd name="T35" fmla="*/ 59 h 440"/>
                <a:gd name="T36" fmla="*/ 102 w 446"/>
                <a:gd name="T37" fmla="*/ 37 h 440"/>
                <a:gd name="T38" fmla="*/ 100 w 446"/>
                <a:gd name="T39" fmla="*/ 10 h 440"/>
                <a:gd name="T40" fmla="*/ 184 w 446"/>
                <a:gd name="T41" fmla="*/ 62 h 440"/>
                <a:gd name="T42" fmla="*/ 216 w 446"/>
                <a:gd name="T43" fmla="*/ 80 h 440"/>
                <a:gd name="T44" fmla="*/ 230 w 446"/>
                <a:gd name="T45" fmla="*/ 65 h 440"/>
                <a:gd name="T46" fmla="*/ 249 w 446"/>
                <a:gd name="T47" fmla="*/ 66 h 440"/>
                <a:gd name="T48" fmla="*/ 260 w 446"/>
                <a:gd name="T49" fmla="*/ 53 h 440"/>
                <a:gd name="T50" fmla="*/ 282 w 446"/>
                <a:gd name="T51" fmla="*/ 55 h 440"/>
                <a:gd name="T52" fmla="*/ 290 w 446"/>
                <a:gd name="T53" fmla="*/ 55 h 440"/>
                <a:gd name="T54" fmla="*/ 296 w 446"/>
                <a:gd name="T55" fmla="*/ 62 h 440"/>
                <a:gd name="T56" fmla="*/ 302 w 446"/>
                <a:gd name="T57" fmla="*/ 79 h 440"/>
                <a:gd name="T58" fmla="*/ 299 w 446"/>
                <a:gd name="T59" fmla="*/ 86 h 440"/>
                <a:gd name="T60" fmla="*/ 276 w 446"/>
                <a:gd name="T61" fmla="*/ 80 h 440"/>
                <a:gd name="T62" fmla="*/ 262 w 446"/>
                <a:gd name="T63" fmla="*/ 74 h 440"/>
                <a:gd name="T64" fmla="*/ 254 w 446"/>
                <a:gd name="T65" fmla="*/ 107 h 440"/>
                <a:gd name="T66" fmla="*/ 242 w 446"/>
                <a:gd name="T67" fmla="*/ 119 h 440"/>
                <a:gd name="T68" fmla="*/ 236 w 446"/>
                <a:gd name="T69" fmla="*/ 134 h 440"/>
                <a:gd name="T70" fmla="*/ 229 w 446"/>
                <a:gd name="T71" fmla="*/ 129 h 440"/>
                <a:gd name="T72" fmla="*/ 223 w 446"/>
                <a:gd name="T73" fmla="*/ 143 h 440"/>
                <a:gd name="T74" fmla="*/ 221 w 446"/>
                <a:gd name="T75" fmla="*/ 149 h 440"/>
                <a:gd name="T76" fmla="*/ 218 w 446"/>
                <a:gd name="T77" fmla="*/ 159 h 440"/>
                <a:gd name="T78" fmla="*/ 199 w 446"/>
                <a:gd name="T79" fmla="*/ 160 h 440"/>
                <a:gd name="T80" fmla="*/ 188 w 446"/>
                <a:gd name="T81" fmla="*/ 160 h 440"/>
                <a:gd name="T82" fmla="*/ 188 w 446"/>
                <a:gd name="T83" fmla="*/ 176 h 440"/>
                <a:gd name="T84" fmla="*/ 183 w 446"/>
                <a:gd name="T85" fmla="*/ 189 h 440"/>
                <a:gd name="T86" fmla="*/ 179 w 446"/>
                <a:gd name="T87" fmla="*/ 195 h 440"/>
                <a:gd name="T88" fmla="*/ 174 w 446"/>
                <a:gd name="T89" fmla="*/ 212 h 440"/>
                <a:gd name="T90" fmla="*/ 163 w 446"/>
                <a:gd name="T91" fmla="*/ 232 h 440"/>
                <a:gd name="T92" fmla="*/ 163 w 446"/>
                <a:gd name="T93" fmla="*/ 239 h 440"/>
                <a:gd name="T94" fmla="*/ 164 w 446"/>
                <a:gd name="T95" fmla="*/ 253 h 440"/>
                <a:gd name="T96" fmla="*/ 148 w 446"/>
                <a:gd name="T97" fmla="*/ 259 h 440"/>
                <a:gd name="T98" fmla="*/ 136 w 446"/>
                <a:gd name="T99" fmla="*/ 267 h 440"/>
                <a:gd name="T100" fmla="*/ 125 w 446"/>
                <a:gd name="T101" fmla="*/ 268 h 440"/>
                <a:gd name="T102" fmla="*/ 122 w 446"/>
                <a:gd name="T103" fmla="*/ 276 h 440"/>
                <a:gd name="T104" fmla="*/ 118 w 446"/>
                <a:gd name="T105" fmla="*/ 279 h 440"/>
                <a:gd name="T106" fmla="*/ 97 w 446"/>
                <a:gd name="T107" fmla="*/ 280 h 440"/>
                <a:gd name="T108" fmla="*/ 90 w 446"/>
                <a:gd name="T109" fmla="*/ 285 h 440"/>
                <a:gd name="T110" fmla="*/ 74 w 446"/>
                <a:gd name="T111" fmla="*/ 288 h 440"/>
                <a:gd name="T112" fmla="*/ 55 w 446"/>
                <a:gd name="T113" fmla="*/ 279 h 440"/>
                <a:gd name="T114" fmla="*/ 51 w 446"/>
                <a:gd name="T115" fmla="*/ 265 h 440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446"/>
                <a:gd name="T175" fmla="*/ 0 h 440"/>
                <a:gd name="T176" fmla="*/ 446 w 446"/>
                <a:gd name="T177" fmla="*/ 440 h 440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446" h="440">
                  <a:moveTo>
                    <a:pt x="76" y="404"/>
                  </a:moveTo>
                  <a:lnTo>
                    <a:pt x="64" y="404"/>
                  </a:lnTo>
                  <a:lnTo>
                    <a:pt x="64" y="402"/>
                  </a:lnTo>
                  <a:lnTo>
                    <a:pt x="62" y="401"/>
                  </a:lnTo>
                  <a:lnTo>
                    <a:pt x="62" y="399"/>
                  </a:lnTo>
                  <a:lnTo>
                    <a:pt x="61" y="397"/>
                  </a:lnTo>
                  <a:lnTo>
                    <a:pt x="57" y="397"/>
                  </a:lnTo>
                  <a:lnTo>
                    <a:pt x="54" y="396"/>
                  </a:lnTo>
                  <a:lnTo>
                    <a:pt x="49" y="396"/>
                  </a:lnTo>
                  <a:lnTo>
                    <a:pt x="49" y="394"/>
                  </a:lnTo>
                  <a:lnTo>
                    <a:pt x="45" y="389"/>
                  </a:lnTo>
                  <a:lnTo>
                    <a:pt x="40" y="384"/>
                  </a:lnTo>
                  <a:lnTo>
                    <a:pt x="35" y="375"/>
                  </a:lnTo>
                  <a:lnTo>
                    <a:pt x="28" y="367"/>
                  </a:lnTo>
                  <a:lnTo>
                    <a:pt x="22" y="357"/>
                  </a:lnTo>
                  <a:lnTo>
                    <a:pt x="13" y="348"/>
                  </a:lnTo>
                  <a:lnTo>
                    <a:pt x="5" y="338"/>
                  </a:lnTo>
                  <a:lnTo>
                    <a:pt x="5" y="335"/>
                  </a:lnTo>
                  <a:lnTo>
                    <a:pt x="5" y="331"/>
                  </a:lnTo>
                  <a:lnTo>
                    <a:pt x="6" y="326"/>
                  </a:lnTo>
                  <a:lnTo>
                    <a:pt x="6" y="323"/>
                  </a:lnTo>
                  <a:lnTo>
                    <a:pt x="6" y="318"/>
                  </a:lnTo>
                  <a:lnTo>
                    <a:pt x="5" y="311"/>
                  </a:lnTo>
                  <a:lnTo>
                    <a:pt x="3" y="306"/>
                  </a:lnTo>
                  <a:lnTo>
                    <a:pt x="0" y="303"/>
                  </a:lnTo>
                  <a:lnTo>
                    <a:pt x="0" y="299"/>
                  </a:lnTo>
                  <a:lnTo>
                    <a:pt x="0" y="297"/>
                  </a:lnTo>
                  <a:lnTo>
                    <a:pt x="1" y="297"/>
                  </a:lnTo>
                  <a:lnTo>
                    <a:pt x="1" y="299"/>
                  </a:lnTo>
                  <a:lnTo>
                    <a:pt x="3" y="299"/>
                  </a:lnTo>
                  <a:lnTo>
                    <a:pt x="6" y="303"/>
                  </a:lnTo>
                  <a:lnTo>
                    <a:pt x="13" y="301"/>
                  </a:lnTo>
                  <a:lnTo>
                    <a:pt x="18" y="297"/>
                  </a:lnTo>
                  <a:lnTo>
                    <a:pt x="23" y="292"/>
                  </a:lnTo>
                  <a:lnTo>
                    <a:pt x="28" y="287"/>
                  </a:lnTo>
                  <a:lnTo>
                    <a:pt x="32" y="281"/>
                  </a:lnTo>
                  <a:lnTo>
                    <a:pt x="34" y="277"/>
                  </a:lnTo>
                  <a:lnTo>
                    <a:pt x="35" y="275"/>
                  </a:lnTo>
                  <a:lnTo>
                    <a:pt x="32" y="253"/>
                  </a:lnTo>
                  <a:lnTo>
                    <a:pt x="34" y="252"/>
                  </a:lnTo>
                  <a:lnTo>
                    <a:pt x="34" y="250"/>
                  </a:lnTo>
                  <a:lnTo>
                    <a:pt x="35" y="247"/>
                  </a:lnTo>
                  <a:lnTo>
                    <a:pt x="37" y="243"/>
                  </a:lnTo>
                  <a:lnTo>
                    <a:pt x="39" y="242"/>
                  </a:lnTo>
                  <a:lnTo>
                    <a:pt x="39" y="238"/>
                  </a:lnTo>
                  <a:lnTo>
                    <a:pt x="40" y="230"/>
                  </a:lnTo>
                  <a:lnTo>
                    <a:pt x="40" y="225"/>
                  </a:lnTo>
                  <a:lnTo>
                    <a:pt x="44" y="221"/>
                  </a:lnTo>
                  <a:lnTo>
                    <a:pt x="45" y="221"/>
                  </a:lnTo>
                  <a:lnTo>
                    <a:pt x="49" y="221"/>
                  </a:lnTo>
                  <a:lnTo>
                    <a:pt x="50" y="221"/>
                  </a:lnTo>
                  <a:lnTo>
                    <a:pt x="52" y="223"/>
                  </a:lnTo>
                  <a:lnTo>
                    <a:pt x="54" y="225"/>
                  </a:lnTo>
                  <a:lnTo>
                    <a:pt x="57" y="233"/>
                  </a:lnTo>
                  <a:lnTo>
                    <a:pt x="61" y="235"/>
                  </a:lnTo>
                  <a:lnTo>
                    <a:pt x="62" y="233"/>
                  </a:lnTo>
                  <a:lnTo>
                    <a:pt x="66" y="230"/>
                  </a:lnTo>
                  <a:lnTo>
                    <a:pt x="67" y="225"/>
                  </a:lnTo>
                  <a:lnTo>
                    <a:pt x="67" y="221"/>
                  </a:lnTo>
                  <a:lnTo>
                    <a:pt x="67" y="216"/>
                  </a:lnTo>
                  <a:lnTo>
                    <a:pt x="69" y="216"/>
                  </a:lnTo>
                  <a:lnTo>
                    <a:pt x="71" y="189"/>
                  </a:lnTo>
                  <a:lnTo>
                    <a:pt x="93" y="167"/>
                  </a:lnTo>
                  <a:lnTo>
                    <a:pt x="93" y="169"/>
                  </a:lnTo>
                  <a:lnTo>
                    <a:pt x="94" y="171"/>
                  </a:lnTo>
                  <a:lnTo>
                    <a:pt x="98" y="171"/>
                  </a:lnTo>
                  <a:lnTo>
                    <a:pt x="101" y="169"/>
                  </a:lnTo>
                  <a:lnTo>
                    <a:pt x="105" y="169"/>
                  </a:lnTo>
                  <a:lnTo>
                    <a:pt x="108" y="167"/>
                  </a:lnTo>
                  <a:lnTo>
                    <a:pt x="110" y="165"/>
                  </a:lnTo>
                  <a:lnTo>
                    <a:pt x="110" y="164"/>
                  </a:lnTo>
                  <a:lnTo>
                    <a:pt x="111" y="164"/>
                  </a:lnTo>
                  <a:lnTo>
                    <a:pt x="113" y="160"/>
                  </a:lnTo>
                  <a:lnTo>
                    <a:pt x="118" y="155"/>
                  </a:lnTo>
                  <a:lnTo>
                    <a:pt x="122" y="150"/>
                  </a:lnTo>
                  <a:lnTo>
                    <a:pt x="125" y="147"/>
                  </a:lnTo>
                  <a:lnTo>
                    <a:pt x="130" y="142"/>
                  </a:lnTo>
                  <a:lnTo>
                    <a:pt x="132" y="138"/>
                  </a:lnTo>
                  <a:lnTo>
                    <a:pt x="133" y="137"/>
                  </a:lnTo>
                  <a:lnTo>
                    <a:pt x="138" y="130"/>
                  </a:lnTo>
                  <a:lnTo>
                    <a:pt x="142" y="125"/>
                  </a:lnTo>
                  <a:lnTo>
                    <a:pt x="144" y="120"/>
                  </a:lnTo>
                  <a:lnTo>
                    <a:pt x="144" y="115"/>
                  </a:lnTo>
                  <a:lnTo>
                    <a:pt x="144" y="111"/>
                  </a:lnTo>
                  <a:lnTo>
                    <a:pt x="142" y="108"/>
                  </a:lnTo>
                  <a:lnTo>
                    <a:pt x="142" y="106"/>
                  </a:lnTo>
                  <a:lnTo>
                    <a:pt x="142" y="105"/>
                  </a:lnTo>
                  <a:lnTo>
                    <a:pt x="142" y="103"/>
                  </a:lnTo>
                  <a:lnTo>
                    <a:pt x="142" y="96"/>
                  </a:lnTo>
                  <a:lnTo>
                    <a:pt x="144" y="89"/>
                  </a:lnTo>
                  <a:lnTo>
                    <a:pt x="144" y="79"/>
                  </a:lnTo>
                  <a:lnTo>
                    <a:pt x="145" y="69"/>
                  </a:lnTo>
                  <a:lnTo>
                    <a:pt x="147" y="61"/>
                  </a:lnTo>
                  <a:lnTo>
                    <a:pt x="147" y="55"/>
                  </a:lnTo>
                  <a:lnTo>
                    <a:pt x="149" y="52"/>
                  </a:lnTo>
                  <a:lnTo>
                    <a:pt x="152" y="47"/>
                  </a:lnTo>
                  <a:lnTo>
                    <a:pt x="152" y="40"/>
                  </a:lnTo>
                  <a:lnTo>
                    <a:pt x="152" y="32"/>
                  </a:lnTo>
                  <a:lnTo>
                    <a:pt x="150" y="23"/>
                  </a:lnTo>
                  <a:lnTo>
                    <a:pt x="149" y="15"/>
                  </a:lnTo>
                  <a:lnTo>
                    <a:pt x="147" y="10"/>
                  </a:lnTo>
                  <a:lnTo>
                    <a:pt x="145" y="5"/>
                  </a:lnTo>
                  <a:lnTo>
                    <a:pt x="144" y="3"/>
                  </a:lnTo>
                  <a:lnTo>
                    <a:pt x="155" y="0"/>
                  </a:lnTo>
                  <a:lnTo>
                    <a:pt x="174" y="111"/>
                  </a:lnTo>
                  <a:lnTo>
                    <a:pt x="269" y="93"/>
                  </a:lnTo>
                  <a:lnTo>
                    <a:pt x="279" y="154"/>
                  </a:lnTo>
                  <a:lnTo>
                    <a:pt x="314" y="121"/>
                  </a:lnTo>
                  <a:lnTo>
                    <a:pt x="314" y="123"/>
                  </a:lnTo>
                  <a:lnTo>
                    <a:pt x="316" y="123"/>
                  </a:lnTo>
                  <a:lnTo>
                    <a:pt x="318" y="123"/>
                  </a:lnTo>
                  <a:lnTo>
                    <a:pt x="321" y="121"/>
                  </a:lnTo>
                  <a:lnTo>
                    <a:pt x="326" y="116"/>
                  </a:lnTo>
                  <a:lnTo>
                    <a:pt x="331" y="110"/>
                  </a:lnTo>
                  <a:lnTo>
                    <a:pt x="338" y="98"/>
                  </a:lnTo>
                  <a:lnTo>
                    <a:pt x="340" y="98"/>
                  </a:lnTo>
                  <a:lnTo>
                    <a:pt x="343" y="99"/>
                  </a:lnTo>
                  <a:lnTo>
                    <a:pt x="348" y="101"/>
                  </a:lnTo>
                  <a:lnTo>
                    <a:pt x="353" y="101"/>
                  </a:lnTo>
                  <a:lnTo>
                    <a:pt x="358" y="101"/>
                  </a:lnTo>
                  <a:lnTo>
                    <a:pt x="365" y="99"/>
                  </a:lnTo>
                  <a:lnTo>
                    <a:pt x="370" y="94"/>
                  </a:lnTo>
                  <a:lnTo>
                    <a:pt x="375" y="88"/>
                  </a:lnTo>
                  <a:lnTo>
                    <a:pt x="377" y="86"/>
                  </a:lnTo>
                  <a:lnTo>
                    <a:pt x="377" y="84"/>
                  </a:lnTo>
                  <a:lnTo>
                    <a:pt x="380" y="81"/>
                  </a:lnTo>
                  <a:lnTo>
                    <a:pt x="384" y="79"/>
                  </a:lnTo>
                  <a:lnTo>
                    <a:pt x="389" y="77"/>
                  </a:lnTo>
                  <a:lnTo>
                    <a:pt x="394" y="77"/>
                  </a:lnTo>
                  <a:lnTo>
                    <a:pt x="402" y="79"/>
                  </a:lnTo>
                  <a:lnTo>
                    <a:pt x="413" y="83"/>
                  </a:lnTo>
                  <a:lnTo>
                    <a:pt x="414" y="83"/>
                  </a:lnTo>
                  <a:lnTo>
                    <a:pt x="416" y="83"/>
                  </a:lnTo>
                  <a:lnTo>
                    <a:pt x="418" y="83"/>
                  </a:lnTo>
                  <a:lnTo>
                    <a:pt x="419" y="83"/>
                  </a:lnTo>
                  <a:lnTo>
                    <a:pt x="423" y="83"/>
                  </a:lnTo>
                  <a:lnTo>
                    <a:pt x="424" y="83"/>
                  </a:lnTo>
                  <a:lnTo>
                    <a:pt x="426" y="83"/>
                  </a:lnTo>
                  <a:lnTo>
                    <a:pt x="428" y="89"/>
                  </a:lnTo>
                  <a:lnTo>
                    <a:pt x="430" y="91"/>
                  </a:lnTo>
                  <a:lnTo>
                    <a:pt x="433" y="93"/>
                  </a:lnTo>
                  <a:lnTo>
                    <a:pt x="436" y="96"/>
                  </a:lnTo>
                  <a:lnTo>
                    <a:pt x="441" y="99"/>
                  </a:lnTo>
                  <a:lnTo>
                    <a:pt x="445" y="105"/>
                  </a:lnTo>
                  <a:lnTo>
                    <a:pt x="446" y="110"/>
                  </a:lnTo>
                  <a:lnTo>
                    <a:pt x="446" y="115"/>
                  </a:lnTo>
                  <a:lnTo>
                    <a:pt x="443" y="120"/>
                  </a:lnTo>
                  <a:lnTo>
                    <a:pt x="443" y="121"/>
                  </a:lnTo>
                  <a:lnTo>
                    <a:pt x="443" y="125"/>
                  </a:lnTo>
                  <a:lnTo>
                    <a:pt x="443" y="128"/>
                  </a:lnTo>
                  <a:lnTo>
                    <a:pt x="441" y="130"/>
                  </a:lnTo>
                  <a:lnTo>
                    <a:pt x="438" y="132"/>
                  </a:lnTo>
                  <a:lnTo>
                    <a:pt x="433" y="133"/>
                  </a:lnTo>
                  <a:lnTo>
                    <a:pt x="424" y="130"/>
                  </a:lnTo>
                  <a:lnTo>
                    <a:pt x="411" y="125"/>
                  </a:lnTo>
                  <a:lnTo>
                    <a:pt x="409" y="123"/>
                  </a:lnTo>
                  <a:lnTo>
                    <a:pt x="406" y="121"/>
                  </a:lnTo>
                  <a:lnTo>
                    <a:pt x="401" y="120"/>
                  </a:lnTo>
                  <a:lnTo>
                    <a:pt x="396" y="118"/>
                  </a:lnTo>
                  <a:lnTo>
                    <a:pt x="392" y="115"/>
                  </a:lnTo>
                  <a:lnTo>
                    <a:pt x="387" y="113"/>
                  </a:lnTo>
                  <a:lnTo>
                    <a:pt x="384" y="111"/>
                  </a:lnTo>
                  <a:lnTo>
                    <a:pt x="380" y="145"/>
                  </a:lnTo>
                  <a:lnTo>
                    <a:pt x="375" y="150"/>
                  </a:lnTo>
                  <a:lnTo>
                    <a:pt x="375" y="152"/>
                  </a:lnTo>
                  <a:lnTo>
                    <a:pt x="374" y="157"/>
                  </a:lnTo>
                  <a:lnTo>
                    <a:pt x="372" y="162"/>
                  </a:lnTo>
                  <a:lnTo>
                    <a:pt x="369" y="169"/>
                  </a:lnTo>
                  <a:lnTo>
                    <a:pt x="365" y="176"/>
                  </a:lnTo>
                  <a:lnTo>
                    <a:pt x="362" y="179"/>
                  </a:lnTo>
                  <a:lnTo>
                    <a:pt x="358" y="182"/>
                  </a:lnTo>
                  <a:lnTo>
                    <a:pt x="355" y="181"/>
                  </a:lnTo>
                  <a:lnTo>
                    <a:pt x="355" y="182"/>
                  </a:lnTo>
                  <a:lnTo>
                    <a:pt x="355" y="186"/>
                  </a:lnTo>
                  <a:lnTo>
                    <a:pt x="353" y="189"/>
                  </a:lnTo>
                  <a:lnTo>
                    <a:pt x="352" y="194"/>
                  </a:lnTo>
                  <a:lnTo>
                    <a:pt x="350" y="199"/>
                  </a:lnTo>
                  <a:lnTo>
                    <a:pt x="347" y="203"/>
                  </a:lnTo>
                  <a:lnTo>
                    <a:pt x="345" y="203"/>
                  </a:lnTo>
                  <a:lnTo>
                    <a:pt x="342" y="199"/>
                  </a:lnTo>
                  <a:lnTo>
                    <a:pt x="340" y="199"/>
                  </a:lnTo>
                  <a:lnTo>
                    <a:pt x="338" y="198"/>
                  </a:lnTo>
                  <a:lnTo>
                    <a:pt x="336" y="196"/>
                  </a:lnTo>
                  <a:lnTo>
                    <a:pt x="333" y="196"/>
                  </a:lnTo>
                  <a:lnTo>
                    <a:pt x="331" y="198"/>
                  </a:lnTo>
                  <a:lnTo>
                    <a:pt x="328" y="199"/>
                  </a:lnTo>
                  <a:lnTo>
                    <a:pt x="326" y="206"/>
                  </a:lnTo>
                  <a:lnTo>
                    <a:pt x="326" y="216"/>
                  </a:lnTo>
                  <a:lnTo>
                    <a:pt x="326" y="218"/>
                  </a:lnTo>
                  <a:lnTo>
                    <a:pt x="326" y="220"/>
                  </a:lnTo>
                  <a:lnTo>
                    <a:pt x="325" y="223"/>
                  </a:lnTo>
                  <a:lnTo>
                    <a:pt x="325" y="225"/>
                  </a:lnTo>
                  <a:lnTo>
                    <a:pt x="323" y="226"/>
                  </a:lnTo>
                  <a:lnTo>
                    <a:pt x="323" y="228"/>
                  </a:lnTo>
                  <a:lnTo>
                    <a:pt x="323" y="230"/>
                  </a:lnTo>
                  <a:lnTo>
                    <a:pt x="323" y="231"/>
                  </a:lnTo>
                  <a:lnTo>
                    <a:pt x="321" y="235"/>
                  </a:lnTo>
                  <a:lnTo>
                    <a:pt x="320" y="242"/>
                  </a:lnTo>
                  <a:lnTo>
                    <a:pt x="318" y="247"/>
                  </a:lnTo>
                  <a:lnTo>
                    <a:pt x="313" y="250"/>
                  </a:lnTo>
                  <a:lnTo>
                    <a:pt x="308" y="252"/>
                  </a:lnTo>
                  <a:lnTo>
                    <a:pt x="301" y="250"/>
                  </a:lnTo>
                  <a:lnTo>
                    <a:pt x="291" y="243"/>
                  </a:lnTo>
                  <a:lnTo>
                    <a:pt x="289" y="242"/>
                  </a:lnTo>
                  <a:lnTo>
                    <a:pt x="286" y="240"/>
                  </a:lnTo>
                  <a:lnTo>
                    <a:pt x="282" y="238"/>
                  </a:lnTo>
                  <a:lnTo>
                    <a:pt x="279" y="238"/>
                  </a:lnTo>
                  <a:lnTo>
                    <a:pt x="276" y="240"/>
                  </a:lnTo>
                  <a:lnTo>
                    <a:pt x="274" y="243"/>
                  </a:lnTo>
                  <a:lnTo>
                    <a:pt x="274" y="250"/>
                  </a:lnTo>
                  <a:lnTo>
                    <a:pt x="276" y="260"/>
                  </a:lnTo>
                  <a:lnTo>
                    <a:pt x="276" y="262"/>
                  </a:lnTo>
                  <a:lnTo>
                    <a:pt x="276" y="265"/>
                  </a:lnTo>
                  <a:lnTo>
                    <a:pt x="274" y="267"/>
                  </a:lnTo>
                  <a:lnTo>
                    <a:pt x="272" y="269"/>
                  </a:lnTo>
                  <a:lnTo>
                    <a:pt x="272" y="272"/>
                  </a:lnTo>
                  <a:lnTo>
                    <a:pt x="270" y="274"/>
                  </a:lnTo>
                  <a:lnTo>
                    <a:pt x="270" y="275"/>
                  </a:lnTo>
                  <a:lnTo>
                    <a:pt x="269" y="275"/>
                  </a:lnTo>
                  <a:lnTo>
                    <a:pt x="267" y="287"/>
                  </a:lnTo>
                  <a:lnTo>
                    <a:pt x="265" y="289"/>
                  </a:lnTo>
                  <a:lnTo>
                    <a:pt x="264" y="291"/>
                  </a:lnTo>
                  <a:lnTo>
                    <a:pt x="264" y="292"/>
                  </a:lnTo>
                  <a:lnTo>
                    <a:pt x="262" y="296"/>
                  </a:lnTo>
                  <a:lnTo>
                    <a:pt x="260" y="301"/>
                  </a:lnTo>
                  <a:lnTo>
                    <a:pt x="259" y="308"/>
                  </a:lnTo>
                  <a:lnTo>
                    <a:pt x="259" y="314"/>
                  </a:lnTo>
                  <a:lnTo>
                    <a:pt x="259" y="318"/>
                  </a:lnTo>
                  <a:lnTo>
                    <a:pt x="255" y="321"/>
                  </a:lnTo>
                  <a:lnTo>
                    <a:pt x="252" y="326"/>
                  </a:lnTo>
                  <a:lnTo>
                    <a:pt x="248" y="331"/>
                  </a:lnTo>
                  <a:lnTo>
                    <a:pt x="245" y="336"/>
                  </a:lnTo>
                  <a:lnTo>
                    <a:pt x="242" y="341"/>
                  </a:lnTo>
                  <a:lnTo>
                    <a:pt x="240" y="347"/>
                  </a:lnTo>
                  <a:lnTo>
                    <a:pt x="238" y="352"/>
                  </a:lnTo>
                  <a:lnTo>
                    <a:pt x="238" y="353"/>
                  </a:lnTo>
                  <a:lnTo>
                    <a:pt x="238" y="355"/>
                  </a:lnTo>
                  <a:lnTo>
                    <a:pt x="238" y="357"/>
                  </a:lnTo>
                  <a:lnTo>
                    <a:pt x="238" y="360"/>
                  </a:lnTo>
                  <a:lnTo>
                    <a:pt x="238" y="362"/>
                  </a:lnTo>
                  <a:lnTo>
                    <a:pt x="238" y="363"/>
                  </a:lnTo>
                  <a:lnTo>
                    <a:pt x="238" y="365"/>
                  </a:lnTo>
                  <a:lnTo>
                    <a:pt x="243" y="369"/>
                  </a:lnTo>
                  <a:lnTo>
                    <a:pt x="237" y="377"/>
                  </a:lnTo>
                  <a:lnTo>
                    <a:pt x="242" y="384"/>
                  </a:lnTo>
                  <a:lnTo>
                    <a:pt x="225" y="396"/>
                  </a:lnTo>
                  <a:lnTo>
                    <a:pt x="223" y="396"/>
                  </a:lnTo>
                  <a:lnTo>
                    <a:pt x="220" y="394"/>
                  </a:lnTo>
                  <a:lnTo>
                    <a:pt x="216" y="394"/>
                  </a:lnTo>
                  <a:lnTo>
                    <a:pt x="211" y="394"/>
                  </a:lnTo>
                  <a:lnTo>
                    <a:pt x="208" y="396"/>
                  </a:lnTo>
                  <a:lnTo>
                    <a:pt x="203" y="401"/>
                  </a:lnTo>
                  <a:lnTo>
                    <a:pt x="201" y="407"/>
                  </a:lnTo>
                  <a:lnTo>
                    <a:pt x="199" y="406"/>
                  </a:lnTo>
                  <a:lnTo>
                    <a:pt x="198" y="404"/>
                  </a:lnTo>
                  <a:lnTo>
                    <a:pt x="194" y="404"/>
                  </a:lnTo>
                  <a:lnTo>
                    <a:pt x="189" y="402"/>
                  </a:lnTo>
                  <a:lnTo>
                    <a:pt x="186" y="402"/>
                  </a:lnTo>
                  <a:lnTo>
                    <a:pt x="184" y="404"/>
                  </a:lnTo>
                  <a:lnTo>
                    <a:pt x="184" y="407"/>
                  </a:lnTo>
                  <a:lnTo>
                    <a:pt x="186" y="414"/>
                  </a:lnTo>
                  <a:lnTo>
                    <a:pt x="186" y="416"/>
                  </a:lnTo>
                  <a:lnTo>
                    <a:pt x="184" y="418"/>
                  </a:lnTo>
                  <a:lnTo>
                    <a:pt x="182" y="418"/>
                  </a:lnTo>
                  <a:lnTo>
                    <a:pt x="179" y="419"/>
                  </a:lnTo>
                  <a:lnTo>
                    <a:pt x="176" y="421"/>
                  </a:lnTo>
                  <a:lnTo>
                    <a:pt x="174" y="423"/>
                  </a:lnTo>
                  <a:lnTo>
                    <a:pt x="172" y="423"/>
                  </a:lnTo>
                  <a:lnTo>
                    <a:pt x="171" y="424"/>
                  </a:lnTo>
                  <a:lnTo>
                    <a:pt x="167" y="426"/>
                  </a:lnTo>
                  <a:lnTo>
                    <a:pt x="162" y="428"/>
                  </a:lnTo>
                  <a:lnTo>
                    <a:pt x="155" y="429"/>
                  </a:lnTo>
                  <a:lnTo>
                    <a:pt x="150" y="429"/>
                  </a:lnTo>
                  <a:lnTo>
                    <a:pt x="145" y="429"/>
                  </a:lnTo>
                  <a:lnTo>
                    <a:pt x="142" y="428"/>
                  </a:lnTo>
                  <a:lnTo>
                    <a:pt x="140" y="423"/>
                  </a:lnTo>
                  <a:lnTo>
                    <a:pt x="138" y="426"/>
                  </a:lnTo>
                  <a:lnTo>
                    <a:pt x="135" y="429"/>
                  </a:lnTo>
                  <a:lnTo>
                    <a:pt x="132" y="433"/>
                  </a:lnTo>
                  <a:lnTo>
                    <a:pt x="127" y="438"/>
                  </a:lnTo>
                  <a:lnTo>
                    <a:pt x="122" y="440"/>
                  </a:lnTo>
                  <a:lnTo>
                    <a:pt x="116" y="440"/>
                  </a:lnTo>
                  <a:lnTo>
                    <a:pt x="110" y="438"/>
                  </a:lnTo>
                  <a:lnTo>
                    <a:pt x="108" y="438"/>
                  </a:lnTo>
                  <a:lnTo>
                    <a:pt x="105" y="438"/>
                  </a:lnTo>
                  <a:lnTo>
                    <a:pt x="101" y="436"/>
                  </a:lnTo>
                  <a:lnTo>
                    <a:pt x="98" y="435"/>
                  </a:lnTo>
                  <a:lnTo>
                    <a:pt x="93" y="433"/>
                  </a:lnTo>
                  <a:lnTo>
                    <a:pt x="88" y="428"/>
                  </a:lnTo>
                  <a:lnTo>
                    <a:pt x="83" y="423"/>
                  </a:lnTo>
                  <a:lnTo>
                    <a:pt x="79" y="416"/>
                  </a:lnTo>
                  <a:lnTo>
                    <a:pt x="78" y="413"/>
                  </a:lnTo>
                  <a:lnTo>
                    <a:pt x="78" y="409"/>
                  </a:lnTo>
                  <a:lnTo>
                    <a:pt x="78" y="406"/>
                  </a:lnTo>
                  <a:lnTo>
                    <a:pt x="76" y="404"/>
                  </a:lnTo>
                </a:path>
              </a:pathLst>
            </a:custGeom>
            <a:solidFill>
              <a:srgbClr val="C00000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73" name="Freeform 130"/>
            <p:cNvSpPr>
              <a:spLocks/>
            </p:cNvSpPr>
            <p:nvPr/>
          </p:nvSpPr>
          <p:spPr bwMode="auto">
            <a:xfrm>
              <a:off x="4583" y="2049"/>
              <a:ext cx="102" cy="170"/>
            </a:xfrm>
            <a:custGeom>
              <a:avLst/>
              <a:gdLst>
                <a:gd name="T0" fmla="*/ 17 w 105"/>
                <a:gd name="T1" fmla="*/ 16 h 175"/>
                <a:gd name="T2" fmla="*/ 17 w 105"/>
                <a:gd name="T3" fmla="*/ 17 h 175"/>
                <a:gd name="T4" fmla="*/ 17 w 105"/>
                <a:gd name="T5" fmla="*/ 17 h 175"/>
                <a:gd name="T6" fmla="*/ 17 w 105"/>
                <a:gd name="T7" fmla="*/ 20 h 175"/>
                <a:gd name="T8" fmla="*/ 17 w 105"/>
                <a:gd name="T9" fmla="*/ 22 h 175"/>
                <a:gd name="T10" fmla="*/ 17 w 105"/>
                <a:gd name="T11" fmla="*/ 24 h 175"/>
                <a:gd name="T12" fmla="*/ 17 w 105"/>
                <a:gd name="T13" fmla="*/ 32 h 175"/>
                <a:gd name="T14" fmla="*/ 17 w 105"/>
                <a:gd name="T15" fmla="*/ 39 h 175"/>
                <a:gd name="T16" fmla="*/ 20 w 105"/>
                <a:gd name="T17" fmla="*/ 42 h 175"/>
                <a:gd name="T18" fmla="*/ 23 w 105"/>
                <a:gd name="T19" fmla="*/ 42 h 175"/>
                <a:gd name="T20" fmla="*/ 25 w 105"/>
                <a:gd name="T21" fmla="*/ 43 h 175"/>
                <a:gd name="T22" fmla="*/ 30 w 105"/>
                <a:gd name="T23" fmla="*/ 45 h 175"/>
                <a:gd name="T24" fmla="*/ 35 w 105"/>
                <a:gd name="T25" fmla="*/ 48 h 175"/>
                <a:gd name="T26" fmla="*/ 35 w 105"/>
                <a:gd name="T27" fmla="*/ 54 h 175"/>
                <a:gd name="T28" fmla="*/ 35 w 105"/>
                <a:gd name="T29" fmla="*/ 59 h 175"/>
                <a:gd name="T30" fmla="*/ 35 w 105"/>
                <a:gd name="T31" fmla="*/ 59 h 175"/>
                <a:gd name="T32" fmla="*/ 39 w 105"/>
                <a:gd name="T33" fmla="*/ 63 h 175"/>
                <a:gd name="T34" fmla="*/ 41 w 105"/>
                <a:gd name="T35" fmla="*/ 67 h 175"/>
                <a:gd name="T36" fmla="*/ 43 w 105"/>
                <a:gd name="T37" fmla="*/ 70 h 175"/>
                <a:gd name="T38" fmla="*/ 43 w 105"/>
                <a:gd name="T39" fmla="*/ 71 h 175"/>
                <a:gd name="T40" fmla="*/ 44 w 105"/>
                <a:gd name="T41" fmla="*/ 71 h 175"/>
                <a:gd name="T42" fmla="*/ 45 w 105"/>
                <a:gd name="T43" fmla="*/ 74 h 175"/>
                <a:gd name="T44" fmla="*/ 45 w 105"/>
                <a:gd name="T45" fmla="*/ 75 h 175"/>
                <a:gd name="T46" fmla="*/ 49 w 105"/>
                <a:gd name="T47" fmla="*/ 80 h 175"/>
                <a:gd name="T48" fmla="*/ 55 w 105"/>
                <a:gd name="T49" fmla="*/ 82 h 175"/>
                <a:gd name="T50" fmla="*/ 59 w 105"/>
                <a:gd name="T51" fmla="*/ 82 h 175"/>
                <a:gd name="T52" fmla="*/ 61 w 105"/>
                <a:gd name="T53" fmla="*/ 82 h 175"/>
                <a:gd name="T54" fmla="*/ 63 w 105"/>
                <a:gd name="T55" fmla="*/ 90 h 175"/>
                <a:gd name="T56" fmla="*/ 58 w 105"/>
                <a:gd name="T57" fmla="*/ 94 h 175"/>
                <a:gd name="T58" fmla="*/ 58 w 105"/>
                <a:gd name="T59" fmla="*/ 94 h 175"/>
                <a:gd name="T60" fmla="*/ 57 w 105"/>
                <a:gd name="T61" fmla="*/ 95 h 175"/>
                <a:gd name="T62" fmla="*/ 57 w 105"/>
                <a:gd name="T63" fmla="*/ 96 h 175"/>
                <a:gd name="T64" fmla="*/ 53 w 105"/>
                <a:gd name="T65" fmla="*/ 99 h 175"/>
                <a:gd name="T66" fmla="*/ 57 w 105"/>
                <a:gd name="T67" fmla="*/ 100 h 175"/>
                <a:gd name="T68" fmla="*/ 61 w 105"/>
                <a:gd name="T69" fmla="*/ 99 h 175"/>
                <a:gd name="T70" fmla="*/ 63 w 105"/>
                <a:gd name="T71" fmla="*/ 98 h 175"/>
                <a:gd name="T72" fmla="*/ 66 w 105"/>
                <a:gd name="T73" fmla="*/ 96 h 175"/>
                <a:gd name="T74" fmla="*/ 69 w 105"/>
                <a:gd name="T75" fmla="*/ 99 h 175"/>
                <a:gd name="T76" fmla="*/ 69 w 105"/>
                <a:gd name="T77" fmla="*/ 104 h 175"/>
                <a:gd name="T78" fmla="*/ 69 w 105"/>
                <a:gd name="T79" fmla="*/ 109 h 175"/>
                <a:gd name="T80" fmla="*/ 0 w 105"/>
                <a:gd name="T81" fmla="*/ 17 h 175"/>
                <a:gd name="T82" fmla="*/ 0 w 105"/>
                <a:gd name="T83" fmla="*/ 17 h 175"/>
                <a:gd name="T84" fmla="*/ 5 w 105"/>
                <a:gd name="T85" fmla="*/ 7 h 175"/>
                <a:gd name="T86" fmla="*/ 15 w 105"/>
                <a:gd name="T87" fmla="*/ 0 h 175"/>
                <a:gd name="T88" fmla="*/ 17 w 105"/>
                <a:gd name="T89" fmla="*/ 0 h 175"/>
                <a:gd name="T90" fmla="*/ 18 w 105"/>
                <a:gd name="T91" fmla="*/ 2 h 175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w 105"/>
                <a:gd name="T139" fmla="*/ 0 h 175"/>
                <a:gd name="T140" fmla="*/ 105 w 105"/>
                <a:gd name="T141" fmla="*/ 175 h 175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T138" t="T139" r="T140" b="T141"/>
              <a:pathLst>
                <a:path w="105" h="175">
                  <a:moveTo>
                    <a:pt x="27" y="7"/>
                  </a:moveTo>
                  <a:lnTo>
                    <a:pt x="24" y="16"/>
                  </a:lnTo>
                  <a:lnTo>
                    <a:pt x="20" y="22"/>
                  </a:lnTo>
                  <a:lnTo>
                    <a:pt x="20" y="26"/>
                  </a:lnTo>
                  <a:lnTo>
                    <a:pt x="20" y="29"/>
                  </a:lnTo>
                  <a:lnTo>
                    <a:pt x="20" y="31"/>
                  </a:lnTo>
                  <a:lnTo>
                    <a:pt x="22" y="34"/>
                  </a:lnTo>
                  <a:lnTo>
                    <a:pt x="22" y="36"/>
                  </a:lnTo>
                  <a:lnTo>
                    <a:pt x="24" y="36"/>
                  </a:lnTo>
                  <a:lnTo>
                    <a:pt x="24" y="38"/>
                  </a:lnTo>
                  <a:lnTo>
                    <a:pt x="25" y="46"/>
                  </a:lnTo>
                  <a:lnTo>
                    <a:pt x="27" y="49"/>
                  </a:lnTo>
                  <a:lnTo>
                    <a:pt x="29" y="55"/>
                  </a:lnTo>
                  <a:lnTo>
                    <a:pt x="30" y="56"/>
                  </a:lnTo>
                  <a:lnTo>
                    <a:pt x="34" y="60"/>
                  </a:lnTo>
                  <a:lnTo>
                    <a:pt x="36" y="61"/>
                  </a:lnTo>
                  <a:lnTo>
                    <a:pt x="37" y="61"/>
                  </a:lnTo>
                  <a:lnTo>
                    <a:pt x="39" y="63"/>
                  </a:lnTo>
                  <a:lnTo>
                    <a:pt x="44" y="66"/>
                  </a:lnTo>
                  <a:lnTo>
                    <a:pt x="47" y="70"/>
                  </a:lnTo>
                  <a:lnTo>
                    <a:pt x="49" y="73"/>
                  </a:lnTo>
                  <a:lnTo>
                    <a:pt x="49" y="78"/>
                  </a:lnTo>
                  <a:lnTo>
                    <a:pt x="49" y="82"/>
                  </a:lnTo>
                  <a:lnTo>
                    <a:pt x="49" y="85"/>
                  </a:lnTo>
                  <a:lnTo>
                    <a:pt x="49" y="88"/>
                  </a:lnTo>
                  <a:lnTo>
                    <a:pt x="51" y="92"/>
                  </a:lnTo>
                  <a:lnTo>
                    <a:pt x="54" y="93"/>
                  </a:lnTo>
                  <a:lnTo>
                    <a:pt x="56" y="97"/>
                  </a:lnTo>
                  <a:lnTo>
                    <a:pt x="59" y="99"/>
                  </a:lnTo>
                  <a:lnTo>
                    <a:pt x="61" y="102"/>
                  </a:lnTo>
                  <a:lnTo>
                    <a:pt x="63" y="104"/>
                  </a:lnTo>
                  <a:lnTo>
                    <a:pt x="63" y="105"/>
                  </a:lnTo>
                  <a:lnTo>
                    <a:pt x="64" y="105"/>
                  </a:lnTo>
                  <a:lnTo>
                    <a:pt x="64" y="109"/>
                  </a:lnTo>
                  <a:lnTo>
                    <a:pt x="66" y="110"/>
                  </a:lnTo>
                  <a:lnTo>
                    <a:pt x="66" y="112"/>
                  </a:lnTo>
                  <a:lnTo>
                    <a:pt x="71" y="115"/>
                  </a:lnTo>
                  <a:lnTo>
                    <a:pt x="74" y="119"/>
                  </a:lnTo>
                  <a:lnTo>
                    <a:pt x="80" y="121"/>
                  </a:lnTo>
                  <a:lnTo>
                    <a:pt x="83" y="122"/>
                  </a:lnTo>
                  <a:lnTo>
                    <a:pt x="86" y="122"/>
                  </a:lnTo>
                  <a:lnTo>
                    <a:pt x="88" y="122"/>
                  </a:lnTo>
                  <a:lnTo>
                    <a:pt x="90" y="122"/>
                  </a:lnTo>
                  <a:lnTo>
                    <a:pt x="93" y="126"/>
                  </a:lnTo>
                  <a:lnTo>
                    <a:pt x="93" y="136"/>
                  </a:lnTo>
                  <a:lnTo>
                    <a:pt x="86" y="136"/>
                  </a:lnTo>
                  <a:lnTo>
                    <a:pt x="86" y="141"/>
                  </a:lnTo>
                  <a:lnTo>
                    <a:pt x="86" y="143"/>
                  </a:lnTo>
                  <a:lnTo>
                    <a:pt x="85" y="143"/>
                  </a:lnTo>
                  <a:lnTo>
                    <a:pt x="85" y="144"/>
                  </a:lnTo>
                  <a:lnTo>
                    <a:pt x="83" y="146"/>
                  </a:lnTo>
                  <a:lnTo>
                    <a:pt x="81" y="148"/>
                  </a:lnTo>
                  <a:lnTo>
                    <a:pt x="83" y="149"/>
                  </a:lnTo>
                  <a:lnTo>
                    <a:pt x="85" y="149"/>
                  </a:lnTo>
                  <a:lnTo>
                    <a:pt x="88" y="149"/>
                  </a:lnTo>
                  <a:lnTo>
                    <a:pt x="90" y="148"/>
                  </a:lnTo>
                  <a:lnTo>
                    <a:pt x="91" y="148"/>
                  </a:lnTo>
                  <a:lnTo>
                    <a:pt x="93" y="146"/>
                  </a:lnTo>
                  <a:lnTo>
                    <a:pt x="98" y="144"/>
                  </a:lnTo>
                  <a:lnTo>
                    <a:pt x="100" y="144"/>
                  </a:lnTo>
                  <a:lnTo>
                    <a:pt x="102" y="148"/>
                  </a:lnTo>
                  <a:lnTo>
                    <a:pt x="102" y="149"/>
                  </a:lnTo>
                  <a:lnTo>
                    <a:pt x="102" y="154"/>
                  </a:lnTo>
                  <a:lnTo>
                    <a:pt x="105" y="158"/>
                  </a:lnTo>
                  <a:lnTo>
                    <a:pt x="103" y="163"/>
                  </a:lnTo>
                  <a:lnTo>
                    <a:pt x="41" y="175"/>
                  </a:lnTo>
                  <a:lnTo>
                    <a:pt x="0" y="21"/>
                  </a:lnTo>
                  <a:lnTo>
                    <a:pt x="0" y="22"/>
                  </a:lnTo>
                  <a:lnTo>
                    <a:pt x="2" y="12"/>
                  </a:lnTo>
                  <a:lnTo>
                    <a:pt x="5" y="7"/>
                  </a:lnTo>
                  <a:lnTo>
                    <a:pt x="10" y="4"/>
                  </a:lnTo>
                  <a:lnTo>
                    <a:pt x="15" y="0"/>
                  </a:lnTo>
                  <a:lnTo>
                    <a:pt x="22" y="0"/>
                  </a:lnTo>
                  <a:lnTo>
                    <a:pt x="27" y="0"/>
                  </a:lnTo>
                  <a:lnTo>
                    <a:pt x="30" y="0"/>
                  </a:lnTo>
                  <a:lnTo>
                    <a:pt x="32" y="2"/>
                  </a:lnTo>
                  <a:lnTo>
                    <a:pt x="27" y="7"/>
                  </a:lnTo>
                </a:path>
              </a:pathLst>
            </a:custGeom>
            <a:solidFill>
              <a:srgbClr val="C00000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774" name="Group 131"/>
            <p:cNvGrpSpPr>
              <a:grpSpLocks/>
            </p:cNvGrpSpPr>
            <p:nvPr/>
          </p:nvGrpSpPr>
          <p:grpSpPr bwMode="auto">
            <a:xfrm>
              <a:off x="3980" y="2710"/>
              <a:ext cx="478" cy="363"/>
              <a:chOff x="3916" y="2758"/>
              <a:chExt cx="478" cy="363"/>
            </a:xfrm>
          </p:grpSpPr>
          <p:sp>
            <p:nvSpPr>
              <p:cNvPr id="827" name="Freeform 132"/>
              <p:cNvSpPr>
                <a:spLocks/>
              </p:cNvSpPr>
              <p:nvPr/>
            </p:nvSpPr>
            <p:spPr bwMode="auto">
              <a:xfrm>
                <a:off x="4222" y="3072"/>
                <a:ext cx="15" cy="16"/>
              </a:xfrm>
              <a:custGeom>
                <a:avLst/>
                <a:gdLst>
                  <a:gd name="T0" fmla="*/ 1 w 15"/>
                  <a:gd name="T1" fmla="*/ 5 h 17"/>
                  <a:gd name="T2" fmla="*/ 5 w 15"/>
                  <a:gd name="T3" fmla="*/ 2 h 17"/>
                  <a:gd name="T4" fmla="*/ 6 w 15"/>
                  <a:gd name="T5" fmla="*/ 0 h 17"/>
                  <a:gd name="T6" fmla="*/ 10 w 15"/>
                  <a:gd name="T7" fmla="*/ 0 h 17"/>
                  <a:gd name="T8" fmla="*/ 12 w 15"/>
                  <a:gd name="T9" fmla="*/ 0 h 17"/>
                  <a:gd name="T10" fmla="*/ 13 w 15"/>
                  <a:gd name="T11" fmla="*/ 2 h 17"/>
                  <a:gd name="T12" fmla="*/ 13 w 15"/>
                  <a:gd name="T13" fmla="*/ 2 h 17"/>
                  <a:gd name="T14" fmla="*/ 15 w 15"/>
                  <a:gd name="T15" fmla="*/ 3 h 17"/>
                  <a:gd name="T16" fmla="*/ 15 w 15"/>
                  <a:gd name="T17" fmla="*/ 5 h 17"/>
                  <a:gd name="T18" fmla="*/ 15 w 15"/>
                  <a:gd name="T19" fmla="*/ 7 h 17"/>
                  <a:gd name="T20" fmla="*/ 13 w 15"/>
                  <a:gd name="T21" fmla="*/ 8 h 17"/>
                  <a:gd name="T22" fmla="*/ 13 w 15"/>
                  <a:gd name="T23" fmla="*/ 8 h 17"/>
                  <a:gd name="T24" fmla="*/ 12 w 15"/>
                  <a:gd name="T25" fmla="*/ 8 h 17"/>
                  <a:gd name="T26" fmla="*/ 10 w 15"/>
                  <a:gd name="T27" fmla="*/ 8 h 17"/>
                  <a:gd name="T28" fmla="*/ 6 w 15"/>
                  <a:gd name="T29" fmla="*/ 8 h 17"/>
                  <a:gd name="T30" fmla="*/ 3 w 15"/>
                  <a:gd name="T31" fmla="*/ 8 h 17"/>
                  <a:gd name="T32" fmla="*/ 1 w 15"/>
                  <a:gd name="T33" fmla="*/ 8 h 17"/>
                  <a:gd name="T34" fmla="*/ 1 w 15"/>
                  <a:gd name="T35" fmla="*/ 8 h 17"/>
                  <a:gd name="T36" fmla="*/ 0 w 15"/>
                  <a:gd name="T37" fmla="*/ 8 h 17"/>
                  <a:gd name="T38" fmla="*/ 0 w 15"/>
                  <a:gd name="T39" fmla="*/ 8 h 17"/>
                  <a:gd name="T40" fmla="*/ 0 w 15"/>
                  <a:gd name="T41" fmla="*/ 8 h 17"/>
                  <a:gd name="T42" fmla="*/ 0 w 15"/>
                  <a:gd name="T43" fmla="*/ 8 h 17"/>
                  <a:gd name="T44" fmla="*/ 0 w 15"/>
                  <a:gd name="T45" fmla="*/ 8 h 17"/>
                  <a:gd name="T46" fmla="*/ 1 w 15"/>
                  <a:gd name="T47" fmla="*/ 7 h 17"/>
                  <a:gd name="T48" fmla="*/ 1 w 15"/>
                  <a:gd name="T49" fmla="*/ 5 h 1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15"/>
                  <a:gd name="T76" fmla="*/ 0 h 17"/>
                  <a:gd name="T77" fmla="*/ 15 w 15"/>
                  <a:gd name="T78" fmla="*/ 17 h 17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15" h="17">
                    <a:moveTo>
                      <a:pt x="1" y="5"/>
                    </a:moveTo>
                    <a:lnTo>
                      <a:pt x="5" y="2"/>
                    </a:lnTo>
                    <a:lnTo>
                      <a:pt x="6" y="0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5" y="3"/>
                    </a:lnTo>
                    <a:lnTo>
                      <a:pt x="15" y="5"/>
                    </a:lnTo>
                    <a:lnTo>
                      <a:pt x="15" y="7"/>
                    </a:lnTo>
                    <a:lnTo>
                      <a:pt x="13" y="8"/>
                    </a:lnTo>
                    <a:lnTo>
                      <a:pt x="13" y="10"/>
                    </a:lnTo>
                    <a:lnTo>
                      <a:pt x="12" y="12"/>
                    </a:lnTo>
                    <a:lnTo>
                      <a:pt x="10" y="15"/>
                    </a:lnTo>
                    <a:lnTo>
                      <a:pt x="6" y="17"/>
                    </a:lnTo>
                    <a:lnTo>
                      <a:pt x="3" y="17"/>
                    </a:lnTo>
                    <a:lnTo>
                      <a:pt x="1" y="17"/>
                    </a:lnTo>
                    <a:lnTo>
                      <a:pt x="0" y="15"/>
                    </a:lnTo>
                    <a:lnTo>
                      <a:pt x="0" y="13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1" y="7"/>
                    </a:lnTo>
                    <a:lnTo>
                      <a:pt x="1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28" name="Freeform 133"/>
              <p:cNvSpPr>
                <a:spLocks/>
              </p:cNvSpPr>
              <p:nvPr/>
            </p:nvSpPr>
            <p:spPr bwMode="auto">
              <a:xfrm>
                <a:off x="4206" y="3072"/>
                <a:ext cx="11" cy="12"/>
              </a:xfrm>
              <a:custGeom>
                <a:avLst/>
                <a:gdLst>
                  <a:gd name="T0" fmla="*/ 0 w 11"/>
                  <a:gd name="T1" fmla="*/ 6 h 13"/>
                  <a:gd name="T2" fmla="*/ 0 w 11"/>
                  <a:gd name="T3" fmla="*/ 3 h 13"/>
                  <a:gd name="T4" fmla="*/ 2 w 11"/>
                  <a:gd name="T5" fmla="*/ 2 h 13"/>
                  <a:gd name="T6" fmla="*/ 4 w 11"/>
                  <a:gd name="T7" fmla="*/ 0 h 13"/>
                  <a:gd name="T8" fmla="*/ 6 w 11"/>
                  <a:gd name="T9" fmla="*/ 0 h 13"/>
                  <a:gd name="T10" fmla="*/ 7 w 11"/>
                  <a:gd name="T11" fmla="*/ 0 h 13"/>
                  <a:gd name="T12" fmla="*/ 9 w 11"/>
                  <a:gd name="T13" fmla="*/ 2 h 13"/>
                  <a:gd name="T14" fmla="*/ 11 w 11"/>
                  <a:gd name="T15" fmla="*/ 3 h 13"/>
                  <a:gd name="T16" fmla="*/ 11 w 11"/>
                  <a:gd name="T17" fmla="*/ 6 h 13"/>
                  <a:gd name="T18" fmla="*/ 11 w 11"/>
                  <a:gd name="T19" fmla="*/ 6 h 13"/>
                  <a:gd name="T20" fmla="*/ 9 w 11"/>
                  <a:gd name="T21" fmla="*/ 6 h 13"/>
                  <a:gd name="T22" fmla="*/ 7 w 11"/>
                  <a:gd name="T23" fmla="*/ 6 h 13"/>
                  <a:gd name="T24" fmla="*/ 6 w 11"/>
                  <a:gd name="T25" fmla="*/ 6 h 13"/>
                  <a:gd name="T26" fmla="*/ 4 w 11"/>
                  <a:gd name="T27" fmla="*/ 6 h 13"/>
                  <a:gd name="T28" fmla="*/ 2 w 11"/>
                  <a:gd name="T29" fmla="*/ 6 h 13"/>
                  <a:gd name="T30" fmla="*/ 0 w 11"/>
                  <a:gd name="T31" fmla="*/ 6 h 13"/>
                  <a:gd name="T32" fmla="*/ 0 w 11"/>
                  <a:gd name="T33" fmla="*/ 6 h 13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1"/>
                  <a:gd name="T52" fmla="*/ 0 h 13"/>
                  <a:gd name="T53" fmla="*/ 11 w 11"/>
                  <a:gd name="T54" fmla="*/ 13 h 13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1" h="13">
                    <a:moveTo>
                      <a:pt x="0" y="7"/>
                    </a:moveTo>
                    <a:lnTo>
                      <a:pt x="0" y="3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0"/>
                    </a:lnTo>
                    <a:lnTo>
                      <a:pt x="9" y="2"/>
                    </a:lnTo>
                    <a:lnTo>
                      <a:pt x="11" y="3"/>
                    </a:lnTo>
                    <a:lnTo>
                      <a:pt x="11" y="7"/>
                    </a:lnTo>
                    <a:lnTo>
                      <a:pt x="11" y="10"/>
                    </a:lnTo>
                    <a:lnTo>
                      <a:pt x="9" y="12"/>
                    </a:lnTo>
                    <a:lnTo>
                      <a:pt x="7" y="13"/>
                    </a:lnTo>
                    <a:lnTo>
                      <a:pt x="6" y="13"/>
                    </a:lnTo>
                    <a:lnTo>
                      <a:pt x="4" y="13"/>
                    </a:lnTo>
                    <a:lnTo>
                      <a:pt x="2" y="12"/>
                    </a:lnTo>
                    <a:lnTo>
                      <a:pt x="0" y="10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29" name="Freeform 134"/>
              <p:cNvSpPr>
                <a:spLocks/>
              </p:cNvSpPr>
              <p:nvPr/>
            </p:nvSpPr>
            <p:spPr bwMode="auto">
              <a:xfrm>
                <a:off x="4212" y="3098"/>
                <a:ext cx="13" cy="16"/>
              </a:xfrm>
              <a:custGeom>
                <a:avLst/>
                <a:gdLst>
                  <a:gd name="T0" fmla="*/ 1 w 13"/>
                  <a:gd name="T1" fmla="*/ 5 h 17"/>
                  <a:gd name="T2" fmla="*/ 3 w 13"/>
                  <a:gd name="T3" fmla="*/ 2 h 17"/>
                  <a:gd name="T4" fmla="*/ 6 w 13"/>
                  <a:gd name="T5" fmla="*/ 0 h 17"/>
                  <a:gd name="T6" fmla="*/ 8 w 13"/>
                  <a:gd name="T7" fmla="*/ 0 h 17"/>
                  <a:gd name="T8" fmla="*/ 11 w 13"/>
                  <a:gd name="T9" fmla="*/ 0 h 17"/>
                  <a:gd name="T10" fmla="*/ 13 w 13"/>
                  <a:gd name="T11" fmla="*/ 0 h 17"/>
                  <a:gd name="T12" fmla="*/ 13 w 13"/>
                  <a:gd name="T13" fmla="*/ 2 h 17"/>
                  <a:gd name="T14" fmla="*/ 13 w 13"/>
                  <a:gd name="T15" fmla="*/ 3 h 17"/>
                  <a:gd name="T16" fmla="*/ 13 w 13"/>
                  <a:gd name="T17" fmla="*/ 5 h 17"/>
                  <a:gd name="T18" fmla="*/ 13 w 13"/>
                  <a:gd name="T19" fmla="*/ 5 h 17"/>
                  <a:gd name="T20" fmla="*/ 13 w 13"/>
                  <a:gd name="T21" fmla="*/ 8 h 17"/>
                  <a:gd name="T22" fmla="*/ 13 w 13"/>
                  <a:gd name="T23" fmla="*/ 8 h 17"/>
                  <a:gd name="T24" fmla="*/ 11 w 13"/>
                  <a:gd name="T25" fmla="*/ 8 h 17"/>
                  <a:gd name="T26" fmla="*/ 10 w 13"/>
                  <a:gd name="T27" fmla="*/ 8 h 17"/>
                  <a:gd name="T28" fmla="*/ 6 w 13"/>
                  <a:gd name="T29" fmla="*/ 8 h 17"/>
                  <a:gd name="T30" fmla="*/ 5 w 13"/>
                  <a:gd name="T31" fmla="*/ 8 h 17"/>
                  <a:gd name="T32" fmla="*/ 1 w 13"/>
                  <a:gd name="T33" fmla="*/ 8 h 17"/>
                  <a:gd name="T34" fmla="*/ 1 w 13"/>
                  <a:gd name="T35" fmla="*/ 8 h 17"/>
                  <a:gd name="T36" fmla="*/ 0 w 13"/>
                  <a:gd name="T37" fmla="*/ 8 h 17"/>
                  <a:gd name="T38" fmla="*/ 0 w 13"/>
                  <a:gd name="T39" fmla="*/ 8 h 17"/>
                  <a:gd name="T40" fmla="*/ 0 w 13"/>
                  <a:gd name="T41" fmla="*/ 8 h 17"/>
                  <a:gd name="T42" fmla="*/ 0 w 13"/>
                  <a:gd name="T43" fmla="*/ 8 h 17"/>
                  <a:gd name="T44" fmla="*/ 0 w 13"/>
                  <a:gd name="T45" fmla="*/ 8 h 17"/>
                  <a:gd name="T46" fmla="*/ 0 w 13"/>
                  <a:gd name="T47" fmla="*/ 7 h 17"/>
                  <a:gd name="T48" fmla="*/ 1 w 13"/>
                  <a:gd name="T49" fmla="*/ 5 h 1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13"/>
                  <a:gd name="T76" fmla="*/ 0 h 17"/>
                  <a:gd name="T77" fmla="*/ 13 w 13"/>
                  <a:gd name="T78" fmla="*/ 17 h 17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13" h="17">
                    <a:moveTo>
                      <a:pt x="1" y="5"/>
                    </a:moveTo>
                    <a:lnTo>
                      <a:pt x="3" y="2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1" y="0"/>
                    </a:lnTo>
                    <a:lnTo>
                      <a:pt x="13" y="0"/>
                    </a:lnTo>
                    <a:lnTo>
                      <a:pt x="13" y="2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3" y="8"/>
                    </a:lnTo>
                    <a:lnTo>
                      <a:pt x="11" y="10"/>
                    </a:lnTo>
                    <a:lnTo>
                      <a:pt x="10" y="14"/>
                    </a:lnTo>
                    <a:lnTo>
                      <a:pt x="6" y="15"/>
                    </a:lnTo>
                    <a:lnTo>
                      <a:pt x="5" y="17"/>
                    </a:lnTo>
                    <a:lnTo>
                      <a:pt x="1" y="17"/>
                    </a:lnTo>
                    <a:lnTo>
                      <a:pt x="1" y="15"/>
                    </a:lnTo>
                    <a:lnTo>
                      <a:pt x="0" y="14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1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30" name="Freeform 135"/>
              <p:cNvSpPr>
                <a:spLocks/>
              </p:cNvSpPr>
              <p:nvPr/>
            </p:nvSpPr>
            <p:spPr bwMode="auto">
              <a:xfrm>
                <a:off x="3916" y="2758"/>
                <a:ext cx="478" cy="363"/>
              </a:xfrm>
              <a:custGeom>
                <a:avLst/>
                <a:gdLst>
                  <a:gd name="T0" fmla="*/ 178 w 492"/>
                  <a:gd name="T1" fmla="*/ 243 h 374"/>
                  <a:gd name="T2" fmla="*/ 178 w 492"/>
                  <a:gd name="T3" fmla="*/ 240 h 374"/>
                  <a:gd name="T4" fmla="*/ 178 w 492"/>
                  <a:gd name="T5" fmla="*/ 229 h 374"/>
                  <a:gd name="T6" fmla="*/ 162 w 492"/>
                  <a:gd name="T7" fmla="*/ 208 h 374"/>
                  <a:gd name="T8" fmla="*/ 154 w 492"/>
                  <a:gd name="T9" fmla="*/ 202 h 374"/>
                  <a:gd name="T10" fmla="*/ 142 w 492"/>
                  <a:gd name="T11" fmla="*/ 177 h 374"/>
                  <a:gd name="T12" fmla="*/ 130 w 492"/>
                  <a:gd name="T13" fmla="*/ 173 h 374"/>
                  <a:gd name="T14" fmla="*/ 122 w 492"/>
                  <a:gd name="T15" fmla="*/ 168 h 374"/>
                  <a:gd name="T16" fmla="*/ 112 w 492"/>
                  <a:gd name="T17" fmla="*/ 156 h 374"/>
                  <a:gd name="T18" fmla="*/ 106 w 492"/>
                  <a:gd name="T19" fmla="*/ 144 h 374"/>
                  <a:gd name="T20" fmla="*/ 95 w 492"/>
                  <a:gd name="T21" fmla="*/ 139 h 374"/>
                  <a:gd name="T22" fmla="*/ 91 w 492"/>
                  <a:gd name="T23" fmla="*/ 137 h 374"/>
                  <a:gd name="T24" fmla="*/ 86 w 492"/>
                  <a:gd name="T25" fmla="*/ 132 h 374"/>
                  <a:gd name="T26" fmla="*/ 79 w 492"/>
                  <a:gd name="T27" fmla="*/ 120 h 374"/>
                  <a:gd name="T28" fmla="*/ 73 w 492"/>
                  <a:gd name="T29" fmla="*/ 120 h 374"/>
                  <a:gd name="T30" fmla="*/ 63 w 492"/>
                  <a:gd name="T31" fmla="*/ 114 h 374"/>
                  <a:gd name="T32" fmla="*/ 55 w 492"/>
                  <a:gd name="T33" fmla="*/ 104 h 374"/>
                  <a:gd name="T34" fmla="*/ 47 w 492"/>
                  <a:gd name="T35" fmla="*/ 96 h 374"/>
                  <a:gd name="T36" fmla="*/ 40 w 492"/>
                  <a:gd name="T37" fmla="*/ 79 h 374"/>
                  <a:gd name="T38" fmla="*/ 38 w 492"/>
                  <a:gd name="T39" fmla="*/ 74 h 374"/>
                  <a:gd name="T40" fmla="*/ 32 w 492"/>
                  <a:gd name="T41" fmla="*/ 73 h 374"/>
                  <a:gd name="T42" fmla="*/ 17 w 492"/>
                  <a:gd name="T43" fmla="*/ 70 h 374"/>
                  <a:gd name="T44" fmla="*/ 17 w 492"/>
                  <a:gd name="T45" fmla="*/ 67 h 374"/>
                  <a:gd name="T46" fmla="*/ 0 w 492"/>
                  <a:gd name="T47" fmla="*/ 56 h 374"/>
                  <a:gd name="T48" fmla="*/ 17 w 492"/>
                  <a:gd name="T49" fmla="*/ 37 h 374"/>
                  <a:gd name="T50" fmla="*/ 17 w 492"/>
                  <a:gd name="T51" fmla="*/ 37 h 374"/>
                  <a:gd name="T52" fmla="*/ 17 w 492"/>
                  <a:gd name="T53" fmla="*/ 28 h 374"/>
                  <a:gd name="T54" fmla="*/ 38 w 492"/>
                  <a:gd name="T55" fmla="*/ 17 h 374"/>
                  <a:gd name="T56" fmla="*/ 57 w 492"/>
                  <a:gd name="T57" fmla="*/ 15 h 374"/>
                  <a:gd name="T58" fmla="*/ 138 w 492"/>
                  <a:gd name="T59" fmla="*/ 1 h 374"/>
                  <a:gd name="T60" fmla="*/ 144 w 492"/>
                  <a:gd name="T61" fmla="*/ 0 h 374"/>
                  <a:gd name="T62" fmla="*/ 162 w 492"/>
                  <a:gd name="T63" fmla="*/ 12 h 374"/>
                  <a:gd name="T64" fmla="*/ 329 w 492"/>
                  <a:gd name="T65" fmla="*/ 77 h 374"/>
                  <a:gd name="T66" fmla="*/ 326 w 492"/>
                  <a:gd name="T67" fmla="*/ 79 h 374"/>
                  <a:gd name="T68" fmla="*/ 317 w 492"/>
                  <a:gd name="T69" fmla="*/ 85 h 374"/>
                  <a:gd name="T70" fmla="*/ 306 w 492"/>
                  <a:gd name="T71" fmla="*/ 100 h 374"/>
                  <a:gd name="T72" fmla="*/ 295 w 492"/>
                  <a:gd name="T73" fmla="*/ 120 h 374"/>
                  <a:gd name="T74" fmla="*/ 292 w 492"/>
                  <a:gd name="T75" fmla="*/ 125 h 374"/>
                  <a:gd name="T76" fmla="*/ 289 w 492"/>
                  <a:gd name="T77" fmla="*/ 123 h 374"/>
                  <a:gd name="T78" fmla="*/ 288 w 492"/>
                  <a:gd name="T79" fmla="*/ 131 h 374"/>
                  <a:gd name="T80" fmla="*/ 293 w 492"/>
                  <a:gd name="T81" fmla="*/ 134 h 374"/>
                  <a:gd name="T82" fmla="*/ 295 w 492"/>
                  <a:gd name="T83" fmla="*/ 139 h 374"/>
                  <a:gd name="T84" fmla="*/ 288 w 492"/>
                  <a:gd name="T85" fmla="*/ 148 h 374"/>
                  <a:gd name="T86" fmla="*/ 282 w 492"/>
                  <a:gd name="T87" fmla="*/ 149 h 374"/>
                  <a:gd name="T88" fmla="*/ 269 w 492"/>
                  <a:gd name="T89" fmla="*/ 164 h 374"/>
                  <a:gd name="T90" fmla="*/ 265 w 492"/>
                  <a:gd name="T91" fmla="*/ 172 h 374"/>
                  <a:gd name="T92" fmla="*/ 259 w 492"/>
                  <a:gd name="T93" fmla="*/ 177 h 374"/>
                  <a:gd name="T94" fmla="*/ 251 w 492"/>
                  <a:gd name="T95" fmla="*/ 182 h 374"/>
                  <a:gd name="T96" fmla="*/ 233 w 492"/>
                  <a:gd name="T97" fmla="*/ 196 h 374"/>
                  <a:gd name="T98" fmla="*/ 214 w 492"/>
                  <a:gd name="T99" fmla="*/ 207 h 374"/>
                  <a:gd name="T100" fmla="*/ 203 w 492"/>
                  <a:gd name="T101" fmla="*/ 229 h 374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w 492"/>
                  <a:gd name="T154" fmla="*/ 0 h 374"/>
                  <a:gd name="T155" fmla="*/ 492 w 492"/>
                  <a:gd name="T156" fmla="*/ 374 h 374"/>
                </a:gdLst>
                <a:ahLst/>
                <a:cxnLst>
                  <a:cxn ang="T102">
                    <a:pos x="T0" y="T1"/>
                  </a:cxn>
                  <a:cxn ang="T103">
                    <a:pos x="T2" y="T3"/>
                  </a:cxn>
                  <a:cxn ang="T104">
                    <a:pos x="T4" y="T5"/>
                  </a:cxn>
                  <a:cxn ang="T105">
                    <a:pos x="T6" y="T7"/>
                  </a:cxn>
                  <a:cxn ang="T106">
                    <a:pos x="T8" y="T9"/>
                  </a:cxn>
                  <a:cxn ang="T107">
                    <a:pos x="T10" y="T11"/>
                  </a:cxn>
                  <a:cxn ang="T108">
                    <a:pos x="T12" y="T13"/>
                  </a:cxn>
                  <a:cxn ang="T109">
                    <a:pos x="T14" y="T15"/>
                  </a:cxn>
                  <a:cxn ang="T110">
                    <a:pos x="T16" y="T17"/>
                  </a:cxn>
                  <a:cxn ang="T111">
                    <a:pos x="T18" y="T19"/>
                  </a:cxn>
                  <a:cxn ang="T112">
                    <a:pos x="T20" y="T21"/>
                  </a:cxn>
                  <a:cxn ang="T113">
                    <a:pos x="T22" y="T23"/>
                  </a:cxn>
                  <a:cxn ang="T114">
                    <a:pos x="T24" y="T25"/>
                  </a:cxn>
                  <a:cxn ang="T115">
                    <a:pos x="T26" y="T27"/>
                  </a:cxn>
                  <a:cxn ang="T116">
                    <a:pos x="T28" y="T29"/>
                  </a:cxn>
                  <a:cxn ang="T117">
                    <a:pos x="T30" y="T31"/>
                  </a:cxn>
                  <a:cxn ang="T118">
                    <a:pos x="T32" y="T33"/>
                  </a:cxn>
                  <a:cxn ang="T119">
                    <a:pos x="T34" y="T35"/>
                  </a:cxn>
                  <a:cxn ang="T120">
                    <a:pos x="T36" y="T37"/>
                  </a:cxn>
                  <a:cxn ang="T121">
                    <a:pos x="T38" y="T39"/>
                  </a:cxn>
                  <a:cxn ang="T122">
                    <a:pos x="T40" y="T41"/>
                  </a:cxn>
                  <a:cxn ang="T123">
                    <a:pos x="T42" y="T43"/>
                  </a:cxn>
                  <a:cxn ang="T124">
                    <a:pos x="T44" y="T45"/>
                  </a:cxn>
                  <a:cxn ang="T125">
                    <a:pos x="T46" y="T47"/>
                  </a:cxn>
                  <a:cxn ang="T126">
                    <a:pos x="T48" y="T49"/>
                  </a:cxn>
                  <a:cxn ang="T127">
                    <a:pos x="T50" y="T51"/>
                  </a:cxn>
                  <a:cxn ang="T128">
                    <a:pos x="T52" y="T53"/>
                  </a:cxn>
                  <a:cxn ang="T129">
                    <a:pos x="T54" y="T55"/>
                  </a:cxn>
                  <a:cxn ang="T130">
                    <a:pos x="T56" y="T57"/>
                  </a:cxn>
                  <a:cxn ang="T131">
                    <a:pos x="T58" y="T59"/>
                  </a:cxn>
                  <a:cxn ang="T132">
                    <a:pos x="T60" y="T61"/>
                  </a:cxn>
                  <a:cxn ang="T133">
                    <a:pos x="T62" y="T63"/>
                  </a:cxn>
                  <a:cxn ang="T134">
                    <a:pos x="T64" y="T65"/>
                  </a:cxn>
                  <a:cxn ang="T135">
                    <a:pos x="T66" y="T67"/>
                  </a:cxn>
                  <a:cxn ang="T136">
                    <a:pos x="T68" y="T69"/>
                  </a:cxn>
                  <a:cxn ang="T137">
                    <a:pos x="T70" y="T71"/>
                  </a:cxn>
                  <a:cxn ang="T138">
                    <a:pos x="T72" y="T73"/>
                  </a:cxn>
                  <a:cxn ang="T139">
                    <a:pos x="T74" y="T75"/>
                  </a:cxn>
                  <a:cxn ang="T140">
                    <a:pos x="T76" y="T77"/>
                  </a:cxn>
                  <a:cxn ang="T141">
                    <a:pos x="T78" y="T79"/>
                  </a:cxn>
                  <a:cxn ang="T142">
                    <a:pos x="T80" y="T81"/>
                  </a:cxn>
                  <a:cxn ang="T143">
                    <a:pos x="T82" y="T83"/>
                  </a:cxn>
                  <a:cxn ang="T144">
                    <a:pos x="T84" y="T85"/>
                  </a:cxn>
                  <a:cxn ang="T145">
                    <a:pos x="T86" y="T87"/>
                  </a:cxn>
                  <a:cxn ang="T146">
                    <a:pos x="T88" y="T89"/>
                  </a:cxn>
                  <a:cxn ang="T147">
                    <a:pos x="T90" y="T91"/>
                  </a:cxn>
                  <a:cxn ang="T148">
                    <a:pos x="T92" y="T93"/>
                  </a:cxn>
                  <a:cxn ang="T149">
                    <a:pos x="T94" y="T95"/>
                  </a:cxn>
                  <a:cxn ang="T150">
                    <a:pos x="T96" y="T97"/>
                  </a:cxn>
                  <a:cxn ang="T151">
                    <a:pos x="T98" y="T99"/>
                  </a:cxn>
                  <a:cxn ang="T152">
                    <a:pos x="T100" y="T101"/>
                  </a:cxn>
                </a:cxnLst>
                <a:rect l="T153" t="T154" r="T155" b="T156"/>
                <a:pathLst>
                  <a:path w="492" h="374">
                    <a:moveTo>
                      <a:pt x="269" y="374"/>
                    </a:moveTo>
                    <a:lnTo>
                      <a:pt x="269" y="374"/>
                    </a:lnTo>
                    <a:lnTo>
                      <a:pt x="269" y="372"/>
                    </a:lnTo>
                    <a:lnTo>
                      <a:pt x="267" y="370"/>
                    </a:lnTo>
                    <a:lnTo>
                      <a:pt x="267" y="369"/>
                    </a:lnTo>
                    <a:lnTo>
                      <a:pt x="267" y="367"/>
                    </a:lnTo>
                    <a:lnTo>
                      <a:pt x="267" y="365"/>
                    </a:lnTo>
                    <a:lnTo>
                      <a:pt x="267" y="364"/>
                    </a:lnTo>
                    <a:lnTo>
                      <a:pt x="267" y="362"/>
                    </a:lnTo>
                    <a:lnTo>
                      <a:pt x="266" y="348"/>
                    </a:lnTo>
                    <a:lnTo>
                      <a:pt x="261" y="338"/>
                    </a:lnTo>
                    <a:lnTo>
                      <a:pt x="255" y="330"/>
                    </a:lnTo>
                    <a:lnTo>
                      <a:pt x="249" y="321"/>
                    </a:lnTo>
                    <a:lnTo>
                      <a:pt x="242" y="316"/>
                    </a:lnTo>
                    <a:lnTo>
                      <a:pt x="235" y="313"/>
                    </a:lnTo>
                    <a:lnTo>
                      <a:pt x="232" y="309"/>
                    </a:lnTo>
                    <a:lnTo>
                      <a:pt x="230" y="308"/>
                    </a:lnTo>
                    <a:lnTo>
                      <a:pt x="228" y="292"/>
                    </a:lnTo>
                    <a:lnTo>
                      <a:pt x="225" y="282"/>
                    </a:lnTo>
                    <a:lnTo>
                      <a:pt x="218" y="274"/>
                    </a:lnTo>
                    <a:lnTo>
                      <a:pt x="211" y="269"/>
                    </a:lnTo>
                    <a:lnTo>
                      <a:pt x="205" y="265"/>
                    </a:lnTo>
                    <a:lnTo>
                      <a:pt x="200" y="264"/>
                    </a:lnTo>
                    <a:lnTo>
                      <a:pt x="195" y="262"/>
                    </a:lnTo>
                    <a:lnTo>
                      <a:pt x="193" y="262"/>
                    </a:lnTo>
                    <a:lnTo>
                      <a:pt x="193" y="260"/>
                    </a:lnTo>
                    <a:lnTo>
                      <a:pt x="189" y="259"/>
                    </a:lnTo>
                    <a:lnTo>
                      <a:pt x="184" y="254"/>
                    </a:lnTo>
                    <a:lnTo>
                      <a:pt x="179" y="250"/>
                    </a:lnTo>
                    <a:lnTo>
                      <a:pt x="174" y="245"/>
                    </a:lnTo>
                    <a:lnTo>
                      <a:pt x="171" y="240"/>
                    </a:lnTo>
                    <a:lnTo>
                      <a:pt x="167" y="237"/>
                    </a:lnTo>
                    <a:lnTo>
                      <a:pt x="166" y="233"/>
                    </a:lnTo>
                    <a:lnTo>
                      <a:pt x="162" y="225"/>
                    </a:lnTo>
                    <a:lnTo>
                      <a:pt x="157" y="218"/>
                    </a:lnTo>
                    <a:lnTo>
                      <a:pt x="154" y="213"/>
                    </a:lnTo>
                    <a:lnTo>
                      <a:pt x="149" y="211"/>
                    </a:lnTo>
                    <a:lnTo>
                      <a:pt x="145" y="210"/>
                    </a:lnTo>
                    <a:lnTo>
                      <a:pt x="142" y="210"/>
                    </a:lnTo>
                    <a:lnTo>
                      <a:pt x="139" y="210"/>
                    </a:lnTo>
                    <a:lnTo>
                      <a:pt x="137" y="208"/>
                    </a:lnTo>
                    <a:lnTo>
                      <a:pt x="135" y="204"/>
                    </a:lnTo>
                    <a:lnTo>
                      <a:pt x="132" y="203"/>
                    </a:lnTo>
                    <a:lnTo>
                      <a:pt x="130" y="199"/>
                    </a:lnTo>
                    <a:lnTo>
                      <a:pt x="127" y="193"/>
                    </a:lnTo>
                    <a:lnTo>
                      <a:pt x="123" y="188"/>
                    </a:lnTo>
                    <a:lnTo>
                      <a:pt x="120" y="184"/>
                    </a:lnTo>
                    <a:lnTo>
                      <a:pt x="117" y="182"/>
                    </a:lnTo>
                    <a:lnTo>
                      <a:pt x="113" y="181"/>
                    </a:lnTo>
                    <a:lnTo>
                      <a:pt x="112" y="182"/>
                    </a:lnTo>
                    <a:lnTo>
                      <a:pt x="108" y="182"/>
                    </a:lnTo>
                    <a:lnTo>
                      <a:pt x="101" y="181"/>
                    </a:lnTo>
                    <a:lnTo>
                      <a:pt x="96" y="179"/>
                    </a:lnTo>
                    <a:lnTo>
                      <a:pt x="93" y="174"/>
                    </a:lnTo>
                    <a:lnTo>
                      <a:pt x="90" y="169"/>
                    </a:lnTo>
                    <a:lnTo>
                      <a:pt x="86" y="164"/>
                    </a:lnTo>
                    <a:lnTo>
                      <a:pt x="85" y="160"/>
                    </a:lnTo>
                    <a:lnTo>
                      <a:pt x="83" y="157"/>
                    </a:lnTo>
                    <a:lnTo>
                      <a:pt x="83" y="155"/>
                    </a:lnTo>
                    <a:lnTo>
                      <a:pt x="78" y="152"/>
                    </a:lnTo>
                    <a:lnTo>
                      <a:pt x="71" y="145"/>
                    </a:lnTo>
                    <a:lnTo>
                      <a:pt x="66" y="138"/>
                    </a:lnTo>
                    <a:lnTo>
                      <a:pt x="61" y="132"/>
                    </a:lnTo>
                    <a:lnTo>
                      <a:pt x="57" y="125"/>
                    </a:lnTo>
                    <a:lnTo>
                      <a:pt x="56" y="118"/>
                    </a:lnTo>
                    <a:lnTo>
                      <a:pt x="52" y="115"/>
                    </a:lnTo>
                    <a:lnTo>
                      <a:pt x="52" y="113"/>
                    </a:lnTo>
                    <a:lnTo>
                      <a:pt x="52" y="111"/>
                    </a:lnTo>
                    <a:lnTo>
                      <a:pt x="49" y="111"/>
                    </a:lnTo>
                    <a:lnTo>
                      <a:pt x="47" y="111"/>
                    </a:lnTo>
                    <a:lnTo>
                      <a:pt x="46" y="110"/>
                    </a:lnTo>
                    <a:lnTo>
                      <a:pt x="39" y="110"/>
                    </a:lnTo>
                    <a:lnTo>
                      <a:pt x="32" y="108"/>
                    </a:lnTo>
                    <a:lnTo>
                      <a:pt x="27" y="106"/>
                    </a:lnTo>
                    <a:lnTo>
                      <a:pt x="24" y="105"/>
                    </a:lnTo>
                    <a:lnTo>
                      <a:pt x="20" y="103"/>
                    </a:lnTo>
                    <a:lnTo>
                      <a:pt x="19" y="101"/>
                    </a:lnTo>
                    <a:lnTo>
                      <a:pt x="17" y="100"/>
                    </a:lnTo>
                    <a:lnTo>
                      <a:pt x="5" y="98"/>
                    </a:lnTo>
                    <a:lnTo>
                      <a:pt x="0" y="93"/>
                    </a:lnTo>
                    <a:lnTo>
                      <a:pt x="0" y="84"/>
                    </a:lnTo>
                    <a:lnTo>
                      <a:pt x="2" y="74"/>
                    </a:lnTo>
                    <a:lnTo>
                      <a:pt x="7" y="66"/>
                    </a:lnTo>
                    <a:lnTo>
                      <a:pt x="13" y="57"/>
                    </a:lnTo>
                    <a:lnTo>
                      <a:pt x="17" y="52"/>
                    </a:lnTo>
                    <a:lnTo>
                      <a:pt x="19" y="50"/>
                    </a:lnTo>
                    <a:lnTo>
                      <a:pt x="20" y="52"/>
                    </a:lnTo>
                    <a:lnTo>
                      <a:pt x="22" y="50"/>
                    </a:lnTo>
                    <a:lnTo>
                      <a:pt x="24" y="49"/>
                    </a:lnTo>
                    <a:lnTo>
                      <a:pt x="27" y="45"/>
                    </a:lnTo>
                    <a:lnTo>
                      <a:pt x="30" y="42"/>
                    </a:lnTo>
                    <a:lnTo>
                      <a:pt x="35" y="39"/>
                    </a:lnTo>
                    <a:lnTo>
                      <a:pt x="41" y="35"/>
                    </a:lnTo>
                    <a:lnTo>
                      <a:pt x="47" y="32"/>
                    </a:lnTo>
                    <a:lnTo>
                      <a:pt x="52" y="28"/>
                    </a:lnTo>
                    <a:lnTo>
                      <a:pt x="61" y="23"/>
                    </a:lnTo>
                    <a:lnTo>
                      <a:pt x="68" y="20"/>
                    </a:lnTo>
                    <a:lnTo>
                      <a:pt x="76" y="17"/>
                    </a:lnTo>
                    <a:lnTo>
                      <a:pt x="85" y="15"/>
                    </a:lnTo>
                    <a:lnTo>
                      <a:pt x="95" y="13"/>
                    </a:lnTo>
                    <a:lnTo>
                      <a:pt x="105" y="10"/>
                    </a:lnTo>
                    <a:lnTo>
                      <a:pt x="113" y="10"/>
                    </a:lnTo>
                    <a:lnTo>
                      <a:pt x="206" y="1"/>
                    </a:lnTo>
                    <a:lnTo>
                      <a:pt x="208" y="1"/>
                    </a:lnTo>
                    <a:lnTo>
                      <a:pt x="210" y="0"/>
                    </a:lnTo>
                    <a:lnTo>
                      <a:pt x="215" y="0"/>
                    </a:lnTo>
                    <a:lnTo>
                      <a:pt x="222" y="0"/>
                    </a:lnTo>
                    <a:lnTo>
                      <a:pt x="228" y="1"/>
                    </a:lnTo>
                    <a:lnTo>
                      <a:pt x="235" y="5"/>
                    </a:lnTo>
                    <a:lnTo>
                      <a:pt x="242" y="12"/>
                    </a:lnTo>
                    <a:lnTo>
                      <a:pt x="250" y="23"/>
                    </a:lnTo>
                    <a:lnTo>
                      <a:pt x="254" y="37"/>
                    </a:lnTo>
                    <a:lnTo>
                      <a:pt x="362" y="20"/>
                    </a:lnTo>
                    <a:lnTo>
                      <a:pt x="492" y="115"/>
                    </a:lnTo>
                    <a:lnTo>
                      <a:pt x="491" y="115"/>
                    </a:lnTo>
                    <a:lnTo>
                      <a:pt x="489" y="118"/>
                    </a:lnTo>
                    <a:lnTo>
                      <a:pt x="486" y="120"/>
                    </a:lnTo>
                    <a:lnTo>
                      <a:pt x="484" y="122"/>
                    </a:lnTo>
                    <a:lnTo>
                      <a:pt x="481" y="125"/>
                    </a:lnTo>
                    <a:lnTo>
                      <a:pt x="475" y="130"/>
                    </a:lnTo>
                    <a:lnTo>
                      <a:pt x="472" y="133"/>
                    </a:lnTo>
                    <a:lnTo>
                      <a:pt x="467" y="140"/>
                    </a:lnTo>
                    <a:lnTo>
                      <a:pt x="464" y="145"/>
                    </a:lnTo>
                    <a:lnTo>
                      <a:pt x="459" y="150"/>
                    </a:lnTo>
                    <a:lnTo>
                      <a:pt x="455" y="159"/>
                    </a:lnTo>
                    <a:lnTo>
                      <a:pt x="450" y="166"/>
                    </a:lnTo>
                    <a:lnTo>
                      <a:pt x="447" y="174"/>
                    </a:lnTo>
                    <a:lnTo>
                      <a:pt x="443" y="182"/>
                    </a:lnTo>
                    <a:lnTo>
                      <a:pt x="440" y="191"/>
                    </a:lnTo>
                    <a:lnTo>
                      <a:pt x="437" y="189"/>
                    </a:lnTo>
                    <a:lnTo>
                      <a:pt x="435" y="188"/>
                    </a:lnTo>
                    <a:lnTo>
                      <a:pt x="435" y="186"/>
                    </a:lnTo>
                    <a:lnTo>
                      <a:pt x="433" y="186"/>
                    </a:lnTo>
                    <a:lnTo>
                      <a:pt x="433" y="188"/>
                    </a:lnTo>
                    <a:lnTo>
                      <a:pt x="431" y="191"/>
                    </a:lnTo>
                    <a:lnTo>
                      <a:pt x="431" y="194"/>
                    </a:lnTo>
                    <a:lnTo>
                      <a:pt x="431" y="198"/>
                    </a:lnTo>
                    <a:lnTo>
                      <a:pt x="433" y="199"/>
                    </a:lnTo>
                    <a:lnTo>
                      <a:pt x="435" y="201"/>
                    </a:lnTo>
                    <a:lnTo>
                      <a:pt x="440" y="203"/>
                    </a:lnTo>
                    <a:lnTo>
                      <a:pt x="442" y="203"/>
                    </a:lnTo>
                    <a:lnTo>
                      <a:pt x="442" y="204"/>
                    </a:lnTo>
                    <a:lnTo>
                      <a:pt x="443" y="206"/>
                    </a:lnTo>
                    <a:lnTo>
                      <a:pt x="443" y="210"/>
                    </a:lnTo>
                    <a:lnTo>
                      <a:pt x="443" y="213"/>
                    </a:lnTo>
                    <a:lnTo>
                      <a:pt x="440" y="216"/>
                    </a:lnTo>
                    <a:lnTo>
                      <a:pt x="437" y="221"/>
                    </a:lnTo>
                    <a:lnTo>
                      <a:pt x="431" y="225"/>
                    </a:lnTo>
                    <a:lnTo>
                      <a:pt x="430" y="225"/>
                    </a:lnTo>
                    <a:lnTo>
                      <a:pt x="428" y="225"/>
                    </a:lnTo>
                    <a:lnTo>
                      <a:pt x="423" y="228"/>
                    </a:lnTo>
                    <a:lnTo>
                      <a:pt x="418" y="230"/>
                    </a:lnTo>
                    <a:lnTo>
                      <a:pt x="413" y="235"/>
                    </a:lnTo>
                    <a:lnTo>
                      <a:pt x="408" y="240"/>
                    </a:lnTo>
                    <a:lnTo>
                      <a:pt x="403" y="248"/>
                    </a:lnTo>
                    <a:lnTo>
                      <a:pt x="398" y="259"/>
                    </a:lnTo>
                    <a:lnTo>
                      <a:pt x="396" y="260"/>
                    </a:lnTo>
                    <a:lnTo>
                      <a:pt x="394" y="262"/>
                    </a:lnTo>
                    <a:lnTo>
                      <a:pt x="393" y="265"/>
                    </a:lnTo>
                    <a:lnTo>
                      <a:pt x="391" y="267"/>
                    </a:lnTo>
                    <a:lnTo>
                      <a:pt x="389" y="269"/>
                    </a:lnTo>
                    <a:lnTo>
                      <a:pt x="387" y="270"/>
                    </a:lnTo>
                    <a:lnTo>
                      <a:pt x="376" y="272"/>
                    </a:lnTo>
                    <a:lnTo>
                      <a:pt x="376" y="277"/>
                    </a:lnTo>
                    <a:lnTo>
                      <a:pt x="384" y="279"/>
                    </a:lnTo>
                    <a:lnTo>
                      <a:pt x="359" y="299"/>
                    </a:lnTo>
                    <a:lnTo>
                      <a:pt x="354" y="291"/>
                    </a:lnTo>
                    <a:lnTo>
                      <a:pt x="349" y="299"/>
                    </a:lnTo>
                    <a:lnTo>
                      <a:pt x="354" y="304"/>
                    </a:lnTo>
                    <a:lnTo>
                      <a:pt x="343" y="316"/>
                    </a:lnTo>
                    <a:lnTo>
                      <a:pt x="335" y="314"/>
                    </a:lnTo>
                    <a:lnTo>
                      <a:pt x="320" y="314"/>
                    </a:lnTo>
                    <a:lnTo>
                      <a:pt x="305" y="316"/>
                    </a:lnTo>
                    <a:lnTo>
                      <a:pt x="296" y="320"/>
                    </a:lnTo>
                    <a:lnTo>
                      <a:pt x="291" y="336"/>
                    </a:lnTo>
                    <a:lnTo>
                      <a:pt x="303" y="348"/>
                    </a:lnTo>
                    <a:lnTo>
                      <a:pt x="289" y="374"/>
                    </a:lnTo>
                    <a:lnTo>
                      <a:pt x="281" y="372"/>
                    </a:lnTo>
                    <a:lnTo>
                      <a:pt x="269" y="374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31" name="Freeform 136"/>
              <p:cNvSpPr>
                <a:spLocks/>
              </p:cNvSpPr>
              <p:nvPr/>
            </p:nvSpPr>
            <p:spPr bwMode="auto">
              <a:xfrm>
                <a:off x="4222" y="3072"/>
                <a:ext cx="15" cy="16"/>
              </a:xfrm>
              <a:custGeom>
                <a:avLst/>
                <a:gdLst>
                  <a:gd name="T0" fmla="*/ 1 w 15"/>
                  <a:gd name="T1" fmla="*/ 5 h 17"/>
                  <a:gd name="T2" fmla="*/ 1 w 15"/>
                  <a:gd name="T3" fmla="*/ 5 h 17"/>
                  <a:gd name="T4" fmla="*/ 5 w 15"/>
                  <a:gd name="T5" fmla="*/ 2 h 17"/>
                  <a:gd name="T6" fmla="*/ 6 w 15"/>
                  <a:gd name="T7" fmla="*/ 0 h 17"/>
                  <a:gd name="T8" fmla="*/ 10 w 15"/>
                  <a:gd name="T9" fmla="*/ 0 h 17"/>
                  <a:gd name="T10" fmla="*/ 12 w 15"/>
                  <a:gd name="T11" fmla="*/ 0 h 17"/>
                  <a:gd name="T12" fmla="*/ 12 w 15"/>
                  <a:gd name="T13" fmla="*/ 0 h 17"/>
                  <a:gd name="T14" fmla="*/ 13 w 15"/>
                  <a:gd name="T15" fmla="*/ 2 h 17"/>
                  <a:gd name="T16" fmla="*/ 13 w 15"/>
                  <a:gd name="T17" fmla="*/ 2 h 17"/>
                  <a:gd name="T18" fmla="*/ 15 w 15"/>
                  <a:gd name="T19" fmla="*/ 3 h 17"/>
                  <a:gd name="T20" fmla="*/ 15 w 15"/>
                  <a:gd name="T21" fmla="*/ 5 h 17"/>
                  <a:gd name="T22" fmla="*/ 15 w 15"/>
                  <a:gd name="T23" fmla="*/ 7 h 17"/>
                  <a:gd name="T24" fmla="*/ 13 w 15"/>
                  <a:gd name="T25" fmla="*/ 8 h 17"/>
                  <a:gd name="T26" fmla="*/ 13 w 15"/>
                  <a:gd name="T27" fmla="*/ 8 h 17"/>
                  <a:gd name="T28" fmla="*/ 12 w 15"/>
                  <a:gd name="T29" fmla="*/ 8 h 17"/>
                  <a:gd name="T30" fmla="*/ 12 w 15"/>
                  <a:gd name="T31" fmla="*/ 8 h 17"/>
                  <a:gd name="T32" fmla="*/ 10 w 15"/>
                  <a:gd name="T33" fmla="*/ 8 h 17"/>
                  <a:gd name="T34" fmla="*/ 6 w 15"/>
                  <a:gd name="T35" fmla="*/ 8 h 17"/>
                  <a:gd name="T36" fmla="*/ 3 w 15"/>
                  <a:gd name="T37" fmla="*/ 8 h 17"/>
                  <a:gd name="T38" fmla="*/ 1 w 15"/>
                  <a:gd name="T39" fmla="*/ 8 h 17"/>
                  <a:gd name="T40" fmla="*/ 1 w 15"/>
                  <a:gd name="T41" fmla="*/ 8 h 17"/>
                  <a:gd name="T42" fmla="*/ 1 w 15"/>
                  <a:gd name="T43" fmla="*/ 8 h 17"/>
                  <a:gd name="T44" fmla="*/ 0 w 15"/>
                  <a:gd name="T45" fmla="*/ 8 h 17"/>
                  <a:gd name="T46" fmla="*/ 0 w 15"/>
                  <a:gd name="T47" fmla="*/ 8 h 17"/>
                  <a:gd name="T48" fmla="*/ 0 w 15"/>
                  <a:gd name="T49" fmla="*/ 8 h 17"/>
                  <a:gd name="T50" fmla="*/ 0 w 15"/>
                  <a:gd name="T51" fmla="*/ 8 h 17"/>
                  <a:gd name="T52" fmla="*/ 0 w 15"/>
                  <a:gd name="T53" fmla="*/ 8 h 17"/>
                  <a:gd name="T54" fmla="*/ 1 w 15"/>
                  <a:gd name="T55" fmla="*/ 7 h 17"/>
                  <a:gd name="T56" fmla="*/ 1 w 15"/>
                  <a:gd name="T57" fmla="*/ 5 h 17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w 15"/>
                  <a:gd name="T88" fmla="*/ 0 h 17"/>
                  <a:gd name="T89" fmla="*/ 15 w 15"/>
                  <a:gd name="T90" fmla="*/ 17 h 17"/>
                </a:gdLst>
                <a:ahLst/>
                <a:cxnLst>
                  <a:cxn ang="T58">
                    <a:pos x="T0" y="T1"/>
                  </a:cxn>
                  <a:cxn ang="T59">
                    <a:pos x="T2" y="T3"/>
                  </a:cxn>
                  <a:cxn ang="T60">
                    <a:pos x="T4" y="T5"/>
                  </a:cxn>
                  <a:cxn ang="T61">
                    <a:pos x="T6" y="T7"/>
                  </a:cxn>
                  <a:cxn ang="T62">
                    <a:pos x="T8" y="T9"/>
                  </a:cxn>
                  <a:cxn ang="T63">
                    <a:pos x="T10" y="T11"/>
                  </a:cxn>
                  <a:cxn ang="T64">
                    <a:pos x="T12" y="T13"/>
                  </a:cxn>
                  <a:cxn ang="T65">
                    <a:pos x="T14" y="T15"/>
                  </a:cxn>
                  <a:cxn ang="T66">
                    <a:pos x="T16" y="T17"/>
                  </a:cxn>
                  <a:cxn ang="T67">
                    <a:pos x="T18" y="T19"/>
                  </a:cxn>
                  <a:cxn ang="T68">
                    <a:pos x="T20" y="T21"/>
                  </a:cxn>
                  <a:cxn ang="T69">
                    <a:pos x="T22" y="T23"/>
                  </a:cxn>
                  <a:cxn ang="T70">
                    <a:pos x="T24" y="T25"/>
                  </a:cxn>
                  <a:cxn ang="T71">
                    <a:pos x="T26" y="T27"/>
                  </a:cxn>
                  <a:cxn ang="T72">
                    <a:pos x="T28" y="T29"/>
                  </a:cxn>
                  <a:cxn ang="T73">
                    <a:pos x="T30" y="T31"/>
                  </a:cxn>
                  <a:cxn ang="T74">
                    <a:pos x="T32" y="T33"/>
                  </a:cxn>
                  <a:cxn ang="T75">
                    <a:pos x="T34" y="T35"/>
                  </a:cxn>
                  <a:cxn ang="T76">
                    <a:pos x="T36" y="T37"/>
                  </a:cxn>
                  <a:cxn ang="T77">
                    <a:pos x="T38" y="T39"/>
                  </a:cxn>
                  <a:cxn ang="T78">
                    <a:pos x="T40" y="T41"/>
                  </a:cxn>
                  <a:cxn ang="T79">
                    <a:pos x="T42" y="T43"/>
                  </a:cxn>
                  <a:cxn ang="T80">
                    <a:pos x="T44" y="T45"/>
                  </a:cxn>
                  <a:cxn ang="T81">
                    <a:pos x="T46" y="T47"/>
                  </a:cxn>
                  <a:cxn ang="T82">
                    <a:pos x="T48" y="T49"/>
                  </a:cxn>
                  <a:cxn ang="T83">
                    <a:pos x="T50" y="T51"/>
                  </a:cxn>
                  <a:cxn ang="T84">
                    <a:pos x="T52" y="T53"/>
                  </a:cxn>
                  <a:cxn ang="T85">
                    <a:pos x="T54" y="T55"/>
                  </a:cxn>
                  <a:cxn ang="T86">
                    <a:pos x="T56" y="T57"/>
                  </a:cxn>
                </a:cxnLst>
                <a:rect l="T87" t="T88" r="T89" b="T90"/>
                <a:pathLst>
                  <a:path w="15" h="17">
                    <a:moveTo>
                      <a:pt x="1" y="5"/>
                    </a:moveTo>
                    <a:lnTo>
                      <a:pt x="1" y="5"/>
                    </a:lnTo>
                    <a:lnTo>
                      <a:pt x="5" y="2"/>
                    </a:lnTo>
                    <a:lnTo>
                      <a:pt x="6" y="0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5" y="3"/>
                    </a:lnTo>
                    <a:lnTo>
                      <a:pt x="15" y="5"/>
                    </a:lnTo>
                    <a:lnTo>
                      <a:pt x="15" y="7"/>
                    </a:lnTo>
                    <a:lnTo>
                      <a:pt x="13" y="8"/>
                    </a:lnTo>
                    <a:lnTo>
                      <a:pt x="13" y="10"/>
                    </a:lnTo>
                    <a:lnTo>
                      <a:pt x="12" y="12"/>
                    </a:lnTo>
                    <a:lnTo>
                      <a:pt x="10" y="15"/>
                    </a:lnTo>
                    <a:lnTo>
                      <a:pt x="6" y="17"/>
                    </a:lnTo>
                    <a:lnTo>
                      <a:pt x="3" y="17"/>
                    </a:lnTo>
                    <a:lnTo>
                      <a:pt x="1" y="17"/>
                    </a:lnTo>
                    <a:lnTo>
                      <a:pt x="0" y="15"/>
                    </a:lnTo>
                    <a:lnTo>
                      <a:pt x="0" y="13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1" y="7"/>
                    </a:lnTo>
                    <a:lnTo>
                      <a:pt x="1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32" name="Freeform 137"/>
              <p:cNvSpPr>
                <a:spLocks/>
              </p:cNvSpPr>
              <p:nvPr/>
            </p:nvSpPr>
            <p:spPr bwMode="auto">
              <a:xfrm>
                <a:off x="4206" y="3072"/>
                <a:ext cx="11" cy="12"/>
              </a:xfrm>
              <a:custGeom>
                <a:avLst/>
                <a:gdLst>
                  <a:gd name="T0" fmla="*/ 0 w 11"/>
                  <a:gd name="T1" fmla="*/ 6 h 13"/>
                  <a:gd name="T2" fmla="*/ 0 w 11"/>
                  <a:gd name="T3" fmla="*/ 6 h 13"/>
                  <a:gd name="T4" fmla="*/ 0 w 11"/>
                  <a:gd name="T5" fmla="*/ 3 h 13"/>
                  <a:gd name="T6" fmla="*/ 2 w 11"/>
                  <a:gd name="T7" fmla="*/ 2 h 13"/>
                  <a:gd name="T8" fmla="*/ 4 w 11"/>
                  <a:gd name="T9" fmla="*/ 0 h 13"/>
                  <a:gd name="T10" fmla="*/ 6 w 11"/>
                  <a:gd name="T11" fmla="*/ 0 h 13"/>
                  <a:gd name="T12" fmla="*/ 6 w 11"/>
                  <a:gd name="T13" fmla="*/ 0 h 13"/>
                  <a:gd name="T14" fmla="*/ 7 w 11"/>
                  <a:gd name="T15" fmla="*/ 0 h 13"/>
                  <a:gd name="T16" fmla="*/ 9 w 11"/>
                  <a:gd name="T17" fmla="*/ 2 h 13"/>
                  <a:gd name="T18" fmla="*/ 11 w 11"/>
                  <a:gd name="T19" fmla="*/ 3 h 13"/>
                  <a:gd name="T20" fmla="*/ 11 w 11"/>
                  <a:gd name="T21" fmla="*/ 6 h 13"/>
                  <a:gd name="T22" fmla="*/ 11 w 11"/>
                  <a:gd name="T23" fmla="*/ 6 h 13"/>
                  <a:gd name="T24" fmla="*/ 11 w 11"/>
                  <a:gd name="T25" fmla="*/ 6 h 13"/>
                  <a:gd name="T26" fmla="*/ 9 w 11"/>
                  <a:gd name="T27" fmla="*/ 6 h 13"/>
                  <a:gd name="T28" fmla="*/ 7 w 11"/>
                  <a:gd name="T29" fmla="*/ 6 h 13"/>
                  <a:gd name="T30" fmla="*/ 6 w 11"/>
                  <a:gd name="T31" fmla="*/ 6 h 13"/>
                  <a:gd name="T32" fmla="*/ 6 w 11"/>
                  <a:gd name="T33" fmla="*/ 6 h 13"/>
                  <a:gd name="T34" fmla="*/ 4 w 11"/>
                  <a:gd name="T35" fmla="*/ 6 h 13"/>
                  <a:gd name="T36" fmla="*/ 2 w 11"/>
                  <a:gd name="T37" fmla="*/ 6 h 13"/>
                  <a:gd name="T38" fmla="*/ 0 w 11"/>
                  <a:gd name="T39" fmla="*/ 6 h 13"/>
                  <a:gd name="T40" fmla="*/ 0 w 11"/>
                  <a:gd name="T41" fmla="*/ 6 h 13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1"/>
                  <a:gd name="T64" fmla="*/ 0 h 13"/>
                  <a:gd name="T65" fmla="*/ 11 w 11"/>
                  <a:gd name="T66" fmla="*/ 13 h 13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1" h="13">
                    <a:moveTo>
                      <a:pt x="0" y="7"/>
                    </a:moveTo>
                    <a:lnTo>
                      <a:pt x="0" y="7"/>
                    </a:lnTo>
                    <a:lnTo>
                      <a:pt x="0" y="3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0"/>
                    </a:lnTo>
                    <a:lnTo>
                      <a:pt x="9" y="2"/>
                    </a:lnTo>
                    <a:lnTo>
                      <a:pt x="11" y="3"/>
                    </a:lnTo>
                    <a:lnTo>
                      <a:pt x="11" y="7"/>
                    </a:lnTo>
                    <a:lnTo>
                      <a:pt x="11" y="10"/>
                    </a:lnTo>
                    <a:lnTo>
                      <a:pt x="9" y="12"/>
                    </a:lnTo>
                    <a:lnTo>
                      <a:pt x="7" y="13"/>
                    </a:lnTo>
                    <a:lnTo>
                      <a:pt x="6" y="13"/>
                    </a:lnTo>
                    <a:lnTo>
                      <a:pt x="4" y="13"/>
                    </a:lnTo>
                    <a:lnTo>
                      <a:pt x="2" y="12"/>
                    </a:lnTo>
                    <a:lnTo>
                      <a:pt x="0" y="10"/>
                    </a:lnTo>
                    <a:lnTo>
                      <a:pt x="0" y="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33" name="Freeform 138"/>
              <p:cNvSpPr>
                <a:spLocks/>
              </p:cNvSpPr>
              <p:nvPr/>
            </p:nvSpPr>
            <p:spPr bwMode="auto">
              <a:xfrm>
                <a:off x="4212" y="3098"/>
                <a:ext cx="13" cy="16"/>
              </a:xfrm>
              <a:custGeom>
                <a:avLst/>
                <a:gdLst>
                  <a:gd name="T0" fmla="*/ 1 w 13"/>
                  <a:gd name="T1" fmla="*/ 5 h 17"/>
                  <a:gd name="T2" fmla="*/ 1 w 13"/>
                  <a:gd name="T3" fmla="*/ 5 h 17"/>
                  <a:gd name="T4" fmla="*/ 3 w 13"/>
                  <a:gd name="T5" fmla="*/ 2 h 17"/>
                  <a:gd name="T6" fmla="*/ 6 w 13"/>
                  <a:gd name="T7" fmla="*/ 0 h 17"/>
                  <a:gd name="T8" fmla="*/ 8 w 13"/>
                  <a:gd name="T9" fmla="*/ 0 h 17"/>
                  <a:gd name="T10" fmla="*/ 11 w 13"/>
                  <a:gd name="T11" fmla="*/ 0 h 17"/>
                  <a:gd name="T12" fmla="*/ 11 w 13"/>
                  <a:gd name="T13" fmla="*/ 0 h 17"/>
                  <a:gd name="T14" fmla="*/ 13 w 13"/>
                  <a:gd name="T15" fmla="*/ 0 h 17"/>
                  <a:gd name="T16" fmla="*/ 13 w 13"/>
                  <a:gd name="T17" fmla="*/ 2 h 17"/>
                  <a:gd name="T18" fmla="*/ 13 w 13"/>
                  <a:gd name="T19" fmla="*/ 3 h 17"/>
                  <a:gd name="T20" fmla="*/ 13 w 13"/>
                  <a:gd name="T21" fmla="*/ 5 h 17"/>
                  <a:gd name="T22" fmla="*/ 13 w 13"/>
                  <a:gd name="T23" fmla="*/ 5 h 17"/>
                  <a:gd name="T24" fmla="*/ 13 w 13"/>
                  <a:gd name="T25" fmla="*/ 8 h 17"/>
                  <a:gd name="T26" fmla="*/ 13 w 13"/>
                  <a:gd name="T27" fmla="*/ 8 h 17"/>
                  <a:gd name="T28" fmla="*/ 11 w 13"/>
                  <a:gd name="T29" fmla="*/ 8 h 17"/>
                  <a:gd name="T30" fmla="*/ 11 w 13"/>
                  <a:gd name="T31" fmla="*/ 8 h 17"/>
                  <a:gd name="T32" fmla="*/ 10 w 13"/>
                  <a:gd name="T33" fmla="*/ 8 h 17"/>
                  <a:gd name="T34" fmla="*/ 6 w 13"/>
                  <a:gd name="T35" fmla="*/ 8 h 17"/>
                  <a:gd name="T36" fmla="*/ 5 w 13"/>
                  <a:gd name="T37" fmla="*/ 8 h 17"/>
                  <a:gd name="T38" fmla="*/ 1 w 13"/>
                  <a:gd name="T39" fmla="*/ 8 h 17"/>
                  <a:gd name="T40" fmla="*/ 1 w 13"/>
                  <a:gd name="T41" fmla="*/ 8 h 17"/>
                  <a:gd name="T42" fmla="*/ 1 w 13"/>
                  <a:gd name="T43" fmla="*/ 8 h 17"/>
                  <a:gd name="T44" fmla="*/ 0 w 13"/>
                  <a:gd name="T45" fmla="*/ 8 h 17"/>
                  <a:gd name="T46" fmla="*/ 0 w 13"/>
                  <a:gd name="T47" fmla="*/ 8 h 17"/>
                  <a:gd name="T48" fmla="*/ 0 w 13"/>
                  <a:gd name="T49" fmla="*/ 8 h 17"/>
                  <a:gd name="T50" fmla="*/ 0 w 13"/>
                  <a:gd name="T51" fmla="*/ 8 h 17"/>
                  <a:gd name="T52" fmla="*/ 0 w 13"/>
                  <a:gd name="T53" fmla="*/ 8 h 17"/>
                  <a:gd name="T54" fmla="*/ 0 w 13"/>
                  <a:gd name="T55" fmla="*/ 7 h 17"/>
                  <a:gd name="T56" fmla="*/ 1 w 13"/>
                  <a:gd name="T57" fmla="*/ 5 h 17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w 13"/>
                  <a:gd name="T88" fmla="*/ 0 h 17"/>
                  <a:gd name="T89" fmla="*/ 13 w 13"/>
                  <a:gd name="T90" fmla="*/ 17 h 17"/>
                </a:gdLst>
                <a:ahLst/>
                <a:cxnLst>
                  <a:cxn ang="T58">
                    <a:pos x="T0" y="T1"/>
                  </a:cxn>
                  <a:cxn ang="T59">
                    <a:pos x="T2" y="T3"/>
                  </a:cxn>
                  <a:cxn ang="T60">
                    <a:pos x="T4" y="T5"/>
                  </a:cxn>
                  <a:cxn ang="T61">
                    <a:pos x="T6" y="T7"/>
                  </a:cxn>
                  <a:cxn ang="T62">
                    <a:pos x="T8" y="T9"/>
                  </a:cxn>
                  <a:cxn ang="T63">
                    <a:pos x="T10" y="T11"/>
                  </a:cxn>
                  <a:cxn ang="T64">
                    <a:pos x="T12" y="T13"/>
                  </a:cxn>
                  <a:cxn ang="T65">
                    <a:pos x="T14" y="T15"/>
                  </a:cxn>
                  <a:cxn ang="T66">
                    <a:pos x="T16" y="T17"/>
                  </a:cxn>
                  <a:cxn ang="T67">
                    <a:pos x="T18" y="T19"/>
                  </a:cxn>
                  <a:cxn ang="T68">
                    <a:pos x="T20" y="T21"/>
                  </a:cxn>
                  <a:cxn ang="T69">
                    <a:pos x="T22" y="T23"/>
                  </a:cxn>
                  <a:cxn ang="T70">
                    <a:pos x="T24" y="T25"/>
                  </a:cxn>
                  <a:cxn ang="T71">
                    <a:pos x="T26" y="T27"/>
                  </a:cxn>
                  <a:cxn ang="T72">
                    <a:pos x="T28" y="T29"/>
                  </a:cxn>
                  <a:cxn ang="T73">
                    <a:pos x="T30" y="T31"/>
                  </a:cxn>
                  <a:cxn ang="T74">
                    <a:pos x="T32" y="T33"/>
                  </a:cxn>
                  <a:cxn ang="T75">
                    <a:pos x="T34" y="T35"/>
                  </a:cxn>
                  <a:cxn ang="T76">
                    <a:pos x="T36" y="T37"/>
                  </a:cxn>
                  <a:cxn ang="T77">
                    <a:pos x="T38" y="T39"/>
                  </a:cxn>
                  <a:cxn ang="T78">
                    <a:pos x="T40" y="T41"/>
                  </a:cxn>
                  <a:cxn ang="T79">
                    <a:pos x="T42" y="T43"/>
                  </a:cxn>
                  <a:cxn ang="T80">
                    <a:pos x="T44" y="T45"/>
                  </a:cxn>
                  <a:cxn ang="T81">
                    <a:pos x="T46" y="T47"/>
                  </a:cxn>
                  <a:cxn ang="T82">
                    <a:pos x="T48" y="T49"/>
                  </a:cxn>
                  <a:cxn ang="T83">
                    <a:pos x="T50" y="T51"/>
                  </a:cxn>
                  <a:cxn ang="T84">
                    <a:pos x="T52" y="T53"/>
                  </a:cxn>
                  <a:cxn ang="T85">
                    <a:pos x="T54" y="T55"/>
                  </a:cxn>
                  <a:cxn ang="T86">
                    <a:pos x="T56" y="T57"/>
                  </a:cxn>
                </a:cxnLst>
                <a:rect l="T87" t="T88" r="T89" b="T90"/>
                <a:pathLst>
                  <a:path w="13" h="17">
                    <a:moveTo>
                      <a:pt x="1" y="5"/>
                    </a:moveTo>
                    <a:lnTo>
                      <a:pt x="1" y="5"/>
                    </a:lnTo>
                    <a:lnTo>
                      <a:pt x="3" y="2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1" y="0"/>
                    </a:lnTo>
                    <a:lnTo>
                      <a:pt x="13" y="0"/>
                    </a:lnTo>
                    <a:lnTo>
                      <a:pt x="13" y="2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3" y="8"/>
                    </a:lnTo>
                    <a:lnTo>
                      <a:pt x="11" y="10"/>
                    </a:lnTo>
                    <a:lnTo>
                      <a:pt x="10" y="14"/>
                    </a:lnTo>
                    <a:lnTo>
                      <a:pt x="6" y="15"/>
                    </a:lnTo>
                    <a:lnTo>
                      <a:pt x="5" y="17"/>
                    </a:lnTo>
                    <a:lnTo>
                      <a:pt x="1" y="17"/>
                    </a:lnTo>
                    <a:lnTo>
                      <a:pt x="1" y="15"/>
                    </a:lnTo>
                    <a:lnTo>
                      <a:pt x="0" y="14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1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775" name="Group 139"/>
            <p:cNvGrpSpPr>
              <a:grpSpLocks/>
            </p:cNvGrpSpPr>
            <p:nvPr/>
          </p:nvGrpSpPr>
          <p:grpSpPr bwMode="auto">
            <a:xfrm>
              <a:off x="1186" y="3709"/>
              <a:ext cx="274" cy="176"/>
              <a:chOff x="1338" y="3375"/>
              <a:chExt cx="282" cy="181"/>
            </a:xfrm>
          </p:grpSpPr>
          <p:sp>
            <p:nvSpPr>
              <p:cNvPr id="811" name="Freeform 140"/>
              <p:cNvSpPr>
                <a:spLocks/>
              </p:cNvSpPr>
              <p:nvPr/>
            </p:nvSpPr>
            <p:spPr bwMode="auto">
              <a:xfrm>
                <a:off x="1361" y="3375"/>
                <a:ext cx="26" cy="18"/>
              </a:xfrm>
              <a:custGeom>
                <a:avLst/>
                <a:gdLst>
                  <a:gd name="T0" fmla="*/ 0 w 26"/>
                  <a:gd name="T1" fmla="*/ 8 h 18"/>
                  <a:gd name="T2" fmla="*/ 0 w 26"/>
                  <a:gd name="T3" fmla="*/ 8 h 18"/>
                  <a:gd name="T4" fmla="*/ 2 w 26"/>
                  <a:gd name="T5" fmla="*/ 6 h 18"/>
                  <a:gd name="T6" fmla="*/ 2 w 26"/>
                  <a:gd name="T7" fmla="*/ 6 h 18"/>
                  <a:gd name="T8" fmla="*/ 5 w 26"/>
                  <a:gd name="T9" fmla="*/ 3 h 18"/>
                  <a:gd name="T10" fmla="*/ 9 w 26"/>
                  <a:gd name="T11" fmla="*/ 3 h 18"/>
                  <a:gd name="T12" fmla="*/ 12 w 26"/>
                  <a:gd name="T13" fmla="*/ 1 h 18"/>
                  <a:gd name="T14" fmla="*/ 17 w 26"/>
                  <a:gd name="T15" fmla="*/ 0 h 18"/>
                  <a:gd name="T16" fmla="*/ 22 w 26"/>
                  <a:gd name="T17" fmla="*/ 0 h 18"/>
                  <a:gd name="T18" fmla="*/ 24 w 26"/>
                  <a:gd name="T19" fmla="*/ 0 h 18"/>
                  <a:gd name="T20" fmla="*/ 24 w 26"/>
                  <a:gd name="T21" fmla="*/ 3 h 18"/>
                  <a:gd name="T22" fmla="*/ 24 w 26"/>
                  <a:gd name="T23" fmla="*/ 6 h 18"/>
                  <a:gd name="T24" fmla="*/ 26 w 26"/>
                  <a:gd name="T25" fmla="*/ 6 h 18"/>
                  <a:gd name="T26" fmla="*/ 21 w 26"/>
                  <a:gd name="T27" fmla="*/ 18 h 18"/>
                  <a:gd name="T28" fmla="*/ 4 w 26"/>
                  <a:gd name="T29" fmla="*/ 13 h 18"/>
                  <a:gd name="T30" fmla="*/ 0 w 26"/>
                  <a:gd name="T31" fmla="*/ 8 h 18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w 26"/>
                  <a:gd name="T49" fmla="*/ 0 h 18"/>
                  <a:gd name="T50" fmla="*/ 26 w 26"/>
                  <a:gd name="T51" fmla="*/ 18 h 18"/>
                </a:gdLst>
                <a:ahLst/>
                <a:cxnLst>
                  <a:cxn ang="T32">
                    <a:pos x="T0" y="T1"/>
                  </a:cxn>
                  <a:cxn ang="T33">
                    <a:pos x="T2" y="T3"/>
                  </a:cxn>
                  <a:cxn ang="T34">
                    <a:pos x="T4" y="T5"/>
                  </a:cxn>
                  <a:cxn ang="T35">
                    <a:pos x="T6" y="T7"/>
                  </a:cxn>
                  <a:cxn ang="T36">
                    <a:pos x="T8" y="T9"/>
                  </a:cxn>
                  <a:cxn ang="T37">
                    <a:pos x="T10" y="T11"/>
                  </a:cxn>
                  <a:cxn ang="T38">
                    <a:pos x="T12" y="T13"/>
                  </a:cxn>
                  <a:cxn ang="T39">
                    <a:pos x="T14" y="T15"/>
                  </a:cxn>
                  <a:cxn ang="T40">
                    <a:pos x="T16" y="T17"/>
                  </a:cxn>
                  <a:cxn ang="T41">
                    <a:pos x="T18" y="T19"/>
                  </a:cxn>
                  <a:cxn ang="T42">
                    <a:pos x="T20" y="T21"/>
                  </a:cxn>
                  <a:cxn ang="T43">
                    <a:pos x="T22" y="T23"/>
                  </a:cxn>
                  <a:cxn ang="T44">
                    <a:pos x="T24" y="T25"/>
                  </a:cxn>
                  <a:cxn ang="T45">
                    <a:pos x="T26" y="T27"/>
                  </a:cxn>
                  <a:cxn ang="T46">
                    <a:pos x="T28" y="T29"/>
                  </a:cxn>
                  <a:cxn ang="T47">
                    <a:pos x="T30" y="T31"/>
                  </a:cxn>
                </a:cxnLst>
                <a:rect l="T48" t="T49" r="T50" b="T51"/>
                <a:pathLst>
                  <a:path w="26" h="18">
                    <a:moveTo>
                      <a:pt x="0" y="8"/>
                    </a:moveTo>
                    <a:lnTo>
                      <a:pt x="0" y="8"/>
                    </a:lnTo>
                    <a:lnTo>
                      <a:pt x="2" y="6"/>
                    </a:lnTo>
                    <a:lnTo>
                      <a:pt x="5" y="3"/>
                    </a:lnTo>
                    <a:lnTo>
                      <a:pt x="9" y="3"/>
                    </a:lnTo>
                    <a:lnTo>
                      <a:pt x="12" y="1"/>
                    </a:lnTo>
                    <a:lnTo>
                      <a:pt x="17" y="0"/>
                    </a:lnTo>
                    <a:lnTo>
                      <a:pt x="22" y="0"/>
                    </a:lnTo>
                    <a:lnTo>
                      <a:pt x="24" y="0"/>
                    </a:lnTo>
                    <a:lnTo>
                      <a:pt x="24" y="3"/>
                    </a:lnTo>
                    <a:lnTo>
                      <a:pt x="24" y="6"/>
                    </a:lnTo>
                    <a:lnTo>
                      <a:pt x="26" y="6"/>
                    </a:lnTo>
                    <a:lnTo>
                      <a:pt x="21" y="18"/>
                    </a:lnTo>
                    <a:lnTo>
                      <a:pt x="4" y="13"/>
                    </a:lnTo>
                    <a:lnTo>
                      <a:pt x="0" y="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12" name="Freeform 141"/>
              <p:cNvSpPr>
                <a:spLocks/>
              </p:cNvSpPr>
              <p:nvPr/>
            </p:nvSpPr>
            <p:spPr bwMode="auto">
              <a:xfrm>
                <a:off x="1361" y="3375"/>
                <a:ext cx="26" cy="18"/>
              </a:xfrm>
              <a:custGeom>
                <a:avLst/>
                <a:gdLst>
                  <a:gd name="T0" fmla="*/ 0 w 26"/>
                  <a:gd name="T1" fmla="*/ 8 h 18"/>
                  <a:gd name="T2" fmla="*/ 0 w 26"/>
                  <a:gd name="T3" fmla="*/ 8 h 18"/>
                  <a:gd name="T4" fmla="*/ 0 w 26"/>
                  <a:gd name="T5" fmla="*/ 8 h 18"/>
                  <a:gd name="T6" fmla="*/ 2 w 26"/>
                  <a:gd name="T7" fmla="*/ 6 h 18"/>
                  <a:gd name="T8" fmla="*/ 2 w 26"/>
                  <a:gd name="T9" fmla="*/ 6 h 18"/>
                  <a:gd name="T10" fmla="*/ 5 w 26"/>
                  <a:gd name="T11" fmla="*/ 3 h 18"/>
                  <a:gd name="T12" fmla="*/ 9 w 26"/>
                  <a:gd name="T13" fmla="*/ 3 h 18"/>
                  <a:gd name="T14" fmla="*/ 12 w 26"/>
                  <a:gd name="T15" fmla="*/ 1 h 18"/>
                  <a:gd name="T16" fmla="*/ 17 w 26"/>
                  <a:gd name="T17" fmla="*/ 0 h 18"/>
                  <a:gd name="T18" fmla="*/ 22 w 26"/>
                  <a:gd name="T19" fmla="*/ 0 h 18"/>
                  <a:gd name="T20" fmla="*/ 22 w 26"/>
                  <a:gd name="T21" fmla="*/ 0 h 18"/>
                  <a:gd name="T22" fmla="*/ 24 w 26"/>
                  <a:gd name="T23" fmla="*/ 0 h 18"/>
                  <a:gd name="T24" fmla="*/ 24 w 26"/>
                  <a:gd name="T25" fmla="*/ 3 h 18"/>
                  <a:gd name="T26" fmla="*/ 24 w 26"/>
                  <a:gd name="T27" fmla="*/ 6 h 18"/>
                  <a:gd name="T28" fmla="*/ 26 w 26"/>
                  <a:gd name="T29" fmla="*/ 6 h 18"/>
                  <a:gd name="T30" fmla="*/ 21 w 26"/>
                  <a:gd name="T31" fmla="*/ 18 h 18"/>
                  <a:gd name="T32" fmla="*/ 4 w 26"/>
                  <a:gd name="T33" fmla="*/ 13 h 18"/>
                  <a:gd name="T34" fmla="*/ 0 w 26"/>
                  <a:gd name="T35" fmla="*/ 8 h 18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w 26"/>
                  <a:gd name="T55" fmla="*/ 0 h 18"/>
                  <a:gd name="T56" fmla="*/ 26 w 26"/>
                  <a:gd name="T57" fmla="*/ 18 h 18"/>
                </a:gdLst>
                <a:ahLst/>
                <a:cxnLst>
                  <a:cxn ang="T36">
                    <a:pos x="T0" y="T1"/>
                  </a:cxn>
                  <a:cxn ang="T37">
                    <a:pos x="T2" y="T3"/>
                  </a:cxn>
                  <a:cxn ang="T38">
                    <a:pos x="T4" y="T5"/>
                  </a:cxn>
                  <a:cxn ang="T39">
                    <a:pos x="T6" y="T7"/>
                  </a:cxn>
                  <a:cxn ang="T40">
                    <a:pos x="T8" y="T9"/>
                  </a:cxn>
                  <a:cxn ang="T41">
                    <a:pos x="T10" y="T11"/>
                  </a:cxn>
                  <a:cxn ang="T42">
                    <a:pos x="T12" y="T13"/>
                  </a:cxn>
                  <a:cxn ang="T43">
                    <a:pos x="T14" y="T15"/>
                  </a:cxn>
                  <a:cxn ang="T44">
                    <a:pos x="T16" y="T17"/>
                  </a:cxn>
                  <a:cxn ang="T45">
                    <a:pos x="T18" y="T19"/>
                  </a:cxn>
                  <a:cxn ang="T46">
                    <a:pos x="T20" y="T21"/>
                  </a:cxn>
                  <a:cxn ang="T47">
                    <a:pos x="T22" y="T23"/>
                  </a:cxn>
                  <a:cxn ang="T48">
                    <a:pos x="T24" y="T25"/>
                  </a:cxn>
                  <a:cxn ang="T49">
                    <a:pos x="T26" y="T27"/>
                  </a:cxn>
                  <a:cxn ang="T50">
                    <a:pos x="T28" y="T29"/>
                  </a:cxn>
                  <a:cxn ang="T51">
                    <a:pos x="T30" y="T31"/>
                  </a:cxn>
                  <a:cxn ang="T52">
                    <a:pos x="T32" y="T33"/>
                  </a:cxn>
                  <a:cxn ang="T53">
                    <a:pos x="T34" y="T35"/>
                  </a:cxn>
                </a:cxnLst>
                <a:rect l="T54" t="T55" r="T56" b="T57"/>
                <a:pathLst>
                  <a:path w="26" h="18">
                    <a:moveTo>
                      <a:pt x="0" y="8"/>
                    </a:moveTo>
                    <a:lnTo>
                      <a:pt x="0" y="8"/>
                    </a:lnTo>
                    <a:lnTo>
                      <a:pt x="2" y="6"/>
                    </a:lnTo>
                    <a:lnTo>
                      <a:pt x="5" y="3"/>
                    </a:lnTo>
                    <a:lnTo>
                      <a:pt x="9" y="3"/>
                    </a:lnTo>
                    <a:lnTo>
                      <a:pt x="12" y="1"/>
                    </a:lnTo>
                    <a:lnTo>
                      <a:pt x="17" y="0"/>
                    </a:lnTo>
                    <a:lnTo>
                      <a:pt x="22" y="0"/>
                    </a:lnTo>
                    <a:lnTo>
                      <a:pt x="24" y="0"/>
                    </a:lnTo>
                    <a:lnTo>
                      <a:pt x="24" y="3"/>
                    </a:lnTo>
                    <a:lnTo>
                      <a:pt x="24" y="6"/>
                    </a:lnTo>
                    <a:lnTo>
                      <a:pt x="26" y="6"/>
                    </a:lnTo>
                    <a:lnTo>
                      <a:pt x="21" y="18"/>
                    </a:lnTo>
                    <a:lnTo>
                      <a:pt x="4" y="13"/>
                    </a:lnTo>
                    <a:lnTo>
                      <a:pt x="0" y="8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13" name="Freeform 142"/>
              <p:cNvSpPr>
                <a:spLocks/>
              </p:cNvSpPr>
              <p:nvPr/>
            </p:nvSpPr>
            <p:spPr bwMode="auto">
              <a:xfrm>
                <a:off x="1441" y="3403"/>
                <a:ext cx="30" cy="24"/>
              </a:xfrm>
              <a:custGeom>
                <a:avLst/>
                <a:gdLst>
                  <a:gd name="T0" fmla="*/ 0 w 30"/>
                  <a:gd name="T1" fmla="*/ 5 h 24"/>
                  <a:gd name="T2" fmla="*/ 8 w 30"/>
                  <a:gd name="T3" fmla="*/ 5 h 24"/>
                  <a:gd name="T4" fmla="*/ 8 w 30"/>
                  <a:gd name="T5" fmla="*/ 5 h 24"/>
                  <a:gd name="T6" fmla="*/ 8 w 30"/>
                  <a:gd name="T7" fmla="*/ 4 h 24"/>
                  <a:gd name="T8" fmla="*/ 8 w 30"/>
                  <a:gd name="T9" fmla="*/ 2 h 24"/>
                  <a:gd name="T10" fmla="*/ 10 w 30"/>
                  <a:gd name="T11" fmla="*/ 0 h 24"/>
                  <a:gd name="T12" fmla="*/ 10 w 30"/>
                  <a:gd name="T13" fmla="*/ 0 h 24"/>
                  <a:gd name="T14" fmla="*/ 12 w 30"/>
                  <a:gd name="T15" fmla="*/ 0 h 24"/>
                  <a:gd name="T16" fmla="*/ 13 w 30"/>
                  <a:gd name="T17" fmla="*/ 2 h 24"/>
                  <a:gd name="T18" fmla="*/ 17 w 30"/>
                  <a:gd name="T19" fmla="*/ 5 h 24"/>
                  <a:gd name="T20" fmla="*/ 17 w 30"/>
                  <a:gd name="T21" fmla="*/ 7 h 24"/>
                  <a:gd name="T22" fmla="*/ 18 w 30"/>
                  <a:gd name="T23" fmla="*/ 9 h 24"/>
                  <a:gd name="T24" fmla="*/ 22 w 30"/>
                  <a:gd name="T25" fmla="*/ 12 h 24"/>
                  <a:gd name="T26" fmla="*/ 27 w 30"/>
                  <a:gd name="T27" fmla="*/ 16 h 24"/>
                  <a:gd name="T28" fmla="*/ 27 w 30"/>
                  <a:gd name="T29" fmla="*/ 17 h 24"/>
                  <a:gd name="T30" fmla="*/ 29 w 30"/>
                  <a:gd name="T31" fmla="*/ 19 h 24"/>
                  <a:gd name="T32" fmla="*/ 30 w 30"/>
                  <a:gd name="T33" fmla="*/ 21 h 24"/>
                  <a:gd name="T34" fmla="*/ 30 w 30"/>
                  <a:gd name="T35" fmla="*/ 22 h 24"/>
                  <a:gd name="T36" fmla="*/ 30 w 30"/>
                  <a:gd name="T37" fmla="*/ 24 h 24"/>
                  <a:gd name="T38" fmla="*/ 27 w 30"/>
                  <a:gd name="T39" fmla="*/ 24 h 24"/>
                  <a:gd name="T40" fmla="*/ 22 w 30"/>
                  <a:gd name="T41" fmla="*/ 24 h 24"/>
                  <a:gd name="T42" fmla="*/ 15 w 30"/>
                  <a:gd name="T43" fmla="*/ 21 h 24"/>
                  <a:gd name="T44" fmla="*/ 13 w 30"/>
                  <a:gd name="T45" fmla="*/ 21 h 24"/>
                  <a:gd name="T46" fmla="*/ 10 w 30"/>
                  <a:gd name="T47" fmla="*/ 21 h 24"/>
                  <a:gd name="T48" fmla="*/ 8 w 30"/>
                  <a:gd name="T49" fmla="*/ 22 h 24"/>
                  <a:gd name="T50" fmla="*/ 8 w 30"/>
                  <a:gd name="T51" fmla="*/ 22 h 24"/>
                  <a:gd name="T52" fmla="*/ 1 w 30"/>
                  <a:gd name="T53" fmla="*/ 14 h 24"/>
                  <a:gd name="T54" fmla="*/ 0 w 30"/>
                  <a:gd name="T55" fmla="*/ 5 h 24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w 30"/>
                  <a:gd name="T85" fmla="*/ 0 h 24"/>
                  <a:gd name="T86" fmla="*/ 30 w 30"/>
                  <a:gd name="T87" fmla="*/ 24 h 24"/>
                </a:gdLst>
                <a:ahLst/>
                <a:cxnLst>
                  <a:cxn ang="T56">
                    <a:pos x="T0" y="T1"/>
                  </a:cxn>
                  <a:cxn ang="T57">
                    <a:pos x="T2" y="T3"/>
                  </a:cxn>
                  <a:cxn ang="T58">
                    <a:pos x="T4" y="T5"/>
                  </a:cxn>
                  <a:cxn ang="T59">
                    <a:pos x="T6" y="T7"/>
                  </a:cxn>
                  <a:cxn ang="T60">
                    <a:pos x="T8" y="T9"/>
                  </a:cxn>
                  <a:cxn ang="T61">
                    <a:pos x="T10" y="T11"/>
                  </a:cxn>
                  <a:cxn ang="T62">
                    <a:pos x="T12" y="T13"/>
                  </a:cxn>
                  <a:cxn ang="T63">
                    <a:pos x="T14" y="T15"/>
                  </a:cxn>
                  <a:cxn ang="T64">
                    <a:pos x="T16" y="T17"/>
                  </a:cxn>
                  <a:cxn ang="T65">
                    <a:pos x="T18" y="T19"/>
                  </a:cxn>
                  <a:cxn ang="T66">
                    <a:pos x="T20" y="T21"/>
                  </a:cxn>
                  <a:cxn ang="T67">
                    <a:pos x="T22" y="T23"/>
                  </a:cxn>
                  <a:cxn ang="T68">
                    <a:pos x="T24" y="T25"/>
                  </a:cxn>
                  <a:cxn ang="T69">
                    <a:pos x="T26" y="T27"/>
                  </a:cxn>
                  <a:cxn ang="T70">
                    <a:pos x="T28" y="T29"/>
                  </a:cxn>
                  <a:cxn ang="T71">
                    <a:pos x="T30" y="T31"/>
                  </a:cxn>
                  <a:cxn ang="T72">
                    <a:pos x="T32" y="T33"/>
                  </a:cxn>
                  <a:cxn ang="T73">
                    <a:pos x="T34" y="T35"/>
                  </a:cxn>
                  <a:cxn ang="T74">
                    <a:pos x="T36" y="T37"/>
                  </a:cxn>
                  <a:cxn ang="T75">
                    <a:pos x="T38" y="T39"/>
                  </a:cxn>
                  <a:cxn ang="T76">
                    <a:pos x="T40" y="T41"/>
                  </a:cxn>
                  <a:cxn ang="T77">
                    <a:pos x="T42" y="T43"/>
                  </a:cxn>
                  <a:cxn ang="T78">
                    <a:pos x="T44" y="T45"/>
                  </a:cxn>
                  <a:cxn ang="T79">
                    <a:pos x="T46" y="T47"/>
                  </a:cxn>
                  <a:cxn ang="T80">
                    <a:pos x="T48" y="T49"/>
                  </a:cxn>
                  <a:cxn ang="T81">
                    <a:pos x="T50" y="T51"/>
                  </a:cxn>
                  <a:cxn ang="T82">
                    <a:pos x="T52" y="T53"/>
                  </a:cxn>
                  <a:cxn ang="T83">
                    <a:pos x="T54" y="T55"/>
                  </a:cxn>
                </a:cxnLst>
                <a:rect l="T84" t="T85" r="T86" b="T87"/>
                <a:pathLst>
                  <a:path w="30" h="24">
                    <a:moveTo>
                      <a:pt x="0" y="5"/>
                    </a:moveTo>
                    <a:lnTo>
                      <a:pt x="8" y="5"/>
                    </a:lnTo>
                    <a:lnTo>
                      <a:pt x="8" y="4"/>
                    </a:lnTo>
                    <a:lnTo>
                      <a:pt x="8" y="2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7" y="5"/>
                    </a:lnTo>
                    <a:lnTo>
                      <a:pt x="17" y="7"/>
                    </a:lnTo>
                    <a:lnTo>
                      <a:pt x="18" y="9"/>
                    </a:lnTo>
                    <a:lnTo>
                      <a:pt x="22" y="12"/>
                    </a:lnTo>
                    <a:lnTo>
                      <a:pt x="27" y="16"/>
                    </a:lnTo>
                    <a:lnTo>
                      <a:pt x="27" y="17"/>
                    </a:lnTo>
                    <a:lnTo>
                      <a:pt x="29" y="19"/>
                    </a:lnTo>
                    <a:lnTo>
                      <a:pt x="30" y="21"/>
                    </a:lnTo>
                    <a:lnTo>
                      <a:pt x="30" y="22"/>
                    </a:lnTo>
                    <a:lnTo>
                      <a:pt x="30" y="24"/>
                    </a:lnTo>
                    <a:lnTo>
                      <a:pt x="27" y="24"/>
                    </a:lnTo>
                    <a:lnTo>
                      <a:pt x="22" y="24"/>
                    </a:lnTo>
                    <a:lnTo>
                      <a:pt x="15" y="21"/>
                    </a:lnTo>
                    <a:lnTo>
                      <a:pt x="13" y="21"/>
                    </a:lnTo>
                    <a:lnTo>
                      <a:pt x="10" y="21"/>
                    </a:lnTo>
                    <a:lnTo>
                      <a:pt x="8" y="22"/>
                    </a:lnTo>
                    <a:lnTo>
                      <a:pt x="1" y="14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14" name="Freeform 143"/>
              <p:cNvSpPr>
                <a:spLocks/>
              </p:cNvSpPr>
              <p:nvPr/>
            </p:nvSpPr>
            <p:spPr bwMode="auto">
              <a:xfrm>
                <a:off x="1441" y="3403"/>
                <a:ext cx="30" cy="24"/>
              </a:xfrm>
              <a:custGeom>
                <a:avLst/>
                <a:gdLst>
                  <a:gd name="T0" fmla="*/ 0 w 30"/>
                  <a:gd name="T1" fmla="*/ 5 h 24"/>
                  <a:gd name="T2" fmla="*/ 8 w 30"/>
                  <a:gd name="T3" fmla="*/ 5 h 24"/>
                  <a:gd name="T4" fmla="*/ 8 w 30"/>
                  <a:gd name="T5" fmla="*/ 5 h 24"/>
                  <a:gd name="T6" fmla="*/ 8 w 30"/>
                  <a:gd name="T7" fmla="*/ 5 h 24"/>
                  <a:gd name="T8" fmla="*/ 8 w 30"/>
                  <a:gd name="T9" fmla="*/ 4 h 24"/>
                  <a:gd name="T10" fmla="*/ 8 w 30"/>
                  <a:gd name="T11" fmla="*/ 2 h 24"/>
                  <a:gd name="T12" fmla="*/ 10 w 30"/>
                  <a:gd name="T13" fmla="*/ 0 h 24"/>
                  <a:gd name="T14" fmla="*/ 10 w 30"/>
                  <a:gd name="T15" fmla="*/ 0 h 24"/>
                  <a:gd name="T16" fmla="*/ 12 w 30"/>
                  <a:gd name="T17" fmla="*/ 0 h 24"/>
                  <a:gd name="T18" fmla="*/ 13 w 30"/>
                  <a:gd name="T19" fmla="*/ 2 h 24"/>
                  <a:gd name="T20" fmla="*/ 17 w 30"/>
                  <a:gd name="T21" fmla="*/ 5 h 24"/>
                  <a:gd name="T22" fmla="*/ 17 w 30"/>
                  <a:gd name="T23" fmla="*/ 5 h 24"/>
                  <a:gd name="T24" fmla="*/ 17 w 30"/>
                  <a:gd name="T25" fmla="*/ 7 h 24"/>
                  <a:gd name="T26" fmla="*/ 18 w 30"/>
                  <a:gd name="T27" fmla="*/ 9 h 24"/>
                  <a:gd name="T28" fmla="*/ 22 w 30"/>
                  <a:gd name="T29" fmla="*/ 12 h 24"/>
                  <a:gd name="T30" fmla="*/ 27 w 30"/>
                  <a:gd name="T31" fmla="*/ 16 h 24"/>
                  <a:gd name="T32" fmla="*/ 27 w 30"/>
                  <a:gd name="T33" fmla="*/ 16 h 24"/>
                  <a:gd name="T34" fmla="*/ 27 w 30"/>
                  <a:gd name="T35" fmla="*/ 17 h 24"/>
                  <a:gd name="T36" fmla="*/ 29 w 30"/>
                  <a:gd name="T37" fmla="*/ 19 h 24"/>
                  <a:gd name="T38" fmla="*/ 30 w 30"/>
                  <a:gd name="T39" fmla="*/ 21 h 24"/>
                  <a:gd name="T40" fmla="*/ 30 w 30"/>
                  <a:gd name="T41" fmla="*/ 22 h 24"/>
                  <a:gd name="T42" fmla="*/ 30 w 30"/>
                  <a:gd name="T43" fmla="*/ 24 h 24"/>
                  <a:gd name="T44" fmla="*/ 27 w 30"/>
                  <a:gd name="T45" fmla="*/ 24 h 24"/>
                  <a:gd name="T46" fmla="*/ 22 w 30"/>
                  <a:gd name="T47" fmla="*/ 24 h 24"/>
                  <a:gd name="T48" fmla="*/ 15 w 30"/>
                  <a:gd name="T49" fmla="*/ 21 h 24"/>
                  <a:gd name="T50" fmla="*/ 15 w 30"/>
                  <a:gd name="T51" fmla="*/ 21 h 24"/>
                  <a:gd name="T52" fmla="*/ 13 w 30"/>
                  <a:gd name="T53" fmla="*/ 21 h 24"/>
                  <a:gd name="T54" fmla="*/ 10 w 30"/>
                  <a:gd name="T55" fmla="*/ 21 h 24"/>
                  <a:gd name="T56" fmla="*/ 8 w 30"/>
                  <a:gd name="T57" fmla="*/ 22 h 24"/>
                  <a:gd name="T58" fmla="*/ 8 w 30"/>
                  <a:gd name="T59" fmla="*/ 22 h 24"/>
                  <a:gd name="T60" fmla="*/ 1 w 30"/>
                  <a:gd name="T61" fmla="*/ 14 h 24"/>
                  <a:gd name="T62" fmla="*/ 0 w 30"/>
                  <a:gd name="T63" fmla="*/ 5 h 24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w 30"/>
                  <a:gd name="T97" fmla="*/ 0 h 24"/>
                  <a:gd name="T98" fmla="*/ 30 w 30"/>
                  <a:gd name="T99" fmla="*/ 24 h 24"/>
                </a:gdLst>
                <a:ahLst/>
                <a:cxnLst>
                  <a:cxn ang="T64">
                    <a:pos x="T0" y="T1"/>
                  </a:cxn>
                  <a:cxn ang="T65">
                    <a:pos x="T2" y="T3"/>
                  </a:cxn>
                  <a:cxn ang="T66">
                    <a:pos x="T4" y="T5"/>
                  </a:cxn>
                  <a:cxn ang="T67">
                    <a:pos x="T6" y="T7"/>
                  </a:cxn>
                  <a:cxn ang="T68">
                    <a:pos x="T8" y="T9"/>
                  </a:cxn>
                  <a:cxn ang="T69">
                    <a:pos x="T10" y="T11"/>
                  </a:cxn>
                  <a:cxn ang="T70">
                    <a:pos x="T12" y="T13"/>
                  </a:cxn>
                  <a:cxn ang="T71">
                    <a:pos x="T14" y="T15"/>
                  </a:cxn>
                  <a:cxn ang="T72">
                    <a:pos x="T16" y="T17"/>
                  </a:cxn>
                  <a:cxn ang="T73">
                    <a:pos x="T18" y="T19"/>
                  </a:cxn>
                  <a:cxn ang="T74">
                    <a:pos x="T20" y="T21"/>
                  </a:cxn>
                  <a:cxn ang="T75">
                    <a:pos x="T22" y="T23"/>
                  </a:cxn>
                  <a:cxn ang="T76">
                    <a:pos x="T24" y="T25"/>
                  </a:cxn>
                  <a:cxn ang="T77">
                    <a:pos x="T26" y="T27"/>
                  </a:cxn>
                  <a:cxn ang="T78">
                    <a:pos x="T28" y="T29"/>
                  </a:cxn>
                  <a:cxn ang="T79">
                    <a:pos x="T30" y="T31"/>
                  </a:cxn>
                  <a:cxn ang="T80">
                    <a:pos x="T32" y="T33"/>
                  </a:cxn>
                  <a:cxn ang="T81">
                    <a:pos x="T34" y="T35"/>
                  </a:cxn>
                  <a:cxn ang="T82">
                    <a:pos x="T36" y="T37"/>
                  </a:cxn>
                  <a:cxn ang="T83">
                    <a:pos x="T38" y="T39"/>
                  </a:cxn>
                  <a:cxn ang="T84">
                    <a:pos x="T40" y="T41"/>
                  </a:cxn>
                  <a:cxn ang="T85">
                    <a:pos x="T42" y="T43"/>
                  </a:cxn>
                  <a:cxn ang="T86">
                    <a:pos x="T44" y="T45"/>
                  </a:cxn>
                  <a:cxn ang="T87">
                    <a:pos x="T46" y="T47"/>
                  </a:cxn>
                  <a:cxn ang="T88">
                    <a:pos x="T48" y="T49"/>
                  </a:cxn>
                  <a:cxn ang="T89">
                    <a:pos x="T50" y="T51"/>
                  </a:cxn>
                  <a:cxn ang="T90">
                    <a:pos x="T52" y="T53"/>
                  </a:cxn>
                  <a:cxn ang="T91">
                    <a:pos x="T54" y="T55"/>
                  </a:cxn>
                  <a:cxn ang="T92">
                    <a:pos x="T56" y="T57"/>
                  </a:cxn>
                  <a:cxn ang="T93">
                    <a:pos x="T58" y="T59"/>
                  </a:cxn>
                  <a:cxn ang="T94">
                    <a:pos x="T60" y="T61"/>
                  </a:cxn>
                  <a:cxn ang="T95">
                    <a:pos x="T62" y="T63"/>
                  </a:cxn>
                </a:cxnLst>
                <a:rect l="T96" t="T97" r="T98" b="T99"/>
                <a:pathLst>
                  <a:path w="30" h="24">
                    <a:moveTo>
                      <a:pt x="0" y="5"/>
                    </a:moveTo>
                    <a:lnTo>
                      <a:pt x="8" y="5"/>
                    </a:lnTo>
                    <a:lnTo>
                      <a:pt x="8" y="4"/>
                    </a:lnTo>
                    <a:lnTo>
                      <a:pt x="8" y="2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7" y="5"/>
                    </a:lnTo>
                    <a:lnTo>
                      <a:pt x="17" y="7"/>
                    </a:lnTo>
                    <a:lnTo>
                      <a:pt x="18" y="9"/>
                    </a:lnTo>
                    <a:lnTo>
                      <a:pt x="22" y="12"/>
                    </a:lnTo>
                    <a:lnTo>
                      <a:pt x="27" y="16"/>
                    </a:lnTo>
                    <a:lnTo>
                      <a:pt x="27" y="17"/>
                    </a:lnTo>
                    <a:lnTo>
                      <a:pt x="29" y="19"/>
                    </a:lnTo>
                    <a:lnTo>
                      <a:pt x="30" y="21"/>
                    </a:lnTo>
                    <a:lnTo>
                      <a:pt x="30" y="22"/>
                    </a:lnTo>
                    <a:lnTo>
                      <a:pt x="30" y="24"/>
                    </a:lnTo>
                    <a:lnTo>
                      <a:pt x="27" y="24"/>
                    </a:lnTo>
                    <a:lnTo>
                      <a:pt x="22" y="24"/>
                    </a:lnTo>
                    <a:lnTo>
                      <a:pt x="15" y="21"/>
                    </a:lnTo>
                    <a:lnTo>
                      <a:pt x="13" y="21"/>
                    </a:lnTo>
                    <a:lnTo>
                      <a:pt x="10" y="21"/>
                    </a:lnTo>
                    <a:lnTo>
                      <a:pt x="8" y="22"/>
                    </a:lnTo>
                    <a:lnTo>
                      <a:pt x="1" y="14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15" name="Freeform 144"/>
              <p:cNvSpPr>
                <a:spLocks/>
              </p:cNvSpPr>
              <p:nvPr/>
            </p:nvSpPr>
            <p:spPr bwMode="auto">
              <a:xfrm>
                <a:off x="1492" y="3427"/>
                <a:ext cx="27" cy="12"/>
              </a:xfrm>
              <a:custGeom>
                <a:avLst/>
                <a:gdLst>
                  <a:gd name="T0" fmla="*/ 1 w 27"/>
                  <a:gd name="T1" fmla="*/ 0 h 12"/>
                  <a:gd name="T2" fmla="*/ 0 w 27"/>
                  <a:gd name="T3" fmla="*/ 9 h 12"/>
                  <a:gd name="T4" fmla="*/ 18 w 27"/>
                  <a:gd name="T5" fmla="*/ 12 h 12"/>
                  <a:gd name="T6" fmla="*/ 18 w 27"/>
                  <a:gd name="T7" fmla="*/ 12 h 12"/>
                  <a:gd name="T8" fmla="*/ 20 w 27"/>
                  <a:gd name="T9" fmla="*/ 10 h 12"/>
                  <a:gd name="T10" fmla="*/ 23 w 27"/>
                  <a:gd name="T11" fmla="*/ 9 h 12"/>
                  <a:gd name="T12" fmla="*/ 27 w 27"/>
                  <a:gd name="T13" fmla="*/ 7 h 12"/>
                  <a:gd name="T14" fmla="*/ 27 w 27"/>
                  <a:gd name="T15" fmla="*/ 5 h 12"/>
                  <a:gd name="T16" fmla="*/ 27 w 27"/>
                  <a:gd name="T17" fmla="*/ 3 h 12"/>
                  <a:gd name="T18" fmla="*/ 23 w 27"/>
                  <a:gd name="T19" fmla="*/ 3 h 12"/>
                  <a:gd name="T20" fmla="*/ 18 w 27"/>
                  <a:gd name="T21" fmla="*/ 3 h 12"/>
                  <a:gd name="T22" fmla="*/ 16 w 27"/>
                  <a:gd name="T23" fmla="*/ 3 h 12"/>
                  <a:gd name="T24" fmla="*/ 13 w 27"/>
                  <a:gd name="T25" fmla="*/ 2 h 12"/>
                  <a:gd name="T26" fmla="*/ 11 w 27"/>
                  <a:gd name="T27" fmla="*/ 2 h 12"/>
                  <a:gd name="T28" fmla="*/ 8 w 27"/>
                  <a:gd name="T29" fmla="*/ 2 h 12"/>
                  <a:gd name="T30" fmla="*/ 6 w 27"/>
                  <a:gd name="T31" fmla="*/ 2 h 12"/>
                  <a:gd name="T32" fmla="*/ 3 w 27"/>
                  <a:gd name="T33" fmla="*/ 0 h 12"/>
                  <a:gd name="T34" fmla="*/ 3 w 27"/>
                  <a:gd name="T35" fmla="*/ 0 h 12"/>
                  <a:gd name="T36" fmla="*/ 1 w 27"/>
                  <a:gd name="T37" fmla="*/ 0 h 12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w 27"/>
                  <a:gd name="T58" fmla="*/ 0 h 12"/>
                  <a:gd name="T59" fmla="*/ 27 w 27"/>
                  <a:gd name="T60" fmla="*/ 12 h 12"/>
                </a:gdLst>
                <a:ahLst/>
                <a:cxnLst>
                  <a:cxn ang="T38">
                    <a:pos x="T0" y="T1"/>
                  </a:cxn>
                  <a:cxn ang="T39">
                    <a:pos x="T2" y="T3"/>
                  </a:cxn>
                  <a:cxn ang="T40">
                    <a:pos x="T4" y="T5"/>
                  </a:cxn>
                  <a:cxn ang="T41">
                    <a:pos x="T6" y="T7"/>
                  </a:cxn>
                  <a:cxn ang="T42">
                    <a:pos x="T8" y="T9"/>
                  </a:cxn>
                  <a:cxn ang="T43">
                    <a:pos x="T10" y="T11"/>
                  </a:cxn>
                  <a:cxn ang="T44">
                    <a:pos x="T12" y="T13"/>
                  </a:cxn>
                  <a:cxn ang="T45">
                    <a:pos x="T14" y="T15"/>
                  </a:cxn>
                  <a:cxn ang="T46">
                    <a:pos x="T16" y="T17"/>
                  </a:cxn>
                  <a:cxn ang="T47">
                    <a:pos x="T18" y="T19"/>
                  </a:cxn>
                  <a:cxn ang="T48">
                    <a:pos x="T20" y="T21"/>
                  </a:cxn>
                  <a:cxn ang="T49">
                    <a:pos x="T22" y="T23"/>
                  </a:cxn>
                  <a:cxn ang="T50">
                    <a:pos x="T24" y="T25"/>
                  </a:cxn>
                  <a:cxn ang="T51">
                    <a:pos x="T26" y="T27"/>
                  </a:cxn>
                  <a:cxn ang="T52">
                    <a:pos x="T28" y="T29"/>
                  </a:cxn>
                  <a:cxn ang="T53">
                    <a:pos x="T30" y="T31"/>
                  </a:cxn>
                  <a:cxn ang="T54">
                    <a:pos x="T32" y="T33"/>
                  </a:cxn>
                  <a:cxn ang="T55">
                    <a:pos x="T34" y="T35"/>
                  </a:cxn>
                  <a:cxn ang="T56">
                    <a:pos x="T36" y="T37"/>
                  </a:cxn>
                </a:cxnLst>
                <a:rect l="T57" t="T58" r="T59" b="T60"/>
                <a:pathLst>
                  <a:path w="27" h="12">
                    <a:moveTo>
                      <a:pt x="1" y="0"/>
                    </a:moveTo>
                    <a:lnTo>
                      <a:pt x="0" y="9"/>
                    </a:lnTo>
                    <a:lnTo>
                      <a:pt x="18" y="12"/>
                    </a:lnTo>
                    <a:lnTo>
                      <a:pt x="20" y="10"/>
                    </a:lnTo>
                    <a:lnTo>
                      <a:pt x="23" y="9"/>
                    </a:lnTo>
                    <a:lnTo>
                      <a:pt x="27" y="7"/>
                    </a:lnTo>
                    <a:lnTo>
                      <a:pt x="27" y="5"/>
                    </a:lnTo>
                    <a:lnTo>
                      <a:pt x="27" y="3"/>
                    </a:lnTo>
                    <a:lnTo>
                      <a:pt x="23" y="3"/>
                    </a:lnTo>
                    <a:lnTo>
                      <a:pt x="18" y="3"/>
                    </a:lnTo>
                    <a:lnTo>
                      <a:pt x="16" y="3"/>
                    </a:lnTo>
                    <a:lnTo>
                      <a:pt x="13" y="2"/>
                    </a:lnTo>
                    <a:lnTo>
                      <a:pt x="11" y="2"/>
                    </a:lnTo>
                    <a:lnTo>
                      <a:pt x="8" y="2"/>
                    </a:lnTo>
                    <a:lnTo>
                      <a:pt x="6" y="2"/>
                    </a:lnTo>
                    <a:lnTo>
                      <a:pt x="3" y="0"/>
                    </a:lnTo>
                    <a:lnTo>
                      <a:pt x="1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16" name="Freeform 145"/>
              <p:cNvSpPr>
                <a:spLocks/>
              </p:cNvSpPr>
              <p:nvPr/>
            </p:nvSpPr>
            <p:spPr bwMode="auto">
              <a:xfrm>
                <a:off x="1492" y="3427"/>
                <a:ext cx="27" cy="12"/>
              </a:xfrm>
              <a:custGeom>
                <a:avLst/>
                <a:gdLst>
                  <a:gd name="T0" fmla="*/ 1 w 27"/>
                  <a:gd name="T1" fmla="*/ 0 h 12"/>
                  <a:gd name="T2" fmla="*/ 0 w 27"/>
                  <a:gd name="T3" fmla="*/ 9 h 12"/>
                  <a:gd name="T4" fmla="*/ 18 w 27"/>
                  <a:gd name="T5" fmla="*/ 12 h 12"/>
                  <a:gd name="T6" fmla="*/ 18 w 27"/>
                  <a:gd name="T7" fmla="*/ 12 h 12"/>
                  <a:gd name="T8" fmla="*/ 18 w 27"/>
                  <a:gd name="T9" fmla="*/ 12 h 12"/>
                  <a:gd name="T10" fmla="*/ 20 w 27"/>
                  <a:gd name="T11" fmla="*/ 10 h 12"/>
                  <a:gd name="T12" fmla="*/ 23 w 27"/>
                  <a:gd name="T13" fmla="*/ 9 h 12"/>
                  <a:gd name="T14" fmla="*/ 27 w 27"/>
                  <a:gd name="T15" fmla="*/ 7 h 12"/>
                  <a:gd name="T16" fmla="*/ 27 w 27"/>
                  <a:gd name="T17" fmla="*/ 5 h 12"/>
                  <a:gd name="T18" fmla="*/ 27 w 27"/>
                  <a:gd name="T19" fmla="*/ 3 h 12"/>
                  <a:gd name="T20" fmla="*/ 23 w 27"/>
                  <a:gd name="T21" fmla="*/ 3 h 12"/>
                  <a:gd name="T22" fmla="*/ 18 w 27"/>
                  <a:gd name="T23" fmla="*/ 3 h 12"/>
                  <a:gd name="T24" fmla="*/ 18 w 27"/>
                  <a:gd name="T25" fmla="*/ 3 h 12"/>
                  <a:gd name="T26" fmla="*/ 16 w 27"/>
                  <a:gd name="T27" fmla="*/ 3 h 12"/>
                  <a:gd name="T28" fmla="*/ 13 w 27"/>
                  <a:gd name="T29" fmla="*/ 2 h 12"/>
                  <a:gd name="T30" fmla="*/ 11 w 27"/>
                  <a:gd name="T31" fmla="*/ 2 h 12"/>
                  <a:gd name="T32" fmla="*/ 8 w 27"/>
                  <a:gd name="T33" fmla="*/ 2 h 12"/>
                  <a:gd name="T34" fmla="*/ 6 w 27"/>
                  <a:gd name="T35" fmla="*/ 2 h 12"/>
                  <a:gd name="T36" fmla="*/ 3 w 27"/>
                  <a:gd name="T37" fmla="*/ 0 h 12"/>
                  <a:gd name="T38" fmla="*/ 3 w 27"/>
                  <a:gd name="T39" fmla="*/ 0 h 12"/>
                  <a:gd name="T40" fmla="*/ 1 w 27"/>
                  <a:gd name="T41" fmla="*/ 0 h 12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27"/>
                  <a:gd name="T64" fmla="*/ 0 h 12"/>
                  <a:gd name="T65" fmla="*/ 27 w 27"/>
                  <a:gd name="T66" fmla="*/ 12 h 12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27" h="12">
                    <a:moveTo>
                      <a:pt x="1" y="0"/>
                    </a:moveTo>
                    <a:lnTo>
                      <a:pt x="0" y="9"/>
                    </a:lnTo>
                    <a:lnTo>
                      <a:pt x="18" y="12"/>
                    </a:lnTo>
                    <a:lnTo>
                      <a:pt x="20" y="10"/>
                    </a:lnTo>
                    <a:lnTo>
                      <a:pt x="23" y="9"/>
                    </a:lnTo>
                    <a:lnTo>
                      <a:pt x="27" y="7"/>
                    </a:lnTo>
                    <a:lnTo>
                      <a:pt x="27" y="5"/>
                    </a:lnTo>
                    <a:lnTo>
                      <a:pt x="27" y="3"/>
                    </a:lnTo>
                    <a:lnTo>
                      <a:pt x="23" y="3"/>
                    </a:lnTo>
                    <a:lnTo>
                      <a:pt x="18" y="3"/>
                    </a:lnTo>
                    <a:lnTo>
                      <a:pt x="16" y="3"/>
                    </a:lnTo>
                    <a:lnTo>
                      <a:pt x="13" y="2"/>
                    </a:lnTo>
                    <a:lnTo>
                      <a:pt x="11" y="2"/>
                    </a:lnTo>
                    <a:lnTo>
                      <a:pt x="8" y="2"/>
                    </a:lnTo>
                    <a:lnTo>
                      <a:pt x="6" y="2"/>
                    </a:lnTo>
                    <a:lnTo>
                      <a:pt x="3" y="0"/>
                    </a:lnTo>
                    <a:lnTo>
                      <a:pt x="1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17" name="Freeform 146"/>
              <p:cNvSpPr>
                <a:spLocks/>
              </p:cNvSpPr>
              <p:nvPr/>
            </p:nvSpPr>
            <p:spPr bwMode="auto">
              <a:xfrm>
                <a:off x="1524" y="3441"/>
                <a:ext cx="35" cy="25"/>
              </a:xfrm>
              <a:custGeom>
                <a:avLst/>
                <a:gdLst>
                  <a:gd name="T0" fmla="*/ 1 w 35"/>
                  <a:gd name="T1" fmla="*/ 8 h 25"/>
                  <a:gd name="T2" fmla="*/ 1 w 35"/>
                  <a:gd name="T3" fmla="*/ 8 h 25"/>
                  <a:gd name="T4" fmla="*/ 0 w 35"/>
                  <a:gd name="T5" fmla="*/ 6 h 25"/>
                  <a:gd name="T6" fmla="*/ 0 w 35"/>
                  <a:gd name="T7" fmla="*/ 5 h 25"/>
                  <a:gd name="T8" fmla="*/ 0 w 35"/>
                  <a:gd name="T9" fmla="*/ 3 h 25"/>
                  <a:gd name="T10" fmla="*/ 0 w 35"/>
                  <a:gd name="T11" fmla="*/ 1 h 25"/>
                  <a:gd name="T12" fmla="*/ 1 w 35"/>
                  <a:gd name="T13" fmla="*/ 0 h 25"/>
                  <a:gd name="T14" fmla="*/ 5 w 35"/>
                  <a:gd name="T15" fmla="*/ 1 h 25"/>
                  <a:gd name="T16" fmla="*/ 8 w 35"/>
                  <a:gd name="T17" fmla="*/ 3 h 25"/>
                  <a:gd name="T18" fmla="*/ 10 w 35"/>
                  <a:gd name="T19" fmla="*/ 3 h 25"/>
                  <a:gd name="T20" fmla="*/ 13 w 35"/>
                  <a:gd name="T21" fmla="*/ 3 h 25"/>
                  <a:gd name="T22" fmla="*/ 13 w 35"/>
                  <a:gd name="T23" fmla="*/ 5 h 25"/>
                  <a:gd name="T24" fmla="*/ 15 w 35"/>
                  <a:gd name="T25" fmla="*/ 5 h 25"/>
                  <a:gd name="T26" fmla="*/ 22 w 35"/>
                  <a:gd name="T27" fmla="*/ 5 h 25"/>
                  <a:gd name="T28" fmla="*/ 30 w 35"/>
                  <a:gd name="T29" fmla="*/ 10 h 25"/>
                  <a:gd name="T30" fmla="*/ 30 w 35"/>
                  <a:gd name="T31" fmla="*/ 10 h 25"/>
                  <a:gd name="T32" fmla="*/ 32 w 35"/>
                  <a:gd name="T33" fmla="*/ 11 h 25"/>
                  <a:gd name="T34" fmla="*/ 34 w 35"/>
                  <a:gd name="T35" fmla="*/ 13 h 25"/>
                  <a:gd name="T36" fmla="*/ 35 w 35"/>
                  <a:gd name="T37" fmla="*/ 15 h 25"/>
                  <a:gd name="T38" fmla="*/ 35 w 35"/>
                  <a:gd name="T39" fmla="*/ 17 h 25"/>
                  <a:gd name="T40" fmla="*/ 34 w 35"/>
                  <a:gd name="T41" fmla="*/ 20 h 25"/>
                  <a:gd name="T42" fmla="*/ 30 w 35"/>
                  <a:gd name="T43" fmla="*/ 20 h 25"/>
                  <a:gd name="T44" fmla="*/ 25 w 35"/>
                  <a:gd name="T45" fmla="*/ 22 h 25"/>
                  <a:gd name="T46" fmla="*/ 23 w 35"/>
                  <a:gd name="T47" fmla="*/ 22 h 25"/>
                  <a:gd name="T48" fmla="*/ 23 w 35"/>
                  <a:gd name="T49" fmla="*/ 23 h 25"/>
                  <a:gd name="T50" fmla="*/ 22 w 35"/>
                  <a:gd name="T51" fmla="*/ 23 h 25"/>
                  <a:gd name="T52" fmla="*/ 20 w 35"/>
                  <a:gd name="T53" fmla="*/ 25 h 25"/>
                  <a:gd name="T54" fmla="*/ 18 w 35"/>
                  <a:gd name="T55" fmla="*/ 25 h 25"/>
                  <a:gd name="T56" fmla="*/ 15 w 35"/>
                  <a:gd name="T57" fmla="*/ 23 h 25"/>
                  <a:gd name="T58" fmla="*/ 13 w 35"/>
                  <a:gd name="T59" fmla="*/ 20 h 25"/>
                  <a:gd name="T60" fmla="*/ 12 w 35"/>
                  <a:gd name="T61" fmla="*/ 17 h 25"/>
                  <a:gd name="T62" fmla="*/ 10 w 35"/>
                  <a:gd name="T63" fmla="*/ 15 h 25"/>
                  <a:gd name="T64" fmla="*/ 6 w 35"/>
                  <a:gd name="T65" fmla="*/ 11 h 25"/>
                  <a:gd name="T66" fmla="*/ 3 w 35"/>
                  <a:gd name="T67" fmla="*/ 10 h 25"/>
                  <a:gd name="T68" fmla="*/ 1 w 35"/>
                  <a:gd name="T69" fmla="*/ 8 h 25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w 35"/>
                  <a:gd name="T106" fmla="*/ 0 h 25"/>
                  <a:gd name="T107" fmla="*/ 35 w 35"/>
                  <a:gd name="T108" fmla="*/ 25 h 25"/>
                </a:gdLst>
                <a:ahLst/>
                <a:cxnLst>
                  <a:cxn ang="T70">
                    <a:pos x="T0" y="T1"/>
                  </a:cxn>
                  <a:cxn ang="T71">
                    <a:pos x="T2" y="T3"/>
                  </a:cxn>
                  <a:cxn ang="T72">
                    <a:pos x="T4" y="T5"/>
                  </a:cxn>
                  <a:cxn ang="T73">
                    <a:pos x="T6" y="T7"/>
                  </a:cxn>
                  <a:cxn ang="T74">
                    <a:pos x="T8" y="T9"/>
                  </a:cxn>
                  <a:cxn ang="T75">
                    <a:pos x="T10" y="T11"/>
                  </a:cxn>
                  <a:cxn ang="T76">
                    <a:pos x="T12" y="T13"/>
                  </a:cxn>
                  <a:cxn ang="T77">
                    <a:pos x="T14" y="T15"/>
                  </a:cxn>
                  <a:cxn ang="T78">
                    <a:pos x="T16" y="T17"/>
                  </a:cxn>
                  <a:cxn ang="T79">
                    <a:pos x="T18" y="T19"/>
                  </a:cxn>
                  <a:cxn ang="T80">
                    <a:pos x="T20" y="T21"/>
                  </a:cxn>
                  <a:cxn ang="T81">
                    <a:pos x="T22" y="T23"/>
                  </a:cxn>
                  <a:cxn ang="T82">
                    <a:pos x="T24" y="T25"/>
                  </a:cxn>
                  <a:cxn ang="T83">
                    <a:pos x="T26" y="T27"/>
                  </a:cxn>
                  <a:cxn ang="T84">
                    <a:pos x="T28" y="T29"/>
                  </a:cxn>
                  <a:cxn ang="T85">
                    <a:pos x="T30" y="T31"/>
                  </a:cxn>
                  <a:cxn ang="T86">
                    <a:pos x="T32" y="T33"/>
                  </a:cxn>
                  <a:cxn ang="T87">
                    <a:pos x="T34" y="T35"/>
                  </a:cxn>
                  <a:cxn ang="T88">
                    <a:pos x="T36" y="T37"/>
                  </a:cxn>
                  <a:cxn ang="T89">
                    <a:pos x="T38" y="T39"/>
                  </a:cxn>
                  <a:cxn ang="T90">
                    <a:pos x="T40" y="T41"/>
                  </a:cxn>
                  <a:cxn ang="T91">
                    <a:pos x="T42" y="T43"/>
                  </a:cxn>
                  <a:cxn ang="T92">
                    <a:pos x="T44" y="T45"/>
                  </a:cxn>
                  <a:cxn ang="T93">
                    <a:pos x="T46" y="T47"/>
                  </a:cxn>
                  <a:cxn ang="T94">
                    <a:pos x="T48" y="T49"/>
                  </a:cxn>
                  <a:cxn ang="T95">
                    <a:pos x="T50" y="T51"/>
                  </a:cxn>
                  <a:cxn ang="T96">
                    <a:pos x="T52" y="T53"/>
                  </a:cxn>
                  <a:cxn ang="T97">
                    <a:pos x="T54" y="T55"/>
                  </a:cxn>
                  <a:cxn ang="T98">
                    <a:pos x="T56" y="T57"/>
                  </a:cxn>
                  <a:cxn ang="T99">
                    <a:pos x="T58" y="T59"/>
                  </a:cxn>
                  <a:cxn ang="T100">
                    <a:pos x="T60" y="T61"/>
                  </a:cxn>
                  <a:cxn ang="T101">
                    <a:pos x="T62" y="T63"/>
                  </a:cxn>
                  <a:cxn ang="T102">
                    <a:pos x="T64" y="T65"/>
                  </a:cxn>
                  <a:cxn ang="T103">
                    <a:pos x="T66" y="T67"/>
                  </a:cxn>
                  <a:cxn ang="T104">
                    <a:pos x="T68" y="T69"/>
                  </a:cxn>
                </a:cxnLst>
                <a:rect l="T105" t="T106" r="T107" b="T108"/>
                <a:pathLst>
                  <a:path w="35" h="25">
                    <a:moveTo>
                      <a:pt x="1" y="8"/>
                    </a:moveTo>
                    <a:lnTo>
                      <a:pt x="1" y="8"/>
                    </a:lnTo>
                    <a:lnTo>
                      <a:pt x="0" y="6"/>
                    </a:lnTo>
                    <a:lnTo>
                      <a:pt x="0" y="5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5" y="1"/>
                    </a:lnTo>
                    <a:lnTo>
                      <a:pt x="8" y="3"/>
                    </a:lnTo>
                    <a:lnTo>
                      <a:pt x="10" y="3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5" y="5"/>
                    </a:lnTo>
                    <a:lnTo>
                      <a:pt x="22" y="5"/>
                    </a:lnTo>
                    <a:lnTo>
                      <a:pt x="30" y="10"/>
                    </a:lnTo>
                    <a:lnTo>
                      <a:pt x="32" y="11"/>
                    </a:lnTo>
                    <a:lnTo>
                      <a:pt x="34" y="13"/>
                    </a:lnTo>
                    <a:lnTo>
                      <a:pt x="35" y="15"/>
                    </a:lnTo>
                    <a:lnTo>
                      <a:pt x="35" y="17"/>
                    </a:lnTo>
                    <a:lnTo>
                      <a:pt x="34" y="20"/>
                    </a:lnTo>
                    <a:lnTo>
                      <a:pt x="30" y="20"/>
                    </a:lnTo>
                    <a:lnTo>
                      <a:pt x="25" y="22"/>
                    </a:lnTo>
                    <a:lnTo>
                      <a:pt x="23" y="22"/>
                    </a:lnTo>
                    <a:lnTo>
                      <a:pt x="23" y="23"/>
                    </a:lnTo>
                    <a:lnTo>
                      <a:pt x="22" y="23"/>
                    </a:lnTo>
                    <a:lnTo>
                      <a:pt x="20" y="25"/>
                    </a:lnTo>
                    <a:lnTo>
                      <a:pt x="18" y="25"/>
                    </a:lnTo>
                    <a:lnTo>
                      <a:pt x="15" y="23"/>
                    </a:lnTo>
                    <a:lnTo>
                      <a:pt x="13" y="20"/>
                    </a:lnTo>
                    <a:lnTo>
                      <a:pt x="12" y="17"/>
                    </a:lnTo>
                    <a:lnTo>
                      <a:pt x="10" y="15"/>
                    </a:lnTo>
                    <a:lnTo>
                      <a:pt x="6" y="11"/>
                    </a:lnTo>
                    <a:lnTo>
                      <a:pt x="3" y="10"/>
                    </a:lnTo>
                    <a:lnTo>
                      <a:pt x="1" y="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18" name="Freeform 147"/>
              <p:cNvSpPr>
                <a:spLocks/>
              </p:cNvSpPr>
              <p:nvPr/>
            </p:nvSpPr>
            <p:spPr bwMode="auto">
              <a:xfrm>
                <a:off x="1524" y="3441"/>
                <a:ext cx="35" cy="25"/>
              </a:xfrm>
              <a:custGeom>
                <a:avLst/>
                <a:gdLst>
                  <a:gd name="T0" fmla="*/ 1 w 35"/>
                  <a:gd name="T1" fmla="*/ 8 h 25"/>
                  <a:gd name="T2" fmla="*/ 1 w 35"/>
                  <a:gd name="T3" fmla="*/ 8 h 25"/>
                  <a:gd name="T4" fmla="*/ 1 w 35"/>
                  <a:gd name="T5" fmla="*/ 8 h 25"/>
                  <a:gd name="T6" fmla="*/ 0 w 35"/>
                  <a:gd name="T7" fmla="*/ 6 h 25"/>
                  <a:gd name="T8" fmla="*/ 0 w 35"/>
                  <a:gd name="T9" fmla="*/ 5 h 25"/>
                  <a:gd name="T10" fmla="*/ 0 w 35"/>
                  <a:gd name="T11" fmla="*/ 3 h 25"/>
                  <a:gd name="T12" fmla="*/ 0 w 35"/>
                  <a:gd name="T13" fmla="*/ 1 h 25"/>
                  <a:gd name="T14" fmla="*/ 1 w 35"/>
                  <a:gd name="T15" fmla="*/ 0 h 25"/>
                  <a:gd name="T16" fmla="*/ 5 w 35"/>
                  <a:gd name="T17" fmla="*/ 1 h 25"/>
                  <a:gd name="T18" fmla="*/ 8 w 35"/>
                  <a:gd name="T19" fmla="*/ 3 h 25"/>
                  <a:gd name="T20" fmla="*/ 8 w 35"/>
                  <a:gd name="T21" fmla="*/ 3 h 25"/>
                  <a:gd name="T22" fmla="*/ 10 w 35"/>
                  <a:gd name="T23" fmla="*/ 3 h 25"/>
                  <a:gd name="T24" fmla="*/ 13 w 35"/>
                  <a:gd name="T25" fmla="*/ 3 h 25"/>
                  <a:gd name="T26" fmla="*/ 13 w 35"/>
                  <a:gd name="T27" fmla="*/ 5 h 25"/>
                  <a:gd name="T28" fmla="*/ 15 w 35"/>
                  <a:gd name="T29" fmla="*/ 5 h 25"/>
                  <a:gd name="T30" fmla="*/ 22 w 35"/>
                  <a:gd name="T31" fmla="*/ 5 h 25"/>
                  <a:gd name="T32" fmla="*/ 30 w 35"/>
                  <a:gd name="T33" fmla="*/ 10 h 25"/>
                  <a:gd name="T34" fmla="*/ 30 w 35"/>
                  <a:gd name="T35" fmla="*/ 10 h 25"/>
                  <a:gd name="T36" fmla="*/ 30 w 35"/>
                  <a:gd name="T37" fmla="*/ 10 h 25"/>
                  <a:gd name="T38" fmla="*/ 32 w 35"/>
                  <a:gd name="T39" fmla="*/ 11 h 25"/>
                  <a:gd name="T40" fmla="*/ 34 w 35"/>
                  <a:gd name="T41" fmla="*/ 13 h 25"/>
                  <a:gd name="T42" fmla="*/ 35 w 35"/>
                  <a:gd name="T43" fmla="*/ 15 h 25"/>
                  <a:gd name="T44" fmla="*/ 35 w 35"/>
                  <a:gd name="T45" fmla="*/ 17 h 25"/>
                  <a:gd name="T46" fmla="*/ 34 w 35"/>
                  <a:gd name="T47" fmla="*/ 20 h 25"/>
                  <a:gd name="T48" fmla="*/ 30 w 35"/>
                  <a:gd name="T49" fmla="*/ 20 h 25"/>
                  <a:gd name="T50" fmla="*/ 25 w 35"/>
                  <a:gd name="T51" fmla="*/ 22 h 25"/>
                  <a:gd name="T52" fmla="*/ 25 w 35"/>
                  <a:gd name="T53" fmla="*/ 22 h 25"/>
                  <a:gd name="T54" fmla="*/ 23 w 35"/>
                  <a:gd name="T55" fmla="*/ 22 h 25"/>
                  <a:gd name="T56" fmla="*/ 23 w 35"/>
                  <a:gd name="T57" fmla="*/ 23 h 25"/>
                  <a:gd name="T58" fmla="*/ 22 w 35"/>
                  <a:gd name="T59" fmla="*/ 23 h 25"/>
                  <a:gd name="T60" fmla="*/ 20 w 35"/>
                  <a:gd name="T61" fmla="*/ 25 h 25"/>
                  <a:gd name="T62" fmla="*/ 18 w 35"/>
                  <a:gd name="T63" fmla="*/ 25 h 25"/>
                  <a:gd name="T64" fmla="*/ 15 w 35"/>
                  <a:gd name="T65" fmla="*/ 23 h 25"/>
                  <a:gd name="T66" fmla="*/ 13 w 35"/>
                  <a:gd name="T67" fmla="*/ 20 h 25"/>
                  <a:gd name="T68" fmla="*/ 12 w 35"/>
                  <a:gd name="T69" fmla="*/ 17 h 25"/>
                  <a:gd name="T70" fmla="*/ 12 w 35"/>
                  <a:gd name="T71" fmla="*/ 17 h 25"/>
                  <a:gd name="T72" fmla="*/ 10 w 35"/>
                  <a:gd name="T73" fmla="*/ 15 h 25"/>
                  <a:gd name="T74" fmla="*/ 6 w 35"/>
                  <a:gd name="T75" fmla="*/ 11 h 25"/>
                  <a:gd name="T76" fmla="*/ 3 w 35"/>
                  <a:gd name="T77" fmla="*/ 10 h 25"/>
                  <a:gd name="T78" fmla="*/ 1 w 35"/>
                  <a:gd name="T79" fmla="*/ 8 h 25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w 35"/>
                  <a:gd name="T121" fmla="*/ 0 h 25"/>
                  <a:gd name="T122" fmla="*/ 35 w 35"/>
                  <a:gd name="T123" fmla="*/ 25 h 25"/>
                </a:gdLst>
                <a:ahLst/>
                <a:cxnLst>
                  <a:cxn ang="T80">
                    <a:pos x="T0" y="T1"/>
                  </a:cxn>
                  <a:cxn ang="T81">
                    <a:pos x="T2" y="T3"/>
                  </a:cxn>
                  <a:cxn ang="T82">
                    <a:pos x="T4" y="T5"/>
                  </a:cxn>
                  <a:cxn ang="T83">
                    <a:pos x="T6" y="T7"/>
                  </a:cxn>
                  <a:cxn ang="T84">
                    <a:pos x="T8" y="T9"/>
                  </a:cxn>
                  <a:cxn ang="T85">
                    <a:pos x="T10" y="T11"/>
                  </a:cxn>
                  <a:cxn ang="T86">
                    <a:pos x="T12" y="T13"/>
                  </a:cxn>
                  <a:cxn ang="T87">
                    <a:pos x="T14" y="T15"/>
                  </a:cxn>
                  <a:cxn ang="T88">
                    <a:pos x="T16" y="T17"/>
                  </a:cxn>
                  <a:cxn ang="T89">
                    <a:pos x="T18" y="T19"/>
                  </a:cxn>
                  <a:cxn ang="T90">
                    <a:pos x="T20" y="T21"/>
                  </a:cxn>
                  <a:cxn ang="T91">
                    <a:pos x="T22" y="T23"/>
                  </a:cxn>
                  <a:cxn ang="T92">
                    <a:pos x="T24" y="T25"/>
                  </a:cxn>
                  <a:cxn ang="T93">
                    <a:pos x="T26" y="T27"/>
                  </a:cxn>
                  <a:cxn ang="T94">
                    <a:pos x="T28" y="T29"/>
                  </a:cxn>
                  <a:cxn ang="T95">
                    <a:pos x="T30" y="T31"/>
                  </a:cxn>
                  <a:cxn ang="T96">
                    <a:pos x="T32" y="T33"/>
                  </a:cxn>
                  <a:cxn ang="T97">
                    <a:pos x="T34" y="T35"/>
                  </a:cxn>
                  <a:cxn ang="T98">
                    <a:pos x="T36" y="T37"/>
                  </a:cxn>
                  <a:cxn ang="T99">
                    <a:pos x="T38" y="T39"/>
                  </a:cxn>
                  <a:cxn ang="T100">
                    <a:pos x="T40" y="T41"/>
                  </a:cxn>
                  <a:cxn ang="T101">
                    <a:pos x="T42" y="T43"/>
                  </a:cxn>
                  <a:cxn ang="T102">
                    <a:pos x="T44" y="T45"/>
                  </a:cxn>
                  <a:cxn ang="T103">
                    <a:pos x="T46" y="T47"/>
                  </a:cxn>
                  <a:cxn ang="T104">
                    <a:pos x="T48" y="T49"/>
                  </a:cxn>
                  <a:cxn ang="T105">
                    <a:pos x="T50" y="T51"/>
                  </a:cxn>
                  <a:cxn ang="T106">
                    <a:pos x="T52" y="T53"/>
                  </a:cxn>
                  <a:cxn ang="T107">
                    <a:pos x="T54" y="T55"/>
                  </a:cxn>
                  <a:cxn ang="T108">
                    <a:pos x="T56" y="T57"/>
                  </a:cxn>
                  <a:cxn ang="T109">
                    <a:pos x="T58" y="T59"/>
                  </a:cxn>
                  <a:cxn ang="T110">
                    <a:pos x="T60" y="T61"/>
                  </a:cxn>
                  <a:cxn ang="T111">
                    <a:pos x="T62" y="T63"/>
                  </a:cxn>
                  <a:cxn ang="T112">
                    <a:pos x="T64" y="T65"/>
                  </a:cxn>
                  <a:cxn ang="T113">
                    <a:pos x="T66" y="T67"/>
                  </a:cxn>
                  <a:cxn ang="T114">
                    <a:pos x="T68" y="T69"/>
                  </a:cxn>
                  <a:cxn ang="T115">
                    <a:pos x="T70" y="T71"/>
                  </a:cxn>
                  <a:cxn ang="T116">
                    <a:pos x="T72" y="T73"/>
                  </a:cxn>
                  <a:cxn ang="T117">
                    <a:pos x="T74" y="T75"/>
                  </a:cxn>
                  <a:cxn ang="T118">
                    <a:pos x="T76" y="T77"/>
                  </a:cxn>
                  <a:cxn ang="T119">
                    <a:pos x="T78" y="T79"/>
                  </a:cxn>
                </a:cxnLst>
                <a:rect l="T120" t="T121" r="T122" b="T123"/>
                <a:pathLst>
                  <a:path w="35" h="25">
                    <a:moveTo>
                      <a:pt x="1" y="8"/>
                    </a:moveTo>
                    <a:lnTo>
                      <a:pt x="1" y="8"/>
                    </a:lnTo>
                    <a:lnTo>
                      <a:pt x="0" y="6"/>
                    </a:lnTo>
                    <a:lnTo>
                      <a:pt x="0" y="5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5" y="1"/>
                    </a:lnTo>
                    <a:lnTo>
                      <a:pt x="8" y="3"/>
                    </a:lnTo>
                    <a:lnTo>
                      <a:pt x="10" y="3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5" y="5"/>
                    </a:lnTo>
                    <a:lnTo>
                      <a:pt x="22" y="5"/>
                    </a:lnTo>
                    <a:lnTo>
                      <a:pt x="30" y="10"/>
                    </a:lnTo>
                    <a:lnTo>
                      <a:pt x="32" y="11"/>
                    </a:lnTo>
                    <a:lnTo>
                      <a:pt x="34" y="13"/>
                    </a:lnTo>
                    <a:lnTo>
                      <a:pt x="35" y="15"/>
                    </a:lnTo>
                    <a:lnTo>
                      <a:pt x="35" y="17"/>
                    </a:lnTo>
                    <a:lnTo>
                      <a:pt x="34" y="20"/>
                    </a:lnTo>
                    <a:lnTo>
                      <a:pt x="30" y="20"/>
                    </a:lnTo>
                    <a:lnTo>
                      <a:pt x="25" y="22"/>
                    </a:lnTo>
                    <a:lnTo>
                      <a:pt x="23" y="22"/>
                    </a:lnTo>
                    <a:lnTo>
                      <a:pt x="23" y="23"/>
                    </a:lnTo>
                    <a:lnTo>
                      <a:pt x="22" y="23"/>
                    </a:lnTo>
                    <a:lnTo>
                      <a:pt x="20" y="25"/>
                    </a:lnTo>
                    <a:lnTo>
                      <a:pt x="18" y="25"/>
                    </a:lnTo>
                    <a:lnTo>
                      <a:pt x="15" y="23"/>
                    </a:lnTo>
                    <a:lnTo>
                      <a:pt x="13" y="20"/>
                    </a:lnTo>
                    <a:lnTo>
                      <a:pt x="12" y="17"/>
                    </a:lnTo>
                    <a:lnTo>
                      <a:pt x="10" y="15"/>
                    </a:lnTo>
                    <a:lnTo>
                      <a:pt x="6" y="11"/>
                    </a:lnTo>
                    <a:lnTo>
                      <a:pt x="3" y="10"/>
                    </a:lnTo>
                    <a:lnTo>
                      <a:pt x="1" y="8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19" name="Freeform 148"/>
              <p:cNvSpPr>
                <a:spLocks/>
              </p:cNvSpPr>
              <p:nvPr/>
            </p:nvSpPr>
            <p:spPr bwMode="auto">
              <a:xfrm>
                <a:off x="1554" y="3480"/>
                <a:ext cx="66" cy="76"/>
              </a:xfrm>
              <a:custGeom>
                <a:avLst/>
                <a:gdLst>
                  <a:gd name="T0" fmla="*/ 10 w 66"/>
                  <a:gd name="T1" fmla="*/ 5 h 76"/>
                  <a:gd name="T2" fmla="*/ 14 w 66"/>
                  <a:gd name="T3" fmla="*/ 0 h 76"/>
                  <a:gd name="T4" fmla="*/ 22 w 66"/>
                  <a:gd name="T5" fmla="*/ 6 h 76"/>
                  <a:gd name="T6" fmla="*/ 46 w 66"/>
                  <a:gd name="T7" fmla="*/ 18 h 76"/>
                  <a:gd name="T8" fmla="*/ 54 w 66"/>
                  <a:gd name="T9" fmla="*/ 22 h 76"/>
                  <a:gd name="T10" fmla="*/ 54 w 66"/>
                  <a:gd name="T11" fmla="*/ 28 h 76"/>
                  <a:gd name="T12" fmla="*/ 61 w 66"/>
                  <a:gd name="T13" fmla="*/ 38 h 76"/>
                  <a:gd name="T14" fmla="*/ 61 w 66"/>
                  <a:gd name="T15" fmla="*/ 38 h 76"/>
                  <a:gd name="T16" fmla="*/ 63 w 66"/>
                  <a:gd name="T17" fmla="*/ 38 h 76"/>
                  <a:gd name="T18" fmla="*/ 64 w 66"/>
                  <a:gd name="T19" fmla="*/ 40 h 76"/>
                  <a:gd name="T20" fmla="*/ 66 w 66"/>
                  <a:gd name="T21" fmla="*/ 42 h 76"/>
                  <a:gd name="T22" fmla="*/ 66 w 66"/>
                  <a:gd name="T23" fmla="*/ 44 h 76"/>
                  <a:gd name="T24" fmla="*/ 66 w 66"/>
                  <a:gd name="T25" fmla="*/ 45 h 76"/>
                  <a:gd name="T26" fmla="*/ 63 w 66"/>
                  <a:gd name="T27" fmla="*/ 49 h 76"/>
                  <a:gd name="T28" fmla="*/ 58 w 66"/>
                  <a:gd name="T29" fmla="*/ 52 h 76"/>
                  <a:gd name="T30" fmla="*/ 56 w 66"/>
                  <a:gd name="T31" fmla="*/ 52 h 76"/>
                  <a:gd name="T32" fmla="*/ 54 w 66"/>
                  <a:gd name="T33" fmla="*/ 52 h 76"/>
                  <a:gd name="T34" fmla="*/ 49 w 66"/>
                  <a:gd name="T35" fmla="*/ 54 h 76"/>
                  <a:gd name="T36" fmla="*/ 44 w 66"/>
                  <a:gd name="T37" fmla="*/ 55 h 76"/>
                  <a:gd name="T38" fmla="*/ 37 w 66"/>
                  <a:gd name="T39" fmla="*/ 59 h 76"/>
                  <a:gd name="T40" fmla="*/ 32 w 66"/>
                  <a:gd name="T41" fmla="*/ 62 h 76"/>
                  <a:gd name="T42" fmla="*/ 27 w 66"/>
                  <a:gd name="T43" fmla="*/ 67 h 76"/>
                  <a:gd name="T44" fmla="*/ 24 w 66"/>
                  <a:gd name="T45" fmla="*/ 76 h 76"/>
                  <a:gd name="T46" fmla="*/ 22 w 66"/>
                  <a:gd name="T47" fmla="*/ 76 h 76"/>
                  <a:gd name="T48" fmla="*/ 22 w 66"/>
                  <a:gd name="T49" fmla="*/ 74 h 76"/>
                  <a:gd name="T50" fmla="*/ 19 w 66"/>
                  <a:gd name="T51" fmla="*/ 74 h 76"/>
                  <a:gd name="T52" fmla="*/ 15 w 66"/>
                  <a:gd name="T53" fmla="*/ 71 h 76"/>
                  <a:gd name="T54" fmla="*/ 14 w 66"/>
                  <a:gd name="T55" fmla="*/ 69 h 76"/>
                  <a:gd name="T56" fmla="*/ 10 w 66"/>
                  <a:gd name="T57" fmla="*/ 66 h 76"/>
                  <a:gd name="T58" fmla="*/ 10 w 66"/>
                  <a:gd name="T59" fmla="*/ 60 h 76"/>
                  <a:gd name="T60" fmla="*/ 9 w 66"/>
                  <a:gd name="T61" fmla="*/ 54 h 76"/>
                  <a:gd name="T62" fmla="*/ 9 w 66"/>
                  <a:gd name="T63" fmla="*/ 54 h 76"/>
                  <a:gd name="T64" fmla="*/ 9 w 66"/>
                  <a:gd name="T65" fmla="*/ 52 h 76"/>
                  <a:gd name="T66" fmla="*/ 10 w 66"/>
                  <a:gd name="T67" fmla="*/ 50 h 76"/>
                  <a:gd name="T68" fmla="*/ 10 w 66"/>
                  <a:gd name="T69" fmla="*/ 49 h 76"/>
                  <a:gd name="T70" fmla="*/ 9 w 66"/>
                  <a:gd name="T71" fmla="*/ 47 h 76"/>
                  <a:gd name="T72" fmla="*/ 9 w 66"/>
                  <a:gd name="T73" fmla="*/ 44 h 76"/>
                  <a:gd name="T74" fmla="*/ 7 w 66"/>
                  <a:gd name="T75" fmla="*/ 40 h 76"/>
                  <a:gd name="T76" fmla="*/ 4 w 66"/>
                  <a:gd name="T77" fmla="*/ 37 h 76"/>
                  <a:gd name="T78" fmla="*/ 4 w 66"/>
                  <a:gd name="T79" fmla="*/ 35 h 76"/>
                  <a:gd name="T80" fmla="*/ 2 w 66"/>
                  <a:gd name="T81" fmla="*/ 33 h 76"/>
                  <a:gd name="T82" fmla="*/ 2 w 66"/>
                  <a:gd name="T83" fmla="*/ 32 h 76"/>
                  <a:gd name="T84" fmla="*/ 0 w 66"/>
                  <a:gd name="T85" fmla="*/ 30 h 76"/>
                  <a:gd name="T86" fmla="*/ 0 w 66"/>
                  <a:gd name="T87" fmla="*/ 28 h 76"/>
                  <a:gd name="T88" fmla="*/ 2 w 66"/>
                  <a:gd name="T89" fmla="*/ 25 h 76"/>
                  <a:gd name="T90" fmla="*/ 4 w 66"/>
                  <a:gd name="T91" fmla="*/ 25 h 76"/>
                  <a:gd name="T92" fmla="*/ 7 w 66"/>
                  <a:gd name="T93" fmla="*/ 23 h 76"/>
                  <a:gd name="T94" fmla="*/ 9 w 66"/>
                  <a:gd name="T95" fmla="*/ 25 h 76"/>
                  <a:gd name="T96" fmla="*/ 9 w 66"/>
                  <a:gd name="T97" fmla="*/ 25 h 76"/>
                  <a:gd name="T98" fmla="*/ 10 w 66"/>
                  <a:gd name="T99" fmla="*/ 25 h 76"/>
                  <a:gd name="T100" fmla="*/ 10 w 66"/>
                  <a:gd name="T101" fmla="*/ 25 h 76"/>
                  <a:gd name="T102" fmla="*/ 10 w 66"/>
                  <a:gd name="T103" fmla="*/ 23 h 76"/>
                  <a:gd name="T104" fmla="*/ 12 w 66"/>
                  <a:gd name="T105" fmla="*/ 22 h 76"/>
                  <a:gd name="T106" fmla="*/ 12 w 66"/>
                  <a:gd name="T107" fmla="*/ 16 h 76"/>
                  <a:gd name="T108" fmla="*/ 12 w 66"/>
                  <a:gd name="T109" fmla="*/ 10 h 76"/>
                  <a:gd name="T110" fmla="*/ 12 w 66"/>
                  <a:gd name="T111" fmla="*/ 8 h 76"/>
                  <a:gd name="T112" fmla="*/ 10 w 66"/>
                  <a:gd name="T113" fmla="*/ 6 h 76"/>
                  <a:gd name="T114" fmla="*/ 10 w 66"/>
                  <a:gd name="T115" fmla="*/ 6 h 76"/>
                  <a:gd name="T116" fmla="*/ 10 w 66"/>
                  <a:gd name="T117" fmla="*/ 5 h 7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66"/>
                  <a:gd name="T178" fmla="*/ 0 h 76"/>
                  <a:gd name="T179" fmla="*/ 66 w 66"/>
                  <a:gd name="T180" fmla="*/ 76 h 76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66" h="76">
                    <a:moveTo>
                      <a:pt x="10" y="5"/>
                    </a:moveTo>
                    <a:lnTo>
                      <a:pt x="14" y="0"/>
                    </a:lnTo>
                    <a:lnTo>
                      <a:pt x="22" y="6"/>
                    </a:lnTo>
                    <a:lnTo>
                      <a:pt x="46" y="18"/>
                    </a:lnTo>
                    <a:lnTo>
                      <a:pt x="54" y="22"/>
                    </a:lnTo>
                    <a:lnTo>
                      <a:pt x="54" y="28"/>
                    </a:lnTo>
                    <a:lnTo>
                      <a:pt x="61" y="38"/>
                    </a:lnTo>
                    <a:lnTo>
                      <a:pt x="63" y="38"/>
                    </a:lnTo>
                    <a:lnTo>
                      <a:pt x="64" y="40"/>
                    </a:lnTo>
                    <a:lnTo>
                      <a:pt x="66" y="42"/>
                    </a:lnTo>
                    <a:lnTo>
                      <a:pt x="66" y="44"/>
                    </a:lnTo>
                    <a:lnTo>
                      <a:pt x="66" y="45"/>
                    </a:lnTo>
                    <a:lnTo>
                      <a:pt x="63" y="49"/>
                    </a:lnTo>
                    <a:lnTo>
                      <a:pt x="58" y="52"/>
                    </a:lnTo>
                    <a:lnTo>
                      <a:pt x="56" y="52"/>
                    </a:lnTo>
                    <a:lnTo>
                      <a:pt x="54" y="52"/>
                    </a:lnTo>
                    <a:lnTo>
                      <a:pt x="49" y="54"/>
                    </a:lnTo>
                    <a:lnTo>
                      <a:pt x="44" y="55"/>
                    </a:lnTo>
                    <a:lnTo>
                      <a:pt x="37" y="59"/>
                    </a:lnTo>
                    <a:lnTo>
                      <a:pt x="32" y="62"/>
                    </a:lnTo>
                    <a:lnTo>
                      <a:pt x="27" y="67"/>
                    </a:lnTo>
                    <a:lnTo>
                      <a:pt x="24" y="76"/>
                    </a:lnTo>
                    <a:lnTo>
                      <a:pt x="22" y="76"/>
                    </a:lnTo>
                    <a:lnTo>
                      <a:pt x="22" y="74"/>
                    </a:lnTo>
                    <a:lnTo>
                      <a:pt x="19" y="74"/>
                    </a:lnTo>
                    <a:lnTo>
                      <a:pt x="15" y="71"/>
                    </a:lnTo>
                    <a:lnTo>
                      <a:pt x="14" y="69"/>
                    </a:lnTo>
                    <a:lnTo>
                      <a:pt x="10" y="66"/>
                    </a:lnTo>
                    <a:lnTo>
                      <a:pt x="10" y="60"/>
                    </a:lnTo>
                    <a:lnTo>
                      <a:pt x="9" y="54"/>
                    </a:lnTo>
                    <a:lnTo>
                      <a:pt x="9" y="52"/>
                    </a:lnTo>
                    <a:lnTo>
                      <a:pt x="10" y="50"/>
                    </a:lnTo>
                    <a:lnTo>
                      <a:pt x="10" y="49"/>
                    </a:lnTo>
                    <a:lnTo>
                      <a:pt x="9" y="47"/>
                    </a:lnTo>
                    <a:lnTo>
                      <a:pt x="9" y="44"/>
                    </a:lnTo>
                    <a:lnTo>
                      <a:pt x="7" y="40"/>
                    </a:lnTo>
                    <a:lnTo>
                      <a:pt x="4" y="37"/>
                    </a:lnTo>
                    <a:lnTo>
                      <a:pt x="4" y="35"/>
                    </a:lnTo>
                    <a:lnTo>
                      <a:pt x="2" y="33"/>
                    </a:lnTo>
                    <a:lnTo>
                      <a:pt x="2" y="32"/>
                    </a:lnTo>
                    <a:lnTo>
                      <a:pt x="0" y="30"/>
                    </a:lnTo>
                    <a:lnTo>
                      <a:pt x="0" y="28"/>
                    </a:lnTo>
                    <a:lnTo>
                      <a:pt x="2" y="25"/>
                    </a:lnTo>
                    <a:lnTo>
                      <a:pt x="4" y="25"/>
                    </a:lnTo>
                    <a:lnTo>
                      <a:pt x="7" y="23"/>
                    </a:lnTo>
                    <a:lnTo>
                      <a:pt x="9" y="25"/>
                    </a:lnTo>
                    <a:lnTo>
                      <a:pt x="10" y="25"/>
                    </a:lnTo>
                    <a:lnTo>
                      <a:pt x="10" y="23"/>
                    </a:lnTo>
                    <a:lnTo>
                      <a:pt x="12" y="22"/>
                    </a:lnTo>
                    <a:lnTo>
                      <a:pt x="12" y="16"/>
                    </a:lnTo>
                    <a:lnTo>
                      <a:pt x="12" y="10"/>
                    </a:lnTo>
                    <a:lnTo>
                      <a:pt x="12" y="8"/>
                    </a:lnTo>
                    <a:lnTo>
                      <a:pt x="10" y="6"/>
                    </a:lnTo>
                    <a:lnTo>
                      <a:pt x="10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20" name="Freeform 149"/>
              <p:cNvSpPr>
                <a:spLocks/>
              </p:cNvSpPr>
              <p:nvPr/>
            </p:nvSpPr>
            <p:spPr bwMode="auto">
              <a:xfrm>
                <a:off x="1554" y="3480"/>
                <a:ext cx="66" cy="76"/>
              </a:xfrm>
              <a:custGeom>
                <a:avLst/>
                <a:gdLst>
                  <a:gd name="T0" fmla="*/ 14 w 66"/>
                  <a:gd name="T1" fmla="*/ 0 h 76"/>
                  <a:gd name="T2" fmla="*/ 46 w 66"/>
                  <a:gd name="T3" fmla="*/ 18 h 76"/>
                  <a:gd name="T4" fmla="*/ 54 w 66"/>
                  <a:gd name="T5" fmla="*/ 28 h 76"/>
                  <a:gd name="T6" fmla="*/ 61 w 66"/>
                  <a:gd name="T7" fmla="*/ 38 h 76"/>
                  <a:gd name="T8" fmla="*/ 63 w 66"/>
                  <a:gd name="T9" fmla="*/ 38 h 76"/>
                  <a:gd name="T10" fmla="*/ 66 w 66"/>
                  <a:gd name="T11" fmla="*/ 42 h 76"/>
                  <a:gd name="T12" fmla="*/ 66 w 66"/>
                  <a:gd name="T13" fmla="*/ 45 h 76"/>
                  <a:gd name="T14" fmla="*/ 58 w 66"/>
                  <a:gd name="T15" fmla="*/ 52 h 76"/>
                  <a:gd name="T16" fmla="*/ 56 w 66"/>
                  <a:gd name="T17" fmla="*/ 52 h 76"/>
                  <a:gd name="T18" fmla="*/ 49 w 66"/>
                  <a:gd name="T19" fmla="*/ 54 h 76"/>
                  <a:gd name="T20" fmla="*/ 37 w 66"/>
                  <a:gd name="T21" fmla="*/ 59 h 76"/>
                  <a:gd name="T22" fmla="*/ 27 w 66"/>
                  <a:gd name="T23" fmla="*/ 67 h 76"/>
                  <a:gd name="T24" fmla="*/ 24 w 66"/>
                  <a:gd name="T25" fmla="*/ 76 h 76"/>
                  <a:gd name="T26" fmla="*/ 22 w 66"/>
                  <a:gd name="T27" fmla="*/ 74 h 76"/>
                  <a:gd name="T28" fmla="*/ 15 w 66"/>
                  <a:gd name="T29" fmla="*/ 71 h 76"/>
                  <a:gd name="T30" fmla="*/ 10 w 66"/>
                  <a:gd name="T31" fmla="*/ 66 h 76"/>
                  <a:gd name="T32" fmla="*/ 9 w 66"/>
                  <a:gd name="T33" fmla="*/ 54 h 76"/>
                  <a:gd name="T34" fmla="*/ 9 w 66"/>
                  <a:gd name="T35" fmla="*/ 54 h 76"/>
                  <a:gd name="T36" fmla="*/ 10 w 66"/>
                  <a:gd name="T37" fmla="*/ 50 h 76"/>
                  <a:gd name="T38" fmla="*/ 9 w 66"/>
                  <a:gd name="T39" fmla="*/ 47 h 76"/>
                  <a:gd name="T40" fmla="*/ 7 w 66"/>
                  <a:gd name="T41" fmla="*/ 40 h 76"/>
                  <a:gd name="T42" fmla="*/ 4 w 66"/>
                  <a:gd name="T43" fmla="*/ 37 h 76"/>
                  <a:gd name="T44" fmla="*/ 2 w 66"/>
                  <a:gd name="T45" fmla="*/ 33 h 76"/>
                  <a:gd name="T46" fmla="*/ 0 w 66"/>
                  <a:gd name="T47" fmla="*/ 30 h 76"/>
                  <a:gd name="T48" fmla="*/ 2 w 66"/>
                  <a:gd name="T49" fmla="*/ 25 h 76"/>
                  <a:gd name="T50" fmla="*/ 7 w 66"/>
                  <a:gd name="T51" fmla="*/ 23 h 76"/>
                  <a:gd name="T52" fmla="*/ 9 w 66"/>
                  <a:gd name="T53" fmla="*/ 25 h 76"/>
                  <a:gd name="T54" fmla="*/ 10 w 66"/>
                  <a:gd name="T55" fmla="*/ 25 h 76"/>
                  <a:gd name="T56" fmla="*/ 10 w 66"/>
                  <a:gd name="T57" fmla="*/ 23 h 76"/>
                  <a:gd name="T58" fmla="*/ 12 w 66"/>
                  <a:gd name="T59" fmla="*/ 16 h 76"/>
                  <a:gd name="T60" fmla="*/ 12 w 66"/>
                  <a:gd name="T61" fmla="*/ 10 h 76"/>
                  <a:gd name="T62" fmla="*/ 10 w 66"/>
                  <a:gd name="T63" fmla="*/ 6 h 76"/>
                  <a:gd name="T64" fmla="*/ 10 w 66"/>
                  <a:gd name="T65" fmla="*/ 5 h 7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w 66"/>
                  <a:gd name="T100" fmla="*/ 0 h 76"/>
                  <a:gd name="T101" fmla="*/ 66 w 66"/>
                  <a:gd name="T102" fmla="*/ 76 h 76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T99" t="T100" r="T101" b="T102"/>
                <a:pathLst>
                  <a:path w="66" h="76">
                    <a:moveTo>
                      <a:pt x="10" y="5"/>
                    </a:moveTo>
                    <a:lnTo>
                      <a:pt x="14" y="0"/>
                    </a:lnTo>
                    <a:lnTo>
                      <a:pt x="22" y="6"/>
                    </a:lnTo>
                    <a:lnTo>
                      <a:pt x="46" y="18"/>
                    </a:lnTo>
                    <a:lnTo>
                      <a:pt x="54" y="22"/>
                    </a:lnTo>
                    <a:lnTo>
                      <a:pt x="54" y="28"/>
                    </a:lnTo>
                    <a:lnTo>
                      <a:pt x="61" y="38"/>
                    </a:lnTo>
                    <a:lnTo>
                      <a:pt x="63" y="38"/>
                    </a:lnTo>
                    <a:lnTo>
                      <a:pt x="64" y="40"/>
                    </a:lnTo>
                    <a:lnTo>
                      <a:pt x="66" y="42"/>
                    </a:lnTo>
                    <a:lnTo>
                      <a:pt x="66" y="44"/>
                    </a:lnTo>
                    <a:lnTo>
                      <a:pt x="66" y="45"/>
                    </a:lnTo>
                    <a:lnTo>
                      <a:pt x="63" y="49"/>
                    </a:lnTo>
                    <a:lnTo>
                      <a:pt x="58" y="52"/>
                    </a:lnTo>
                    <a:lnTo>
                      <a:pt x="56" y="52"/>
                    </a:lnTo>
                    <a:lnTo>
                      <a:pt x="54" y="52"/>
                    </a:lnTo>
                    <a:lnTo>
                      <a:pt x="49" y="54"/>
                    </a:lnTo>
                    <a:lnTo>
                      <a:pt x="44" y="55"/>
                    </a:lnTo>
                    <a:lnTo>
                      <a:pt x="37" y="59"/>
                    </a:lnTo>
                    <a:lnTo>
                      <a:pt x="32" y="62"/>
                    </a:lnTo>
                    <a:lnTo>
                      <a:pt x="27" y="67"/>
                    </a:lnTo>
                    <a:lnTo>
                      <a:pt x="24" y="76"/>
                    </a:lnTo>
                    <a:lnTo>
                      <a:pt x="22" y="76"/>
                    </a:lnTo>
                    <a:lnTo>
                      <a:pt x="22" y="74"/>
                    </a:lnTo>
                    <a:lnTo>
                      <a:pt x="19" y="74"/>
                    </a:lnTo>
                    <a:lnTo>
                      <a:pt x="15" y="71"/>
                    </a:lnTo>
                    <a:lnTo>
                      <a:pt x="14" y="69"/>
                    </a:lnTo>
                    <a:lnTo>
                      <a:pt x="10" y="66"/>
                    </a:lnTo>
                    <a:lnTo>
                      <a:pt x="10" y="60"/>
                    </a:lnTo>
                    <a:lnTo>
                      <a:pt x="9" y="54"/>
                    </a:lnTo>
                    <a:lnTo>
                      <a:pt x="9" y="52"/>
                    </a:lnTo>
                    <a:lnTo>
                      <a:pt x="10" y="50"/>
                    </a:lnTo>
                    <a:lnTo>
                      <a:pt x="10" y="49"/>
                    </a:lnTo>
                    <a:lnTo>
                      <a:pt x="9" y="47"/>
                    </a:lnTo>
                    <a:lnTo>
                      <a:pt x="9" y="44"/>
                    </a:lnTo>
                    <a:lnTo>
                      <a:pt x="7" y="40"/>
                    </a:lnTo>
                    <a:lnTo>
                      <a:pt x="4" y="37"/>
                    </a:lnTo>
                    <a:lnTo>
                      <a:pt x="4" y="35"/>
                    </a:lnTo>
                    <a:lnTo>
                      <a:pt x="2" y="33"/>
                    </a:lnTo>
                    <a:lnTo>
                      <a:pt x="2" y="32"/>
                    </a:lnTo>
                    <a:lnTo>
                      <a:pt x="0" y="30"/>
                    </a:lnTo>
                    <a:lnTo>
                      <a:pt x="0" y="28"/>
                    </a:lnTo>
                    <a:lnTo>
                      <a:pt x="2" y="25"/>
                    </a:lnTo>
                    <a:lnTo>
                      <a:pt x="4" y="25"/>
                    </a:lnTo>
                    <a:lnTo>
                      <a:pt x="7" y="23"/>
                    </a:lnTo>
                    <a:lnTo>
                      <a:pt x="9" y="25"/>
                    </a:lnTo>
                    <a:lnTo>
                      <a:pt x="10" y="25"/>
                    </a:lnTo>
                    <a:lnTo>
                      <a:pt x="10" y="23"/>
                    </a:lnTo>
                    <a:lnTo>
                      <a:pt x="12" y="22"/>
                    </a:lnTo>
                    <a:lnTo>
                      <a:pt x="12" y="16"/>
                    </a:lnTo>
                    <a:lnTo>
                      <a:pt x="12" y="10"/>
                    </a:lnTo>
                    <a:lnTo>
                      <a:pt x="12" y="8"/>
                    </a:lnTo>
                    <a:lnTo>
                      <a:pt x="10" y="6"/>
                    </a:lnTo>
                    <a:lnTo>
                      <a:pt x="10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21" name="Freeform 150"/>
              <p:cNvSpPr>
                <a:spLocks/>
              </p:cNvSpPr>
              <p:nvPr/>
            </p:nvSpPr>
            <p:spPr bwMode="auto">
              <a:xfrm>
                <a:off x="1505" y="3446"/>
                <a:ext cx="10" cy="10"/>
              </a:xfrm>
              <a:custGeom>
                <a:avLst/>
                <a:gdLst>
                  <a:gd name="T0" fmla="*/ 0 w 10"/>
                  <a:gd name="T1" fmla="*/ 0 h 10"/>
                  <a:gd name="T2" fmla="*/ 7 w 10"/>
                  <a:gd name="T3" fmla="*/ 0 h 10"/>
                  <a:gd name="T4" fmla="*/ 10 w 10"/>
                  <a:gd name="T5" fmla="*/ 6 h 10"/>
                  <a:gd name="T6" fmla="*/ 5 w 10"/>
                  <a:gd name="T7" fmla="*/ 10 h 10"/>
                  <a:gd name="T8" fmla="*/ 2 w 10"/>
                  <a:gd name="T9" fmla="*/ 8 h 10"/>
                  <a:gd name="T10" fmla="*/ 0 w 10"/>
                  <a:gd name="T11" fmla="*/ 0 h 10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10"/>
                  <a:gd name="T19" fmla="*/ 0 h 10"/>
                  <a:gd name="T20" fmla="*/ 10 w 10"/>
                  <a:gd name="T21" fmla="*/ 10 h 10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10" h="10">
                    <a:moveTo>
                      <a:pt x="0" y="0"/>
                    </a:moveTo>
                    <a:lnTo>
                      <a:pt x="7" y="0"/>
                    </a:lnTo>
                    <a:lnTo>
                      <a:pt x="10" y="6"/>
                    </a:lnTo>
                    <a:lnTo>
                      <a:pt x="5" y="10"/>
                    </a:lnTo>
                    <a:lnTo>
                      <a:pt x="2" y="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22" name="Freeform 151"/>
              <p:cNvSpPr>
                <a:spLocks/>
              </p:cNvSpPr>
              <p:nvPr/>
            </p:nvSpPr>
            <p:spPr bwMode="auto">
              <a:xfrm>
                <a:off x="1505" y="3446"/>
                <a:ext cx="10" cy="10"/>
              </a:xfrm>
              <a:custGeom>
                <a:avLst/>
                <a:gdLst>
                  <a:gd name="T0" fmla="*/ 0 w 10"/>
                  <a:gd name="T1" fmla="*/ 0 h 10"/>
                  <a:gd name="T2" fmla="*/ 7 w 10"/>
                  <a:gd name="T3" fmla="*/ 0 h 10"/>
                  <a:gd name="T4" fmla="*/ 10 w 10"/>
                  <a:gd name="T5" fmla="*/ 6 h 10"/>
                  <a:gd name="T6" fmla="*/ 5 w 10"/>
                  <a:gd name="T7" fmla="*/ 10 h 10"/>
                  <a:gd name="T8" fmla="*/ 2 w 10"/>
                  <a:gd name="T9" fmla="*/ 8 h 10"/>
                  <a:gd name="T10" fmla="*/ 0 w 10"/>
                  <a:gd name="T11" fmla="*/ 0 h 10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10"/>
                  <a:gd name="T19" fmla="*/ 0 h 10"/>
                  <a:gd name="T20" fmla="*/ 10 w 10"/>
                  <a:gd name="T21" fmla="*/ 10 h 10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10" h="10">
                    <a:moveTo>
                      <a:pt x="0" y="0"/>
                    </a:moveTo>
                    <a:lnTo>
                      <a:pt x="7" y="0"/>
                    </a:lnTo>
                    <a:lnTo>
                      <a:pt x="10" y="6"/>
                    </a:lnTo>
                    <a:lnTo>
                      <a:pt x="5" y="10"/>
                    </a:lnTo>
                    <a:lnTo>
                      <a:pt x="2" y="8"/>
                    </a:lnTo>
                    <a:lnTo>
                      <a:pt x="0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23" name="Freeform 152"/>
              <p:cNvSpPr>
                <a:spLocks/>
              </p:cNvSpPr>
              <p:nvPr/>
            </p:nvSpPr>
            <p:spPr bwMode="auto">
              <a:xfrm>
                <a:off x="1524" y="3463"/>
                <a:ext cx="6" cy="8"/>
              </a:xfrm>
              <a:custGeom>
                <a:avLst/>
                <a:gdLst>
                  <a:gd name="T0" fmla="*/ 0 w 6"/>
                  <a:gd name="T1" fmla="*/ 5 h 8"/>
                  <a:gd name="T2" fmla="*/ 0 w 6"/>
                  <a:gd name="T3" fmla="*/ 3 h 8"/>
                  <a:gd name="T4" fmla="*/ 0 w 6"/>
                  <a:gd name="T5" fmla="*/ 1 h 8"/>
                  <a:gd name="T6" fmla="*/ 1 w 6"/>
                  <a:gd name="T7" fmla="*/ 1 h 8"/>
                  <a:gd name="T8" fmla="*/ 3 w 6"/>
                  <a:gd name="T9" fmla="*/ 0 h 8"/>
                  <a:gd name="T10" fmla="*/ 5 w 6"/>
                  <a:gd name="T11" fmla="*/ 1 h 8"/>
                  <a:gd name="T12" fmla="*/ 6 w 6"/>
                  <a:gd name="T13" fmla="*/ 1 h 8"/>
                  <a:gd name="T14" fmla="*/ 6 w 6"/>
                  <a:gd name="T15" fmla="*/ 3 h 8"/>
                  <a:gd name="T16" fmla="*/ 6 w 6"/>
                  <a:gd name="T17" fmla="*/ 5 h 8"/>
                  <a:gd name="T18" fmla="*/ 6 w 6"/>
                  <a:gd name="T19" fmla="*/ 6 h 8"/>
                  <a:gd name="T20" fmla="*/ 6 w 6"/>
                  <a:gd name="T21" fmla="*/ 8 h 8"/>
                  <a:gd name="T22" fmla="*/ 5 w 6"/>
                  <a:gd name="T23" fmla="*/ 8 h 8"/>
                  <a:gd name="T24" fmla="*/ 3 w 6"/>
                  <a:gd name="T25" fmla="*/ 8 h 8"/>
                  <a:gd name="T26" fmla="*/ 1 w 6"/>
                  <a:gd name="T27" fmla="*/ 8 h 8"/>
                  <a:gd name="T28" fmla="*/ 0 w 6"/>
                  <a:gd name="T29" fmla="*/ 8 h 8"/>
                  <a:gd name="T30" fmla="*/ 0 w 6"/>
                  <a:gd name="T31" fmla="*/ 6 h 8"/>
                  <a:gd name="T32" fmla="*/ 0 w 6"/>
                  <a:gd name="T33" fmla="*/ 5 h 8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6"/>
                  <a:gd name="T52" fmla="*/ 0 h 8"/>
                  <a:gd name="T53" fmla="*/ 6 w 6"/>
                  <a:gd name="T54" fmla="*/ 8 h 8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6" h="8">
                    <a:moveTo>
                      <a:pt x="0" y="5"/>
                    </a:moveTo>
                    <a:lnTo>
                      <a:pt x="0" y="3"/>
                    </a:lnTo>
                    <a:lnTo>
                      <a:pt x="0" y="1"/>
                    </a:lnTo>
                    <a:lnTo>
                      <a:pt x="1" y="1"/>
                    </a:lnTo>
                    <a:lnTo>
                      <a:pt x="3" y="0"/>
                    </a:lnTo>
                    <a:lnTo>
                      <a:pt x="5" y="1"/>
                    </a:lnTo>
                    <a:lnTo>
                      <a:pt x="6" y="1"/>
                    </a:lnTo>
                    <a:lnTo>
                      <a:pt x="6" y="3"/>
                    </a:lnTo>
                    <a:lnTo>
                      <a:pt x="6" y="5"/>
                    </a:lnTo>
                    <a:lnTo>
                      <a:pt x="6" y="6"/>
                    </a:lnTo>
                    <a:lnTo>
                      <a:pt x="6" y="8"/>
                    </a:lnTo>
                    <a:lnTo>
                      <a:pt x="5" y="8"/>
                    </a:lnTo>
                    <a:lnTo>
                      <a:pt x="3" y="8"/>
                    </a:lnTo>
                    <a:lnTo>
                      <a:pt x="1" y="8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24" name="Freeform 153"/>
              <p:cNvSpPr>
                <a:spLocks/>
              </p:cNvSpPr>
              <p:nvPr/>
            </p:nvSpPr>
            <p:spPr bwMode="auto">
              <a:xfrm>
                <a:off x="1524" y="3463"/>
                <a:ext cx="6" cy="8"/>
              </a:xfrm>
              <a:custGeom>
                <a:avLst/>
                <a:gdLst>
                  <a:gd name="T0" fmla="*/ 0 w 6"/>
                  <a:gd name="T1" fmla="*/ 5 h 8"/>
                  <a:gd name="T2" fmla="*/ 0 w 6"/>
                  <a:gd name="T3" fmla="*/ 5 h 8"/>
                  <a:gd name="T4" fmla="*/ 0 w 6"/>
                  <a:gd name="T5" fmla="*/ 3 h 8"/>
                  <a:gd name="T6" fmla="*/ 0 w 6"/>
                  <a:gd name="T7" fmla="*/ 1 h 8"/>
                  <a:gd name="T8" fmla="*/ 1 w 6"/>
                  <a:gd name="T9" fmla="*/ 1 h 8"/>
                  <a:gd name="T10" fmla="*/ 3 w 6"/>
                  <a:gd name="T11" fmla="*/ 0 h 8"/>
                  <a:gd name="T12" fmla="*/ 3 w 6"/>
                  <a:gd name="T13" fmla="*/ 0 h 8"/>
                  <a:gd name="T14" fmla="*/ 5 w 6"/>
                  <a:gd name="T15" fmla="*/ 1 h 8"/>
                  <a:gd name="T16" fmla="*/ 6 w 6"/>
                  <a:gd name="T17" fmla="*/ 1 h 8"/>
                  <a:gd name="T18" fmla="*/ 6 w 6"/>
                  <a:gd name="T19" fmla="*/ 3 h 8"/>
                  <a:gd name="T20" fmla="*/ 6 w 6"/>
                  <a:gd name="T21" fmla="*/ 5 h 8"/>
                  <a:gd name="T22" fmla="*/ 6 w 6"/>
                  <a:gd name="T23" fmla="*/ 5 h 8"/>
                  <a:gd name="T24" fmla="*/ 6 w 6"/>
                  <a:gd name="T25" fmla="*/ 6 h 8"/>
                  <a:gd name="T26" fmla="*/ 6 w 6"/>
                  <a:gd name="T27" fmla="*/ 8 h 8"/>
                  <a:gd name="T28" fmla="*/ 5 w 6"/>
                  <a:gd name="T29" fmla="*/ 8 h 8"/>
                  <a:gd name="T30" fmla="*/ 3 w 6"/>
                  <a:gd name="T31" fmla="*/ 8 h 8"/>
                  <a:gd name="T32" fmla="*/ 3 w 6"/>
                  <a:gd name="T33" fmla="*/ 8 h 8"/>
                  <a:gd name="T34" fmla="*/ 1 w 6"/>
                  <a:gd name="T35" fmla="*/ 8 h 8"/>
                  <a:gd name="T36" fmla="*/ 0 w 6"/>
                  <a:gd name="T37" fmla="*/ 8 h 8"/>
                  <a:gd name="T38" fmla="*/ 0 w 6"/>
                  <a:gd name="T39" fmla="*/ 6 h 8"/>
                  <a:gd name="T40" fmla="*/ 0 w 6"/>
                  <a:gd name="T41" fmla="*/ 5 h 8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6"/>
                  <a:gd name="T64" fmla="*/ 0 h 8"/>
                  <a:gd name="T65" fmla="*/ 6 w 6"/>
                  <a:gd name="T66" fmla="*/ 8 h 8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6" h="8">
                    <a:moveTo>
                      <a:pt x="0" y="5"/>
                    </a:moveTo>
                    <a:lnTo>
                      <a:pt x="0" y="5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1" y="1"/>
                    </a:lnTo>
                    <a:lnTo>
                      <a:pt x="3" y="0"/>
                    </a:lnTo>
                    <a:lnTo>
                      <a:pt x="5" y="1"/>
                    </a:lnTo>
                    <a:lnTo>
                      <a:pt x="6" y="1"/>
                    </a:lnTo>
                    <a:lnTo>
                      <a:pt x="6" y="3"/>
                    </a:lnTo>
                    <a:lnTo>
                      <a:pt x="6" y="5"/>
                    </a:lnTo>
                    <a:lnTo>
                      <a:pt x="6" y="6"/>
                    </a:lnTo>
                    <a:lnTo>
                      <a:pt x="6" y="8"/>
                    </a:lnTo>
                    <a:lnTo>
                      <a:pt x="5" y="8"/>
                    </a:lnTo>
                    <a:lnTo>
                      <a:pt x="3" y="8"/>
                    </a:lnTo>
                    <a:lnTo>
                      <a:pt x="1" y="8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25" name="Freeform 154"/>
              <p:cNvSpPr>
                <a:spLocks/>
              </p:cNvSpPr>
              <p:nvPr/>
            </p:nvSpPr>
            <p:spPr bwMode="auto">
              <a:xfrm>
                <a:off x="1338" y="3388"/>
                <a:ext cx="11" cy="9"/>
              </a:xfrm>
              <a:custGeom>
                <a:avLst/>
                <a:gdLst>
                  <a:gd name="T0" fmla="*/ 0 w 11"/>
                  <a:gd name="T1" fmla="*/ 4 h 9"/>
                  <a:gd name="T2" fmla="*/ 0 w 11"/>
                  <a:gd name="T3" fmla="*/ 2 h 9"/>
                  <a:gd name="T4" fmla="*/ 1 w 11"/>
                  <a:gd name="T5" fmla="*/ 2 h 9"/>
                  <a:gd name="T6" fmla="*/ 3 w 11"/>
                  <a:gd name="T7" fmla="*/ 0 h 9"/>
                  <a:gd name="T8" fmla="*/ 6 w 11"/>
                  <a:gd name="T9" fmla="*/ 0 h 9"/>
                  <a:gd name="T10" fmla="*/ 8 w 11"/>
                  <a:gd name="T11" fmla="*/ 0 h 9"/>
                  <a:gd name="T12" fmla="*/ 10 w 11"/>
                  <a:gd name="T13" fmla="*/ 2 h 9"/>
                  <a:gd name="T14" fmla="*/ 11 w 11"/>
                  <a:gd name="T15" fmla="*/ 2 h 9"/>
                  <a:gd name="T16" fmla="*/ 11 w 11"/>
                  <a:gd name="T17" fmla="*/ 4 h 9"/>
                  <a:gd name="T18" fmla="*/ 11 w 11"/>
                  <a:gd name="T19" fmla="*/ 5 h 9"/>
                  <a:gd name="T20" fmla="*/ 10 w 11"/>
                  <a:gd name="T21" fmla="*/ 7 h 9"/>
                  <a:gd name="T22" fmla="*/ 8 w 11"/>
                  <a:gd name="T23" fmla="*/ 9 h 9"/>
                  <a:gd name="T24" fmla="*/ 6 w 11"/>
                  <a:gd name="T25" fmla="*/ 9 h 9"/>
                  <a:gd name="T26" fmla="*/ 3 w 11"/>
                  <a:gd name="T27" fmla="*/ 9 h 9"/>
                  <a:gd name="T28" fmla="*/ 1 w 11"/>
                  <a:gd name="T29" fmla="*/ 7 h 9"/>
                  <a:gd name="T30" fmla="*/ 0 w 11"/>
                  <a:gd name="T31" fmla="*/ 5 h 9"/>
                  <a:gd name="T32" fmla="*/ 0 w 11"/>
                  <a:gd name="T33" fmla="*/ 4 h 9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1"/>
                  <a:gd name="T52" fmla="*/ 0 h 9"/>
                  <a:gd name="T53" fmla="*/ 11 w 11"/>
                  <a:gd name="T54" fmla="*/ 9 h 9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1" h="9">
                    <a:moveTo>
                      <a:pt x="0" y="4"/>
                    </a:moveTo>
                    <a:lnTo>
                      <a:pt x="0" y="2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0" y="2"/>
                    </a:lnTo>
                    <a:lnTo>
                      <a:pt x="11" y="2"/>
                    </a:lnTo>
                    <a:lnTo>
                      <a:pt x="11" y="4"/>
                    </a:lnTo>
                    <a:lnTo>
                      <a:pt x="11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3" y="9"/>
                    </a:lnTo>
                    <a:lnTo>
                      <a:pt x="1" y="7"/>
                    </a:lnTo>
                    <a:lnTo>
                      <a:pt x="0" y="5"/>
                    </a:lnTo>
                    <a:lnTo>
                      <a:pt x="0" y="4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26" name="Freeform 155"/>
              <p:cNvSpPr>
                <a:spLocks/>
              </p:cNvSpPr>
              <p:nvPr/>
            </p:nvSpPr>
            <p:spPr bwMode="auto">
              <a:xfrm>
                <a:off x="1338" y="3388"/>
                <a:ext cx="11" cy="9"/>
              </a:xfrm>
              <a:custGeom>
                <a:avLst/>
                <a:gdLst>
                  <a:gd name="T0" fmla="*/ 0 w 11"/>
                  <a:gd name="T1" fmla="*/ 4 h 9"/>
                  <a:gd name="T2" fmla="*/ 0 w 11"/>
                  <a:gd name="T3" fmla="*/ 4 h 9"/>
                  <a:gd name="T4" fmla="*/ 0 w 11"/>
                  <a:gd name="T5" fmla="*/ 2 h 9"/>
                  <a:gd name="T6" fmla="*/ 1 w 11"/>
                  <a:gd name="T7" fmla="*/ 2 h 9"/>
                  <a:gd name="T8" fmla="*/ 3 w 11"/>
                  <a:gd name="T9" fmla="*/ 0 h 9"/>
                  <a:gd name="T10" fmla="*/ 6 w 11"/>
                  <a:gd name="T11" fmla="*/ 0 h 9"/>
                  <a:gd name="T12" fmla="*/ 6 w 11"/>
                  <a:gd name="T13" fmla="*/ 0 h 9"/>
                  <a:gd name="T14" fmla="*/ 8 w 11"/>
                  <a:gd name="T15" fmla="*/ 0 h 9"/>
                  <a:gd name="T16" fmla="*/ 10 w 11"/>
                  <a:gd name="T17" fmla="*/ 2 h 9"/>
                  <a:gd name="T18" fmla="*/ 11 w 11"/>
                  <a:gd name="T19" fmla="*/ 2 h 9"/>
                  <a:gd name="T20" fmla="*/ 11 w 11"/>
                  <a:gd name="T21" fmla="*/ 4 h 9"/>
                  <a:gd name="T22" fmla="*/ 11 w 11"/>
                  <a:gd name="T23" fmla="*/ 4 h 9"/>
                  <a:gd name="T24" fmla="*/ 11 w 11"/>
                  <a:gd name="T25" fmla="*/ 5 h 9"/>
                  <a:gd name="T26" fmla="*/ 10 w 11"/>
                  <a:gd name="T27" fmla="*/ 7 h 9"/>
                  <a:gd name="T28" fmla="*/ 8 w 11"/>
                  <a:gd name="T29" fmla="*/ 9 h 9"/>
                  <a:gd name="T30" fmla="*/ 6 w 11"/>
                  <a:gd name="T31" fmla="*/ 9 h 9"/>
                  <a:gd name="T32" fmla="*/ 6 w 11"/>
                  <a:gd name="T33" fmla="*/ 9 h 9"/>
                  <a:gd name="T34" fmla="*/ 3 w 11"/>
                  <a:gd name="T35" fmla="*/ 9 h 9"/>
                  <a:gd name="T36" fmla="*/ 1 w 11"/>
                  <a:gd name="T37" fmla="*/ 7 h 9"/>
                  <a:gd name="T38" fmla="*/ 0 w 11"/>
                  <a:gd name="T39" fmla="*/ 5 h 9"/>
                  <a:gd name="T40" fmla="*/ 0 w 11"/>
                  <a:gd name="T41" fmla="*/ 4 h 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1"/>
                  <a:gd name="T64" fmla="*/ 0 h 9"/>
                  <a:gd name="T65" fmla="*/ 11 w 11"/>
                  <a:gd name="T66" fmla="*/ 9 h 9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1" h="9">
                    <a:moveTo>
                      <a:pt x="0" y="4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0" y="2"/>
                    </a:lnTo>
                    <a:lnTo>
                      <a:pt x="11" y="2"/>
                    </a:lnTo>
                    <a:lnTo>
                      <a:pt x="11" y="4"/>
                    </a:lnTo>
                    <a:lnTo>
                      <a:pt x="11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3" y="9"/>
                    </a:lnTo>
                    <a:lnTo>
                      <a:pt x="1" y="7"/>
                    </a:lnTo>
                    <a:lnTo>
                      <a:pt x="0" y="5"/>
                    </a:lnTo>
                    <a:lnTo>
                      <a:pt x="0" y="4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776" name="Freeform 156"/>
            <p:cNvSpPr>
              <a:spLocks/>
            </p:cNvSpPr>
            <p:nvPr/>
          </p:nvSpPr>
          <p:spPr bwMode="auto">
            <a:xfrm>
              <a:off x="1022" y="1847"/>
              <a:ext cx="537" cy="677"/>
            </a:xfrm>
            <a:custGeom>
              <a:avLst/>
              <a:gdLst>
                <a:gd name="T0" fmla="*/ 331 w 552"/>
                <a:gd name="T1" fmla="*/ 464 h 697"/>
                <a:gd name="T2" fmla="*/ 376 w 552"/>
                <a:gd name="T3" fmla="*/ 130 h 697"/>
                <a:gd name="T4" fmla="*/ 253 w 552"/>
                <a:gd name="T5" fmla="*/ 111 h 697"/>
                <a:gd name="T6" fmla="*/ 265 w 552"/>
                <a:gd name="T7" fmla="*/ 35 h 697"/>
                <a:gd name="T8" fmla="*/ 81 w 552"/>
                <a:gd name="T9" fmla="*/ 0 h 697"/>
                <a:gd name="T10" fmla="*/ 81 w 552"/>
                <a:gd name="T11" fmla="*/ 0 h 697"/>
                <a:gd name="T12" fmla="*/ 0 w 552"/>
                <a:gd name="T13" fmla="*/ 410 h 697"/>
                <a:gd name="T14" fmla="*/ 331 w 552"/>
                <a:gd name="T15" fmla="*/ 464 h 697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w 552"/>
                <a:gd name="T25" fmla="*/ 0 h 697"/>
                <a:gd name="T26" fmla="*/ 552 w 552"/>
                <a:gd name="T27" fmla="*/ 697 h 697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T24" t="T25" r="T26" b="T27"/>
              <a:pathLst>
                <a:path w="552" h="697">
                  <a:moveTo>
                    <a:pt x="486" y="697"/>
                  </a:moveTo>
                  <a:lnTo>
                    <a:pt x="552" y="195"/>
                  </a:lnTo>
                  <a:lnTo>
                    <a:pt x="372" y="166"/>
                  </a:lnTo>
                  <a:lnTo>
                    <a:pt x="389" y="49"/>
                  </a:lnTo>
                  <a:lnTo>
                    <a:pt x="118" y="0"/>
                  </a:lnTo>
                  <a:lnTo>
                    <a:pt x="0" y="616"/>
                  </a:lnTo>
                  <a:lnTo>
                    <a:pt x="486" y="697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77" name="Freeform 157"/>
            <p:cNvSpPr>
              <a:spLocks/>
            </p:cNvSpPr>
            <p:nvPr/>
          </p:nvSpPr>
          <p:spPr bwMode="auto">
            <a:xfrm>
              <a:off x="2159" y="2220"/>
              <a:ext cx="708" cy="381"/>
            </a:xfrm>
            <a:custGeom>
              <a:avLst/>
              <a:gdLst>
                <a:gd name="T0" fmla="*/ 18 w 728"/>
                <a:gd name="T1" fmla="*/ 0 h 393"/>
                <a:gd name="T2" fmla="*/ 35 w 728"/>
                <a:gd name="T3" fmla="*/ 4 h 393"/>
                <a:gd name="T4" fmla="*/ 53 w 728"/>
                <a:gd name="T5" fmla="*/ 5 h 393"/>
                <a:gd name="T6" fmla="*/ 81 w 728"/>
                <a:gd name="T7" fmla="*/ 9 h 393"/>
                <a:gd name="T8" fmla="*/ 112 w 728"/>
                <a:gd name="T9" fmla="*/ 11 h 393"/>
                <a:gd name="T10" fmla="*/ 144 w 728"/>
                <a:gd name="T11" fmla="*/ 12 h 393"/>
                <a:gd name="T12" fmla="*/ 180 w 728"/>
                <a:gd name="T13" fmla="*/ 12 h 393"/>
                <a:gd name="T14" fmla="*/ 216 w 728"/>
                <a:gd name="T15" fmla="*/ 14 h 393"/>
                <a:gd name="T16" fmla="*/ 253 w 728"/>
                <a:gd name="T17" fmla="*/ 14 h 393"/>
                <a:gd name="T18" fmla="*/ 290 w 728"/>
                <a:gd name="T19" fmla="*/ 16 h 393"/>
                <a:gd name="T20" fmla="*/ 324 w 728"/>
                <a:gd name="T21" fmla="*/ 16 h 393"/>
                <a:gd name="T22" fmla="*/ 355 w 728"/>
                <a:gd name="T23" fmla="*/ 16 h 393"/>
                <a:gd name="T24" fmla="*/ 383 w 728"/>
                <a:gd name="T25" fmla="*/ 16 h 393"/>
                <a:gd name="T26" fmla="*/ 407 w 728"/>
                <a:gd name="T27" fmla="*/ 16 h 393"/>
                <a:gd name="T28" fmla="*/ 426 w 728"/>
                <a:gd name="T29" fmla="*/ 16 h 393"/>
                <a:gd name="T30" fmla="*/ 437 w 728"/>
                <a:gd name="T31" fmla="*/ 16 h 393"/>
                <a:gd name="T32" fmla="*/ 442 w 728"/>
                <a:gd name="T33" fmla="*/ 16 h 393"/>
                <a:gd name="T34" fmla="*/ 448 w 728"/>
                <a:gd name="T35" fmla="*/ 16 h 393"/>
                <a:gd name="T36" fmla="*/ 464 w 728"/>
                <a:gd name="T37" fmla="*/ 17 h 393"/>
                <a:gd name="T38" fmla="*/ 465 w 728"/>
                <a:gd name="T39" fmla="*/ 19 h 393"/>
                <a:gd name="T40" fmla="*/ 469 w 728"/>
                <a:gd name="T41" fmla="*/ 22 h 393"/>
                <a:gd name="T42" fmla="*/ 472 w 728"/>
                <a:gd name="T43" fmla="*/ 27 h 393"/>
                <a:gd name="T44" fmla="*/ 469 w 728"/>
                <a:gd name="T45" fmla="*/ 36 h 393"/>
                <a:gd name="T46" fmla="*/ 459 w 728"/>
                <a:gd name="T47" fmla="*/ 50 h 393"/>
                <a:gd name="T48" fmla="*/ 471 w 728"/>
                <a:gd name="T49" fmla="*/ 62 h 393"/>
                <a:gd name="T50" fmla="*/ 480 w 728"/>
                <a:gd name="T51" fmla="*/ 78 h 393"/>
                <a:gd name="T52" fmla="*/ 494 w 728"/>
                <a:gd name="T53" fmla="*/ 254 h 393"/>
                <a:gd name="T54" fmla="*/ 488 w 728"/>
                <a:gd name="T55" fmla="*/ 254 h 393"/>
                <a:gd name="T56" fmla="*/ 477 w 728"/>
                <a:gd name="T57" fmla="*/ 254 h 393"/>
                <a:gd name="T58" fmla="*/ 455 w 728"/>
                <a:gd name="T59" fmla="*/ 254 h 393"/>
                <a:gd name="T60" fmla="*/ 430 w 728"/>
                <a:gd name="T61" fmla="*/ 254 h 393"/>
                <a:gd name="T62" fmla="*/ 398 w 728"/>
                <a:gd name="T63" fmla="*/ 254 h 393"/>
                <a:gd name="T64" fmla="*/ 362 w 728"/>
                <a:gd name="T65" fmla="*/ 254 h 393"/>
                <a:gd name="T66" fmla="*/ 324 w 728"/>
                <a:gd name="T67" fmla="*/ 253 h 393"/>
                <a:gd name="T68" fmla="*/ 284 w 728"/>
                <a:gd name="T69" fmla="*/ 253 h 393"/>
                <a:gd name="T70" fmla="*/ 241 w 728"/>
                <a:gd name="T71" fmla="*/ 252 h 393"/>
                <a:gd name="T72" fmla="*/ 200 w 728"/>
                <a:gd name="T73" fmla="*/ 252 h 393"/>
                <a:gd name="T74" fmla="*/ 159 w 728"/>
                <a:gd name="T75" fmla="*/ 252 h 393"/>
                <a:gd name="T76" fmla="*/ 118 w 728"/>
                <a:gd name="T77" fmla="*/ 251 h 393"/>
                <a:gd name="T78" fmla="*/ 82 w 728"/>
                <a:gd name="T79" fmla="*/ 250 h 393"/>
                <a:gd name="T80" fmla="*/ 49 w 728"/>
                <a:gd name="T81" fmla="*/ 248 h 393"/>
                <a:gd name="T82" fmla="*/ 18 w 728"/>
                <a:gd name="T83" fmla="*/ 246 h 393"/>
                <a:gd name="T84" fmla="*/ 0 w 728"/>
                <a:gd name="T85" fmla="*/ 245 h 393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728"/>
                <a:gd name="T130" fmla="*/ 0 h 393"/>
                <a:gd name="T131" fmla="*/ 728 w 728"/>
                <a:gd name="T132" fmla="*/ 393 h 393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728" h="393">
                  <a:moveTo>
                    <a:pt x="0" y="379"/>
                  </a:moveTo>
                  <a:lnTo>
                    <a:pt x="27" y="0"/>
                  </a:lnTo>
                  <a:lnTo>
                    <a:pt x="38" y="2"/>
                  </a:lnTo>
                  <a:lnTo>
                    <a:pt x="49" y="4"/>
                  </a:lnTo>
                  <a:lnTo>
                    <a:pt x="65" y="5"/>
                  </a:lnTo>
                  <a:lnTo>
                    <a:pt x="80" y="5"/>
                  </a:lnTo>
                  <a:lnTo>
                    <a:pt x="98" y="7"/>
                  </a:lnTo>
                  <a:lnTo>
                    <a:pt x="119" y="9"/>
                  </a:lnTo>
                  <a:lnTo>
                    <a:pt x="139" y="9"/>
                  </a:lnTo>
                  <a:lnTo>
                    <a:pt x="163" y="11"/>
                  </a:lnTo>
                  <a:lnTo>
                    <a:pt x="186" y="11"/>
                  </a:lnTo>
                  <a:lnTo>
                    <a:pt x="212" y="12"/>
                  </a:lnTo>
                  <a:lnTo>
                    <a:pt x="237" y="12"/>
                  </a:lnTo>
                  <a:lnTo>
                    <a:pt x="264" y="12"/>
                  </a:lnTo>
                  <a:lnTo>
                    <a:pt x="291" y="14"/>
                  </a:lnTo>
                  <a:lnTo>
                    <a:pt x="318" y="14"/>
                  </a:lnTo>
                  <a:lnTo>
                    <a:pt x="346" y="14"/>
                  </a:lnTo>
                  <a:lnTo>
                    <a:pt x="373" y="14"/>
                  </a:lnTo>
                  <a:lnTo>
                    <a:pt x="400" y="16"/>
                  </a:lnTo>
                  <a:lnTo>
                    <a:pt x="427" y="16"/>
                  </a:lnTo>
                  <a:lnTo>
                    <a:pt x="452" y="16"/>
                  </a:lnTo>
                  <a:lnTo>
                    <a:pt x="478" y="16"/>
                  </a:lnTo>
                  <a:lnTo>
                    <a:pt x="501" y="16"/>
                  </a:lnTo>
                  <a:lnTo>
                    <a:pt x="525" y="16"/>
                  </a:lnTo>
                  <a:lnTo>
                    <a:pt x="545" y="17"/>
                  </a:lnTo>
                  <a:lnTo>
                    <a:pt x="566" y="17"/>
                  </a:lnTo>
                  <a:lnTo>
                    <a:pt x="584" y="17"/>
                  </a:lnTo>
                  <a:lnTo>
                    <a:pt x="601" y="17"/>
                  </a:lnTo>
                  <a:lnTo>
                    <a:pt x="616" y="17"/>
                  </a:lnTo>
                  <a:lnTo>
                    <a:pt x="628" y="17"/>
                  </a:lnTo>
                  <a:lnTo>
                    <a:pt x="638" y="17"/>
                  </a:lnTo>
                  <a:lnTo>
                    <a:pt x="645" y="17"/>
                  </a:lnTo>
                  <a:lnTo>
                    <a:pt x="650" y="17"/>
                  </a:lnTo>
                  <a:lnTo>
                    <a:pt x="652" y="17"/>
                  </a:lnTo>
                  <a:lnTo>
                    <a:pt x="650" y="16"/>
                  </a:lnTo>
                  <a:lnTo>
                    <a:pt x="662" y="22"/>
                  </a:lnTo>
                  <a:lnTo>
                    <a:pt x="674" y="33"/>
                  </a:lnTo>
                  <a:lnTo>
                    <a:pt x="684" y="31"/>
                  </a:lnTo>
                  <a:lnTo>
                    <a:pt x="686" y="33"/>
                  </a:lnTo>
                  <a:lnTo>
                    <a:pt x="687" y="33"/>
                  </a:lnTo>
                  <a:lnTo>
                    <a:pt x="691" y="34"/>
                  </a:lnTo>
                  <a:lnTo>
                    <a:pt x="694" y="36"/>
                  </a:lnTo>
                  <a:lnTo>
                    <a:pt x="696" y="38"/>
                  </a:lnTo>
                  <a:lnTo>
                    <a:pt x="698" y="41"/>
                  </a:lnTo>
                  <a:lnTo>
                    <a:pt x="696" y="46"/>
                  </a:lnTo>
                  <a:lnTo>
                    <a:pt x="692" y="51"/>
                  </a:lnTo>
                  <a:lnTo>
                    <a:pt x="679" y="70"/>
                  </a:lnTo>
                  <a:lnTo>
                    <a:pt x="679" y="78"/>
                  </a:lnTo>
                  <a:lnTo>
                    <a:pt x="692" y="88"/>
                  </a:lnTo>
                  <a:lnTo>
                    <a:pt x="696" y="95"/>
                  </a:lnTo>
                  <a:lnTo>
                    <a:pt x="698" y="107"/>
                  </a:lnTo>
                  <a:lnTo>
                    <a:pt x="709" y="121"/>
                  </a:lnTo>
                  <a:lnTo>
                    <a:pt x="726" y="121"/>
                  </a:lnTo>
                  <a:lnTo>
                    <a:pt x="728" y="393"/>
                  </a:lnTo>
                  <a:lnTo>
                    <a:pt x="726" y="393"/>
                  </a:lnTo>
                  <a:lnTo>
                    <a:pt x="721" y="393"/>
                  </a:lnTo>
                  <a:lnTo>
                    <a:pt x="713" y="393"/>
                  </a:lnTo>
                  <a:lnTo>
                    <a:pt x="703" y="393"/>
                  </a:lnTo>
                  <a:lnTo>
                    <a:pt x="689" y="393"/>
                  </a:lnTo>
                  <a:lnTo>
                    <a:pt x="672" y="393"/>
                  </a:lnTo>
                  <a:lnTo>
                    <a:pt x="654" y="393"/>
                  </a:lnTo>
                  <a:lnTo>
                    <a:pt x="635" y="393"/>
                  </a:lnTo>
                  <a:lnTo>
                    <a:pt x="611" y="393"/>
                  </a:lnTo>
                  <a:lnTo>
                    <a:pt x="588" y="393"/>
                  </a:lnTo>
                  <a:lnTo>
                    <a:pt x="562" y="393"/>
                  </a:lnTo>
                  <a:lnTo>
                    <a:pt x="535" y="393"/>
                  </a:lnTo>
                  <a:lnTo>
                    <a:pt x="508" y="393"/>
                  </a:lnTo>
                  <a:lnTo>
                    <a:pt x="478" y="391"/>
                  </a:lnTo>
                  <a:lnTo>
                    <a:pt x="449" y="391"/>
                  </a:lnTo>
                  <a:lnTo>
                    <a:pt x="418" y="391"/>
                  </a:lnTo>
                  <a:lnTo>
                    <a:pt x="388" y="391"/>
                  </a:lnTo>
                  <a:lnTo>
                    <a:pt x="356" y="390"/>
                  </a:lnTo>
                  <a:lnTo>
                    <a:pt x="325" y="390"/>
                  </a:lnTo>
                  <a:lnTo>
                    <a:pt x="295" y="390"/>
                  </a:lnTo>
                  <a:lnTo>
                    <a:pt x="263" y="388"/>
                  </a:lnTo>
                  <a:lnTo>
                    <a:pt x="234" y="388"/>
                  </a:lnTo>
                  <a:lnTo>
                    <a:pt x="203" y="388"/>
                  </a:lnTo>
                  <a:lnTo>
                    <a:pt x="175" y="386"/>
                  </a:lnTo>
                  <a:lnTo>
                    <a:pt x="148" y="386"/>
                  </a:lnTo>
                  <a:lnTo>
                    <a:pt x="120" y="385"/>
                  </a:lnTo>
                  <a:lnTo>
                    <a:pt x="97" y="385"/>
                  </a:lnTo>
                  <a:lnTo>
                    <a:pt x="73" y="383"/>
                  </a:lnTo>
                  <a:lnTo>
                    <a:pt x="51" y="383"/>
                  </a:lnTo>
                  <a:lnTo>
                    <a:pt x="32" y="381"/>
                  </a:lnTo>
                  <a:lnTo>
                    <a:pt x="16" y="379"/>
                  </a:lnTo>
                  <a:lnTo>
                    <a:pt x="0" y="37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78" name="Freeform 158"/>
            <p:cNvSpPr>
              <a:spLocks/>
            </p:cNvSpPr>
            <p:nvPr/>
          </p:nvSpPr>
          <p:spPr bwMode="auto">
            <a:xfrm>
              <a:off x="2637" y="1100"/>
              <a:ext cx="623" cy="709"/>
            </a:xfrm>
            <a:custGeom>
              <a:avLst/>
              <a:gdLst>
                <a:gd name="T0" fmla="*/ 349 w 641"/>
                <a:gd name="T1" fmla="*/ 443 h 731"/>
                <a:gd name="T2" fmla="*/ 322 w 641"/>
                <a:gd name="T3" fmla="*/ 421 h 731"/>
                <a:gd name="T4" fmla="*/ 286 w 641"/>
                <a:gd name="T5" fmla="*/ 391 h 731"/>
                <a:gd name="T6" fmla="*/ 283 w 641"/>
                <a:gd name="T7" fmla="*/ 385 h 731"/>
                <a:gd name="T8" fmla="*/ 267 w 641"/>
                <a:gd name="T9" fmla="*/ 382 h 731"/>
                <a:gd name="T10" fmla="*/ 259 w 641"/>
                <a:gd name="T11" fmla="*/ 362 h 731"/>
                <a:gd name="T12" fmla="*/ 257 w 641"/>
                <a:gd name="T13" fmla="*/ 346 h 731"/>
                <a:gd name="T14" fmla="*/ 258 w 641"/>
                <a:gd name="T15" fmla="*/ 321 h 731"/>
                <a:gd name="T16" fmla="*/ 247 w 641"/>
                <a:gd name="T17" fmla="*/ 291 h 731"/>
                <a:gd name="T18" fmla="*/ 251 w 641"/>
                <a:gd name="T19" fmla="*/ 288 h 731"/>
                <a:gd name="T20" fmla="*/ 267 w 641"/>
                <a:gd name="T21" fmla="*/ 271 h 731"/>
                <a:gd name="T22" fmla="*/ 279 w 641"/>
                <a:gd name="T23" fmla="*/ 216 h 731"/>
                <a:gd name="T24" fmla="*/ 284 w 641"/>
                <a:gd name="T25" fmla="*/ 209 h 731"/>
                <a:gd name="T26" fmla="*/ 307 w 641"/>
                <a:gd name="T27" fmla="*/ 191 h 731"/>
                <a:gd name="T28" fmla="*/ 333 w 641"/>
                <a:gd name="T29" fmla="*/ 167 h 731"/>
                <a:gd name="T30" fmla="*/ 347 w 641"/>
                <a:gd name="T31" fmla="*/ 149 h 731"/>
                <a:gd name="T32" fmla="*/ 361 w 641"/>
                <a:gd name="T33" fmla="*/ 135 h 731"/>
                <a:gd name="T34" fmla="*/ 379 w 641"/>
                <a:gd name="T35" fmla="*/ 124 h 731"/>
                <a:gd name="T36" fmla="*/ 398 w 641"/>
                <a:gd name="T37" fmla="*/ 118 h 731"/>
                <a:gd name="T38" fmla="*/ 418 w 641"/>
                <a:gd name="T39" fmla="*/ 107 h 731"/>
                <a:gd name="T40" fmla="*/ 430 w 641"/>
                <a:gd name="T41" fmla="*/ 99 h 731"/>
                <a:gd name="T42" fmla="*/ 429 w 641"/>
                <a:gd name="T43" fmla="*/ 98 h 731"/>
                <a:gd name="T44" fmla="*/ 406 w 641"/>
                <a:gd name="T45" fmla="*/ 101 h 731"/>
                <a:gd name="T46" fmla="*/ 355 w 641"/>
                <a:gd name="T47" fmla="*/ 95 h 731"/>
                <a:gd name="T48" fmla="*/ 352 w 641"/>
                <a:gd name="T49" fmla="*/ 85 h 731"/>
                <a:gd name="T50" fmla="*/ 332 w 641"/>
                <a:gd name="T51" fmla="*/ 98 h 731"/>
                <a:gd name="T52" fmla="*/ 310 w 641"/>
                <a:gd name="T53" fmla="*/ 98 h 731"/>
                <a:gd name="T54" fmla="*/ 302 w 641"/>
                <a:gd name="T55" fmla="*/ 89 h 731"/>
                <a:gd name="T56" fmla="*/ 294 w 641"/>
                <a:gd name="T57" fmla="*/ 87 h 731"/>
                <a:gd name="T58" fmla="*/ 287 w 641"/>
                <a:gd name="T59" fmla="*/ 79 h 731"/>
                <a:gd name="T60" fmla="*/ 272 w 641"/>
                <a:gd name="T61" fmla="*/ 86 h 731"/>
                <a:gd name="T62" fmla="*/ 263 w 641"/>
                <a:gd name="T63" fmla="*/ 76 h 731"/>
                <a:gd name="T64" fmla="*/ 253 w 641"/>
                <a:gd name="T65" fmla="*/ 66 h 731"/>
                <a:gd name="T66" fmla="*/ 255 w 641"/>
                <a:gd name="T67" fmla="*/ 65 h 731"/>
                <a:gd name="T68" fmla="*/ 233 w 641"/>
                <a:gd name="T69" fmla="*/ 61 h 731"/>
                <a:gd name="T70" fmla="*/ 212 w 641"/>
                <a:gd name="T71" fmla="*/ 59 h 731"/>
                <a:gd name="T72" fmla="*/ 191 w 641"/>
                <a:gd name="T73" fmla="*/ 69 h 731"/>
                <a:gd name="T74" fmla="*/ 160 w 641"/>
                <a:gd name="T75" fmla="*/ 55 h 731"/>
                <a:gd name="T76" fmla="*/ 140 w 641"/>
                <a:gd name="T77" fmla="*/ 47 h 731"/>
                <a:gd name="T78" fmla="*/ 114 w 641"/>
                <a:gd name="T79" fmla="*/ 23 h 731"/>
                <a:gd name="T80" fmla="*/ 7 w 641"/>
                <a:gd name="T81" fmla="*/ 58 h 731"/>
                <a:gd name="T82" fmla="*/ 5 w 641"/>
                <a:gd name="T83" fmla="*/ 86 h 731"/>
                <a:gd name="T84" fmla="*/ 14 w 641"/>
                <a:gd name="T85" fmla="*/ 121 h 731"/>
                <a:gd name="T86" fmla="*/ 17 w 641"/>
                <a:gd name="T87" fmla="*/ 141 h 731"/>
                <a:gd name="T88" fmla="*/ 17 w 641"/>
                <a:gd name="T89" fmla="*/ 172 h 731"/>
                <a:gd name="T90" fmla="*/ 17 w 641"/>
                <a:gd name="T91" fmla="*/ 193 h 731"/>
                <a:gd name="T92" fmla="*/ 39 w 641"/>
                <a:gd name="T93" fmla="*/ 279 h 731"/>
                <a:gd name="T94" fmla="*/ 17 w 641"/>
                <a:gd name="T95" fmla="*/ 304 h 731"/>
                <a:gd name="T96" fmla="*/ 25 w 641"/>
                <a:gd name="T97" fmla="*/ 316 h 731"/>
                <a:gd name="T98" fmla="*/ 44 w 641"/>
                <a:gd name="T99" fmla="*/ 328 h 731"/>
                <a:gd name="T100" fmla="*/ 44 w 641"/>
                <a:gd name="T101" fmla="*/ 376 h 731"/>
                <a:gd name="T102" fmla="*/ 43 w 641"/>
                <a:gd name="T103" fmla="*/ 454 h 731"/>
                <a:gd name="T104" fmla="*/ 45 w 641"/>
                <a:gd name="T105" fmla="*/ 476 h 731"/>
                <a:gd name="T106" fmla="*/ 85 w 641"/>
                <a:gd name="T107" fmla="*/ 476 h 731"/>
                <a:gd name="T108" fmla="*/ 157 w 641"/>
                <a:gd name="T109" fmla="*/ 474 h 731"/>
                <a:gd name="T110" fmla="*/ 240 w 641"/>
                <a:gd name="T111" fmla="*/ 472 h 731"/>
                <a:gd name="T112" fmla="*/ 312 w 641"/>
                <a:gd name="T113" fmla="*/ 471 h 731"/>
                <a:gd name="T114" fmla="*/ 353 w 641"/>
                <a:gd name="T115" fmla="*/ 468 h 731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641"/>
                <a:gd name="T175" fmla="*/ 0 h 731"/>
                <a:gd name="T176" fmla="*/ 641 w 641"/>
                <a:gd name="T177" fmla="*/ 731 h 731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641" h="731">
                  <a:moveTo>
                    <a:pt x="526" y="718"/>
                  </a:moveTo>
                  <a:lnTo>
                    <a:pt x="528" y="716"/>
                  </a:lnTo>
                  <a:lnTo>
                    <a:pt x="528" y="709"/>
                  </a:lnTo>
                  <a:lnTo>
                    <a:pt x="525" y="701"/>
                  </a:lnTo>
                  <a:lnTo>
                    <a:pt x="523" y="691"/>
                  </a:lnTo>
                  <a:lnTo>
                    <a:pt x="520" y="682"/>
                  </a:lnTo>
                  <a:lnTo>
                    <a:pt x="518" y="674"/>
                  </a:lnTo>
                  <a:lnTo>
                    <a:pt x="515" y="667"/>
                  </a:lnTo>
                  <a:lnTo>
                    <a:pt x="513" y="665"/>
                  </a:lnTo>
                  <a:lnTo>
                    <a:pt x="499" y="660"/>
                  </a:lnTo>
                  <a:lnTo>
                    <a:pt x="487" y="653"/>
                  </a:lnTo>
                  <a:lnTo>
                    <a:pt x="479" y="645"/>
                  </a:lnTo>
                  <a:lnTo>
                    <a:pt x="471" y="637"/>
                  </a:lnTo>
                  <a:lnTo>
                    <a:pt x="465" y="628"/>
                  </a:lnTo>
                  <a:lnTo>
                    <a:pt x="460" y="620"/>
                  </a:lnTo>
                  <a:lnTo>
                    <a:pt x="457" y="616"/>
                  </a:lnTo>
                  <a:lnTo>
                    <a:pt x="457" y="613"/>
                  </a:lnTo>
                  <a:lnTo>
                    <a:pt x="427" y="601"/>
                  </a:lnTo>
                  <a:lnTo>
                    <a:pt x="425" y="593"/>
                  </a:lnTo>
                  <a:lnTo>
                    <a:pt x="423" y="593"/>
                  </a:lnTo>
                  <a:lnTo>
                    <a:pt x="423" y="591"/>
                  </a:lnTo>
                  <a:lnTo>
                    <a:pt x="421" y="591"/>
                  </a:lnTo>
                  <a:lnTo>
                    <a:pt x="418" y="591"/>
                  </a:lnTo>
                  <a:lnTo>
                    <a:pt x="416" y="591"/>
                  </a:lnTo>
                  <a:lnTo>
                    <a:pt x="413" y="593"/>
                  </a:lnTo>
                  <a:lnTo>
                    <a:pt x="410" y="591"/>
                  </a:lnTo>
                  <a:lnTo>
                    <a:pt x="405" y="589"/>
                  </a:lnTo>
                  <a:lnTo>
                    <a:pt x="398" y="587"/>
                  </a:lnTo>
                  <a:lnTo>
                    <a:pt x="393" y="582"/>
                  </a:lnTo>
                  <a:lnTo>
                    <a:pt x="388" y="577"/>
                  </a:lnTo>
                  <a:lnTo>
                    <a:pt x="384" y="574"/>
                  </a:lnTo>
                  <a:lnTo>
                    <a:pt x="383" y="569"/>
                  </a:lnTo>
                  <a:lnTo>
                    <a:pt x="383" y="564"/>
                  </a:lnTo>
                  <a:lnTo>
                    <a:pt x="386" y="555"/>
                  </a:lnTo>
                  <a:lnTo>
                    <a:pt x="388" y="550"/>
                  </a:lnTo>
                  <a:lnTo>
                    <a:pt x="388" y="545"/>
                  </a:lnTo>
                  <a:lnTo>
                    <a:pt x="388" y="542"/>
                  </a:lnTo>
                  <a:lnTo>
                    <a:pt x="386" y="538"/>
                  </a:lnTo>
                  <a:lnTo>
                    <a:pt x="384" y="535"/>
                  </a:lnTo>
                  <a:lnTo>
                    <a:pt x="383" y="532"/>
                  </a:lnTo>
                  <a:lnTo>
                    <a:pt x="379" y="528"/>
                  </a:lnTo>
                  <a:lnTo>
                    <a:pt x="379" y="523"/>
                  </a:lnTo>
                  <a:lnTo>
                    <a:pt x="379" y="515"/>
                  </a:lnTo>
                  <a:lnTo>
                    <a:pt x="379" y="508"/>
                  </a:lnTo>
                  <a:lnTo>
                    <a:pt x="383" y="499"/>
                  </a:lnTo>
                  <a:lnTo>
                    <a:pt x="384" y="493"/>
                  </a:lnTo>
                  <a:lnTo>
                    <a:pt x="388" y="486"/>
                  </a:lnTo>
                  <a:lnTo>
                    <a:pt x="388" y="481"/>
                  </a:lnTo>
                  <a:lnTo>
                    <a:pt x="389" y="481"/>
                  </a:lnTo>
                  <a:lnTo>
                    <a:pt x="381" y="467"/>
                  </a:lnTo>
                  <a:lnTo>
                    <a:pt x="367" y="467"/>
                  </a:lnTo>
                  <a:lnTo>
                    <a:pt x="367" y="447"/>
                  </a:lnTo>
                  <a:lnTo>
                    <a:pt x="369" y="447"/>
                  </a:lnTo>
                  <a:lnTo>
                    <a:pt x="371" y="445"/>
                  </a:lnTo>
                  <a:lnTo>
                    <a:pt x="372" y="445"/>
                  </a:lnTo>
                  <a:lnTo>
                    <a:pt x="374" y="442"/>
                  </a:lnTo>
                  <a:lnTo>
                    <a:pt x="374" y="440"/>
                  </a:lnTo>
                  <a:lnTo>
                    <a:pt x="376" y="437"/>
                  </a:lnTo>
                  <a:lnTo>
                    <a:pt x="377" y="432"/>
                  </a:lnTo>
                  <a:lnTo>
                    <a:pt x="384" y="427"/>
                  </a:lnTo>
                  <a:lnTo>
                    <a:pt x="389" y="422"/>
                  </a:lnTo>
                  <a:lnTo>
                    <a:pt x="398" y="415"/>
                  </a:lnTo>
                  <a:lnTo>
                    <a:pt x="405" y="410"/>
                  </a:lnTo>
                  <a:lnTo>
                    <a:pt x="411" y="406"/>
                  </a:lnTo>
                  <a:lnTo>
                    <a:pt x="415" y="403"/>
                  </a:lnTo>
                  <a:lnTo>
                    <a:pt x="418" y="403"/>
                  </a:lnTo>
                  <a:lnTo>
                    <a:pt x="416" y="332"/>
                  </a:lnTo>
                  <a:lnTo>
                    <a:pt x="415" y="332"/>
                  </a:lnTo>
                  <a:lnTo>
                    <a:pt x="415" y="330"/>
                  </a:lnTo>
                  <a:lnTo>
                    <a:pt x="416" y="329"/>
                  </a:lnTo>
                  <a:lnTo>
                    <a:pt x="418" y="325"/>
                  </a:lnTo>
                  <a:lnTo>
                    <a:pt x="423" y="322"/>
                  </a:lnTo>
                  <a:lnTo>
                    <a:pt x="430" y="317"/>
                  </a:lnTo>
                  <a:lnTo>
                    <a:pt x="435" y="313"/>
                  </a:lnTo>
                  <a:lnTo>
                    <a:pt x="440" y="308"/>
                  </a:lnTo>
                  <a:lnTo>
                    <a:pt x="445" y="303"/>
                  </a:lnTo>
                  <a:lnTo>
                    <a:pt x="450" y="298"/>
                  </a:lnTo>
                  <a:lnTo>
                    <a:pt x="457" y="293"/>
                  </a:lnTo>
                  <a:lnTo>
                    <a:pt x="464" y="286"/>
                  </a:lnTo>
                  <a:lnTo>
                    <a:pt x="471" y="279"/>
                  </a:lnTo>
                  <a:lnTo>
                    <a:pt x="477" y="274"/>
                  </a:lnTo>
                  <a:lnTo>
                    <a:pt x="484" y="268"/>
                  </a:lnTo>
                  <a:lnTo>
                    <a:pt x="491" y="261"/>
                  </a:lnTo>
                  <a:lnTo>
                    <a:pt x="496" y="256"/>
                  </a:lnTo>
                  <a:lnTo>
                    <a:pt x="503" y="249"/>
                  </a:lnTo>
                  <a:lnTo>
                    <a:pt x="506" y="244"/>
                  </a:lnTo>
                  <a:lnTo>
                    <a:pt x="511" y="239"/>
                  </a:lnTo>
                  <a:lnTo>
                    <a:pt x="515" y="235"/>
                  </a:lnTo>
                  <a:lnTo>
                    <a:pt x="516" y="232"/>
                  </a:lnTo>
                  <a:lnTo>
                    <a:pt x="518" y="229"/>
                  </a:lnTo>
                  <a:lnTo>
                    <a:pt x="520" y="224"/>
                  </a:lnTo>
                  <a:lnTo>
                    <a:pt x="523" y="220"/>
                  </a:lnTo>
                  <a:lnTo>
                    <a:pt x="525" y="217"/>
                  </a:lnTo>
                  <a:lnTo>
                    <a:pt x="528" y="213"/>
                  </a:lnTo>
                  <a:lnTo>
                    <a:pt x="533" y="210"/>
                  </a:lnTo>
                  <a:lnTo>
                    <a:pt x="537" y="207"/>
                  </a:lnTo>
                  <a:lnTo>
                    <a:pt x="542" y="203"/>
                  </a:lnTo>
                  <a:lnTo>
                    <a:pt x="547" y="200"/>
                  </a:lnTo>
                  <a:lnTo>
                    <a:pt x="550" y="198"/>
                  </a:lnTo>
                  <a:lnTo>
                    <a:pt x="555" y="195"/>
                  </a:lnTo>
                  <a:lnTo>
                    <a:pt x="560" y="193"/>
                  </a:lnTo>
                  <a:lnTo>
                    <a:pt x="565" y="190"/>
                  </a:lnTo>
                  <a:lnTo>
                    <a:pt x="570" y="188"/>
                  </a:lnTo>
                  <a:lnTo>
                    <a:pt x="574" y="188"/>
                  </a:lnTo>
                  <a:lnTo>
                    <a:pt x="579" y="186"/>
                  </a:lnTo>
                  <a:lnTo>
                    <a:pt x="582" y="185"/>
                  </a:lnTo>
                  <a:lnTo>
                    <a:pt x="587" y="183"/>
                  </a:lnTo>
                  <a:lnTo>
                    <a:pt x="592" y="181"/>
                  </a:lnTo>
                  <a:lnTo>
                    <a:pt x="597" y="180"/>
                  </a:lnTo>
                  <a:lnTo>
                    <a:pt x="603" y="176"/>
                  </a:lnTo>
                  <a:lnTo>
                    <a:pt x="608" y="173"/>
                  </a:lnTo>
                  <a:lnTo>
                    <a:pt x="613" y="169"/>
                  </a:lnTo>
                  <a:lnTo>
                    <a:pt x="618" y="166"/>
                  </a:lnTo>
                  <a:lnTo>
                    <a:pt x="623" y="164"/>
                  </a:lnTo>
                  <a:lnTo>
                    <a:pt x="628" y="161"/>
                  </a:lnTo>
                  <a:lnTo>
                    <a:pt x="631" y="158"/>
                  </a:lnTo>
                  <a:lnTo>
                    <a:pt x="635" y="156"/>
                  </a:lnTo>
                  <a:lnTo>
                    <a:pt x="638" y="154"/>
                  </a:lnTo>
                  <a:lnTo>
                    <a:pt x="640" y="153"/>
                  </a:lnTo>
                  <a:lnTo>
                    <a:pt x="641" y="151"/>
                  </a:lnTo>
                  <a:lnTo>
                    <a:pt x="641" y="149"/>
                  </a:lnTo>
                  <a:lnTo>
                    <a:pt x="640" y="149"/>
                  </a:lnTo>
                  <a:lnTo>
                    <a:pt x="638" y="149"/>
                  </a:lnTo>
                  <a:lnTo>
                    <a:pt x="633" y="149"/>
                  </a:lnTo>
                  <a:lnTo>
                    <a:pt x="625" y="153"/>
                  </a:lnTo>
                  <a:lnTo>
                    <a:pt x="618" y="153"/>
                  </a:lnTo>
                  <a:lnTo>
                    <a:pt x="611" y="153"/>
                  </a:lnTo>
                  <a:lnTo>
                    <a:pt x="606" y="153"/>
                  </a:lnTo>
                  <a:lnTo>
                    <a:pt x="603" y="149"/>
                  </a:lnTo>
                  <a:lnTo>
                    <a:pt x="599" y="147"/>
                  </a:lnTo>
                  <a:lnTo>
                    <a:pt x="597" y="146"/>
                  </a:lnTo>
                  <a:lnTo>
                    <a:pt x="596" y="144"/>
                  </a:lnTo>
                  <a:lnTo>
                    <a:pt x="530" y="144"/>
                  </a:lnTo>
                  <a:lnTo>
                    <a:pt x="530" y="131"/>
                  </a:lnTo>
                  <a:lnTo>
                    <a:pt x="528" y="131"/>
                  </a:lnTo>
                  <a:lnTo>
                    <a:pt x="526" y="131"/>
                  </a:lnTo>
                  <a:lnTo>
                    <a:pt x="525" y="131"/>
                  </a:lnTo>
                  <a:lnTo>
                    <a:pt x="523" y="131"/>
                  </a:lnTo>
                  <a:lnTo>
                    <a:pt x="521" y="131"/>
                  </a:lnTo>
                  <a:lnTo>
                    <a:pt x="520" y="131"/>
                  </a:lnTo>
                  <a:lnTo>
                    <a:pt x="518" y="131"/>
                  </a:lnTo>
                  <a:lnTo>
                    <a:pt x="509" y="139"/>
                  </a:lnTo>
                  <a:lnTo>
                    <a:pt x="501" y="146"/>
                  </a:lnTo>
                  <a:lnTo>
                    <a:pt x="494" y="149"/>
                  </a:lnTo>
                  <a:lnTo>
                    <a:pt x="487" y="153"/>
                  </a:lnTo>
                  <a:lnTo>
                    <a:pt x="481" y="154"/>
                  </a:lnTo>
                  <a:lnTo>
                    <a:pt x="476" y="154"/>
                  </a:lnTo>
                  <a:lnTo>
                    <a:pt x="471" y="153"/>
                  </a:lnTo>
                  <a:lnTo>
                    <a:pt x="465" y="153"/>
                  </a:lnTo>
                  <a:lnTo>
                    <a:pt x="462" y="149"/>
                  </a:lnTo>
                  <a:lnTo>
                    <a:pt x="459" y="147"/>
                  </a:lnTo>
                  <a:lnTo>
                    <a:pt x="455" y="144"/>
                  </a:lnTo>
                  <a:lnTo>
                    <a:pt x="454" y="142"/>
                  </a:lnTo>
                  <a:lnTo>
                    <a:pt x="452" y="141"/>
                  </a:lnTo>
                  <a:lnTo>
                    <a:pt x="450" y="139"/>
                  </a:lnTo>
                  <a:lnTo>
                    <a:pt x="450" y="137"/>
                  </a:lnTo>
                  <a:lnTo>
                    <a:pt x="450" y="136"/>
                  </a:lnTo>
                  <a:lnTo>
                    <a:pt x="449" y="136"/>
                  </a:lnTo>
                  <a:lnTo>
                    <a:pt x="447" y="136"/>
                  </a:lnTo>
                  <a:lnTo>
                    <a:pt x="443" y="136"/>
                  </a:lnTo>
                  <a:lnTo>
                    <a:pt x="440" y="136"/>
                  </a:lnTo>
                  <a:lnTo>
                    <a:pt x="437" y="134"/>
                  </a:lnTo>
                  <a:lnTo>
                    <a:pt x="435" y="132"/>
                  </a:lnTo>
                  <a:lnTo>
                    <a:pt x="433" y="131"/>
                  </a:lnTo>
                  <a:lnTo>
                    <a:pt x="432" y="127"/>
                  </a:lnTo>
                  <a:lnTo>
                    <a:pt x="432" y="125"/>
                  </a:lnTo>
                  <a:lnTo>
                    <a:pt x="430" y="124"/>
                  </a:lnTo>
                  <a:lnTo>
                    <a:pt x="428" y="120"/>
                  </a:lnTo>
                  <a:lnTo>
                    <a:pt x="427" y="117"/>
                  </a:lnTo>
                  <a:lnTo>
                    <a:pt x="423" y="117"/>
                  </a:lnTo>
                  <a:lnTo>
                    <a:pt x="420" y="117"/>
                  </a:lnTo>
                  <a:lnTo>
                    <a:pt x="415" y="119"/>
                  </a:lnTo>
                  <a:lnTo>
                    <a:pt x="411" y="122"/>
                  </a:lnTo>
                  <a:lnTo>
                    <a:pt x="405" y="132"/>
                  </a:lnTo>
                  <a:lnTo>
                    <a:pt x="399" y="136"/>
                  </a:lnTo>
                  <a:lnTo>
                    <a:pt x="396" y="134"/>
                  </a:lnTo>
                  <a:lnTo>
                    <a:pt x="396" y="131"/>
                  </a:lnTo>
                  <a:lnTo>
                    <a:pt x="394" y="125"/>
                  </a:lnTo>
                  <a:lnTo>
                    <a:pt x="393" y="120"/>
                  </a:lnTo>
                  <a:lnTo>
                    <a:pt x="393" y="115"/>
                  </a:lnTo>
                  <a:lnTo>
                    <a:pt x="389" y="112"/>
                  </a:lnTo>
                  <a:lnTo>
                    <a:pt x="381" y="109"/>
                  </a:lnTo>
                  <a:lnTo>
                    <a:pt x="377" y="105"/>
                  </a:lnTo>
                  <a:lnTo>
                    <a:pt x="376" y="103"/>
                  </a:lnTo>
                  <a:lnTo>
                    <a:pt x="376" y="102"/>
                  </a:lnTo>
                  <a:lnTo>
                    <a:pt x="376" y="100"/>
                  </a:lnTo>
                  <a:lnTo>
                    <a:pt x="377" y="100"/>
                  </a:lnTo>
                  <a:lnTo>
                    <a:pt x="379" y="98"/>
                  </a:lnTo>
                  <a:lnTo>
                    <a:pt x="377" y="98"/>
                  </a:lnTo>
                  <a:lnTo>
                    <a:pt x="374" y="97"/>
                  </a:lnTo>
                  <a:lnTo>
                    <a:pt x="371" y="97"/>
                  </a:lnTo>
                  <a:lnTo>
                    <a:pt x="364" y="97"/>
                  </a:lnTo>
                  <a:lnTo>
                    <a:pt x="355" y="95"/>
                  </a:lnTo>
                  <a:lnTo>
                    <a:pt x="347" y="93"/>
                  </a:lnTo>
                  <a:lnTo>
                    <a:pt x="339" y="92"/>
                  </a:lnTo>
                  <a:lnTo>
                    <a:pt x="332" y="90"/>
                  </a:lnTo>
                  <a:lnTo>
                    <a:pt x="327" y="88"/>
                  </a:lnTo>
                  <a:lnTo>
                    <a:pt x="322" y="88"/>
                  </a:lnTo>
                  <a:lnTo>
                    <a:pt x="318" y="88"/>
                  </a:lnTo>
                  <a:lnTo>
                    <a:pt x="315" y="90"/>
                  </a:lnTo>
                  <a:lnTo>
                    <a:pt x="311" y="92"/>
                  </a:lnTo>
                  <a:lnTo>
                    <a:pt x="306" y="98"/>
                  </a:lnTo>
                  <a:lnTo>
                    <a:pt x="301" y="102"/>
                  </a:lnTo>
                  <a:lnTo>
                    <a:pt x="296" y="105"/>
                  </a:lnTo>
                  <a:lnTo>
                    <a:pt x="289" y="105"/>
                  </a:lnTo>
                  <a:lnTo>
                    <a:pt x="286" y="105"/>
                  </a:lnTo>
                  <a:lnTo>
                    <a:pt x="283" y="105"/>
                  </a:lnTo>
                  <a:lnTo>
                    <a:pt x="279" y="105"/>
                  </a:lnTo>
                  <a:lnTo>
                    <a:pt x="278" y="105"/>
                  </a:lnTo>
                  <a:lnTo>
                    <a:pt x="276" y="92"/>
                  </a:lnTo>
                  <a:lnTo>
                    <a:pt x="242" y="92"/>
                  </a:lnTo>
                  <a:lnTo>
                    <a:pt x="240" y="83"/>
                  </a:lnTo>
                  <a:lnTo>
                    <a:pt x="229" y="85"/>
                  </a:lnTo>
                  <a:lnTo>
                    <a:pt x="222" y="85"/>
                  </a:lnTo>
                  <a:lnTo>
                    <a:pt x="215" y="83"/>
                  </a:lnTo>
                  <a:lnTo>
                    <a:pt x="212" y="80"/>
                  </a:lnTo>
                  <a:lnTo>
                    <a:pt x="208" y="76"/>
                  </a:lnTo>
                  <a:lnTo>
                    <a:pt x="207" y="73"/>
                  </a:lnTo>
                  <a:lnTo>
                    <a:pt x="205" y="71"/>
                  </a:lnTo>
                  <a:lnTo>
                    <a:pt x="205" y="70"/>
                  </a:lnTo>
                  <a:lnTo>
                    <a:pt x="205" y="26"/>
                  </a:lnTo>
                  <a:lnTo>
                    <a:pt x="181" y="2"/>
                  </a:lnTo>
                  <a:lnTo>
                    <a:pt x="168" y="0"/>
                  </a:lnTo>
                  <a:lnTo>
                    <a:pt x="169" y="37"/>
                  </a:lnTo>
                  <a:lnTo>
                    <a:pt x="159" y="46"/>
                  </a:lnTo>
                  <a:lnTo>
                    <a:pt x="0" y="48"/>
                  </a:lnTo>
                  <a:lnTo>
                    <a:pt x="7" y="85"/>
                  </a:lnTo>
                  <a:lnTo>
                    <a:pt x="7" y="87"/>
                  </a:lnTo>
                  <a:lnTo>
                    <a:pt x="7" y="88"/>
                  </a:lnTo>
                  <a:lnTo>
                    <a:pt x="7" y="93"/>
                  </a:lnTo>
                  <a:lnTo>
                    <a:pt x="5" y="100"/>
                  </a:lnTo>
                  <a:lnTo>
                    <a:pt x="5" y="107"/>
                  </a:lnTo>
                  <a:lnTo>
                    <a:pt x="5" y="114"/>
                  </a:lnTo>
                  <a:lnTo>
                    <a:pt x="5" y="124"/>
                  </a:lnTo>
                  <a:lnTo>
                    <a:pt x="5" y="132"/>
                  </a:lnTo>
                  <a:lnTo>
                    <a:pt x="5" y="142"/>
                  </a:lnTo>
                  <a:lnTo>
                    <a:pt x="7" y="153"/>
                  </a:lnTo>
                  <a:lnTo>
                    <a:pt x="7" y="161"/>
                  </a:lnTo>
                  <a:lnTo>
                    <a:pt x="9" y="169"/>
                  </a:lnTo>
                  <a:lnTo>
                    <a:pt x="10" y="178"/>
                  </a:lnTo>
                  <a:lnTo>
                    <a:pt x="14" y="186"/>
                  </a:lnTo>
                  <a:lnTo>
                    <a:pt x="17" y="193"/>
                  </a:lnTo>
                  <a:lnTo>
                    <a:pt x="22" y="198"/>
                  </a:lnTo>
                  <a:lnTo>
                    <a:pt x="22" y="200"/>
                  </a:lnTo>
                  <a:lnTo>
                    <a:pt x="22" y="203"/>
                  </a:lnTo>
                  <a:lnTo>
                    <a:pt x="24" y="208"/>
                  </a:lnTo>
                  <a:lnTo>
                    <a:pt x="25" y="217"/>
                  </a:lnTo>
                  <a:lnTo>
                    <a:pt x="27" y="225"/>
                  </a:lnTo>
                  <a:lnTo>
                    <a:pt x="29" y="235"/>
                  </a:lnTo>
                  <a:lnTo>
                    <a:pt x="29" y="246"/>
                  </a:lnTo>
                  <a:lnTo>
                    <a:pt x="31" y="256"/>
                  </a:lnTo>
                  <a:lnTo>
                    <a:pt x="31" y="259"/>
                  </a:lnTo>
                  <a:lnTo>
                    <a:pt x="31" y="264"/>
                  </a:lnTo>
                  <a:lnTo>
                    <a:pt x="31" y="271"/>
                  </a:lnTo>
                  <a:lnTo>
                    <a:pt x="31" y="278"/>
                  </a:lnTo>
                  <a:lnTo>
                    <a:pt x="31" y="285"/>
                  </a:lnTo>
                  <a:lnTo>
                    <a:pt x="31" y="290"/>
                  </a:lnTo>
                  <a:lnTo>
                    <a:pt x="31" y="295"/>
                  </a:lnTo>
                  <a:lnTo>
                    <a:pt x="31" y="296"/>
                  </a:lnTo>
                  <a:lnTo>
                    <a:pt x="39" y="310"/>
                  </a:lnTo>
                  <a:lnTo>
                    <a:pt x="36" y="332"/>
                  </a:lnTo>
                  <a:lnTo>
                    <a:pt x="39" y="362"/>
                  </a:lnTo>
                  <a:lnTo>
                    <a:pt x="49" y="376"/>
                  </a:lnTo>
                  <a:lnTo>
                    <a:pt x="54" y="389"/>
                  </a:lnTo>
                  <a:lnTo>
                    <a:pt x="53" y="427"/>
                  </a:lnTo>
                  <a:lnTo>
                    <a:pt x="53" y="437"/>
                  </a:lnTo>
                  <a:lnTo>
                    <a:pt x="37" y="455"/>
                  </a:lnTo>
                  <a:lnTo>
                    <a:pt x="36" y="457"/>
                  </a:lnTo>
                  <a:lnTo>
                    <a:pt x="34" y="459"/>
                  </a:lnTo>
                  <a:lnTo>
                    <a:pt x="32" y="462"/>
                  </a:lnTo>
                  <a:lnTo>
                    <a:pt x="31" y="466"/>
                  </a:lnTo>
                  <a:lnTo>
                    <a:pt x="29" y="469"/>
                  </a:lnTo>
                  <a:lnTo>
                    <a:pt x="29" y="474"/>
                  </a:lnTo>
                  <a:lnTo>
                    <a:pt x="31" y="477"/>
                  </a:lnTo>
                  <a:lnTo>
                    <a:pt x="34" y="481"/>
                  </a:lnTo>
                  <a:lnTo>
                    <a:pt x="36" y="481"/>
                  </a:lnTo>
                  <a:lnTo>
                    <a:pt x="39" y="484"/>
                  </a:lnTo>
                  <a:lnTo>
                    <a:pt x="44" y="488"/>
                  </a:lnTo>
                  <a:lnTo>
                    <a:pt x="49" y="491"/>
                  </a:lnTo>
                  <a:lnTo>
                    <a:pt x="54" y="496"/>
                  </a:lnTo>
                  <a:lnTo>
                    <a:pt x="59" y="499"/>
                  </a:lnTo>
                  <a:lnTo>
                    <a:pt x="61" y="501"/>
                  </a:lnTo>
                  <a:lnTo>
                    <a:pt x="63" y="503"/>
                  </a:lnTo>
                  <a:lnTo>
                    <a:pt x="63" y="505"/>
                  </a:lnTo>
                  <a:lnTo>
                    <a:pt x="63" y="511"/>
                  </a:lnTo>
                  <a:lnTo>
                    <a:pt x="63" y="523"/>
                  </a:lnTo>
                  <a:lnTo>
                    <a:pt x="63" y="538"/>
                  </a:lnTo>
                  <a:lnTo>
                    <a:pt x="63" y="555"/>
                  </a:lnTo>
                  <a:lnTo>
                    <a:pt x="63" y="576"/>
                  </a:lnTo>
                  <a:lnTo>
                    <a:pt x="63" y="596"/>
                  </a:lnTo>
                  <a:lnTo>
                    <a:pt x="63" y="618"/>
                  </a:lnTo>
                  <a:lnTo>
                    <a:pt x="63" y="638"/>
                  </a:lnTo>
                  <a:lnTo>
                    <a:pt x="61" y="660"/>
                  </a:lnTo>
                  <a:lnTo>
                    <a:pt x="61" y="679"/>
                  </a:lnTo>
                  <a:lnTo>
                    <a:pt x="61" y="696"/>
                  </a:lnTo>
                  <a:lnTo>
                    <a:pt x="61" y="711"/>
                  </a:lnTo>
                  <a:lnTo>
                    <a:pt x="61" y="721"/>
                  </a:lnTo>
                  <a:lnTo>
                    <a:pt x="63" y="728"/>
                  </a:lnTo>
                  <a:lnTo>
                    <a:pt x="63" y="731"/>
                  </a:lnTo>
                  <a:lnTo>
                    <a:pt x="63" y="730"/>
                  </a:lnTo>
                  <a:lnTo>
                    <a:pt x="66" y="730"/>
                  </a:lnTo>
                  <a:lnTo>
                    <a:pt x="73" y="730"/>
                  </a:lnTo>
                  <a:lnTo>
                    <a:pt x="80" y="730"/>
                  </a:lnTo>
                  <a:lnTo>
                    <a:pt x="90" y="730"/>
                  </a:lnTo>
                  <a:lnTo>
                    <a:pt x="100" y="730"/>
                  </a:lnTo>
                  <a:lnTo>
                    <a:pt x="113" y="730"/>
                  </a:lnTo>
                  <a:lnTo>
                    <a:pt x="127" y="730"/>
                  </a:lnTo>
                  <a:lnTo>
                    <a:pt x="144" y="730"/>
                  </a:lnTo>
                  <a:lnTo>
                    <a:pt x="159" y="730"/>
                  </a:lnTo>
                  <a:lnTo>
                    <a:pt x="178" y="730"/>
                  </a:lnTo>
                  <a:lnTo>
                    <a:pt x="196" y="730"/>
                  </a:lnTo>
                  <a:lnTo>
                    <a:pt x="215" y="730"/>
                  </a:lnTo>
                  <a:lnTo>
                    <a:pt x="235" y="728"/>
                  </a:lnTo>
                  <a:lnTo>
                    <a:pt x="254" y="728"/>
                  </a:lnTo>
                  <a:lnTo>
                    <a:pt x="274" y="728"/>
                  </a:lnTo>
                  <a:lnTo>
                    <a:pt x="296" y="728"/>
                  </a:lnTo>
                  <a:lnTo>
                    <a:pt x="317" y="728"/>
                  </a:lnTo>
                  <a:lnTo>
                    <a:pt x="337" y="728"/>
                  </a:lnTo>
                  <a:lnTo>
                    <a:pt x="357" y="726"/>
                  </a:lnTo>
                  <a:lnTo>
                    <a:pt x="376" y="726"/>
                  </a:lnTo>
                  <a:lnTo>
                    <a:pt x="396" y="726"/>
                  </a:lnTo>
                  <a:lnTo>
                    <a:pt x="415" y="726"/>
                  </a:lnTo>
                  <a:lnTo>
                    <a:pt x="432" y="725"/>
                  </a:lnTo>
                  <a:lnTo>
                    <a:pt x="449" y="725"/>
                  </a:lnTo>
                  <a:lnTo>
                    <a:pt x="465" y="725"/>
                  </a:lnTo>
                  <a:lnTo>
                    <a:pt x="479" y="723"/>
                  </a:lnTo>
                  <a:lnTo>
                    <a:pt x="493" y="723"/>
                  </a:lnTo>
                  <a:lnTo>
                    <a:pt x="503" y="721"/>
                  </a:lnTo>
                  <a:lnTo>
                    <a:pt x="513" y="721"/>
                  </a:lnTo>
                  <a:lnTo>
                    <a:pt x="521" y="719"/>
                  </a:lnTo>
                  <a:lnTo>
                    <a:pt x="526" y="718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779" name="Group 159"/>
            <p:cNvGrpSpPr>
              <a:grpSpLocks/>
            </p:cNvGrpSpPr>
            <p:nvPr/>
          </p:nvGrpSpPr>
          <p:grpSpPr bwMode="auto">
            <a:xfrm>
              <a:off x="3736" y="1882"/>
              <a:ext cx="401" cy="455"/>
              <a:chOff x="3961" y="1493"/>
              <a:chExt cx="412" cy="469"/>
            </a:xfrm>
          </p:grpSpPr>
          <p:sp>
            <p:nvSpPr>
              <p:cNvPr id="809" name="Freeform 160"/>
              <p:cNvSpPr>
                <a:spLocks/>
              </p:cNvSpPr>
              <p:nvPr/>
            </p:nvSpPr>
            <p:spPr bwMode="auto">
              <a:xfrm>
                <a:off x="3961" y="1493"/>
                <a:ext cx="412" cy="469"/>
              </a:xfrm>
              <a:custGeom>
                <a:avLst/>
                <a:gdLst>
                  <a:gd name="T0" fmla="*/ 121 w 412"/>
                  <a:gd name="T1" fmla="*/ 76 h 469"/>
                  <a:gd name="T2" fmla="*/ 130 w 412"/>
                  <a:gd name="T3" fmla="*/ 73 h 469"/>
                  <a:gd name="T4" fmla="*/ 152 w 412"/>
                  <a:gd name="T5" fmla="*/ 78 h 469"/>
                  <a:gd name="T6" fmla="*/ 181 w 412"/>
                  <a:gd name="T7" fmla="*/ 79 h 469"/>
                  <a:gd name="T8" fmla="*/ 169 w 412"/>
                  <a:gd name="T9" fmla="*/ 100 h 469"/>
                  <a:gd name="T10" fmla="*/ 182 w 412"/>
                  <a:gd name="T11" fmla="*/ 100 h 469"/>
                  <a:gd name="T12" fmla="*/ 196 w 412"/>
                  <a:gd name="T13" fmla="*/ 93 h 469"/>
                  <a:gd name="T14" fmla="*/ 209 w 412"/>
                  <a:gd name="T15" fmla="*/ 98 h 469"/>
                  <a:gd name="T16" fmla="*/ 226 w 412"/>
                  <a:gd name="T17" fmla="*/ 91 h 469"/>
                  <a:gd name="T18" fmla="*/ 240 w 412"/>
                  <a:gd name="T19" fmla="*/ 86 h 469"/>
                  <a:gd name="T20" fmla="*/ 255 w 412"/>
                  <a:gd name="T21" fmla="*/ 78 h 469"/>
                  <a:gd name="T22" fmla="*/ 270 w 412"/>
                  <a:gd name="T23" fmla="*/ 76 h 469"/>
                  <a:gd name="T24" fmla="*/ 277 w 412"/>
                  <a:gd name="T25" fmla="*/ 76 h 469"/>
                  <a:gd name="T26" fmla="*/ 291 w 412"/>
                  <a:gd name="T27" fmla="*/ 62 h 469"/>
                  <a:gd name="T28" fmla="*/ 318 w 412"/>
                  <a:gd name="T29" fmla="*/ 37 h 469"/>
                  <a:gd name="T30" fmla="*/ 353 w 412"/>
                  <a:gd name="T31" fmla="*/ 12 h 469"/>
                  <a:gd name="T32" fmla="*/ 380 w 412"/>
                  <a:gd name="T33" fmla="*/ 0 h 469"/>
                  <a:gd name="T34" fmla="*/ 404 w 412"/>
                  <a:gd name="T35" fmla="*/ 176 h 469"/>
                  <a:gd name="T36" fmla="*/ 409 w 412"/>
                  <a:gd name="T37" fmla="*/ 206 h 469"/>
                  <a:gd name="T38" fmla="*/ 404 w 412"/>
                  <a:gd name="T39" fmla="*/ 227 h 469"/>
                  <a:gd name="T40" fmla="*/ 399 w 412"/>
                  <a:gd name="T41" fmla="*/ 262 h 469"/>
                  <a:gd name="T42" fmla="*/ 399 w 412"/>
                  <a:gd name="T43" fmla="*/ 274 h 469"/>
                  <a:gd name="T44" fmla="*/ 399 w 412"/>
                  <a:gd name="T45" fmla="*/ 291 h 469"/>
                  <a:gd name="T46" fmla="*/ 387 w 412"/>
                  <a:gd name="T47" fmla="*/ 308 h 469"/>
                  <a:gd name="T48" fmla="*/ 370 w 412"/>
                  <a:gd name="T49" fmla="*/ 326 h 469"/>
                  <a:gd name="T50" fmla="*/ 365 w 412"/>
                  <a:gd name="T51" fmla="*/ 333 h 469"/>
                  <a:gd name="T52" fmla="*/ 351 w 412"/>
                  <a:gd name="T53" fmla="*/ 337 h 469"/>
                  <a:gd name="T54" fmla="*/ 326 w 412"/>
                  <a:gd name="T55" fmla="*/ 382 h 469"/>
                  <a:gd name="T56" fmla="*/ 323 w 412"/>
                  <a:gd name="T57" fmla="*/ 396 h 469"/>
                  <a:gd name="T58" fmla="*/ 311 w 412"/>
                  <a:gd name="T59" fmla="*/ 391 h 469"/>
                  <a:gd name="T60" fmla="*/ 302 w 412"/>
                  <a:gd name="T61" fmla="*/ 387 h 469"/>
                  <a:gd name="T62" fmla="*/ 296 w 412"/>
                  <a:gd name="T63" fmla="*/ 404 h 469"/>
                  <a:gd name="T64" fmla="*/ 292 w 412"/>
                  <a:gd name="T65" fmla="*/ 413 h 469"/>
                  <a:gd name="T66" fmla="*/ 289 w 412"/>
                  <a:gd name="T67" fmla="*/ 419 h 469"/>
                  <a:gd name="T68" fmla="*/ 285 w 412"/>
                  <a:gd name="T69" fmla="*/ 453 h 469"/>
                  <a:gd name="T70" fmla="*/ 263 w 412"/>
                  <a:gd name="T71" fmla="*/ 469 h 469"/>
                  <a:gd name="T72" fmla="*/ 253 w 412"/>
                  <a:gd name="T73" fmla="*/ 458 h 469"/>
                  <a:gd name="T74" fmla="*/ 236 w 412"/>
                  <a:gd name="T75" fmla="*/ 450 h 469"/>
                  <a:gd name="T76" fmla="*/ 231 w 412"/>
                  <a:gd name="T77" fmla="*/ 443 h 469"/>
                  <a:gd name="T78" fmla="*/ 214 w 412"/>
                  <a:gd name="T79" fmla="*/ 436 h 469"/>
                  <a:gd name="T80" fmla="*/ 198 w 412"/>
                  <a:gd name="T81" fmla="*/ 452 h 469"/>
                  <a:gd name="T82" fmla="*/ 177 w 412"/>
                  <a:gd name="T83" fmla="*/ 453 h 469"/>
                  <a:gd name="T84" fmla="*/ 169 w 412"/>
                  <a:gd name="T85" fmla="*/ 448 h 469"/>
                  <a:gd name="T86" fmla="*/ 157 w 412"/>
                  <a:gd name="T87" fmla="*/ 452 h 469"/>
                  <a:gd name="T88" fmla="*/ 143 w 412"/>
                  <a:gd name="T89" fmla="*/ 455 h 469"/>
                  <a:gd name="T90" fmla="*/ 98 w 412"/>
                  <a:gd name="T91" fmla="*/ 440 h 469"/>
                  <a:gd name="T92" fmla="*/ 89 w 412"/>
                  <a:gd name="T93" fmla="*/ 423 h 469"/>
                  <a:gd name="T94" fmla="*/ 59 w 412"/>
                  <a:gd name="T95" fmla="*/ 414 h 469"/>
                  <a:gd name="T96" fmla="*/ 42 w 412"/>
                  <a:gd name="T97" fmla="*/ 414 h 469"/>
                  <a:gd name="T98" fmla="*/ 0 w 412"/>
                  <a:gd name="T99" fmla="*/ 96 h 469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w 412"/>
                  <a:gd name="T151" fmla="*/ 0 h 469"/>
                  <a:gd name="T152" fmla="*/ 412 w 412"/>
                  <a:gd name="T153" fmla="*/ 469 h 469"/>
                </a:gdLst>
                <a:ahLst/>
                <a:cxnLst>
                  <a:cxn ang="T100">
                    <a:pos x="T0" y="T1"/>
                  </a:cxn>
                  <a:cxn ang="T101">
                    <a:pos x="T2" y="T3"/>
                  </a:cxn>
                  <a:cxn ang="T102">
                    <a:pos x="T4" y="T5"/>
                  </a:cxn>
                  <a:cxn ang="T103">
                    <a:pos x="T6" y="T7"/>
                  </a:cxn>
                  <a:cxn ang="T104">
                    <a:pos x="T8" y="T9"/>
                  </a:cxn>
                  <a:cxn ang="T105">
                    <a:pos x="T10" y="T11"/>
                  </a:cxn>
                  <a:cxn ang="T106">
                    <a:pos x="T12" y="T13"/>
                  </a:cxn>
                  <a:cxn ang="T107">
                    <a:pos x="T14" y="T15"/>
                  </a:cxn>
                  <a:cxn ang="T108">
                    <a:pos x="T16" y="T17"/>
                  </a:cxn>
                  <a:cxn ang="T109">
                    <a:pos x="T18" y="T19"/>
                  </a:cxn>
                  <a:cxn ang="T110">
                    <a:pos x="T20" y="T21"/>
                  </a:cxn>
                  <a:cxn ang="T111">
                    <a:pos x="T22" y="T23"/>
                  </a:cxn>
                  <a:cxn ang="T112">
                    <a:pos x="T24" y="T25"/>
                  </a:cxn>
                  <a:cxn ang="T113">
                    <a:pos x="T26" y="T27"/>
                  </a:cxn>
                  <a:cxn ang="T114">
                    <a:pos x="T28" y="T29"/>
                  </a:cxn>
                  <a:cxn ang="T115">
                    <a:pos x="T30" y="T31"/>
                  </a:cxn>
                  <a:cxn ang="T116">
                    <a:pos x="T32" y="T33"/>
                  </a:cxn>
                  <a:cxn ang="T117">
                    <a:pos x="T34" y="T35"/>
                  </a:cxn>
                  <a:cxn ang="T118">
                    <a:pos x="T36" y="T37"/>
                  </a:cxn>
                  <a:cxn ang="T119">
                    <a:pos x="T38" y="T39"/>
                  </a:cxn>
                  <a:cxn ang="T120">
                    <a:pos x="T40" y="T41"/>
                  </a:cxn>
                  <a:cxn ang="T121">
                    <a:pos x="T42" y="T43"/>
                  </a:cxn>
                  <a:cxn ang="T122">
                    <a:pos x="T44" y="T45"/>
                  </a:cxn>
                  <a:cxn ang="T123">
                    <a:pos x="T46" y="T47"/>
                  </a:cxn>
                  <a:cxn ang="T124">
                    <a:pos x="T48" y="T49"/>
                  </a:cxn>
                  <a:cxn ang="T125">
                    <a:pos x="T50" y="T51"/>
                  </a:cxn>
                  <a:cxn ang="T126">
                    <a:pos x="T52" y="T53"/>
                  </a:cxn>
                  <a:cxn ang="T127">
                    <a:pos x="T54" y="T55"/>
                  </a:cxn>
                  <a:cxn ang="T128">
                    <a:pos x="T56" y="T57"/>
                  </a:cxn>
                  <a:cxn ang="T129">
                    <a:pos x="T58" y="T59"/>
                  </a:cxn>
                  <a:cxn ang="T130">
                    <a:pos x="T60" y="T61"/>
                  </a:cxn>
                  <a:cxn ang="T131">
                    <a:pos x="T62" y="T63"/>
                  </a:cxn>
                  <a:cxn ang="T132">
                    <a:pos x="T64" y="T65"/>
                  </a:cxn>
                  <a:cxn ang="T133">
                    <a:pos x="T66" y="T67"/>
                  </a:cxn>
                  <a:cxn ang="T134">
                    <a:pos x="T68" y="T69"/>
                  </a:cxn>
                  <a:cxn ang="T135">
                    <a:pos x="T70" y="T71"/>
                  </a:cxn>
                  <a:cxn ang="T136">
                    <a:pos x="T72" y="T73"/>
                  </a:cxn>
                  <a:cxn ang="T137">
                    <a:pos x="T74" y="T75"/>
                  </a:cxn>
                  <a:cxn ang="T138">
                    <a:pos x="T76" y="T77"/>
                  </a:cxn>
                  <a:cxn ang="T139">
                    <a:pos x="T78" y="T79"/>
                  </a:cxn>
                  <a:cxn ang="T140">
                    <a:pos x="T80" y="T81"/>
                  </a:cxn>
                  <a:cxn ang="T141">
                    <a:pos x="T82" y="T83"/>
                  </a:cxn>
                  <a:cxn ang="T142">
                    <a:pos x="T84" y="T85"/>
                  </a:cxn>
                  <a:cxn ang="T143">
                    <a:pos x="T86" y="T87"/>
                  </a:cxn>
                  <a:cxn ang="T144">
                    <a:pos x="T88" y="T89"/>
                  </a:cxn>
                  <a:cxn ang="T145">
                    <a:pos x="T90" y="T91"/>
                  </a:cxn>
                  <a:cxn ang="T146">
                    <a:pos x="T92" y="T93"/>
                  </a:cxn>
                  <a:cxn ang="T147">
                    <a:pos x="T94" y="T95"/>
                  </a:cxn>
                  <a:cxn ang="T148">
                    <a:pos x="T96" y="T97"/>
                  </a:cxn>
                  <a:cxn ang="T149">
                    <a:pos x="T98" y="T99"/>
                  </a:cxn>
                </a:cxnLst>
                <a:rect l="T150" t="T151" r="T152" b="T153"/>
                <a:pathLst>
                  <a:path w="412" h="469">
                    <a:moveTo>
                      <a:pt x="0" y="96"/>
                    </a:moveTo>
                    <a:lnTo>
                      <a:pt x="116" y="78"/>
                    </a:lnTo>
                    <a:lnTo>
                      <a:pt x="118" y="78"/>
                    </a:lnTo>
                    <a:lnTo>
                      <a:pt x="121" y="76"/>
                    </a:lnTo>
                    <a:lnTo>
                      <a:pt x="125" y="74"/>
                    </a:lnTo>
                    <a:lnTo>
                      <a:pt x="126" y="73"/>
                    </a:lnTo>
                    <a:lnTo>
                      <a:pt x="128" y="73"/>
                    </a:lnTo>
                    <a:lnTo>
                      <a:pt x="130" y="73"/>
                    </a:lnTo>
                    <a:lnTo>
                      <a:pt x="135" y="73"/>
                    </a:lnTo>
                    <a:lnTo>
                      <a:pt x="140" y="73"/>
                    </a:lnTo>
                    <a:lnTo>
                      <a:pt x="145" y="74"/>
                    </a:lnTo>
                    <a:lnTo>
                      <a:pt x="152" y="78"/>
                    </a:lnTo>
                    <a:lnTo>
                      <a:pt x="159" y="81"/>
                    </a:lnTo>
                    <a:lnTo>
                      <a:pt x="164" y="86"/>
                    </a:lnTo>
                    <a:lnTo>
                      <a:pt x="174" y="86"/>
                    </a:lnTo>
                    <a:lnTo>
                      <a:pt x="181" y="79"/>
                    </a:lnTo>
                    <a:lnTo>
                      <a:pt x="191" y="84"/>
                    </a:lnTo>
                    <a:lnTo>
                      <a:pt x="177" y="91"/>
                    </a:lnTo>
                    <a:lnTo>
                      <a:pt x="169" y="100"/>
                    </a:lnTo>
                    <a:lnTo>
                      <a:pt x="170" y="100"/>
                    </a:lnTo>
                    <a:lnTo>
                      <a:pt x="174" y="100"/>
                    </a:lnTo>
                    <a:lnTo>
                      <a:pt x="177" y="100"/>
                    </a:lnTo>
                    <a:lnTo>
                      <a:pt x="182" y="100"/>
                    </a:lnTo>
                    <a:lnTo>
                      <a:pt x="186" y="98"/>
                    </a:lnTo>
                    <a:lnTo>
                      <a:pt x="191" y="95"/>
                    </a:lnTo>
                    <a:lnTo>
                      <a:pt x="196" y="91"/>
                    </a:lnTo>
                    <a:lnTo>
                      <a:pt x="196" y="93"/>
                    </a:lnTo>
                    <a:lnTo>
                      <a:pt x="198" y="93"/>
                    </a:lnTo>
                    <a:lnTo>
                      <a:pt x="201" y="95"/>
                    </a:lnTo>
                    <a:lnTo>
                      <a:pt x="206" y="96"/>
                    </a:lnTo>
                    <a:lnTo>
                      <a:pt x="209" y="98"/>
                    </a:lnTo>
                    <a:lnTo>
                      <a:pt x="214" y="98"/>
                    </a:lnTo>
                    <a:lnTo>
                      <a:pt x="219" y="96"/>
                    </a:lnTo>
                    <a:lnTo>
                      <a:pt x="226" y="91"/>
                    </a:lnTo>
                    <a:lnTo>
                      <a:pt x="230" y="91"/>
                    </a:lnTo>
                    <a:lnTo>
                      <a:pt x="231" y="89"/>
                    </a:lnTo>
                    <a:lnTo>
                      <a:pt x="236" y="88"/>
                    </a:lnTo>
                    <a:lnTo>
                      <a:pt x="240" y="86"/>
                    </a:lnTo>
                    <a:lnTo>
                      <a:pt x="245" y="84"/>
                    </a:lnTo>
                    <a:lnTo>
                      <a:pt x="250" y="81"/>
                    </a:lnTo>
                    <a:lnTo>
                      <a:pt x="253" y="78"/>
                    </a:lnTo>
                    <a:lnTo>
                      <a:pt x="255" y="78"/>
                    </a:lnTo>
                    <a:lnTo>
                      <a:pt x="258" y="78"/>
                    </a:lnTo>
                    <a:lnTo>
                      <a:pt x="262" y="78"/>
                    </a:lnTo>
                    <a:lnTo>
                      <a:pt x="265" y="76"/>
                    </a:lnTo>
                    <a:lnTo>
                      <a:pt x="270" y="76"/>
                    </a:lnTo>
                    <a:lnTo>
                      <a:pt x="274" y="76"/>
                    </a:lnTo>
                    <a:lnTo>
                      <a:pt x="275" y="76"/>
                    </a:lnTo>
                    <a:lnTo>
                      <a:pt x="277" y="76"/>
                    </a:lnTo>
                    <a:lnTo>
                      <a:pt x="279" y="74"/>
                    </a:lnTo>
                    <a:lnTo>
                      <a:pt x="282" y="71"/>
                    </a:lnTo>
                    <a:lnTo>
                      <a:pt x="285" y="67"/>
                    </a:lnTo>
                    <a:lnTo>
                      <a:pt x="291" y="62"/>
                    </a:lnTo>
                    <a:lnTo>
                      <a:pt x="297" y="56"/>
                    </a:lnTo>
                    <a:lnTo>
                      <a:pt x="302" y="51"/>
                    </a:lnTo>
                    <a:lnTo>
                      <a:pt x="311" y="44"/>
                    </a:lnTo>
                    <a:lnTo>
                      <a:pt x="318" y="37"/>
                    </a:lnTo>
                    <a:lnTo>
                      <a:pt x="326" y="32"/>
                    </a:lnTo>
                    <a:lnTo>
                      <a:pt x="335" y="25"/>
                    </a:lnTo>
                    <a:lnTo>
                      <a:pt x="345" y="18"/>
                    </a:lnTo>
                    <a:lnTo>
                      <a:pt x="353" y="12"/>
                    </a:lnTo>
                    <a:lnTo>
                      <a:pt x="363" y="7"/>
                    </a:lnTo>
                    <a:lnTo>
                      <a:pt x="372" y="3"/>
                    </a:lnTo>
                    <a:lnTo>
                      <a:pt x="382" y="0"/>
                    </a:lnTo>
                    <a:lnTo>
                      <a:pt x="380" y="0"/>
                    </a:lnTo>
                    <a:lnTo>
                      <a:pt x="412" y="166"/>
                    </a:lnTo>
                    <a:lnTo>
                      <a:pt x="401" y="169"/>
                    </a:lnTo>
                    <a:lnTo>
                      <a:pt x="402" y="171"/>
                    </a:lnTo>
                    <a:lnTo>
                      <a:pt x="404" y="176"/>
                    </a:lnTo>
                    <a:lnTo>
                      <a:pt x="406" y="181"/>
                    </a:lnTo>
                    <a:lnTo>
                      <a:pt x="407" y="189"/>
                    </a:lnTo>
                    <a:lnTo>
                      <a:pt x="409" y="198"/>
                    </a:lnTo>
                    <a:lnTo>
                      <a:pt x="409" y="206"/>
                    </a:lnTo>
                    <a:lnTo>
                      <a:pt x="409" y="213"/>
                    </a:lnTo>
                    <a:lnTo>
                      <a:pt x="406" y="218"/>
                    </a:lnTo>
                    <a:lnTo>
                      <a:pt x="404" y="221"/>
                    </a:lnTo>
                    <a:lnTo>
                      <a:pt x="404" y="227"/>
                    </a:lnTo>
                    <a:lnTo>
                      <a:pt x="402" y="235"/>
                    </a:lnTo>
                    <a:lnTo>
                      <a:pt x="401" y="245"/>
                    </a:lnTo>
                    <a:lnTo>
                      <a:pt x="401" y="255"/>
                    </a:lnTo>
                    <a:lnTo>
                      <a:pt x="399" y="262"/>
                    </a:lnTo>
                    <a:lnTo>
                      <a:pt x="399" y="269"/>
                    </a:lnTo>
                    <a:lnTo>
                      <a:pt x="399" y="271"/>
                    </a:lnTo>
                    <a:lnTo>
                      <a:pt x="399" y="272"/>
                    </a:lnTo>
                    <a:lnTo>
                      <a:pt x="399" y="274"/>
                    </a:lnTo>
                    <a:lnTo>
                      <a:pt x="401" y="277"/>
                    </a:lnTo>
                    <a:lnTo>
                      <a:pt x="401" y="281"/>
                    </a:lnTo>
                    <a:lnTo>
                      <a:pt x="401" y="286"/>
                    </a:lnTo>
                    <a:lnTo>
                      <a:pt x="399" y="291"/>
                    </a:lnTo>
                    <a:lnTo>
                      <a:pt x="395" y="296"/>
                    </a:lnTo>
                    <a:lnTo>
                      <a:pt x="390" y="303"/>
                    </a:lnTo>
                    <a:lnTo>
                      <a:pt x="389" y="304"/>
                    </a:lnTo>
                    <a:lnTo>
                      <a:pt x="387" y="308"/>
                    </a:lnTo>
                    <a:lnTo>
                      <a:pt x="382" y="313"/>
                    </a:lnTo>
                    <a:lnTo>
                      <a:pt x="379" y="316"/>
                    </a:lnTo>
                    <a:lnTo>
                      <a:pt x="375" y="321"/>
                    </a:lnTo>
                    <a:lnTo>
                      <a:pt x="370" y="326"/>
                    </a:lnTo>
                    <a:lnTo>
                      <a:pt x="368" y="330"/>
                    </a:lnTo>
                    <a:lnTo>
                      <a:pt x="367" y="330"/>
                    </a:lnTo>
                    <a:lnTo>
                      <a:pt x="367" y="331"/>
                    </a:lnTo>
                    <a:lnTo>
                      <a:pt x="365" y="333"/>
                    </a:lnTo>
                    <a:lnTo>
                      <a:pt x="362" y="335"/>
                    </a:lnTo>
                    <a:lnTo>
                      <a:pt x="358" y="335"/>
                    </a:lnTo>
                    <a:lnTo>
                      <a:pt x="355" y="337"/>
                    </a:lnTo>
                    <a:lnTo>
                      <a:pt x="351" y="337"/>
                    </a:lnTo>
                    <a:lnTo>
                      <a:pt x="350" y="335"/>
                    </a:lnTo>
                    <a:lnTo>
                      <a:pt x="350" y="333"/>
                    </a:lnTo>
                    <a:lnTo>
                      <a:pt x="328" y="355"/>
                    </a:lnTo>
                    <a:lnTo>
                      <a:pt x="326" y="382"/>
                    </a:lnTo>
                    <a:lnTo>
                      <a:pt x="324" y="382"/>
                    </a:lnTo>
                    <a:lnTo>
                      <a:pt x="324" y="387"/>
                    </a:lnTo>
                    <a:lnTo>
                      <a:pt x="324" y="391"/>
                    </a:lnTo>
                    <a:lnTo>
                      <a:pt x="323" y="396"/>
                    </a:lnTo>
                    <a:lnTo>
                      <a:pt x="319" y="399"/>
                    </a:lnTo>
                    <a:lnTo>
                      <a:pt x="318" y="401"/>
                    </a:lnTo>
                    <a:lnTo>
                      <a:pt x="314" y="399"/>
                    </a:lnTo>
                    <a:lnTo>
                      <a:pt x="311" y="391"/>
                    </a:lnTo>
                    <a:lnTo>
                      <a:pt x="309" y="389"/>
                    </a:lnTo>
                    <a:lnTo>
                      <a:pt x="307" y="387"/>
                    </a:lnTo>
                    <a:lnTo>
                      <a:pt x="306" y="387"/>
                    </a:lnTo>
                    <a:lnTo>
                      <a:pt x="302" y="387"/>
                    </a:lnTo>
                    <a:lnTo>
                      <a:pt x="301" y="387"/>
                    </a:lnTo>
                    <a:lnTo>
                      <a:pt x="297" y="391"/>
                    </a:lnTo>
                    <a:lnTo>
                      <a:pt x="297" y="396"/>
                    </a:lnTo>
                    <a:lnTo>
                      <a:pt x="296" y="404"/>
                    </a:lnTo>
                    <a:lnTo>
                      <a:pt x="296" y="408"/>
                    </a:lnTo>
                    <a:lnTo>
                      <a:pt x="294" y="409"/>
                    </a:lnTo>
                    <a:lnTo>
                      <a:pt x="292" y="413"/>
                    </a:lnTo>
                    <a:lnTo>
                      <a:pt x="291" y="416"/>
                    </a:lnTo>
                    <a:lnTo>
                      <a:pt x="291" y="418"/>
                    </a:lnTo>
                    <a:lnTo>
                      <a:pt x="289" y="419"/>
                    </a:lnTo>
                    <a:lnTo>
                      <a:pt x="292" y="441"/>
                    </a:lnTo>
                    <a:lnTo>
                      <a:pt x="291" y="443"/>
                    </a:lnTo>
                    <a:lnTo>
                      <a:pt x="289" y="447"/>
                    </a:lnTo>
                    <a:lnTo>
                      <a:pt x="285" y="453"/>
                    </a:lnTo>
                    <a:lnTo>
                      <a:pt x="280" y="458"/>
                    </a:lnTo>
                    <a:lnTo>
                      <a:pt x="275" y="463"/>
                    </a:lnTo>
                    <a:lnTo>
                      <a:pt x="270" y="467"/>
                    </a:lnTo>
                    <a:lnTo>
                      <a:pt x="263" y="469"/>
                    </a:lnTo>
                    <a:lnTo>
                      <a:pt x="260" y="465"/>
                    </a:lnTo>
                    <a:lnTo>
                      <a:pt x="258" y="463"/>
                    </a:lnTo>
                    <a:lnTo>
                      <a:pt x="257" y="462"/>
                    </a:lnTo>
                    <a:lnTo>
                      <a:pt x="253" y="458"/>
                    </a:lnTo>
                    <a:lnTo>
                      <a:pt x="250" y="455"/>
                    </a:lnTo>
                    <a:lnTo>
                      <a:pt x="245" y="452"/>
                    </a:lnTo>
                    <a:lnTo>
                      <a:pt x="241" y="450"/>
                    </a:lnTo>
                    <a:lnTo>
                      <a:pt x="236" y="450"/>
                    </a:lnTo>
                    <a:lnTo>
                      <a:pt x="233" y="453"/>
                    </a:lnTo>
                    <a:lnTo>
                      <a:pt x="231" y="452"/>
                    </a:lnTo>
                    <a:lnTo>
                      <a:pt x="231" y="448"/>
                    </a:lnTo>
                    <a:lnTo>
                      <a:pt x="231" y="443"/>
                    </a:lnTo>
                    <a:lnTo>
                      <a:pt x="230" y="438"/>
                    </a:lnTo>
                    <a:lnTo>
                      <a:pt x="226" y="435"/>
                    </a:lnTo>
                    <a:lnTo>
                      <a:pt x="221" y="433"/>
                    </a:lnTo>
                    <a:lnTo>
                      <a:pt x="214" y="436"/>
                    </a:lnTo>
                    <a:lnTo>
                      <a:pt x="204" y="445"/>
                    </a:lnTo>
                    <a:lnTo>
                      <a:pt x="203" y="447"/>
                    </a:lnTo>
                    <a:lnTo>
                      <a:pt x="201" y="448"/>
                    </a:lnTo>
                    <a:lnTo>
                      <a:pt x="198" y="452"/>
                    </a:lnTo>
                    <a:lnTo>
                      <a:pt x="194" y="453"/>
                    </a:lnTo>
                    <a:lnTo>
                      <a:pt x="189" y="455"/>
                    </a:lnTo>
                    <a:lnTo>
                      <a:pt x="184" y="457"/>
                    </a:lnTo>
                    <a:lnTo>
                      <a:pt x="177" y="453"/>
                    </a:lnTo>
                    <a:lnTo>
                      <a:pt x="172" y="450"/>
                    </a:lnTo>
                    <a:lnTo>
                      <a:pt x="170" y="448"/>
                    </a:lnTo>
                    <a:lnTo>
                      <a:pt x="169" y="448"/>
                    </a:lnTo>
                    <a:lnTo>
                      <a:pt x="167" y="447"/>
                    </a:lnTo>
                    <a:lnTo>
                      <a:pt x="164" y="448"/>
                    </a:lnTo>
                    <a:lnTo>
                      <a:pt x="160" y="448"/>
                    </a:lnTo>
                    <a:lnTo>
                      <a:pt x="157" y="452"/>
                    </a:lnTo>
                    <a:lnTo>
                      <a:pt x="152" y="457"/>
                    </a:lnTo>
                    <a:lnTo>
                      <a:pt x="150" y="457"/>
                    </a:lnTo>
                    <a:lnTo>
                      <a:pt x="147" y="455"/>
                    </a:lnTo>
                    <a:lnTo>
                      <a:pt x="143" y="455"/>
                    </a:lnTo>
                    <a:lnTo>
                      <a:pt x="142" y="455"/>
                    </a:lnTo>
                    <a:lnTo>
                      <a:pt x="128" y="443"/>
                    </a:lnTo>
                    <a:lnTo>
                      <a:pt x="98" y="441"/>
                    </a:lnTo>
                    <a:lnTo>
                      <a:pt x="98" y="440"/>
                    </a:lnTo>
                    <a:lnTo>
                      <a:pt x="98" y="436"/>
                    </a:lnTo>
                    <a:lnTo>
                      <a:pt x="96" y="433"/>
                    </a:lnTo>
                    <a:lnTo>
                      <a:pt x="94" y="428"/>
                    </a:lnTo>
                    <a:lnTo>
                      <a:pt x="89" y="423"/>
                    </a:lnTo>
                    <a:lnTo>
                      <a:pt x="82" y="418"/>
                    </a:lnTo>
                    <a:lnTo>
                      <a:pt x="72" y="416"/>
                    </a:lnTo>
                    <a:lnTo>
                      <a:pt x="60" y="414"/>
                    </a:lnTo>
                    <a:lnTo>
                      <a:pt x="59" y="414"/>
                    </a:lnTo>
                    <a:lnTo>
                      <a:pt x="55" y="414"/>
                    </a:lnTo>
                    <a:lnTo>
                      <a:pt x="52" y="414"/>
                    </a:lnTo>
                    <a:lnTo>
                      <a:pt x="47" y="414"/>
                    </a:lnTo>
                    <a:lnTo>
                      <a:pt x="42" y="414"/>
                    </a:lnTo>
                    <a:lnTo>
                      <a:pt x="38" y="414"/>
                    </a:lnTo>
                    <a:lnTo>
                      <a:pt x="37" y="414"/>
                    </a:lnTo>
                    <a:lnTo>
                      <a:pt x="35" y="414"/>
                    </a:lnTo>
                    <a:lnTo>
                      <a:pt x="0" y="96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10" name="Freeform 161"/>
              <p:cNvSpPr>
                <a:spLocks/>
              </p:cNvSpPr>
              <p:nvPr/>
            </p:nvSpPr>
            <p:spPr bwMode="auto">
              <a:xfrm>
                <a:off x="3961" y="1493"/>
                <a:ext cx="412" cy="469"/>
              </a:xfrm>
              <a:custGeom>
                <a:avLst/>
                <a:gdLst>
                  <a:gd name="T0" fmla="*/ 118 w 412"/>
                  <a:gd name="T1" fmla="*/ 78 h 469"/>
                  <a:gd name="T2" fmla="*/ 126 w 412"/>
                  <a:gd name="T3" fmla="*/ 73 h 469"/>
                  <a:gd name="T4" fmla="*/ 140 w 412"/>
                  <a:gd name="T5" fmla="*/ 73 h 469"/>
                  <a:gd name="T6" fmla="*/ 164 w 412"/>
                  <a:gd name="T7" fmla="*/ 86 h 469"/>
                  <a:gd name="T8" fmla="*/ 177 w 412"/>
                  <a:gd name="T9" fmla="*/ 91 h 469"/>
                  <a:gd name="T10" fmla="*/ 170 w 412"/>
                  <a:gd name="T11" fmla="*/ 100 h 469"/>
                  <a:gd name="T12" fmla="*/ 186 w 412"/>
                  <a:gd name="T13" fmla="*/ 98 h 469"/>
                  <a:gd name="T14" fmla="*/ 196 w 412"/>
                  <a:gd name="T15" fmla="*/ 93 h 469"/>
                  <a:gd name="T16" fmla="*/ 209 w 412"/>
                  <a:gd name="T17" fmla="*/ 98 h 469"/>
                  <a:gd name="T18" fmla="*/ 226 w 412"/>
                  <a:gd name="T19" fmla="*/ 91 h 469"/>
                  <a:gd name="T20" fmla="*/ 236 w 412"/>
                  <a:gd name="T21" fmla="*/ 88 h 469"/>
                  <a:gd name="T22" fmla="*/ 253 w 412"/>
                  <a:gd name="T23" fmla="*/ 78 h 469"/>
                  <a:gd name="T24" fmla="*/ 262 w 412"/>
                  <a:gd name="T25" fmla="*/ 78 h 469"/>
                  <a:gd name="T26" fmla="*/ 275 w 412"/>
                  <a:gd name="T27" fmla="*/ 76 h 469"/>
                  <a:gd name="T28" fmla="*/ 279 w 412"/>
                  <a:gd name="T29" fmla="*/ 74 h 469"/>
                  <a:gd name="T30" fmla="*/ 297 w 412"/>
                  <a:gd name="T31" fmla="*/ 56 h 469"/>
                  <a:gd name="T32" fmla="*/ 326 w 412"/>
                  <a:gd name="T33" fmla="*/ 32 h 469"/>
                  <a:gd name="T34" fmla="*/ 363 w 412"/>
                  <a:gd name="T35" fmla="*/ 7 h 469"/>
                  <a:gd name="T36" fmla="*/ 412 w 412"/>
                  <a:gd name="T37" fmla="*/ 166 h 469"/>
                  <a:gd name="T38" fmla="*/ 404 w 412"/>
                  <a:gd name="T39" fmla="*/ 176 h 469"/>
                  <a:gd name="T40" fmla="*/ 409 w 412"/>
                  <a:gd name="T41" fmla="*/ 206 h 469"/>
                  <a:gd name="T42" fmla="*/ 404 w 412"/>
                  <a:gd name="T43" fmla="*/ 221 h 469"/>
                  <a:gd name="T44" fmla="*/ 401 w 412"/>
                  <a:gd name="T45" fmla="*/ 255 h 469"/>
                  <a:gd name="T46" fmla="*/ 399 w 412"/>
                  <a:gd name="T47" fmla="*/ 271 h 469"/>
                  <a:gd name="T48" fmla="*/ 401 w 412"/>
                  <a:gd name="T49" fmla="*/ 281 h 469"/>
                  <a:gd name="T50" fmla="*/ 390 w 412"/>
                  <a:gd name="T51" fmla="*/ 303 h 469"/>
                  <a:gd name="T52" fmla="*/ 382 w 412"/>
                  <a:gd name="T53" fmla="*/ 313 h 469"/>
                  <a:gd name="T54" fmla="*/ 368 w 412"/>
                  <a:gd name="T55" fmla="*/ 330 h 469"/>
                  <a:gd name="T56" fmla="*/ 365 w 412"/>
                  <a:gd name="T57" fmla="*/ 333 h 469"/>
                  <a:gd name="T58" fmla="*/ 351 w 412"/>
                  <a:gd name="T59" fmla="*/ 337 h 469"/>
                  <a:gd name="T60" fmla="*/ 326 w 412"/>
                  <a:gd name="T61" fmla="*/ 382 h 469"/>
                  <a:gd name="T62" fmla="*/ 324 w 412"/>
                  <a:gd name="T63" fmla="*/ 391 h 469"/>
                  <a:gd name="T64" fmla="*/ 314 w 412"/>
                  <a:gd name="T65" fmla="*/ 399 h 469"/>
                  <a:gd name="T66" fmla="*/ 307 w 412"/>
                  <a:gd name="T67" fmla="*/ 387 h 469"/>
                  <a:gd name="T68" fmla="*/ 297 w 412"/>
                  <a:gd name="T69" fmla="*/ 391 h 469"/>
                  <a:gd name="T70" fmla="*/ 296 w 412"/>
                  <a:gd name="T71" fmla="*/ 404 h 469"/>
                  <a:gd name="T72" fmla="*/ 291 w 412"/>
                  <a:gd name="T73" fmla="*/ 416 h 469"/>
                  <a:gd name="T74" fmla="*/ 292 w 412"/>
                  <a:gd name="T75" fmla="*/ 441 h 469"/>
                  <a:gd name="T76" fmla="*/ 285 w 412"/>
                  <a:gd name="T77" fmla="*/ 453 h 469"/>
                  <a:gd name="T78" fmla="*/ 263 w 412"/>
                  <a:gd name="T79" fmla="*/ 469 h 469"/>
                  <a:gd name="T80" fmla="*/ 257 w 412"/>
                  <a:gd name="T81" fmla="*/ 462 h 469"/>
                  <a:gd name="T82" fmla="*/ 241 w 412"/>
                  <a:gd name="T83" fmla="*/ 450 h 469"/>
                  <a:gd name="T84" fmla="*/ 231 w 412"/>
                  <a:gd name="T85" fmla="*/ 452 h 469"/>
                  <a:gd name="T86" fmla="*/ 226 w 412"/>
                  <a:gd name="T87" fmla="*/ 435 h 469"/>
                  <a:gd name="T88" fmla="*/ 204 w 412"/>
                  <a:gd name="T89" fmla="*/ 445 h 469"/>
                  <a:gd name="T90" fmla="*/ 194 w 412"/>
                  <a:gd name="T91" fmla="*/ 453 h 469"/>
                  <a:gd name="T92" fmla="*/ 172 w 412"/>
                  <a:gd name="T93" fmla="*/ 450 h 469"/>
                  <a:gd name="T94" fmla="*/ 169 w 412"/>
                  <a:gd name="T95" fmla="*/ 448 h 469"/>
                  <a:gd name="T96" fmla="*/ 157 w 412"/>
                  <a:gd name="T97" fmla="*/ 452 h 469"/>
                  <a:gd name="T98" fmla="*/ 147 w 412"/>
                  <a:gd name="T99" fmla="*/ 455 h 469"/>
                  <a:gd name="T100" fmla="*/ 98 w 412"/>
                  <a:gd name="T101" fmla="*/ 441 h 469"/>
                  <a:gd name="T102" fmla="*/ 96 w 412"/>
                  <a:gd name="T103" fmla="*/ 433 h 469"/>
                  <a:gd name="T104" fmla="*/ 72 w 412"/>
                  <a:gd name="T105" fmla="*/ 416 h 469"/>
                  <a:gd name="T106" fmla="*/ 55 w 412"/>
                  <a:gd name="T107" fmla="*/ 414 h 469"/>
                  <a:gd name="T108" fmla="*/ 38 w 412"/>
                  <a:gd name="T109" fmla="*/ 414 h 469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w 412"/>
                  <a:gd name="T166" fmla="*/ 0 h 469"/>
                  <a:gd name="T167" fmla="*/ 412 w 412"/>
                  <a:gd name="T168" fmla="*/ 469 h 469"/>
                </a:gdLst>
                <a:ahLst/>
                <a:cxnLst>
                  <a:cxn ang="T110">
                    <a:pos x="T0" y="T1"/>
                  </a:cxn>
                  <a:cxn ang="T111">
                    <a:pos x="T2" y="T3"/>
                  </a:cxn>
                  <a:cxn ang="T112">
                    <a:pos x="T4" y="T5"/>
                  </a:cxn>
                  <a:cxn ang="T113">
                    <a:pos x="T6" y="T7"/>
                  </a:cxn>
                  <a:cxn ang="T114">
                    <a:pos x="T8" y="T9"/>
                  </a:cxn>
                  <a:cxn ang="T115">
                    <a:pos x="T10" y="T11"/>
                  </a:cxn>
                  <a:cxn ang="T116">
                    <a:pos x="T12" y="T13"/>
                  </a:cxn>
                  <a:cxn ang="T117">
                    <a:pos x="T14" y="T15"/>
                  </a:cxn>
                  <a:cxn ang="T118">
                    <a:pos x="T16" y="T17"/>
                  </a:cxn>
                  <a:cxn ang="T119">
                    <a:pos x="T18" y="T19"/>
                  </a:cxn>
                  <a:cxn ang="T120">
                    <a:pos x="T20" y="T21"/>
                  </a:cxn>
                  <a:cxn ang="T121">
                    <a:pos x="T22" y="T23"/>
                  </a:cxn>
                  <a:cxn ang="T122">
                    <a:pos x="T24" y="T25"/>
                  </a:cxn>
                  <a:cxn ang="T123">
                    <a:pos x="T26" y="T27"/>
                  </a:cxn>
                  <a:cxn ang="T124">
                    <a:pos x="T28" y="T29"/>
                  </a:cxn>
                  <a:cxn ang="T125">
                    <a:pos x="T30" y="T31"/>
                  </a:cxn>
                  <a:cxn ang="T126">
                    <a:pos x="T32" y="T33"/>
                  </a:cxn>
                  <a:cxn ang="T127">
                    <a:pos x="T34" y="T35"/>
                  </a:cxn>
                  <a:cxn ang="T128">
                    <a:pos x="T36" y="T37"/>
                  </a:cxn>
                  <a:cxn ang="T129">
                    <a:pos x="T38" y="T39"/>
                  </a:cxn>
                  <a:cxn ang="T130">
                    <a:pos x="T40" y="T41"/>
                  </a:cxn>
                  <a:cxn ang="T131">
                    <a:pos x="T42" y="T43"/>
                  </a:cxn>
                  <a:cxn ang="T132">
                    <a:pos x="T44" y="T45"/>
                  </a:cxn>
                  <a:cxn ang="T133">
                    <a:pos x="T46" y="T47"/>
                  </a:cxn>
                  <a:cxn ang="T134">
                    <a:pos x="T48" y="T49"/>
                  </a:cxn>
                  <a:cxn ang="T135">
                    <a:pos x="T50" y="T51"/>
                  </a:cxn>
                  <a:cxn ang="T136">
                    <a:pos x="T52" y="T53"/>
                  </a:cxn>
                  <a:cxn ang="T137">
                    <a:pos x="T54" y="T55"/>
                  </a:cxn>
                  <a:cxn ang="T138">
                    <a:pos x="T56" y="T57"/>
                  </a:cxn>
                  <a:cxn ang="T139">
                    <a:pos x="T58" y="T59"/>
                  </a:cxn>
                  <a:cxn ang="T140">
                    <a:pos x="T60" y="T61"/>
                  </a:cxn>
                  <a:cxn ang="T141">
                    <a:pos x="T62" y="T63"/>
                  </a:cxn>
                  <a:cxn ang="T142">
                    <a:pos x="T64" y="T65"/>
                  </a:cxn>
                  <a:cxn ang="T143">
                    <a:pos x="T66" y="T67"/>
                  </a:cxn>
                  <a:cxn ang="T144">
                    <a:pos x="T68" y="T69"/>
                  </a:cxn>
                  <a:cxn ang="T145">
                    <a:pos x="T70" y="T71"/>
                  </a:cxn>
                  <a:cxn ang="T146">
                    <a:pos x="T72" y="T73"/>
                  </a:cxn>
                  <a:cxn ang="T147">
                    <a:pos x="T74" y="T75"/>
                  </a:cxn>
                  <a:cxn ang="T148">
                    <a:pos x="T76" y="T77"/>
                  </a:cxn>
                  <a:cxn ang="T149">
                    <a:pos x="T78" y="T79"/>
                  </a:cxn>
                  <a:cxn ang="T150">
                    <a:pos x="T80" y="T81"/>
                  </a:cxn>
                  <a:cxn ang="T151">
                    <a:pos x="T82" y="T83"/>
                  </a:cxn>
                  <a:cxn ang="T152">
                    <a:pos x="T84" y="T85"/>
                  </a:cxn>
                  <a:cxn ang="T153">
                    <a:pos x="T86" y="T87"/>
                  </a:cxn>
                  <a:cxn ang="T154">
                    <a:pos x="T88" y="T89"/>
                  </a:cxn>
                  <a:cxn ang="T155">
                    <a:pos x="T90" y="T91"/>
                  </a:cxn>
                  <a:cxn ang="T156">
                    <a:pos x="T92" y="T93"/>
                  </a:cxn>
                  <a:cxn ang="T157">
                    <a:pos x="T94" y="T95"/>
                  </a:cxn>
                  <a:cxn ang="T158">
                    <a:pos x="T96" y="T97"/>
                  </a:cxn>
                  <a:cxn ang="T159">
                    <a:pos x="T98" y="T99"/>
                  </a:cxn>
                  <a:cxn ang="T160">
                    <a:pos x="T100" y="T101"/>
                  </a:cxn>
                  <a:cxn ang="T161">
                    <a:pos x="T102" y="T103"/>
                  </a:cxn>
                  <a:cxn ang="T162">
                    <a:pos x="T104" y="T105"/>
                  </a:cxn>
                  <a:cxn ang="T163">
                    <a:pos x="T106" y="T107"/>
                  </a:cxn>
                  <a:cxn ang="T164">
                    <a:pos x="T108" y="T109"/>
                  </a:cxn>
                </a:cxnLst>
                <a:rect l="T165" t="T166" r="T167" b="T168"/>
                <a:pathLst>
                  <a:path w="412" h="469">
                    <a:moveTo>
                      <a:pt x="0" y="96"/>
                    </a:moveTo>
                    <a:lnTo>
                      <a:pt x="116" y="78"/>
                    </a:lnTo>
                    <a:lnTo>
                      <a:pt x="118" y="78"/>
                    </a:lnTo>
                    <a:lnTo>
                      <a:pt x="121" y="76"/>
                    </a:lnTo>
                    <a:lnTo>
                      <a:pt x="125" y="74"/>
                    </a:lnTo>
                    <a:lnTo>
                      <a:pt x="126" y="73"/>
                    </a:lnTo>
                    <a:lnTo>
                      <a:pt x="128" y="73"/>
                    </a:lnTo>
                    <a:lnTo>
                      <a:pt x="130" y="73"/>
                    </a:lnTo>
                    <a:lnTo>
                      <a:pt x="135" y="73"/>
                    </a:lnTo>
                    <a:lnTo>
                      <a:pt x="140" y="73"/>
                    </a:lnTo>
                    <a:lnTo>
                      <a:pt x="145" y="74"/>
                    </a:lnTo>
                    <a:lnTo>
                      <a:pt x="152" y="78"/>
                    </a:lnTo>
                    <a:lnTo>
                      <a:pt x="159" y="81"/>
                    </a:lnTo>
                    <a:lnTo>
                      <a:pt x="164" y="86"/>
                    </a:lnTo>
                    <a:lnTo>
                      <a:pt x="174" y="86"/>
                    </a:lnTo>
                    <a:lnTo>
                      <a:pt x="181" y="79"/>
                    </a:lnTo>
                    <a:lnTo>
                      <a:pt x="191" y="84"/>
                    </a:lnTo>
                    <a:lnTo>
                      <a:pt x="177" y="91"/>
                    </a:lnTo>
                    <a:lnTo>
                      <a:pt x="169" y="100"/>
                    </a:lnTo>
                    <a:lnTo>
                      <a:pt x="170" y="100"/>
                    </a:lnTo>
                    <a:lnTo>
                      <a:pt x="174" y="100"/>
                    </a:lnTo>
                    <a:lnTo>
                      <a:pt x="177" y="100"/>
                    </a:lnTo>
                    <a:lnTo>
                      <a:pt x="182" y="100"/>
                    </a:lnTo>
                    <a:lnTo>
                      <a:pt x="186" y="98"/>
                    </a:lnTo>
                    <a:lnTo>
                      <a:pt x="191" y="95"/>
                    </a:lnTo>
                    <a:lnTo>
                      <a:pt x="196" y="91"/>
                    </a:lnTo>
                    <a:lnTo>
                      <a:pt x="196" y="93"/>
                    </a:lnTo>
                    <a:lnTo>
                      <a:pt x="198" y="93"/>
                    </a:lnTo>
                    <a:lnTo>
                      <a:pt x="201" y="95"/>
                    </a:lnTo>
                    <a:lnTo>
                      <a:pt x="206" y="96"/>
                    </a:lnTo>
                    <a:lnTo>
                      <a:pt x="209" y="98"/>
                    </a:lnTo>
                    <a:lnTo>
                      <a:pt x="214" y="98"/>
                    </a:lnTo>
                    <a:lnTo>
                      <a:pt x="219" y="96"/>
                    </a:lnTo>
                    <a:lnTo>
                      <a:pt x="226" y="91"/>
                    </a:lnTo>
                    <a:lnTo>
                      <a:pt x="230" y="91"/>
                    </a:lnTo>
                    <a:lnTo>
                      <a:pt x="231" y="89"/>
                    </a:lnTo>
                    <a:lnTo>
                      <a:pt x="236" y="88"/>
                    </a:lnTo>
                    <a:lnTo>
                      <a:pt x="240" y="86"/>
                    </a:lnTo>
                    <a:lnTo>
                      <a:pt x="245" y="84"/>
                    </a:lnTo>
                    <a:lnTo>
                      <a:pt x="250" y="81"/>
                    </a:lnTo>
                    <a:lnTo>
                      <a:pt x="253" y="78"/>
                    </a:lnTo>
                    <a:lnTo>
                      <a:pt x="255" y="78"/>
                    </a:lnTo>
                    <a:lnTo>
                      <a:pt x="258" y="78"/>
                    </a:lnTo>
                    <a:lnTo>
                      <a:pt x="262" y="78"/>
                    </a:lnTo>
                    <a:lnTo>
                      <a:pt x="265" y="76"/>
                    </a:lnTo>
                    <a:lnTo>
                      <a:pt x="270" y="76"/>
                    </a:lnTo>
                    <a:lnTo>
                      <a:pt x="274" y="76"/>
                    </a:lnTo>
                    <a:lnTo>
                      <a:pt x="275" y="76"/>
                    </a:lnTo>
                    <a:lnTo>
                      <a:pt x="277" y="76"/>
                    </a:lnTo>
                    <a:lnTo>
                      <a:pt x="279" y="74"/>
                    </a:lnTo>
                    <a:lnTo>
                      <a:pt x="282" y="71"/>
                    </a:lnTo>
                    <a:lnTo>
                      <a:pt x="285" y="67"/>
                    </a:lnTo>
                    <a:lnTo>
                      <a:pt x="291" y="62"/>
                    </a:lnTo>
                    <a:lnTo>
                      <a:pt x="297" y="56"/>
                    </a:lnTo>
                    <a:lnTo>
                      <a:pt x="302" y="51"/>
                    </a:lnTo>
                    <a:lnTo>
                      <a:pt x="311" y="44"/>
                    </a:lnTo>
                    <a:lnTo>
                      <a:pt x="318" y="37"/>
                    </a:lnTo>
                    <a:lnTo>
                      <a:pt x="326" y="32"/>
                    </a:lnTo>
                    <a:lnTo>
                      <a:pt x="335" y="25"/>
                    </a:lnTo>
                    <a:lnTo>
                      <a:pt x="345" y="18"/>
                    </a:lnTo>
                    <a:lnTo>
                      <a:pt x="353" y="12"/>
                    </a:lnTo>
                    <a:lnTo>
                      <a:pt x="363" y="7"/>
                    </a:lnTo>
                    <a:lnTo>
                      <a:pt x="372" y="3"/>
                    </a:lnTo>
                    <a:lnTo>
                      <a:pt x="382" y="0"/>
                    </a:lnTo>
                    <a:lnTo>
                      <a:pt x="380" y="0"/>
                    </a:lnTo>
                    <a:lnTo>
                      <a:pt x="412" y="166"/>
                    </a:lnTo>
                    <a:lnTo>
                      <a:pt x="401" y="169"/>
                    </a:lnTo>
                    <a:lnTo>
                      <a:pt x="402" y="171"/>
                    </a:lnTo>
                    <a:lnTo>
                      <a:pt x="404" y="176"/>
                    </a:lnTo>
                    <a:lnTo>
                      <a:pt x="406" y="181"/>
                    </a:lnTo>
                    <a:lnTo>
                      <a:pt x="407" y="189"/>
                    </a:lnTo>
                    <a:lnTo>
                      <a:pt x="409" y="198"/>
                    </a:lnTo>
                    <a:lnTo>
                      <a:pt x="409" y="206"/>
                    </a:lnTo>
                    <a:lnTo>
                      <a:pt x="409" y="213"/>
                    </a:lnTo>
                    <a:lnTo>
                      <a:pt x="406" y="218"/>
                    </a:lnTo>
                    <a:lnTo>
                      <a:pt x="404" y="221"/>
                    </a:lnTo>
                    <a:lnTo>
                      <a:pt x="404" y="227"/>
                    </a:lnTo>
                    <a:lnTo>
                      <a:pt x="402" y="235"/>
                    </a:lnTo>
                    <a:lnTo>
                      <a:pt x="401" y="245"/>
                    </a:lnTo>
                    <a:lnTo>
                      <a:pt x="401" y="255"/>
                    </a:lnTo>
                    <a:lnTo>
                      <a:pt x="399" y="262"/>
                    </a:lnTo>
                    <a:lnTo>
                      <a:pt x="399" y="269"/>
                    </a:lnTo>
                    <a:lnTo>
                      <a:pt x="399" y="271"/>
                    </a:lnTo>
                    <a:lnTo>
                      <a:pt x="399" y="272"/>
                    </a:lnTo>
                    <a:lnTo>
                      <a:pt x="399" y="274"/>
                    </a:lnTo>
                    <a:lnTo>
                      <a:pt x="401" y="277"/>
                    </a:lnTo>
                    <a:lnTo>
                      <a:pt x="401" y="281"/>
                    </a:lnTo>
                    <a:lnTo>
                      <a:pt x="401" y="286"/>
                    </a:lnTo>
                    <a:lnTo>
                      <a:pt x="399" y="291"/>
                    </a:lnTo>
                    <a:lnTo>
                      <a:pt x="395" y="296"/>
                    </a:lnTo>
                    <a:lnTo>
                      <a:pt x="390" y="303"/>
                    </a:lnTo>
                    <a:lnTo>
                      <a:pt x="389" y="304"/>
                    </a:lnTo>
                    <a:lnTo>
                      <a:pt x="387" y="308"/>
                    </a:lnTo>
                    <a:lnTo>
                      <a:pt x="382" y="313"/>
                    </a:lnTo>
                    <a:lnTo>
                      <a:pt x="379" y="316"/>
                    </a:lnTo>
                    <a:lnTo>
                      <a:pt x="375" y="321"/>
                    </a:lnTo>
                    <a:lnTo>
                      <a:pt x="370" y="326"/>
                    </a:lnTo>
                    <a:lnTo>
                      <a:pt x="368" y="330"/>
                    </a:lnTo>
                    <a:lnTo>
                      <a:pt x="367" y="330"/>
                    </a:lnTo>
                    <a:lnTo>
                      <a:pt x="367" y="331"/>
                    </a:lnTo>
                    <a:lnTo>
                      <a:pt x="365" y="333"/>
                    </a:lnTo>
                    <a:lnTo>
                      <a:pt x="362" y="335"/>
                    </a:lnTo>
                    <a:lnTo>
                      <a:pt x="358" y="335"/>
                    </a:lnTo>
                    <a:lnTo>
                      <a:pt x="355" y="337"/>
                    </a:lnTo>
                    <a:lnTo>
                      <a:pt x="351" y="337"/>
                    </a:lnTo>
                    <a:lnTo>
                      <a:pt x="350" y="335"/>
                    </a:lnTo>
                    <a:lnTo>
                      <a:pt x="350" y="333"/>
                    </a:lnTo>
                    <a:lnTo>
                      <a:pt x="328" y="355"/>
                    </a:lnTo>
                    <a:lnTo>
                      <a:pt x="326" y="382"/>
                    </a:lnTo>
                    <a:lnTo>
                      <a:pt x="324" y="382"/>
                    </a:lnTo>
                    <a:lnTo>
                      <a:pt x="324" y="387"/>
                    </a:lnTo>
                    <a:lnTo>
                      <a:pt x="324" y="391"/>
                    </a:lnTo>
                    <a:lnTo>
                      <a:pt x="323" y="396"/>
                    </a:lnTo>
                    <a:lnTo>
                      <a:pt x="319" y="399"/>
                    </a:lnTo>
                    <a:lnTo>
                      <a:pt x="318" y="401"/>
                    </a:lnTo>
                    <a:lnTo>
                      <a:pt x="314" y="399"/>
                    </a:lnTo>
                    <a:lnTo>
                      <a:pt x="311" y="391"/>
                    </a:lnTo>
                    <a:lnTo>
                      <a:pt x="309" y="389"/>
                    </a:lnTo>
                    <a:lnTo>
                      <a:pt x="307" y="387"/>
                    </a:lnTo>
                    <a:lnTo>
                      <a:pt x="306" y="387"/>
                    </a:lnTo>
                    <a:lnTo>
                      <a:pt x="302" y="387"/>
                    </a:lnTo>
                    <a:lnTo>
                      <a:pt x="301" y="387"/>
                    </a:lnTo>
                    <a:lnTo>
                      <a:pt x="297" y="391"/>
                    </a:lnTo>
                    <a:lnTo>
                      <a:pt x="297" y="396"/>
                    </a:lnTo>
                    <a:lnTo>
                      <a:pt x="296" y="404"/>
                    </a:lnTo>
                    <a:lnTo>
                      <a:pt x="296" y="408"/>
                    </a:lnTo>
                    <a:lnTo>
                      <a:pt x="294" y="409"/>
                    </a:lnTo>
                    <a:lnTo>
                      <a:pt x="292" y="413"/>
                    </a:lnTo>
                    <a:lnTo>
                      <a:pt x="291" y="416"/>
                    </a:lnTo>
                    <a:lnTo>
                      <a:pt x="291" y="418"/>
                    </a:lnTo>
                    <a:lnTo>
                      <a:pt x="289" y="419"/>
                    </a:lnTo>
                    <a:lnTo>
                      <a:pt x="292" y="441"/>
                    </a:lnTo>
                    <a:lnTo>
                      <a:pt x="291" y="443"/>
                    </a:lnTo>
                    <a:lnTo>
                      <a:pt x="289" y="447"/>
                    </a:lnTo>
                    <a:lnTo>
                      <a:pt x="285" y="453"/>
                    </a:lnTo>
                    <a:lnTo>
                      <a:pt x="280" y="458"/>
                    </a:lnTo>
                    <a:lnTo>
                      <a:pt x="275" y="463"/>
                    </a:lnTo>
                    <a:lnTo>
                      <a:pt x="270" y="467"/>
                    </a:lnTo>
                    <a:lnTo>
                      <a:pt x="263" y="469"/>
                    </a:lnTo>
                    <a:lnTo>
                      <a:pt x="260" y="465"/>
                    </a:lnTo>
                    <a:lnTo>
                      <a:pt x="258" y="463"/>
                    </a:lnTo>
                    <a:lnTo>
                      <a:pt x="257" y="462"/>
                    </a:lnTo>
                    <a:lnTo>
                      <a:pt x="253" y="458"/>
                    </a:lnTo>
                    <a:lnTo>
                      <a:pt x="250" y="455"/>
                    </a:lnTo>
                    <a:lnTo>
                      <a:pt x="245" y="452"/>
                    </a:lnTo>
                    <a:lnTo>
                      <a:pt x="241" y="450"/>
                    </a:lnTo>
                    <a:lnTo>
                      <a:pt x="236" y="450"/>
                    </a:lnTo>
                    <a:lnTo>
                      <a:pt x="233" y="453"/>
                    </a:lnTo>
                    <a:lnTo>
                      <a:pt x="231" y="452"/>
                    </a:lnTo>
                    <a:lnTo>
                      <a:pt x="231" y="448"/>
                    </a:lnTo>
                    <a:lnTo>
                      <a:pt x="231" y="443"/>
                    </a:lnTo>
                    <a:lnTo>
                      <a:pt x="230" y="438"/>
                    </a:lnTo>
                    <a:lnTo>
                      <a:pt x="226" y="435"/>
                    </a:lnTo>
                    <a:lnTo>
                      <a:pt x="221" y="433"/>
                    </a:lnTo>
                    <a:lnTo>
                      <a:pt x="214" y="436"/>
                    </a:lnTo>
                    <a:lnTo>
                      <a:pt x="204" y="445"/>
                    </a:lnTo>
                    <a:lnTo>
                      <a:pt x="203" y="447"/>
                    </a:lnTo>
                    <a:lnTo>
                      <a:pt x="201" y="448"/>
                    </a:lnTo>
                    <a:lnTo>
                      <a:pt x="198" y="452"/>
                    </a:lnTo>
                    <a:lnTo>
                      <a:pt x="194" y="453"/>
                    </a:lnTo>
                    <a:lnTo>
                      <a:pt x="189" y="455"/>
                    </a:lnTo>
                    <a:lnTo>
                      <a:pt x="184" y="457"/>
                    </a:lnTo>
                    <a:lnTo>
                      <a:pt x="177" y="453"/>
                    </a:lnTo>
                    <a:lnTo>
                      <a:pt x="172" y="450"/>
                    </a:lnTo>
                    <a:lnTo>
                      <a:pt x="170" y="448"/>
                    </a:lnTo>
                    <a:lnTo>
                      <a:pt x="169" y="448"/>
                    </a:lnTo>
                    <a:lnTo>
                      <a:pt x="167" y="447"/>
                    </a:lnTo>
                    <a:lnTo>
                      <a:pt x="164" y="448"/>
                    </a:lnTo>
                    <a:lnTo>
                      <a:pt x="160" y="448"/>
                    </a:lnTo>
                    <a:lnTo>
                      <a:pt x="157" y="452"/>
                    </a:lnTo>
                    <a:lnTo>
                      <a:pt x="152" y="457"/>
                    </a:lnTo>
                    <a:lnTo>
                      <a:pt x="150" y="457"/>
                    </a:lnTo>
                    <a:lnTo>
                      <a:pt x="147" y="455"/>
                    </a:lnTo>
                    <a:lnTo>
                      <a:pt x="143" y="455"/>
                    </a:lnTo>
                    <a:lnTo>
                      <a:pt x="142" y="455"/>
                    </a:lnTo>
                    <a:lnTo>
                      <a:pt x="128" y="443"/>
                    </a:lnTo>
                    <a:lnTo>
                      <a:pt x="98" y="441"/>
                    </a:lnTo>
                    <a:lnTo>
                      <a:pt x="98" y="440"/>
                    </a:lnTo>
                    <a:lnTo>
                      <a:pt x="98" y="436"/>
                    </a:lnTo>
                    <a:lnTo>
                      <a:pt x="96" y="433"/>
                    </a:lnTo>
                    <a:lnTo>
                      <a:pt x="94" y="428"/>
                    </a:lnTo>
                    <a:lnTo>
                      <a:pt x="89" y="423"/>
                    </a:lnTo>
                    <a:lnTo>
                      <a:pt x="82" y="418"/>
                    </a:lnTo>
                    <a:lnTo>
                      <a:pt x="72" y="416"/>
                    </a:lnTo>
                    <a:lnTo>
                      <a:pt x="60" y="414"/>
                    </a:lnTo>
                    <a:lnTo>
                      <a:pt x="59" y="414"/>
                    </a:lnTo>
                    <a:lnTo>
                      <a:pt x="55" y="414"/>
                    </a:lnTo>
                    <a:lnTo>
                      <a:pt x="52" y="414"/>
                    </a:lnTo>
                    <a:lnTo>
                      <a:pt x="47" y="414"/>
                    </a:lnTo>
                    <a:lnTo>
                      <a:pt x="42" y="414"/>
                    </a:lnTo>
                    <a:lnTo>
                      <a:pt x="38" y="414"/>
                    </a:lnTo>
                    <a:lnTo>
                      <a:pt x="37" y="414"/>
                    </a:lnTo>
                    <a:lnTo>
                      <a:pt x="35" y="414"/>
                    </a:lnTo>
                    <a:lnTo>
                      <a:pt x="0" y="96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780" name="Group 162"/>
            <p:cNvGrpSpPr>
              <a:grpSpLocks/>
            </p:cNvGrpSpPr>
            <p:nvPr/>
          </p:nvGrpSpPr>
          <p:grpSpPr bwMode="auto">
            <a:xfrm>
              <a:off x="3877" y="2450"/>
              <a:ext cx="847" cy="372"/>
              <a:chOff x="4106" y="2078"/>
              <a:chExt cx="870" cy="383"/>
            </a:xfrm>
          </p:grpSpPr>
          <p:sp>
            <p:nvSpPr>
              <p:cNvPr id="801" name="Freeform 163"/>
              <p:cNvSpPr>
                <a:spLocks/>
              </p:cNvSpPr>
              <p:nvPr/>
            </p:nvSpPr>
            <p:spPr bwMode="auto">
              <a:xfrm>
                <a:off x="4106" y="2082"/>
                <a:ext cx="834" cy="379"/>
              </a:xfrm>
              <a:custGeom>
                <a:avLst/>
                <a:gdLst>
                  <a:gd name="T0" fmla="*/ 650 w 834"/>
                  <a:gd name="T1" fmla="*/ 362 h 379"/>
                  <a:gd name="T2" fmla="*/ 658 w 834"/>
                  <a:gd name="T3" fmla="*/ 340 h 379"/>
                  <a:gd name="T4" fmla="*/ 663 w 834"/>
                  <a:gd name="T5" fmla="*/ 338 h 379"/>
                  <a:gd name="T6" fmla="*/ 685 w 834"/>
                  <a:gd name="T7" fmla="*/ 292 h 379"/>
                  <a:gd name="T8" fmla="*/ 701 w 834"/>
                  <a:gd name="T9" fmla="*/ 276 h 379"/>
                  <a:gd name="T10" fmla="*/ 714 w 834"/>
                  <a:gd name="T11" fmla="*/ 262 h 379"/>
                  <a:gd name="T12" fmla="*/ 758 w 834"/>
                  <a:gd name="T13" fmla="*/ 238 h 379"/>
                  <a:gd name="T14" fmla="*/ 768 w 834"/>
                  <a:gd name="T15" fmla="*/ 232 h 379"/>
                  <a:gd name="T16" fmla="*/ 780 w 834"/>
                  <a:gd name="T17" fmla="*/ 230 h 379"/>
                  <a:gd name="T18" fmla="*/ 792 w 834"/>
                  <a:gd name="T19" fmla="*/ 215 h 379"/>
                  <a:gd name="T20" fmla="*/ 794 w 834"/>
                  <a:gd name="T21" fmla="*/ 193 h 379"/>
                  <a:gd name="T22" fmla="*/ 785 w 834"/>
                  <a:gd name="T23" fmla="*/ 199 h 379"/>
                  <a:gd name="T24" fmla="*/ 780 w 834"/>
                  <a:gd name="T25" fmla="*/ 193 h 379"/>
                  <a:gd name="T26" fmla="*/ 726 w 834"/>
                  <a:gd name="T27" fmla="*/ 198 h 379"/>
                  <a:gd name="T28" fmla="*/ 758 w 834"/>
                  <a:gd name="T29" fmla="*/ 199 h 379"/>
                  <a:gd name="T30" fmla="*/ 768 w 834"/>
                  <a:gd name="T31" fmla="*/ 176 h 379"/>
                  <a:gd name="T32" fmla="*/ 740 w 834"/>
                  <a:gd name="T33" fmla="*/ 155 h 379"/>
                  <a:gd name="T34" fmla="*/ 728 w 834"/>
                  <a:gd name="T35" fmla="*/ 149 h 379"/>
                  <a:gd name="T36" fmla="*/ 748 w 834"/>
                  <a:gd name="T37" fmla="*/ 149 h 379"/>
                  <a:gd name="T38" fmla="*/ 768 w 834"/>
                  <a:gd name="T39" fmla="*/ 144 h 379"/>
                  <a:gd name="T40" fmla="*/ 784 w 834"/>
                  <a:gd name="T41" fmla="*/ 147 h 379"/>
                  <a:gd name="T42" fmla="*/ 804 w 834"/>
                  <a:gd name="T43" fmla="*/ 147 h 379"/>
                  <a:gd name="T44" fmla="*/ 828 w 834"/>
                  <a:gd name="T45" fmla="*/ 110 h 379"/>
                  <a:gd name="T46" fmla="*/ 834 w 834"/>
                  <a:gd name="T47" fmla="*/ 105 h 379"/>
                  <a:gd name="T48" fmla="*/ 824 w 834"/>
                  <a:gd name="T49" fmla="*/ 67 h 379"/>
                  <a:gd name="T50" fmla="*/ 809 w 834"/>
                  <a:gd name="T51" fmla="*/ 89 h 379"/>
                  <a:gd name="T52" fmla="*/ 806 w 834"/>
                  <a:gd name="T53" fmla="*/ 101 h 379"/>
                  <a:gd name="T54" fmla="*/ 800 w 834"/>
                  <a:gd name="T55" fmla="*/ 79 h 379"/>
                  <a:gd name="T56" fmla="*/ 778 w 834"/>
                  <a:gd name="T57" fmla="*/ 76 h 379"/>
                  <a:gd name="T58" fmla="*/ 753 w 834"/>
                  <a:gd name="T59" fmla="*/ 83 h 379"/>
                  <a:gd name="T60" fmla="*/ 724 w 834"/>
                  <a:gd name="T61" fmla="*/ 96 h 379"/>
                  <a:gd name="T62" fmla="*/ 731 w 834"/>
                  <a:gd name="T63" fmla="*/ 61 h 379"/>
                  <a:gd name="T64" fmla="*/ 762 w 834"/>
                  <a:gd name="T65" fmla="*/ 67 h 379"/>
                  <a:gd name="T66" fmla="*/ 758 w 834"/>
                  <a:gd name="T67" fmla="*/ 52 h 379"/>
                  <a:gd name="T68" fmla="*/ 789 w 834"/>
                  <a:gd name="T69" fmla="*/ 49 h 379"/>
                  <a:gd name="T70" fmla="*/ 784 w 834"/>
                  <a:gd name="T71" fmla="*/ 35 h 379"/>
                  <a:gd name="T72" fmla="*/ 802 w 834"/>
                  <a:gd name="T73" fmla="*/ 39 h 379"/>
                  <a:gd name="T74" fmla="*/ 809 w 834"/>
                  <a:gd name="T75" fmla="*/ 35 h 379"/>
                  <a:gd name="T76" fmla="*/ 692 w 834"/>
                  <a:gd name="T77" fmla="*/ 20 h 379"/>
                  <a:gd name="T78" fmla="*/ 509 w 834"/>
                  <a:gd name="T79" fmla="*/ 56 h 379"/>
                  <a:gd name="T80" fmla="*/ 366 w 834"/>
                  <a:gd name="T81" fmla="*/ 79 h 379"/>
                  <a:gd name="T82" fmla="*/ 271 w 834"/>
                  <a:gd name="T83" fmla="*/ 91 h 379"/>
                  <a:gd name="T84" fmla="*/ 230 w 834"/>
                  <a:gd name="T85" fmla="*/ 94 h 379"/>
                  <a:gd name="T86" fmla="*/ 234 w 834"/>
                  <a:gd name="T87" fmla="*/ 118 h 379"/>
                  <a:gd name="T88" fmla="*/ 212 w 834"/>
                  <a:gd name="T89" fmla="*/ 145 h 379"/>
                  <a:gd name="T90" fmla="*/ 183 w 834"/>
                  <a:gd name="T91" fmla="*/ 162 h 379"/>
                  <a:gd name="T92" fmla="*/ 149 w 834"/>
                  <a:gd name="T93" fmla="*/ 181 h 379"/>
                  <a:gd name="T94" fmla="*/ 129 w 834"/>
                  <a:gd name="T95" fmla="*/ 194 h 379"/>
                  <a:gd name="T96" fmla="*/ 117 w 834"/>
                  <a:gd name="T97" fmla="*/ 218 h 379"/>
                  <a:gd name="T98" fmla="*/ 68 w 834"/>
                  <a:gd name="T99" fmla="*/ 250 h 379"/>
                  <a:gd name="T100" fmla="*/ 27 w 834"/>
                  <a:gd name="T101" fmla="*/ 274 h 379"/>
                  <a:gd name="T102" fmla="*/ 9 w 834"/>
                  <a:gd name="T103" fmla="*/ 299 h 379"/>
                  <a:gd name="T104" fmla="*/ 125 w 834"/>
                  <a:gd name="T105" fmla="*/ 316 h 379"/>
                  <a:gd name="T106" fmla="*/ 152 w 834"/>
                  <a:gd name="T107" fmla="*/ 296 h 379"/>
                  <a:gd name="T108" fmla="*/ 210 w 834"/>
                  <a:gd name="T109" fmla="*/ 274 h 379"/>
                  <a:gd name="T110" fmla="*/ 333 w 834"/>
                  <a:gd name="T111" fmla="*/ 265 h 379"/>
                  <a:gd name="T112" fmla="*/ 597 w 834"/>
                  <a:gd name="T113" fmla="*/ 379 h 379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834"/>
                  <a:gd name="T172" fmla="*/ 0 h 379"/>
                  <a:gd name="T173" fmla="*/ 834 w 834"/>
                  <a:gd name="T174" fmla="*/ 379 h 379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834" h="379">
                    <a:moveTo>
                      <a:pt x="604" y="377"/>
                    </a:moveTo>
                    <a:lnTo>
                      <a:pt x="618" y="369"/>
                    </a:lnTo>
                    <a:lnTo>
                      <a:pt x="628" y="362"/>
                    </a:lnTo>
                    <a:lnTo>
                      <a:pt x="636" y="360"/>
                    </a:lnTo>
                    <a:lnTo>
                      <a:pt x="643" y="360"/>
                    </a:lnTo>
                    <a:lnTo>
                      <a:pt x="648" y="360"/>
                    </a:lnTo>
                    <a:lnTo>
                      <a:pt x="650" y="362"/>
                    </a:lnTo>
                    <a:lnTo>
                      <a:pt x="653" y="364"/>
                    </a:lnTo>
                    <a:lnTo>
                      <a:pt x="653" y="365"/>
                    </a:lnTo>
                    <a:lnTo>
                      <a:pt x="653" y="333"/>
                    </a:lnTo>
                    <a:lnTo>
                      <a:pt x="657" y="333"/>
                    </a:lnTo>
                    <a:lnTo>
                      <a:pt x="658" y="335"/>
                    </a:lnTo>
                    <a:lnTo>
                      <a:pt x="658" y="338"/>
                    </a:lnTo>
                    <a:lnTo>
                      <a:pt x="658" y="340"/>
                    </a:lnTo>
                    <a:lnTo>
                      <a:pt x="660" y="345"/>
                    </a:lnTo>
                    <a:lnTo>
                      <a:pt x="662" y="348"/>
                    </a:lnTo>
                    <a:lnTo>
                      <a:pt x="662" y="352"/>
                    </a:lnTo>
                    <a:lnTo>
                      <a:pt x="662" y="353"/>
                    </a:lnTo>
                    <a:lnTo>
                      <a:pt x="663" y="345"/>
                    </a:lnTo>
                    <a:lnTo>
                      <a:pt x="663" y="338"/>
                    </a:lnTo>
                    <a:lnTo>
                      <a:pt x="667" y="330"/>
                    </a:lnTo>
                    <a:lnTo>
                      <a:pt x="668" y="323"/>
                    </a:lnTo>
                    <a:lnTo>
                      <a:pt x="672" y="316"/>
                    </a:lnTo>
                    <a:lnTo>
                      <a:pt x="675" y="309"/>
                    </a:lnTo>
                    <a:lnTo>
                      <a:pt x="679" y="303"/>
                    </a:lnTo>
                    <a:lnTo>
                      <a:pt x="682" y="298"/>
                    </a:lnTo>
                    <a:lnTo>
                      <a:pt x="685" y="292"/>
                    </a:lnTo>
                    <a:lnTo>
                      <a:pt x="689" y="289"/>
                    </a:lnTo>
                    <a:lnTo>
                      <a:pt x="692" y="286"/>
                    </a:lnTo>
                    <a:lnTo>
                      <a:pt x="696" y="282"/>
                    </a:lnTo>
                    <a:lnTo>
                      <a:pt x="697" y="279"/>
                    </a:lnTo>
                    <a:lnTo>
                      <a:pt x="699" y="277"/>
                    </a:lnTo>
                    <a:lnTo>
                      <a:pt x="701" y="277"/>
                    </a:lnTo>
                    <a:lnTo>
                      <a:pt x="701" y="276"/>
                    </a:lnTo>
                    <a:lnTo>
                      <a:pt x="696" y="267"/>
                    </a:lnTo>
                    <a:lnTo>
                      <a:pt x="702" y="262"/>
                    </a:lnTo>
                    <a:lnTo>
                      <a:pt x="702" y="264"/>
                    </a:lnTo>
                    <a:lnTo>
                      <a:pt x="704" y="267"/>
                    </a:lnTo>
                    <a:lnTo>
                      <a:pt x="706" y="270"/>
                    </a:lnTo>
                    <a:lnTo>
                      <a:pt x="707" y="270"/>
                    </a:lnTo>
                    <a:lnTo>
                      <a:pt x="714" y="262"/>
                    </a:lnTo>
                    <a:lnTo>
                      <a:pt x="721" y="254"/>
                    </a:lnTo>
                    <a:lnTo>
                      <a:pt x="729" y="248"/>
                    </a:lnTo>
                    <a:lnTo>
                      <a:pt x="738" y="243"/>
                    </a:lnTo>
                    <a:lnTo>
                      <a:pt x="745" y="242"/>
                    </a:lnTo>
                    <a:lnTo>
                      <a:pt x="751" y="240"/>
                    </a:lnTo>
                    <a:lnTo>
                      <a:pt x="756" y="238"/>
                    </a:lnTo>
                    <a:lnTo>
                      <a:pt x="758" y="238"/>
                    </a:lnTo>
                    <a:lnTo>
                      <a:pt x="758" y="232"/>
                    </a:lnTo>
                    <a:lnTo>
                      <a:pt x="760" y="230"/>
                    </a:lnTo>
                    <a:lnTo>
                      <a:pt x="762" y="228"/>
                    </a:lnTo>
                    <a:lnTo>
                      <a:pt x="763" y="228"/>
                    </a:lnTo>
                    <a:lnTo>
                      <a:pt x="765" y="230"/>
                    </a:lnTo>
                    <a:lnTo>
                      <a:pt x="767" y="230"/>
                    </a:lnTo>
                    <a:lnTo>
                      <a:pt x="768" y="232"/>
                    </a:lnTo>
                    <a:lnTo>
                      <a:pt x="768" y="233"/>
                    </a:lnTo>
                    <a:lnTo>
                      <a:pt x="770" y="230"/>
                    </a:lnTo>
                    <a:lnTo>
                      <a:pt x="772" y="228"/>
                    </a:lnTo>
                    <a:lnTo>
                      <a:pt x="773" y="226"/>
                    </a:lnTo>
                    <a:lnTo>
                      <a:pt x="775" y="228"/>
                    </a:lnTo>
                    <a:lnTo>
                      <a:pt x="778" y="228"/>
                    </a:lnTo>
                    <a:lnTo>
                      <a:pt x="780" y="230"/>
                    </a:lnTo>
                    <a:lnTo>
                      <a:pt x="782" y="230"/>
                    </a:lnTo>
                    <a:lnTo>
                      <a:pt x="784" y="230"/>
                    </a:lnTo>
                    <a:lnTo>
                      <a:pt x="785" y="226"/>
                    </a:lnTo>
                    <a:lnTo>
                      <a:pt x="787" y="223"/>
                    </a:lnTo>
                    <a:lnTo>
                      <a:pt x="790" y="218"/>
                    </a:lnTo>
                    <a:lnTo>
                      <a:pt x="792" y="215"/>
                    </a:lnTo>
                    <a:lnTo>
                      <a:pt x="795" y="210"/>
                    </a:lnTo>
                    <a:lnTo>
                      <a:pt x="797" y="208"/>
                    </a:lnTo>
                    <a:lnTo>
                      <a:pt x="797" y="204"/>
                    </a:lnTo>
                    <a:lnTo>
                      <a:pt x="797" y="196"/>
                    </a:lnTo>
                    <a:lnTo>
                      <a:pt x="795" y="193"/>
                    </a:lnTo>
                    <a:lnTo>
                      <a:pt x="795" y="191"/>
                    </a:lnTo>
                    <a:lnTo>
                      <a:pt x="794" y="193"/>
                    </a:lnTo>
                    <a:lnTo>
                      <a:pt x="792" y="194"/>
                    </a:lnTo>
                    <a:lnTo>
                      <a:pt x="790" y="198"/>
                    </a:lnTo>
                    <a:lnTo>
                      <a:pt x="790" y="199"/>
                    </a:lnTo>
                    <a:lnTo>
                      <a:pt x="790" y="201"/>
                    </a:lnTo>
                    <a:lnTo>
                      <a:pt x="789" y="201"/>
                    </a:lnTo>
                    <a:lnTo>
                      <a:pt x="787" y="199"/>
                    </a:lnTo>
                    <a:lnTo>
                      <a:pt x="785" y="199"/>
                    </a:lnTo>
                    <a:lnTo>
                      <a:pt x="785" y="198"/>
                    </a:lnTo>
                    <a:lnTo>
                      <a:pt x="784" y="191"/>
                    </a:lnTo>
                    <a:lnTo>
                      <a:pt x="784" y="188"/>
                    </a:lnTo>
                    <a:lnTo>
                      <a:pt x="784" y="186"/>
                    </a:lnTo>
                    <a:lnTo>
                      <a:pt x="782" y="188"/>
                    </a:lnTo>
                    <a:lnTo>
                      <a:pt x="780" y="189"/>
                    </a:lnTo>
                    <a:lnTo>
                      <a:pt x="780" y="193"/>
                    </a:lnTo>
                    <a:lnTo>
                      <a:pt x="780" y="194"/>
                    </a:lnTo>
                    <a:lnTo>
                      <a:pt x="780" y="196"/>
                    </a:lnTo>
                    <a:lnTo>
                      <a:pt x="772" y="198"/>
                    </a:lnTo>
                    <a:lnTo>
                      <a:pt x="753" y="215"/>
                    </a:lnTo>
                    <a:lnTo>
                      <a:pt x="741" y="213"/>
                    </a:lnTo>
                    <a:lnTo>
                      <a:pt x="724" y="198"/>
                    </a:lnTo>
                    <a:lnTo>
                      <a:pt x="726" y="198"/>
                    </a:lnTo>
                    <a:lnTo>
                      <a:pt x="729" y="199"/>
                    </a:lnTo>
                    <a:lnTo>
                      <a:pt x="733" y="199"/>
                    </a:lnTo>
                    <a:lnTo>
                      <a:pt x="736" y="201"/>
                    </a:lnTo>
                    <a:lnTo>
                      <a:pt x="741" y="204"/>
                    </a:lnTo>
                    <a:lnTo>
                      <a:pt x="748" y="204"/>
                    </a:lnTo>
                    <a:lnTo>
                      <a:pt x="753" y="203"/>
                    </a:lnTo>
                    <a:lnTo>
                      <a:pt x="758" y="199"/>
                    </a:lnTo>
                    <a:lnTo>
                      <a:pt x="763" y="194"/>
                    </a:lnTo>
                    <a:lnTo>
                      <a:pt x="767" y="191"/>
                    </a:lnTo>
                    <a:lnTo>
                      <a:pt x="770" y="188"/>
                    </a:lnTo>
                    <a:lnTo>
                      <a:pt x="770" y="186"/>
                    </a:lnTo>
                    <a:lnTo>
                      <a:pt x="760" y="182"/>
                    </a:lnTo>
                    <a:lnTo>
                      <a:pt x="758" y="177"/>
                    </a:lnTo>
                    <a:lnTo>
                      <a:pt x="768" y="176"/>
                    </a:lnTo>
                    <a:lnTo>
                      <a:pt x="772" y="164"/>
                    </a:lnTo>
                    <a:lnTo>
                      <a:pt x="770" y="164"/>
                    </a:lnTo>
                    <a:lnTo>
                      <a:pt x="768" y="164"/>
                    </a:lnTo>
                    <a:lnTo>
                      <a:pt x="767" y="164"/>
                    </a:lnTo>
                    <a:lnTo>
                      <a:pt x="763" y="162"/>
                    </a:lnTo>
                    <a:lnTo>
                      <a:pt x="750" y="159"/>
                    </a:lnTo>
                    <a:lnTo>
                      <a:pt x="740" y="155"/>
                    </a:lnTo>
                    <a:lnTo>
                      <a:pt x="731" y="154"/>
                    </a:lnTo>
                    <a:lnTo>
                      <a:pt x="728" y="152"/>
                    </a:lnTo>
                    <a:lnTo>
                      <a:pt x="724" y="150"/>
                    </a:lnTo>
                    <a:lnTo>
                      <a:pt x="723" y="150"/>
                    </a:lnTo>
                    <a:lnTo>
                      <a:pt x="724" y="149"/>
                    </a:lnTo>
                    <a:lnTo>
                      <a:pt x="726" y="149"/>
                    </a:lnTo>
                    <a:lnTo>
                      <a:pt x="728" y="149"/>
                    </a:lnTo>
                    <a:lnTo>
                      <a:pt x="731" y="147"/>
                    </a:lnTo>
                    <a:lnTo>
                      <a:pt x="736" y="149"/>
                    </a:lnTo>
                    <a:lnTo>
                      <a:pt x="740" y="149"/>
                    </a:lnTo>
                    <a:lnTo>
                      <a:pt x="743" y="149"/>
                    </a:lnTo>
                    <a:lnTo>
                      <a:pt x="745" y="149"/>
                    </a:lnTo>
                    <a:lnTo>
                      <a:pt x="746" y="149"/>
                    </a:lnTo>
                    <a:lnTo>
                      <a:pt x="748" y="149"/>
                    </a:lnTo>
                    <a:lnTo>
                      <a:pt x="746" y="138"/>
                    </a:lnTo>
                    <a:lnTo>
                      <a:pt x="755" y="135"/>
                    </a:lnTo>
                    <a:lnTo>
                      <a:pt x="760" y="144"/>
                    </a:lnTo>
                    <a:lnTo>
                      <a:pt x="762" y="144"/>
                    </a:lnTo>
                    <a:lnTo>
                      <a:pt x="765" y="144"/>
                    </a:lnTo>
                    <a:lnTo>
                      <a:pt x="767" y="145"/>
                    </a:lnTo>
                    <a:lnTo>
                      <a:pt x="768" y="144"/>
                    </a:lnTo>
                    <a:lnTo>
                      <a:pt x="770" y="138"/>
                    </a:lnTo>
                    <a:lnTo>
                      <a:pt x="772" y="135"/>
                    </a:lnTo>
                    <a:lnTo>
                      <a:pt x="773" y="137"/>
                    </a:lnTo>
                    <a:lnTo>
                      <a:pt x="777" y="138"/>
                    </a:lnTo>
                    <a:lnTo>
                      <a:pt x="778" y="142"/>
                    </a:lnTo>
                    <a:lnTo>
                      <a:pt x="782" y="145"/>
                    </a:lnTo>
                    <a:lnTo>
                      <a:pt x="784" y="147"/>
                    </a:lnTo>
                    <a:lnTo>
                      <a:pt x="784" y="149"/>
                    </a:lnTo>
                    <a:lnTo>
                      <a:pt x="785" y="149"/>
                    </a:lnTo>
                    <a:lnTo>
                      <a:pt x="787" y="149"/>
                    </a:lnTo>
                    <a:lnTo>
                      <a:pt x="792" y="149"/>
                    </a:lnTo>
                    <a:lnTo>
                      <a:pt x="795" y="149"/>
                    </a:lnTo>
                    <a:lnTo>
                      <a:pt x="800" y="149"/>
                    </a:lnTo>
                    <a:lnTo>
                      <a:pt x="804" y="147"/>
                    </a:lnTo>
                    <a:lnTo>
                      <a:pt x="807" y="147"/>
                    </a:lnTo>
                    <a:lnTo>
                      <a:pt x="809" y="147"/>
                    </a:lnTo>
                    <a:lnTo>
                      <a:pt x="814" y="130"/>
                    </a:lnTo>
                    <a:lnTo>
                      <a:pt x="819" y="120"/>
                    </a:lnTo>
                    <a:lnTo>
                      <a:pt x="824" y="113"/>
                    </a:lnTo>
                    <a:lnTo>
                      <a:pt x="826" y="110"/>
                    </a:lnTo>
                    <a:lnTo>
                      <a:pt x="828" y="110"/>
                    </a:lnTo>
                    <a:lnTo>
                      <a:pt x="829" y="111"/>
                    </a:lnTo>
                    <a:lnTo>
                      <a:pt x="831" y="113"/>
                    </a:lnTo>
                    <a:lnTo>
                      <a:pt x="831" y="111"/>
                    </a:lnTo>
                    <a:lnTo>
                      <a:pt x="833" y="110"/>
                    </a:lnTo>
                    <a:lnTo>
                      <a:pt x="834" y="106"/>
                    </a:lnTo>
                    <a:lnTo>
                      <a:pt x="834" y="105"/>
                    </a:lnTo>
                    <a:lnTo>
                      <a:pt x="834" y="96"/>
                    </a:lnTo>
                    <a:lnTo>
                      <a:pt x="833" y="88"/>
                    </a:lnTo>
                    <a:lnTo>
                      <a:pt x="831" y="81"/>
                    </a:lnTo>
                    <a:lnTo>
                      <a:pt x="829" y="76"/>
                    </a:lnTo>
                    <a:lnTo>
                      <a:pt x="828" y="72"/>
                    </a:lnTo>
                    <a:lnTo>
                      <a:pt x="826" y="69"/>
                    </a:lnTo>
                    <a:lnTo>
                      <a:pt x="824" y="67"/>
                    </a:lnTo>
                    <a:lnTo>
                      <a:pt x="817" y="72"/>
                    </a:lnTo>
                    <a:lnTo>
                      <a:pt x="816" y="72"/>
                    </a:lnTo>
                    <a:lnTo>
                      <a:pt x="814" y="74"/>
                    </a:lnTo>
                    <a:lnTo>
                      <a:pt x="811" y="76"/>
                    </a:lnTo>
                    <a:lnTo>
                      <a:pt x="809" y="79"/>
                    </a:lnTo>
                    <a:lnTo>
                      <a:pt x="809" y="89"/>
                    </a:lnTo>
                    <a:lnTo>
                      <a:pt x="809" y="96"/>
                    </a:lnTo>
                    <a:lnTo>
                      <a:pt x="807" y="101"/>
                    </a:lnTo>
                    <a:lnTo>
                      <a:pt x="807" y="105"/>
                    </a:lnTo>
                    <a:lnTo>
                      <a:pt x="807" y="106"/>
                    </a:lnTo>
                    <a:lnTo>
                      <a:pt x="806" y="105"/>
                    </a:lnTo>
                    <a:lnTo>
                      <a:pt x="806" y="101"/>
                    </a:lnTo>
                    <a:lnTo>
                      <a:pt x="804" y="98"/>
                    </a:lnTo>
                    <a:lnTo>
                      <a:pt x="802" y="94"/>
                    </a:lnTo>
                    <a:lnTo>
                      <a:pt x="802" y="91"/>
                    </a:lnTo>
                    <a:lnTo>
                      <a:pt x="802" y="88"/>
                    </a:lnTo>
                    <a:lnTo>
                      <a:pt x="800" y="84"/>
                    </a:lnTo>
                    <a:lnTo>
                      <a:pt x="800" y="81"/>
                    </a:lnTo>
                    <a:lnTo>
                      <a:pt x="800" y="79"/>
                    </a:lnTo>
                    <a:lnTo>
                      <a:pt x="800" y="78"/>
                    </a:lnTo>
                    <a:lnTo>
                      <a:pt x="799" y="71"/>
                    </a:lnTo>
                    <a:lnTo>
                      <a:pt x="797" y="67"/>
                    </a:lnTo>
                    <a:lnTo>
                      <a:pt x="792" y="67"/>
                    </a:lnTo>
                    <a:lnTo>
                      <a:pt x="789" y="69"/>
                    </a:lnTo>
                    <a:lnTo>
                      <a:pt x="784" y="72"/>
                    </a:lnTo>
                    <a:lnTo>
                      <a:pt x="778" y="76"/>
                    </a:lnTo>
                    <a:lnTo>
                      <a:pt x="777" y="78"/>
                    </a:lnTo>
                    <a:lnTo>
                      <a:pt x="775" y="79"/>
                    </a:lnTo>
                    <a:lnTo>
                      <a:pt x="763" y="79"/>
                    </a:lnTo>
                    <a:lnTo>
                      <a:pt x="762" y="81"/>
                    </a:lnTo>
                    <a:lnTo>
                      <a:pt x="760" y="81"/>
                    </a:lnTo>
                    <a:lnTo>
                      <a:pt x="756" y="83"/>
                    </a:lnTo>
                    <a:lnTo>
                      <a:pt x="753" y="83"/>
                    </a:lnTo>
                    <a:lnTo>
                      <a:pt x="750" y="84"/>
                    </a:lnTo>
                    <a:lnTo>
                      <a:pt x="745" y="86"/>
                    </a:lnTo>
                    <a:lnTo>
                      <a:pt x="743" y="88"/>
                    </a:lnTo>
                    <a:lnTo>
                      <a:pt x="741" y="88"/>
                    </a:lnTo>
                    <a:lnTo>
                      <a:pt x="731" y="94"/>
                    </a:lnTo>
                    <a:lnTo>
                      <a:pt x="726" y="96"/>
                    </a:lnTo>
                    <a:lnTo>
                      <a:pt x="724" y="96"/>
                    </a:lnTo>
                    <a:lnTo>
                      <a:pt x="724" y="94"/>
                    </a:lnTo>
                    <a:lnTo>
                      <a:pt x="726" y="91"/>
                    </a:lnTo>
                    <a:lnTo>
                      <a:pt x="729" y="88"/>
                    </a:lnTo>
                    <a:lnTo>
                      <a:pt x="731" y="84"/>
                    </a:lnTo>
                    <a:lnTo>
                      <a:pt x="733" y="84"/>
                    </a:lnTo>
                    <a:lnTo>
                      <a:pt x="724" y="66"/>
                    </a:lnTo>
                    <a:lnTo>
                      <a:pt x="731" y="61"/>
                    </a:lnTo>
                    <a:lnTo>
                      <a:pt x="736" y="71"/>
                    </a:lnTo>
                    <a:lnTo>
                      <a:pt x="748" y="78"/>
                    </a:lnTo>
                    <a:lnTo>
                      <a:pt x="751" y="76"/>
                    </a:lnTo>
                    <a:lnTo>
                      <a:pt x="755" y="72"/>
                    </a:lnTo>
                    <a:lnTo>
                      <a:pt x="758" y="71"/>
                    </a:lnTo>
                    <a:lnTo>
                      <a:pt x="762" y="67"/>
                    </a:lnTo>
                    <a:lnTo>
                      <a:pt x="763" y="66"/>
                    </a:lnTo>
                    <a:lnTo>
                      <a:pt x="765" y="64"/>
                    </a:lnTo>
                    <a:lnTo>
                      <a:pt x="765" y="62"/>
                    </a:lnTo>
                    <a:lnTo>
                      <a:pt x="756" y="56"/>
                    </a:lnTo>
                    <a:lnTo>
                      <a:pt x="753" y="52"/>
                    </a:lnTo>
                    <a:lnTo>
                      <a:pt x="755" y="52"/>
                    </a:lnTo>
                    <a:lnTo>
                      <a:pt x="758" y="52"/>
                    </a:lnTo>
                    <a:lnTo>
                      <a:pt x="763" y="54"/>
                    </a:lnTo>
                    <a:lnTo>
                      <a:pt x="768" y="56"/>
                    </a:lnTo>
                    <a:lnTo>
                      <a:pt x="772" y="57"/>
                    </a:lnTo>
                    <a:lnTo>
                      <a:pt x="775" y="59"/>
                    </a:lnTo>
                    <a:lnTo>
                      <a:pt x="789" y="52"/>
                    </a:lnTo>
                    <a:lnTo>
                      <a:pt x="789" y="50"/>
                    </a:lnTo>
                    <a:lnTo>
                      <a:pt x="789" y="49"/>
                    </a:lnTo>
                    <a:lnTo>
                      <a:pt x="787" y="47"/>
                    </a:lnTo>
                    <a:lnTo>
                      <a:pt x="787" y="45"/>
                    </a:lnTo>
                    <a:lnTo>
                      <a:pt x="780" y="39"/>
                    </a:lnTo>
                    <a:lnTo>
                      <a:pt x="777" y="34"/>
                    </a:lnTo>
                    <a:lnTo>
                      <a:pt x="780" y="34"/>
                    </a:lnTo>
                    <a:lnTo>
                      <a:pt x="784" y="35"/>
                    </a:lnTo>
                    <a:lnTo>
                      <a:pt x="787" y="37"/>
                    </a:lnTo>
                    <a:lnTo>
                      <a:pt x="790" y="39"/>
                    </a:lnTo>
                    <a:lnTo>
                      <a:pt x="790" y="40"/>
                    </a:lnTo>
                    <a:lnTo>
                      <a:pt x="792" y="40"/>
                    </a:lnTo>
                    <a:lnTo>
                      <a:pt x="795" y="39"/>
                    </a:lnTo>
                    <a:lnTo>
                      <a:pt x="800" y="39"/>
                    </a:lnTo>
                    <a:lnTo>
                      <a:pt x="802" y="39"/>
                    </a:lnTo>
                    <a:lnTo>
                      <a:pt x="811" y="47"/>
                    </a:lnTo>
                    <a:lnTo>
                      <a:pt x="816" y="50"/>
                    </a:lnTo>
                    <a:lnTo>
                      <a:pt x="817" y="50"/>
                    </a:lnTo>
                    <a:lnTo>
                      <a:pt x="817" y="47"/>
                    </a:lnTo>
                    <a:lnTo>
                      <a:pt x="814" y="44"/>
                    </a:lnTo>
                    <a:lnTo>
                      <a:pt x="811" y="39"/>
                    </a:lnTo>
                    <a:lnTo>
                      <a:pt x="809" y="35"/>
                    </a:lnTo>
                    <a:lnTo>
                      <a:pt x="807" y="34"/>
                    </a:lnTo>
                    <a:lnTo>
                      <a:pt x="800" y="17"/>
                    </a:lnTo>
                    <a:lnTo>
                      <a:pt x="790" y="15"/>
                    </a:lnTo>
                    <a:lnTo>
                      <a:pt x="780" y="0"/>
                    </a:lnTo>
                    <a:lnTo>
                      <a:pt x="750" y="8"/>
                    </a:lnTo>
                    <a:lnTo>
                      <a:pt x="721" y="15"/>
                    </a:lnTo>
                    <a:lnTo>
                      <a:pt x="692" y="20"/>
                    </a:lnTo>
                    <a:lnTo>
                      <a:pt x="663" y="27"/>
                    </a:lnTo>
                    <a:lnTo>
                      <a:pt x="636" y="32"/>
                    </a:lnTo>
                    <a:lnTo>
                      <a:pt x="609" y="39"/>
                    </a:lnTo>
                    <a:lnTo>
                      <a:pt x="584" y="44"/>
                    </a:lnTo>
                    <a:lnTo>
                      <a:pt x="558" y="47"/>
                    </a:lnTo>
                    <a:lnTo>
                      <a:pt x="533" y="52"/>
                    </a:lnTo>
                    <a:lnTo>
                      <a:pt x="509" y="56"/>
                    </a:lnTo>
                    <a:lnTo>
                      <a:pt x="486" y="61"/>
                    </a:lnTo>
                    <a:lnTo>
                      <a:pt x="464" y="64"/>
                    </a:lnTo>
                    <a:lnTo>
                      <a:pt x="443" y="67"/>
                    </a:lnTo>
                    <a:lnTo>
                      <a:pt x="423" y="71"/>
                    </a:lnTo>
                    <a:lnTo>
                      <a:pt x="403" y="74"/>
                    </a:lnTo>
                    <a:lnTo>
                      <a:pt x="384" y="76"/>
                    </a:lnTo>
                    <a:lnTo>
                      <a:pt x="366" y="79"/>
                    </a:lnTo>
                    <a:lnTo>
                      <a:pt x="349" y="81"/>
                    </a:lnTo>
                    <a:lnTo>
                      <a:pt x="333" y="83"/>
                    </a:lnTo>
                    <a:lnTo>
                      <a:pt x="318" y="84"/>
                    </a:lnTo>
                    <a:lnTo>
                      <a:pt x="305" y="86"/>
                    </a:lnTo>
                    <a:lnTo>
                      <a:pt x="293" y="88"/>
                    </a:lnTo>
                    <a:lnTo>
                      <a:pt x="281" y="89"/>
                    </a:lnTo>
                    <a:lnTo>
                      <a:pt x="271" y="91"/>
                    </a:lnTo>
                    <a:lnTo>
                      <a:pt x="261" y="91"/>
                    </a:lnTo>
                    <a:lnTo>
                      <a:pt x="252" y="93"/>
                    </a:lnTo>
                    <a:lnTo>
                      <a:pt x="245" y="93"/>
                    </a:lnTo>
                    <a:lnTo>
                      <a:pt x="240" y="94"/>
                    </a:lnTo>
                    <a:lnTo>
                      <a:pt x="235" y="94"/>
                    </a:lnTo>
                    <a:lnTo>
                      <a:pt x="232" y="94"/>
                    </a:lnTo>
                    <a:lnTo>
                      <a:pt x="230" y="94"/>
                    </a:lnTo>
                    <a:lnTo>
                      <a:pt x="232" y="94"/>
                    </a:lnTo>
                    <a:lnTo>
                      <a:pt x="232" y="96"/>
                    </a:lnTo>
                    <a:lnTo>
                      <a:pt x="232" y="100"/>
                    </a:lnTo>
                    <a:lnTo>
                      <a:pt x="232" y="106"/>
                    </a:lnTo>
                    <a:lnTo>
                      <a:pt x="232" y="111"/>
                    </a:lnTo>
                    <a:lnTo>
                      <a:pt x="234" y="118"/>
                    </a:lnTo>
                    <a:lnTo>
                      <a:pt x="232" y="125"/>
                    </a:lnTo>
                    <a:lnTo>
                      <a:pt x="232" y="128"/>
                    </a:lnTo>
                    <a:lnTo>
                      <a:pt x="232" y="130"/>
                    </a:lnTo>
                    <a:lnTo>
                      <a:pt x="225" y="130"/>
                    </a:lnTo>
                    <a:lnTo>
                      <a:pt x="220" y="133"/>
                    </a:lnTo>
                    <a:lnTo>
                      <a:pt x="215" y="138"/>
                    </a:lnTo>
                    <a:lnTo>
                      <a:pt x="212" y="145"/>
                    </a:lnTo>
                    <a:lnTo>
                      <a:pt x="208" y="152"/>
                    </a:lnTo>
                    <a:lnTo>
                      <a:pt x="206" y="157"/>
                    </a:lnTo>
                    <a:lnTo>
                      <a:pt x="205" y="160"/>
                    </a:lnTo>
                    <a:lnTo>
                      <a:pt x="198" y="157"/>
                    </a:lnTo>
                    <a:lnTo>
                      <a:pt x="191" y="157"/>
                    </a:lnTo>
                    <a:lnTo>
                      <a:pt x="183" y="162"/>
                    </a:lnTo>
                    <a:lnTo>
                      <a:pt x="174" y="169"/>
                    </a:lnTo>
                    <a:lnTo>
                      <a:pt x="168" y="177"/>
                    </a:lnTo>
                    <a:lnTo>
                      <a:pt x="161" y="184"/>
                    </a:lnTo>
                    <a:lnTo>
                      <a:pt x="156" y="188"/>
                    </a:lnTo>
                    <a:lnTo>
                      <a:pt x="154" y="188"/>
                    </a:lnTo>
                    <a:lnTo>
                      <a:pt x="152" y="182"/>
                    </a:lnTo>
                    <a:lnTo>
                      <a:pt x="149" y="181"/>
                    </a:lnTo>
                    <a:lnTo>
                      <a:pt x="147" y="179"/>
                    </a:lnTo>
                    <a:lnTo>
                      <a:pt x="144" y="179"/>
                    </a:lnTo>
                    <a:lnTo>
                      <a:pt x="140" y="181"/>
                    </a:lnTo>
                    <a:lnTo>
                      <a:pt x="137" y="182"/>
                    </a:lnTo>
                    <a:lnTo>
                      <a:pt x="134" y="186"/>
                    </a:lnTo>
                    <a:lnTo>
                      <a:pt x="132" y="191"/>
                    </a:lnTo>
                    <a:lnTo>
                      <a:pt x="129" y="194"/>
                    </a:lnTo>
                    <a:lnTo>
                      <a:pt x="125" y="199"/>
                    </a:lnTo>
                    <a:lnTo>
                      <a:pt x="124" y="204"/>
                    </a:lnTo>
                    <a:lnTo>
                      <a:pt x="122" y="208"/>
                    </a:lnTo>
                    <a:lnTo>
                      <a:pt x="118" y="213"/>
                    </a:lnTo>
                    <a:lnTo>
                      <a:pt x="118" y="215"/>
                    </a:lnTo>
                    <a:lnTo>
                      <a:pt x="117" y="216"/>
                    </a:lnTo>
                    <a:lnTo>
                      <a:pt x="117" y="218"/>
                    </a:lnTo>
                    <a:lnTo>
                      <a:pt x="108" y="220"/>
                    </a:lnTo>
                    <a:lnTo>
                      <a:pt x="100" y="223"/>
                    </a:lnTo>
                    <a:lnTo>
                      <a:pt x="91" y="228"/>
                    </a:lnTo>
                    <a:lnTo>
                      <a:pt x="83" y="235"/>
                    </a:lnTo>
                    <a:lnTo>
                      <a:pt x="78" y="240"/>
                    </a:lnTo>
                    <a:lnTo>
                      <a:pt x="71" y="247"/>
                    </a:lnTo>
                    <a:lnTo>
                      <a:pt x="68" y="250"/>
                    </a:lnTo>
                    <a:lnTo>
                      <a:pt x="66" y="252"/>
                    </a:lnTo>
                    <a:lnTo>
                      <a:pt x="56" y="252"/>
                    </a:lnTo>
                    <a:lnTo>
                      <a:pt x="47" y="255"/>
                    </a:lnTo>
                    <a:lnTo>
                      <a:pt x="41" y="259"/>
                    </a:lnTo>
                    <a:lnTo>
                      <a:pt x="34" y="264"/>
                    </a:lnTo>
                    <a:lnTo>
                      <a:pt x="31" y="269"/>
                    </a:lnTo>
                    <a:lnTo>
                      <a:pt x="27" y="274"/>
                    </a:lnTo>
                    <a:lnTo>
                      <a:pt x="25" y="277"/>
                    </a:lnTo>
                    <a:lnTo>
                      <a:pt x="25" y="279"/>
                    </a:lnTo>
                    <a:lnTo>
                      <a:pt x="24" y="286"/>
                    </a:lnTo>
                    <a:lnTo>
                      <a:pt x="20" y="291"/>
                    </a:lnTo>
                    <a:lnTo>
                      <a:pt x="17" y="296"/>
                    </a:lnTo>
                    <a:lnTo>
                      <a:pt x="12" y="298"/>
                    </a:lnTo>
                    <a:lnTo>
                      <a:pt x="9" y="299"/>
                    </a:lnTo>
                    <a:lnTo>
                      <a:pt x="3" y="299"/>
                    </a:lnTo>
                    <a:lnTo>
                      <a:pt x="0" y="299"/>
                    </a:lnTo>
                    <a:lnTo>
                      <a:pt x="0" y="333"/>
                    </a:lnTo>
                    <a:lnTo>
                      <a:pt x="124" y="314"/>
                    </a:lnTo>
                    <a:lnTo>
                      <a:pt x="125" y="316"/>
                    </a:lnTo>
                    <a:lnTo>
                      <a:pt x="127" y="314"/>
                    </a:lnTo>
                    <a:lnTo>
                      <a:pt x="129" y="313"/>
                    </a:lnTo>
                    <a:lnTo>
                      <a:pt x="132" y="309"/>
                    </a:lnTo>
                    <a:lnTo>
                      <a:pt x="135" y="306"/>
                    </a:lnTo>
                    <a:lnTo>
                      <a:pt x="140" y="303"/>
                    </a:lnTo>
                    <a:lnTo>
                      <a:pt x="146" y="299"/>
                    </a:lnTo>
                    <a:lnTo>
                      <a:pt x="152" y="296"/>
                    </a:lnTo>
                    <a:lnTo>
                      <a:pt x="157" y="292"/>
                    </a:lnTo>
                    <a:lnTo>
                      <a:pt x="166" y="287"/>
                    </a:lnTo>
                    <a:lnTo>
                      <a:pt x="173" y="284"/>
                    </a:lnTo>
                    <a:lnTo>
                      <a:pt x="181" y="281"/>
                    </a:lnTo>
                    <a:lnTo>
                      <a:pt x="190" y="279"/>
                    </a:lnTo>
                    <a:lnTo>
                      <a:pt x="200" y="277"/>
                    </a:lnTo>
                    <a:lnTo>
                      <a:pt x="210" y="274"/>
                    </a:lnTo>
                    <a:lnTo>
                      <a:pt x="218" y="274"/>
                    </a:lnTo>
                    <a:lnTo>
                      <a:pt x="311" y="265"/>
                    </a:lnTo>
                    <a:lnTo>
                      <a:pt x="313" y="265"/>
                    </a:lnTo>
                    <a:lnTo>
                      <a:pt x="315" y="264"/>
                    </a:lnTo>
                    <a:lnTo>
                      <a:pt x="320" y="264"/>
                    </a:lnTo>
                    <a:lnTo>
                      <a:pt x="327" y="264"/>
                    </a:lnTo>
                    <a:lnTo>
                      <a:pt x="333" y="265"/>
                    </a:lnTo>
                    <a:lnTo>
                      <a:pt x="340" y="269"/>
                    </a:lnTo>
                    <a:lnTo>
                      <a:pt x="347" y="276"/>
                    </a:lnTo>
                    <a:lnTo>
                      <a:pt x="355" y="287"/>
                    </a:lnTo>
                    <a:lnTo>
                      <a:pt x="359" y="301"/>
                    </a:lnTo>
                    <a:lnTo>
                      <a:pt x="467" y="284"/>
                    </a:lnTo>
                    <a:lnTo>
                      <a:pt x="597" y="379"/>
                    </a:lnTo>
                    <a:lnTo>
                      <a:pt x="601" y="379"/>
                    </a:lnTo>
                    <a:lnTo>
                      <a:pt x="602" y="379"/>
                    </a:lnTo>
                    <a:lnTo>
                      <a:pt x="604" y="37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02" name="Freeform 164"/>
              <p:cNvSpPr>
                <a:spLocks/>
              </p:cNvSpPr>
              <p:nvPr/>
            </p:nvSpPr>
            <p:spPr bwMode="auto">
              <a:xfrm>
                <a:off x="4106" y="2082"/>
                <a:ext cx="834" cy="379"/>
              </a:xfrm>
              <a:custGeom>
                <a:avLst/>
                <a:gdLst>
                  <a:gd name="T0" fmla="*/ 648 w 834"/>
                  <a:gd name="T1" fmla="*/ 360 h 379"/>
                  <a:gd name="T2" fmla="*/ 658 w 834"/>
                  <a:gd name="T3" fmla="*/ 335 h 379"/>
                  <a:gd name="T4" fmla="*/ 662 w 834"/>
                  <a:gd name="T5" fmla="*/ 353 h 379"/>
                  <a:gd name="T6" fmla="*/ 675 w 834"/>
                  <a:gd name="T7" fmla="*/ 309 h 379"/>
                  <a:gd name="T8" fmla="*/ 697 w 834"/>
                  <a:gd name="T9" fmla="*/ 279 h 379"/>
                  <a:gd name="T10" fmla="*/ 702 w 834"/>
                  <a:gd name="T11" fmla="*/ 264 h 379"/>
                  <a:gd name="T12" fmla="*/ 729 w 834"/>
                  <a:gd name="T13" fmla="*/ 248 h 379"/>
                  <a:gd name="T14" fmla="*/ 758 w 834"/>
                  <a:gd name="T15" fmla="*/ 232 h 379"/>
                  <a:gd name="T16" fmla="*/ 768 w 834"/>
                  <a:gd name="T17" fmla="*/ 233 h 379"/>
                  <a:gd name="T18" fmla="*/ 780 w 834"/>
                  <a:gd name="T19" fmla="*/ 230 h 379"/>
                  <a:gd name="T20" fmla="*/ 790 w 834"/>
                  <a:gd name="T21" fmla="*/ 218 h 379"/>
                  <a:gd name="T22" fmla="*/ 795 w 834"/>
                  <a:gd name="T23" fmla="*/ 193 h 379"/>
                  <a:gd name="T24" fmla="*/ 790 w 834"/>
                  <a:gd name="T25" fmla="*/ 201 h 379"/>
                  <a:gd name="T26" fmla="*/ 784 w 834"/>
                  <a:gd name="T27" fmla="*/ 188 h 379"/>
                  <a:gd name="T28" fmla="*/ 772 w 834"/>
                  <a:gd name="T29" fmla="*/ 198 h 379"/>
                  <a:gd name="T30" fmla="*/ 733 w 834"/>
                  <a:gd name="T31" fmla="*/ 199 h 379"/>
                  <a:gd name="T32" fmla="*/ 763 w 834"/>
                  <a:gd name="T33" fmla="*/ 194 h 379"/>
                  <a:gd name="T34" fmla="*/ 772 w 834"/>
                  <a:gd name="T35" fmla="*/ 164 h 379"/>
                  <a:gd name="T36" fmla="*/ 750 w 834"/>
                  <a:gd name="T37" fmla="*/ 159 h 379"/>
                  <a:gd name="T38" fmla="*/ 726 w 834"/>
                  <a:gd name="T39" fmla="*/ 149 h 379"/>
                  <a:gd name="T40" fmla="*/ 746 w 834"/>
                  <a:gd name="T41" fmla="*/ 149 h 379"/>
                  <a:gd name="T42" fmla="*/ 765 w 834"/>
                  <a:gd name="T43" fmla="*/ 144 h 379"/>
                  <a:gd name="T44" fmla="*/ 777 w 834"/>
                  <a:gd name="T45" fmla="*/ 138 h 379"/>
                  <a:gd name="T46" fmla="*/ 787 w 834"/>
                  <a:gd name="T47" fmla="*/ 149 h 379"/>
                  <a:gd name="T48" fmla="*/ 809 w 834"/>
                  <a:gd name="T49" fmla="*/ 147 h 379"/>
                  <a:gd name="T50" fmla="*/ 831 w 834"/>
                  <a:gd name="T51" fmla="*/ 113 h 379"/>
                  <a:gd name="T52" fmla="*/ 834 w 834"/>
                  <a:gd name="T53" fmla="*/ 105 h 379"/>
                  <a:gd name="T54" fmla="*/ 824 w 834"/>
                  <a:gd name="T55" fmla="*/ 67 h 379"/>
                  <a:gd name="T56" fmla="*/ 809 w 834"/>
                  <a:gd name="T57" fmla="*/ 79 h 379"/>
                  <a:gd name="T58" fmla="*/ 806 w 834"/>
                  <a:gd name="T59" fmla="*/ 105 h 379"/>
                  <a:gd name="T60" fmla="*/ 800 w 834"/>
                  <a:gd name="T61" fmla="*/ 84 h 379"/>
                  <a:gd name="T62" fmla="*/ 792 w 834"/>
                  <a:gd name="T63" fmla="*/ 67 h 379"/>
                  <a:gd name="T64" fmla="*/ 763 w 834"/>
                  <a:gd name="T65" fmla="*/ 79 h 379"/>
                  <a:gd name="T66" fmla="*/ 743 w 834"/>
                  <a:gd name="T67" fmla="*/ 88 h 379"/>
                  <a:gd name="T68" fmla="*/ 726 w 834"/>
                  <a:gd name="T69" fmla="*/ 91 h 379"/>
                  <a:gd name="T70" fmla="*/ 748 w 834"/>
                  <a:gd name="T71" fmla="*/ 78 h 379"/>
                  <a:gd name="T72" fmla="*/ 763 w 834"/>
                  <a:gd name="T73" fmla="*/ 66 h 379"/>
                  <a:gd name="T74" fmla="*/ 758 w 834"/>
                  <a:gd name="T75" fmla="*/ 52 h 379"/>
                  <a:gd name="T76" fmla="*/ 789 w 834"/>
                  <a:gd name="T77" fmla="*/ 50 h 379"/>
                  <a:gd name="T78" fmla="*/ 777 w 834"/>
                  <a:gd name="T79" fmla="*/ 34 h 379"/>
                  <a:gd name="T80" fmla="*/ 792 w 834"/>
                  <a:gd name="T81" fmla="*/ 40 h 379"/>
                  <a:gd name="T82" fmla="*/ 817 w 834"/>
                  <a:gd name="T83" fmla="*/ 50 h 379"/>
                  <a:gd name="T84" fmla="*/ 790 w 834"/>
                  <a:gd name="T85" fmla="*/ 15 h 379"/>
                  <a:gd name="T86" fmla="*/ 636 w 834"/>
                  <a:gd name="T87" fmla="*/ 32 h 379"/>
                  <a:gd name="T88" fmla="*/ 464 w 834"/>
                  <a:gd name="T89" fmla="*/ 64 h 379"/>
                  <a:gd name="T90" fmla="*/ 333 w 834"/>
                  <a:gd name="T91" fmla="*/ 83 h 379"/>
                  <a:gd name="T92" fmla="*/ 252 w 834"/>
                  <a:gd name="T93" fmla="*/ 93 h 379"/>
                  <a:gd name="T94" fmla="*/ 232 w 834"/>
                  <a:gd name="T95" fmla="*/ 94 h 379"/>
                  <a:gd name="T96" fmla="*/ 232 w 834"/>
                  <a:gd name="T97" fmla="*/ 125 h 379"/>
                  <a:gd name="T98" fmla="*/ 212 w 834"/>
                  <a:gd name="T99" fmla="*/ 145 h 379"/>
                  <a:gd name="T100" fmla="*/ 191 w 834"/>
                  <a:gd name="T101" fmla="*/ 157 h 379"/>
                  <a:gd name="T102" fmla="*/ 154 w 834"/>
                  <a:gd name="T103" fmla="*/ 188 h 379"/>
                  <a:gd name="T104" fmla="*/ 134 w 834"/>
                  <a:gd name="T105" fmla="*/ 186 h 379"/>
                  <a:gd name="T106" fmla="*/ 118 w 834"/>
                  <a:gd name="T107" fmla="*/ 215 h 379"/>
                  <a:gd name="T108" fmla="*/ 83 w 834"/>
                  <a:gd name="T109" fmla="*/ 235 h 379"/>
                  <a:gd name="T110" fmla="*/ 47 w 834"/>
                  <a:gd name="T111" fmla="*/ 255 h 379"/>
                  <a:gd name="T112" fmla="*/ 25 w 834"/>
                  <a:gd name="T113" fmla="*/ 279 h 379"/>
                  <a:gd name="T114" fmla="*/ 0 w 834"/>
                  <a:gd name="T115" fmla="*/ 299 h 379"/>
                  <a:gd name="T116" fmla="*/ 127 w 834"/>
                  <a:gd name="T117" fmla="*/ 314 h 379"/>
                  <a:gd name="T118" fmla="*/ 157 w 834"/>
                  <a:gd name="T119" fmla="*/ 292 h 379"/>
                  <a:gd name="T120" fmla="*/ 218 w 834"/>
                  <a:gd name="T121" fmla="*/ 274 h 379"/>
                  <a:gd name="T122" fmla="*/ 333 w 834"/>
                  <a:gd name="T123" fmla="*/ 265 h 379"/>
                  <a:gd name="T124" fmla="*/ 597 w 834"/>
                  <a:gd name="T125" fmla="*/ 379 h 379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  <a:gd name="T189" fmla="*/ 0 w 834"/>
                  <a:gd name="T190" fmla="*/ 0 h 379"/>
                  <a:gd name="T191" fmla="*/ 834 w 834"/>
                  <a:gd name="T192" fmla="*/ 379 h 379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T189" t="T190" r="T191" b="T192"/>
                <a:pathLst>
                  <a:path w="834" h="379">
                    <a:moveTo>
                      <a:pt x="604" y="377"/>
                    </a:moveTo>
                    <a:lnTo>
                      <a:pt x="604" y="377"/>
                    </a:lnTo>
                    <a:lnTo>
                      <a:pt x="618" y="369"/>
                    </a:lnTo>
                    <a:lnTo>
                      <a:pt x="628" y="362"/>
                    </a:lnTo>
                    <a:lnTo>
                      <a:pt x="636" y="360"/>
                    </a:lnTo>
                    <a:lnTo>
                      <a:pt x="643" y="360"/>
                    </a:lnTo>
                    <a:lnTo>
                      <a:pt x="648" y="360"/>
                    </a:lnTo>
                    <a:lnTo>
                      <a:pt x="650" y="362"/>
                    </a:lnTo>
                    <a:lnTo>
                      <a:pt x="653" y="364"/>
                    </a:lnTo>
                    <a:lnTo>
                      <a:pt x="653" y="365"/>
                    </a:lnTo>
                    <a:lnTo>
                      <a:pt x="653" y="333"/>
                    </a:lnTo>
                    <a:lnTo>
                      <a:pt x="657" y="333"/>
                    </a:lnTo>
                    <a:lnTo>
                      <a:pt x="658" y="335"/>
                    </a:lnTo>
                    <a:lnTo>
                      <a:pt x="658" y="338"/>
                    </a:lnTo>
                    <a:lnTo>
                      <a:pt x="658" y="340"/>
                    </a:lnTo>
                    <a:lnTo>
                      <a:pt x="660" y="345"/>
                    </a:lnTo>
                    <a:lnTo>
                      <a:pt x="662" y="348"/>
                    </a:lnTo>
                    <a:lnTo>
                      <a:pt x="662" y="352"/>
                    </a:lnTo>
                    <a:lnTo>
                      <a:pt x="662" y="353"/>
                    </a:lnTo>
                    <a:lnTo>
                      <a:pt x="663" y="345"/>
                    </a:lnTo>
                    <a:lnTo>
                      <a:pt x="663" y="338"/>
                    </a:lnTo>
                    <a:lnTo>
                      <a:pt x="667" y="330"/>
                    </a:lnTo>
                    <a:lnTo>
                      <a:pt x="668" y="323"/>
                    </a:lnTo>
                    <a:lnTo>
                      <a:pt x="672" y="316"/>
                    </a:lnTo>
                    <a:lnTo>
                      <a:pt x="675" y="309"/>
                    </a:lnTo>
                    <a:lnTo>
                      <a:pt x="679" y="303"/>
                    </a:lnTo>
                    <a:lnTo>
                      <a:pt x="682" y="298"/>
                    </a:lnTo>
                    <a:lnTo>
                      <a:pt x="685" y="292"/>
                    </a:lnTo>
                    <a:lnTo>
                      <a:pt x="689" y="289"/>
                    </a:lnTo>
                    <a:lnTo>
                      <a:pt x="692" y="286"/>
                    </a:lnTo>
                    <a:lnTo>
                      <a:pt x="696" y="282"/>
                    </a:lnTo>
                    <a:lnTo>
                      <a:pt x="697" y="279"/>
                    </a:lnTo>
                    <a:lnTo>
                      <a:pt x="699" y="277"/>
                    </a:lnTo>
                    <a:lnTo>
                      <a:pt x="701" y="277"/>
                    </a:lnTo>
                    <a:lnTo>
                      <a:pt x="701" y="276"/>
                    </a:lnTo>
                    <a:lnTo>
                      <a:pt x="696" y="267"/>
                    </a:lnTo>
                    <a:lnTo>
                      <a:pt x="702" y="262"/>
                    </a:lnTo>
                    <a:lnTo>
                      <a:pt x="702" y="264"/>
                    </a:lnTo>
                    <a:lnTo>
                      <a:pt x="704" y="267"/>
                    </a:lnTo>
                    <a:lnTo>
                      <a:pt x="706" y="270"/>
                    </a:lnTo>
                    <a:lnTo>
                      <a:pt x="707" y="270"/>
                    </a:lnTo>
                    <a:lnTo>
                      <a:pt x="714" y="262"/>
                    </a:lnTo>
                    <a:lnTo>
                      <a:pt x="721" y="254"/>
                    </a:lnTo>
                    <a:lnTo>
                      <a:pt x="729" y="248"/>
                    </a:lnTo>
                    <a:lnTo>
                      <a:pt x="738" y="243"/>
                    </a:lnTo>
                    <a:lnTo>
                      <a:pt x="745" y="242"/>
                    </a:lnTo>
                    <a:lnTo>
                      <a:pt x="751" y="240"/>
                    </a:lnTo>
                    <a:lnTo>
                      <a:pt x="756" y="238"/>
                    </a:lnTo>
                    <a:lnTo>
                      <a:pt x="758" y="238"/>
                    </a:lnTo>
                    <a:lnTo>
                      <a:pt x="758" y="232"/>
                    </a:lnTo>
                    <a:lnTo>
                      <a:pt x="760" y="230"/>
                    </a:lnTo>
                    <a:lnTo>
                      <a:pt x="762" y="228"/>
                    </a:lnTo>
                    <a:lnTo>
                      <a:pt x="763" y="228"/>
                    </a:lnTo>
                    <a:lnTo>
                      <a:pt x="765" y="230"/>
                    </a:lnTo>
                    <a:lnTo>
                      <a:pt x="767" y="230"/>
                    </a:lnTo>
                    <a:lnTo>
                      <a:pt x="768" y="232"/>
                    </a:lnTo>
                    <a:lnTo>
                      <a:pt x="768" y="233"/>
                    </a:lnTo>
                    <a:lnTo>
                      <a:pt x="770" y="230"/>
                    </a:lnTo>
                    <a:lnTo>
                      <a:pt x="772" y="228"/>
                    </a:lnTo>
                    <a:lnTo>
                      <a:pt x="773" y="226"/>
                    </a:lnTo>
                    <a:lnTo>
                      <a:pt x="775" y="228"/>
                    </a:lnTo>
                    <a:lnTo>
                      <a:pt x="778" y="228"/>
                    </a:lnTo>
                    <a:lnTo>
                      <a:pt x="780" y="230"/>
                    </a:lnTo>
                    <a:lnTo>
                      <a:pt x="782" y="230"/>
                    </a:lnTo>
                    <a:lnTo>
                      <a:pt x="784" y="230"/>
                    </a:lnTo>
                    <a:lnTo>
                      <a:pt x="785" y="226"/>
                    </a:lnTo>
                    <a:lnTo>
                      <a:pt x="787" y="223"/>
                    </a:lnTo>
                    <a:lnTo>
                      <a:pt x="790" y="218"/>
                    </a:lnTo>
                    <a:lnTo>
                      <a:pt x="792" y="215"/>
                    </a:lnTo>
                    <a:lnTo>
                      <a:pt x="795" y="210"/>
                    </a:lnTo>
                    <a:lnTo>
                      <a:pt x="797" y="208"/>
                    </a:lnTo>
                    <a:lnTo>
                      <a:pt x="797" y="204"/>
                    </a:lnTo>
                    <a:lnTo>
                      <a:pt x="797" y="196"/>
                    </a:lnTo>
                    <a:lnTo>
                      <a:pt x="795" y="193"/>
                    </a:lnTo>
                    <a:lnTo>
                      <a:pt x="795" y="191"/>
                    </a:lnTo>
                    <a:lnTo>
                      <a:pt x="794" y="193"/>
                    </a:lnTo>
                    <a:lnTo>
                      <a:pt x="792" y="194"/>
                    </a:lnTo>
                    <a:lnTo>
                      <a:pt x="790" y="198"/>
                    </a:lnTo>
                    <a:lnTo>
                      <a:pt x="790" y="199"/>
                    </a:lnTo>
                    <a:lnTo>
                      <a:pt x="790" y="201"/>
                    </a:lnTo>
                    <a:lnTo>
                      <a:pt x="789" y="201"/>
                    </a:lnTo>
                    <a:lnTo>
                      <a:pt x="787" y="199"/>
                    </a:lnTo>
                    <a:lnTo>
                      <a:pt x="785" y="199"/>
                    </a:lnTo>
                    <a:lnTo>
                      <a:pt x="785" y="198"/>
                    </a:lnTo>
                    <a:lnTo>
                      <a:pt x="784" y="191"/>
                    </a:lnTo>
                    <a:lnTo>
                      <a:pt x="784" y="188"/>
                    </a:lnTo>
                    <a:lnTo>
                      <a:pt x="784" y="186"/>
                    </a:lnTo>
                    <a:lnTo>
                      <a:pt x="782" y="188"/>
                    </a:lnTo>
                    <a:lnTo>
                      <a:pt x="780" y="189"/>
                    </a:lnTo>
                    <a:lnTo>
                      <a:pt x="780" y="193"/>
                    </a:lnTo>
                    <a:lnTo>
                      <a:pt x="780" y="194"/>
                    </a:lnTo>
                    <a:lnTo>
                      <a:pt x="780" y="196"/>
                    </a:lnTo>
                    <a:lnTo>
                      <a:pt x="772" y="198"/>
                    </a:lnTo>
                    <a:lnTo>
                      <a:pt x="753" y="215"/>
                    </a:lnTo>
                    <a:lnTo>
                      <a:pt x="741" y="213"/>
                    </a:lnTo>
                    <a:lnTo>
                      <a:pt x="724" y="198"/>
                    </a:lnTo>
                    <a:lnTo>
                      <a:pt x="726" y="198"/>
                    </a:lnTo>
                    <a:lnTo>
                      <a:pt x="729" y="199"/>
                    </a:lnTo>
                    <a:lnTo>
                      <a:pt x="733" y="199"/>
                    </a:lnTo>
                    <a:lnTo>
                      <a:pt x="736" y="201"/>
                    </a:lnTo>
                    <a:lnTo>
                      <a:pt x="741" y="204"/>
                    </a:lnTo>
                    <a:lnTo>
                      <a:pt x="748" y="204"/>
                    </a:lnTo>
                    <a:lnTo>
                      <a:pt x="753" y="203"/>
                    </a:lnTo>
                    <a:lnTo>
                      <a:pt x="758" y="199"/>
                    </a:lnTo>
                    <a:lnTo>
                      <a:pt x="763" y="194"/>
                    </a:lnTo>
                    <a:lnTo>
                      <a:pt x="767" y="191"/>
                    </a:lnTo>
                    <a:lnTo>
                      <a:pt x="770" y="188"/>
                    </a:lnTo>
                    <a:lnTo>
                      <a:pt x="770" y="186"/>
                    </a:lnTo>
                    <a:lnTo>
                      <a:pt x="760" y="182"/>
                    </a:lnTo>
                    <a:lnTo>
                      <a:pt x="758" y="177"/>
                    </a:lnTo>
                    <a:lnTo>
                      <a:pt x="768" y="176"/>
                    </a:lnTo>
                    <a:lnTo>
                      <a:pt x="772" y="164"/>
                    </a:lnTo>
                    <a:lnTo>
                      <a:pt x="770" y="164"/>
                    </a:lnTo>
                    <a:lnTo>
                      <a:pt x="768" y="164"/>
                    </a:lnTo>
                    <a:lnTo>
                      <a:pt x="767" y="164"/>
                    </a:lnTo>
                    <a:lnTo>
                      <a:pt x="763" y="162"/>
                    </a:lnTo>
                    <a:lnTo>
                      <a:pt x="750" y="159"/>
                    </a:lnTo>
                    <a:lnTo>
                      <a:pt x="740" y="155"/>
                    </a:lnTo>
                    <a:lnTo>
                      <a:pt x="731" y="154"/>
                    </a:lnTo>
                    <a:lnTo>
                      <a:pt x="728" y="152"/>
                    </a:lnTo>
                    <a:lnTo>
                      <a:pt x="724" y="150"/>
                    </a:lnTo>
                    <a:lnTo>
                      <a:pt x="723" y="150"/>
                    </a:lnTo>
                    <a:lnTo>
                      <a:pt x="724" y="149"/>
                    </a:lnTo>
                    <a:lnTo>
                      <a:pt x="726" y="149"/>
                    </a:lnTo>
                    <a:lnTo>
                      <a:pt x="728" y="149"/>
                    </a:lnTo>
                    <a:lnTo>
                      <a:pt x="731" y="147"/>
                    </a:lnTo>
                    <a:lnTo>
                      <a:pt x="736" y="149"/>
                    </a:lnTo>
                    <a:lnTo>
                      <a:pt x="740" y="149"/>
                    </a:lnTo>
                    <a:lnTo>
                      <a:pt x="743" y="149"/>
                    </a:lnTo>
                    <a:lnTo>
                      <a:pt x="745" y="149"/>
                    </a:lnTo>
                    <a:lnTo>
                      <a:pt x="746" y="149"/>
                    </a:lnTo>
                    <a:lnTo>
                      <a:pt x="748" y="149"/>
                    </a:lnTo>
                    <a:lnTo>
                      <a:pt x="746" y="138"/>
                    </a:lnTo>
                    <a:lnTo>
                      <a:pt x="755" y="135"/>
                    </a:lnTo>
                    <a:lnTo>
                      <a:pt x="760" y="144"/>
                    </a:lnTo>
                    <a:lnTo>
                      <a:pt x="762" y="144"/>
                    </a:lnTo>
                    <a:lnTo>
                      <a:pt x="765" y="144"/>
                    </a:lnTo>
                    <a:lnTo>
                      <a:pt x="767" y="145"/>
                    </a:lnTo>
                    <a:lnTo>
                      <a:pt x="768" y="144"/>
                    </a:lnTo>
                    <a:lnTo>
                      <a:pt x="770" y="138"/>
                    </a:lnTo>
                    <a:lnTo>
                      <a:pt x="772" y="135"/>
                    </a:lnTo>
                    <a:lnTo>
                      <a:pt x="773" y="137"/>
                    </a:lnTo>
                    <a:lnTo>
                      <a:pt x="777" y="138"/>
                    </a:lnTo>
                    <a:lnTo>
                      <a:pt x="778" y="142"/>
                    </a:lnTo>
                    <a:lnTo>
                      <a:pt x="782" y="145"/>
                    </a:lnTo>
                    <a:lnTo>
                      <a:pt x="784" y="147"/>
                    </a:lnTo>
                    <a:lnTo>
                      <a:pt x="784" y="149"/>
                    </a:lnTo>
                    <a:lnTo>
                      <a:pt x="785" y="149"/>
                    </a:lnTo>
                    <a:lnTo>
                      <a:pt x="787" y="149"/>
                    </a:lnTo>
                    <a:lnTo>
                      <a:pt x="792" y="149"/>
                    </a:lnTo>
                    <a:lnTo>
                      <a:pt x="795" y="149"/>
                    </a:lnTo>
                    <a:lnTo>
                      <a:pt x="800" y="149"/>
                    </a:lnTo>
                    <a:lnTo>
                      <a:pt x="804" y="147"/>
                    </a:lnTo>
                    <a:lnTo>
                      <a:pt x="807" y="147"/>
                    </a:lnTo>
                    <a:lnTo>
                      <a:pt x="809" y="147"/>
                    </a:lnTo>
                    <a:lnTo>
                      <a:pt x="814" y="130"/>
                    </a:lnTo>
                    <a:lnTo>
                      <a:pt x="819" y="120"/>
                    </a:lnTo>
                    <a:lnTo>
                      <a:pt x="824" y="113"/>
                    </a:lnTo>
                    <a:lnTo>
                      <a:pt x="826" y="110"/>
                    </a:lnTo>
                    <a:lnTo>
                      <a:pt x="828" y="110"/>
                    </a:lnTo>
                    <a:lnTo>
                      <a:pt x="829" y="111"/>
                    </a:lnTo>
                    <a:lnTo>
                      <a:pt x="831" y="113"/>
                    </a:lnTo>
                    <a:lnTo>
                      <a:pt x="831" y="111"/>
                    </a:lnTo>
                    <a:lnTo>
                      <a:pt x="833" y="110"/>
                    </a:lnTo>
                    <a:lnTo>
                      <a:pt x="834" y="106"/>
                    </a:lnTo>
                    <a:lnTo>
                      <a:pt x="834" y="105"/>
                    </a:lnTo>
                    <a:lnTo>
                      <a:pt x="834" y="96"/>
                    </a:lnTo>
                    <a:lnTo>
                      <a:pt x="833" y="88"/>
                    </a:lnTo>
                    <a:lnTo>
                      <a:pt x="831" y="81"/>
                    </a:lnTo>
                    <a:lnTo>
                      <a:pt x="829" y="76"/>
                    </a:lnTo>
                    <a:lnTo>
                      <a:pt x="828" y="72"/>
                    </a:lnTo>
                    <a:lnTo>
                      <a:pt x="826" y="69"/>
                    </a:lnTo>
                    <a:lnTo>
                      <a:pt x="824" y="67"/>
                    </a:lnTo>
                    <a:lnTo>
                      <a:pt x="817" y="72"/>
                    </a:lnTo>
                    <a:lnTo>
                      <a:pt x="816" y="72"/>
                    </a:lnTo>
                    <a:lnTo>
                      <a:pt x="814" y="74"/>
                    </a:lnTo>
                    <a:lnTo>
                      <a:pt x="811" y="76"/>
                    </a:lnTo>
                    <a:lnTo>
                      <a:pt x="809" y="79"/>
                    </a:lnTo>
                    <a:lnTo>
                      <a:pt x="809" y="89"/>
                    </a:lnTo>
                    <a:lnTo>
                      <a:pt x="809" y="96"/>
                    </a:lnTo>
                    <a:lnTo>
                      <a:pt x="807" y="101"/>
                    </a:lnTo>
                    <a:lnTo>
                      <a:pt x="807" y="105"/>
                    </a:lnTo>
                    <a:lnTo>
                      <a:pt x="807" y="106"/>
                    </a:lnTo>
                    <a:lnTo>
                      <a:pt x="806" y="105"/>
                    </a:lnTo>
                    <a:lnTo>
                      <a:pt x="806" y="101"/>
                    </a:lnTo>
                    <a:lnTo>
                      <a:pt x="804" y="98"/>
                    </a:lnTo>
                    <a:lnTo>
                      <a:pt x="802" y="94"/>
                    </a:lnTo>
                    <a:lnTo>
                      <a:pt x="802" y="91"/>
                    </a:lnTo>
                    <a:lnTo>
                      <a:pt x="802" y="88"/>
                    </a:lnTo>
                    <a:lnTo>
                      <a:pt x="800" y="84"/>
                    </a:lnTo>
                    <a:lnTo>
                      <a:pt x="800" y="81"/>
                    </a:lnTo>
                    <a:lnTo>
                      <a:pt x="800" y="79"/>
                    </a:lnTo>
                    <a:lnTo>
                      <a:pt x="800" y="78"/>
                    </a:lnTo>
                    <a:lnTo>
                      <a:pt x="799" y="71"/>
                    </a:lnTo>
                    <a:lnTo>
                      <a:pt x="797" y="67"/>
                    </a:lnTo>
                    <a:lnTo>
                      <a:pt x="792" y="67"/>
                    </a:lnTo>
                    <a:lnTo>
                      <a:pt x="789" y="69"/>
                    </a:lnTo>
                    <a:lnTo>
                      <a:pt x="784" y="72"/>
                    </a:lnTo>
                    <a:lnTo>
                      <a:pt x="778" y="76"/>
                    </a:lnTo>
                    <a:lnTo>
                      <a:pt x="777" y="78"/>
                    </a:lnTo>
                    <a:lnTo>
                      <a:pt x="775" y="79"/>
                    </a:lnTo>
                    <a:lnTo>
                      <a:pt x="763" y="79"/>
                    </a:lnTo>
                    <a:lnTo>
                      <a:pt x="762" y="81"/>
                    </a:lnTo>
                    <a:lnTo>
                      <a:pt x="760" y="81"/>
                    </a:lnTo>
                    <a:lnTo>
                      <a:pt x="756" y="83"/>
                    </a:lnTo>
                    <a:lnTo>
                      <a:pt x="753" y="83"/>
                    </a:lnTo>
                    <a:lnTo>
                      <a:pt x="750" y="84"/>
                    </a:lnTo>
                    <a:lnTo>
                      <a:pt x="745" y="86"/>
                    </a:lnTo>
                    <a:lnTo>
                      <a:pt x="743" y="88"/>
                    </a:lnTo>
                    <a:lnTo>
                      <a:pt x="741" y="88"/>
                    </a:lnTo>
                    <a:lnTo>
                      <a:pt x="731" y="94"/>
                    </a:lnTo>
                    <a:lnTo>
                      <a:pt x="726" y="96"/>
                    </a:lnTo>
                    <a:lnTo>
                      <a:pt x="724" y="96"/>
                    </a:lnTo>
                    <a:lnTo>
                      <a:pt x="724" y="94"/>
                    </a:lnTo>
                    <a:lnTo>
                      <a:pt x="726" y="91"/>
                    </a:lnTo>
                    <a:lnTo>
                      <a:pt x="729" y="88"/>
                    </a:lnTo>
                    <a:lnTo>
                      <a:pt x="731" y="84"/>
                    </a:lnTo>
                    <a:lnTo>
                      <a:pt x="733" y="84"/>
                    </a:lnTo>
                    <a:lnTo>
                      <a:pt x="724" y="66"/>
                    </a:lnTo>
                    <a:lnTo>
                      <a:pt x="731" y="61"/>
                    </a:lnTo>
                    <a:lnTo>
                      <a:pt x="736" y="71"/>
                    </a:lnTo>
                    <a:lnTo>
                      <a:pt x="748" y="78"/>
                    </a:lnTo>
                    <a:lnTo>
                      <a:pt x="751" y="76"/>
                    </a:lnTo>
                    <a:lnTo>
                      <a:pt x="755" y="72"/>
                    </a:lnTo>
                    <a:lnTo>
                      <a:pt x="758" y="71"/>
                    </a:lnTo>
                    <a:lnTo>
                      <a:pt x="762" y="67"/>
                    </a:lnTo>
                    <a:lnTo>
                      <a:pt x="763" y="66"/>
                    </a:lnTo>
                    <a:lnTo>
                      <a:pt x="765" y="64"/>
                    </a:lnTo>
                    <a:lnTo>
                      <a:pt x="765" y="62"/>
                    </a:lnTo>
                    <a:lnTo>
                      <a:pt x="756" y="56"/>
                    </a:lnTo>
                    <a:lnTo>
                      <a:pt x="753" y="52"/>
                    </a:lnTo>
                    <a:lnTo>
                      <a:pt x="755" y="52"/>
                    </a:lnTo>
                    <a:lnTo>
                      <a:pt x="758" y="52"/>
                    </a:lnTo>
                    <a:lnTo>
                      <a:pt x="763" y="54"/>
                    </a:lnTo>
                    <a:lnTo>
                      <a:pt x="768" y="56"/>
                    </a:lnTo>
                    <a:lnTo>
                      <a:pt x="772" y="57"/>
                    </a:lnTo>
                    <a:lnTo>
                      <a:pt x="775" y="59"/>
                    </a:lnTo>
                    <a:lnTo>
                      <a:pt x="789" y="52"/>
                    </a:lnTo>
                    <a:lnTo>
                      <a:pt x="789" y="50"/>
                    </a:lnTo>
                    <a:lnTo>
                      <a:pt x="789" y="49"/>
                    </a:lnTo>
                    <a:lnTo>
                      <a:pt x="787" y="47"/>
                    </a:lnTo>
                    <a:lnTo>
                      <a:pt x="787" y="45"/>
                    </a:lnTo>
                    <a:lnTo>
                      <a:pt x="780" y="39"/>
                    </a:lnTo>
                    <a:lnTo>
                      <a:pt x="777" y="34"/>
                    </a:lnTo>
                    <a:lnTo>
                      <a:pt x="780" y="34"/>
                    </a:lnTo>
                    <a:lnTo>
                      <a:pt x="784" y="35"/>
                    </a:lnTo>
                    <a:lnTo>
                      <a:pt x="787" y="37"/>
                    </a:lnTo>
                    <a:lnTo>
                      <a:pt x="790" y="39"/>
                    </a:lnTo>
                    <a:lnTo>
                      <a:pt x="790" y="40"/>
                    </a:lnTo>
                    <a:lnTo>
                      <a:pt x="792" y="40"/>
                    </a:lnTo>
                    <a:lnTo>
                      <a:pt x="795" y="39"/>
                    </a:lnTo>
                    <a:lnTo>
                      <a:pt x="800" y="39"/>
                    </a:lnTo>
                    <a:lnTo>
                      <a:pt x="802" y="39"/>
                    </a:lnTo>
                    <a:lnTo>
                      <a:pt x="811" y="47"/>
                    </a:lnTo>
                    <a:lnTo>
                      <a:pt x="816" y="50"/>
                    </a:lnTo>
                    <a:lnTo>
                      <a:pt x="817" y="50"/>
                    </a:lnTo>
                    <a:lnTo>
                      <a:pt x="817" y="47"/>
                    </a:lnTo>
                    <a:lnTo>
                      <a:pt x="814" y="44"/>
                    </a:lnTo>
                    <a:lnTo>
                      <a:pt x="811" y="39"/>
                    </a:lnTo>
                    <a:lnTo>
                      <a:pt x="809" y="35"/>
                    </a:lnTo>
                    <a:lnTo>
                      <a:pt x="807" y="34"/>
                    </a:lnTo>
                    <a:lnTo>
                      <a:pt x="800" y="17"/>
                    </a:lnTo>
                    <a:lnTo>
                      <a:pt x="790" y="15"/>
                    </a:lnTo>
                    <a:lnTo>
                      <a:pt x="780" y="0"/>
                    </a:lnTo>
                    <a:lnTo>
                      <a:pt x="750" y="8"/>
                    </a:lnTo>
                    <a:lnTo>
                      <a:pt x="721" y="15"/>
                    </a:lnTo>
                    <a:lnTo>
                      <a:pt x="692" y="20"/>
                    </a:lnTo>
                    <a:lnTo>
                      <a:pt x="663" y="27"/>
                    </a:lnTo>
                    <a:lnTo>
                      <a:pt x="636" y="32"/>
                    </a:lnTo>
                    <a:lnTo>
                      <a:pt x="609" y="39"/>
                    </a:lnTo>
                    <a:lnTo>
                      <a:pt x="584" y="44"/>
                    </a:lnTo>
                    <a:lnTo>
                      <a:pt x="558" y="47"/>
                    </a:lnTo>
                    <a:lnTo>
                      <a:pt x="533" y="52"/>
                    </a:lnTo>
                    <a:lnTo>
                      <a:pt x="509" y="56"/>
                    </a:lnTo>
                    <a:lnTo>
                      <a:pt x="486" y="61"/>
                    </a:lnTo>
                    <a:lnTo>
                      <a:pt x="464" y="64"/>
                    </a:lnTo>
                    <a:lnTo>
                      <a:pt x="443" y="67"/>
                    </a:lnTo>
                    <a:lnTo>
                      <a:pt x="423" y="71"/>
                    </a:lnTo>
                    <a:lnTo>
                      <a:pt x="403" y="74"/>
                    </a:lnTo>
                    <a:lnTo>
                      <a:pt x="384" y="76"/>
                    </a:lnTo>
                    <a:lnTo>
                      <a:pt x="366" y="79"/>
                    </a:lnTo>
                    <a:lnTo>
                      <a:pt x="349" y="81"/>
                    </a:lnTo>
                    <a:lnTo>
                      <a:pt x="333" y="83"/>
                    </a:lnTo>
                    <a:lnTo>
                      <a:pt x="318" y="84"/>
                    </a:lnTo>
                    <a:lnTo>
                      <a:pt x="305" y="86"/>
                    </a:lnTo>
                    <a:lnTo>
                      <a:pt x="293" y="88"/>
                    </a:lnTo>
                    <a:lnTo>
                      <a:pt x="281" y="89"/>
                    </a:lnTo>
                    <a:lnTo>
                      <a:pt x="271" y="91"/>
                    </a:lnTo>
                    <a:lnTo>
                      <a:pt x="261" y="91"/>
                    </a:lnTo>
                    <a:lnTo>
                      <a:pt x="252" y="93"/>
                    </a:lnTo>
                    <a:lnTo>
                      <a:pt x="245" y="93"/>
                    </a:lnTo>
                    <a:lnTo>
                      <a:pt x="240" y="94"/>
                    </a:lnTo>
                    <a:lnTo>
                      <a:pt x="235" y="94"/>
                    </a:lnTo>
                    <a:lnTo>
                      <a:pt x="232" y="94"/>
                    </a:lnTo>
                    <a:lnTo>
                      <a:pt x="230" y="94"/>
                    </a:lnTo>
                    <a:lnTo>
                      <a:pt x="232" y="94"/>
                    </a:lnTo>
                    <a:lnTo>
                      <a:pt x="232" y="96"/>
                    </a:lnTo>
                    <a:lnTo>
                      <a:pt x="232" y="100"/>
                    </a:lnTo>
                    <a:lnTo>
                      <a:pt x="232" y="106"/>
                    </a:lnTo>
                    <a:lnTo>
                      <a:pt x="232" y="111"/>
                    </a:lnTo>
                    <a:lnTo>
                      <a:pt x="234" y="118"/>
                    </a:lnTo>
                    <a:lnTo>
                      <a:pt x="232" y="125"/>
                    </a:lnTo>
                    <a:lnTo>
                      <a:pt x="232" y="128"/>
                    </a:lnTo>
                    <a:lnTo>
                      <a:pt x="232" y="130"/>
                    </a:lnTo>
                    <a:lnTo>
                      <a:pt x="225" y="130"/>
                    </a:lnTo>
                    <a:lnTo>
                      <a:pt x="220" y="133"/>
                    </a:lnTo>
                    <a:lnTo>
                      <a:pt x="215" y="138"/>
                    </a:lnTo>
                    <a:lnTo>
                      <a:pt x="212" y="145"/>
                    </a:lnTo>
                    <a:lnTo>
                      <a:pt x="208" y="152"/>
                    </a:lnTo>
                    <a:lnTo>
                      <a:pt x="206" y="157"/>
                    </a:lnTo>
                    <a:lnTo>
                      <a:pt x="205" y="160"/>
                    </a:lnTo>
                    <a:lnTo>
                      <a:pt x="198" y="157"/>
                    </a:lnTo>
                    <a:lnTo>
                      <a:pt x="191" y="157"/>
                    </a:lnTo>
                    <a:lnTo>
                      <a:pt x="183" y="162"/>
                    </a:lnTo>
                    <a:lnTo>
                      <a:pt x="174" y="169"/>
                    </a:lnTo>
                    <a:lnTo>
                      <a:pt x="168" y="177"/>
                    </a:lnTo>
                    <a:lnTo>
                      <a:pt x="161" y="184"/>
                    </a:lnTo>
                    <a:lnTo>
                      <a:pt x="156" y="188"/>
                    </a:lnTo>
                    <a:lnTo>
                      <a:pt x="154" y="188"/>
                    </a:lnTo>
                    <a:lnTo>
                      <a:pt x="152" y="182"/>
                    </a:lnTo>
                    <a:lnTo>
                      <a:pt x="149" y="181"/>
                    </a:lnTo>
                    <a:lnTo>
                      <a:pt x="147" y="179"/>
                    </a:lnTo>
                    <a:lnTo>
                      <a:pt x="144" y="179"/>
                    </a:lnTo>
                    <a:lnTo>
                      <a:pt x="140" y="181"/>
                    </a:lnTo>
                    <a:lnTo>
                      <a:pt x="137" y="182"/>
                    </a:lnTo>
                    <a:lnTo>
                      <a:pt x="134" y="186"/>
                    </a:lnTo>
                    <a:lnTo>
                      <a:pt x="132" y="191"/>
                    </a:lnTo>
                    <a:lnTo>
                      <a:pt x="129" y="194"/>
                    </a:lnTo>
                    <a:lnTo>
                      <a:pt x="125" y="199"/>
                    </a:lnTo>
                    <a:lnTo>
                      <a:pt x="124" y="204"/>
                    </a:lnTo>
                    <a:lnTo>
                      <a:pt x="122" y="208"/>
                    </a:lnTo>
                    <a:lnTo>
                      <a:pt x="118" y="213"/>
                    </a:lnTo>
                    <a:lnTo>
                      <a:pt x="118" y="215"/>
                    </a:lnTo>
                    <a:lnTo>
                      <a:pt x="117" y="216"/>
                    </a:lnTo>
                    <a:lnTo>
                      <a:pt x="117" y="218"/>
                    </a:lnTo>
                    <a:lnTo>
                      <a:pt x="108" y="220"/>
                    </a:lnTo>
                    <a:lnTo>
                      <a:pt x="100" y="223"/>
                    </a:lnTo>
                    <a:lnTo>
                      <a:pt x="91" y="228"/>
                    </a:lnTo>
                    <a:lnTo>
                      <a:pt x="83" y="235"/>
                    </a:lnTo>
                    <a:lnTo>
                      <a:pt x="78" y="240"/>
                    </a:lnTo>
                    <a:lnTo>
                      <a:pt x="71" y="247"/>
                    </a:lnTo>
                    <a:lnTo>
                      <a:pt x="68" y="250"/>
                    </a:lnTo>
                    <a:lnTo>
                      <a:pt x="66" y="252"/>
                    </a:lnTo>
                    <a:lnTo>
                      <a:pt x="56" y="252"/>
                    </a:lnTo>
                    <a:lnTo>
                      <a:pt x="47" y="255"/>
                    </a:lnTo>
                    <a:lnTo>
                      <a:pt x="41" y="259"/>
                    </a:lnTo>
                    <a:lnTo>
                      <a:pt x="34" y="264"/>
                    </a:lnTo>
                    <a:lnTo>
                      <a:pt x="31" y="269"/>
                    </a:lnTo>
                    <a:lnTo>
                      <a:pt x="27" y="274"/>
                    </a:lnTo>
                    <a:lnTo>
                      <a:pt x="25" y="277"/>
                    </a:lnTo>
                    <a:lnTo>
                      <a:pt x="25" y="279"/>
                    </a:lnTo>
                    <a:lnTo>
                      <a:pt x="24" y="286"/>
                    </a:lnTo>
                    <a:lnTo>
                      <a:pt x="20" y="291"/>
                    </a:lnTo>
                    <a:lnTo>
                      <a:pt x="17" y="296"/>
                    </a:lnTo>
                    <a:lnTo>
                      <a:pt x="12" y="298"/>
                    </a:lnTo>
                    <a:lnTo>
                      <a:pt x="9" y="299"/>
                    </a:lnTo>
                    <a:lnTo>
                      <a:pt x="3" y="299"/>
                    </a:lnTo>
                    <a:lnTo>
                      <a:pt x="0" y="299"/>
                    </a:lnTo>
                    <a:lnTo>
                      <a:pt x="0" y="333"/>
                    </a:lnTo>
                    <a:lnTo>
                      <a:pt x="124" y="314"/>
                    </a:lnTo>
                    <a:lnTo>
                      <a:pt x="125" y="316"/>
                    </a:lnTo>
                    <a:lnTo>
                      <a:pt x="127" y="314"/>
                    </a:lnTo>
                    <a:lnTo>
                      <a:pt x="129" y="313"/>
                    </a:lnTo>
                    <a:lnTo>
                      <a:pt x="132" y="309"/>
                    </a:lnTo>
                    <a:lnTo>
                      <a:pt x="135" y="306"/>
                    </a:lnTo>
                    <a:lnTo>
                      <a:pt x="140" y="303"/>
                    </a:lnTo>
                    <a:lnTo>
                      <a:pt x="146" y="299"/>
                    </a:lnTo>
                    <a:lnTo>
                      <a:pt x="152" y="296"/>
                    </a:lnTo>
                    <a:lnTo>
                      <a:pt x="157" y="292"/>
                    </a:lnTo>
                    <a:lnTo>
                      <a:pt x="166" y="287"/>
                    </a:lnTo>
                    <a:lnTo>
                      <a:pt x="173" y="284"/>
                    </a:lnTo>
                    <a:lnTo>
                      <a:pt x="181" y="281"/>
                    </a:lnTo>
                    <a:lnTo>
                      <a:pt x="190" y="279"/>
                    </a:lnTo>
                    <a:lnTo>
                      <a:pt x="200" y="277"/>
                    </a:lnTo>
                    <a:lnTo>
                      <a:pt x="210" y="274"/>
                    </a:lnTo>
                    <a:lnTo>
                      <a:pt x="218" y="274"/>
                    </a:lnTo>
                    <a:lnTo>
                      <a:pt x="311" y="265"/>
                    </a:lnTo>
                    <a:lnTo>
                      <a:pt x="313" y="265"/>
                    </a:lnTo>
                    <a:lnTo>
                      <a:pt x="315" y="264"/>
                    </a:lnTo>
                    <a:lnTo>
                      <a:pt x="320" y="264"/>
                    </a:lnTo>
                    <a:lnTo>
                      <a:pt x="327" y="264"/>
                    </a:lnTo>
                    <a:lnTo>
                      <a:pt x="333" y="265"/>
                    </a:lnTo>
                    <a:lnTo>
                      <a:pt x="340" y="269"/>
                    </a:lnTo>
                    <a:lnTo>
                      <a:pt x="347" y="276"/>
                    </a:lnTo>
                    <a:lnTo>
                      <a:pt x="355" y="287"/>
                    </a:lnTo>
                    <a:lnTo>
                      <a:pt x="359" y="301"/>
                    </a:lnTo>
                    <a:lnTo>
                      <a:pt x="467" y="284"/>
                    </a:lnTo>
                    <a:lnTo>
                      <a:pt x="597" y="379"/>
                    </a:lnTo>
                    <a:lnTo>
                      <a:pt x="601" y="379"/>
                    </a:lnTo>
                    <a:lnTo>
                      <a:pt x="602" y="379"/>
                    </a:lnTo>
                    <a:lnTo>
                      <a:pt x="604" y="377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03" name="Freeform 165"/>
              <p:cNvSpPr>
                <a:spLocks/>
              </p:cNvSpPr>
              <p:nvPr/>
            </p:nvSpPr>
            <p:spPr bwMode="auto">
              <a:xfrm>
                <a:off x="4891" y="2263"/>
                <a:ext cx="39" cy="57"/>
              </a:xfrm>
              <a:custGeom>
                <a:avLst/>
                <a:gdLst>
                  <a:gd name="T0" fmla="*/ 0 w 39"/>
                  <a:gd name="T1" fmla="*/ 57 h 57"/>
                  <a:gd name="T2" fmla="*/ 2 w 39"/>
                  <a:gd name="T3" fmla="*/ 54 h 57"/>
                  <a:gd name="T4" fmla="*/ 4 w 39"/>
                  <a:gd name="T5" fmla="*/ 51 h 57"/>
                  <a:gd name="T6" fmla="*/ 7 w 39"/>
                  <a:gd name="T7" fmla="*/ 44 h 57"/>
                  <a:gd name="T8" fmla="*/ 10 w 39"/>
                  <a:gd name="T9" fmla="*/ 35 h 57"/>
                  <a:gd name="T10" fmla="*/ 15 w 39"/>
                  <a:gd name="T11" fmla="*/ 25 h 57"/>
                  <a:gd name="T12" fmla="*/ 21 w 39"/>
                  <a:gd name="T13" fmla="*/ 15 h 57"/>
                  <a:gd name="T14" fmla="*/ 27 w 39"/>
                  <a:gd name="T15" fmla="*/ 7 h 57"/>
                  <a:gd name="T16" fmla="*/ 32 w 39"/>
                  <a:gd name="T17" fmla="*/ 0 h 57"/>
                  <a:gd name="T18" fmla="*/ 39 w 39"/>
                  <a:gd name="T19" fmla="*/ 1 h 57"/>
                  <a:gd name="T20" fmla="*/ 39 w 39"/>
                  <a:gd name="T21" fmla="*/ 1 h 57"/>
                  <a:gd name="T22" fmla="*/ 36 w 39"/>
                  <a:gd name="T23" fmla="*/ 5 h 57"/>
                  <a:gd name="T24" fmla="*/ 32 w 39"/>
                  <a:gd name="T25" fmla="*/ 8 h 57"/>
                  <a:gd name="T26" fmla="*/ 29 w 39"/>
                  <a:gd name="T27" fmla="*/ 13 h 57"/>
                  <a:gd name="T28" fmla="*/ 24 w 39"/>
                  <a:gd name="T29" fmla="*/ 22 h 57"/>
                  <a:gd name="T30" fmla="*/ 19 w 39"/>
                  <a:gd name="T31" fmla="*/ 30 h 57"/>
                  <a:gd name="T32" fmla="*/ 12 w 39"/>
                  <a:gd name="T33" fmla="*/ 40 h 57"/>
                  <a:gd name="T34" fmla="*/ 7 w 39"/>
                  <a:gd name="T35" fmla="*/ 54 h 57"/>
                  <a:gd name="T36" fmla="*/ 5 w 39"/>
                  <a:gd name="T37" fmla="*/ 54 h 57"/>
                  <a:gd name="T38" fmla="*/ 4 w 39"/>
                  <a:gd name="T39" fmla="*/ 56 h 57"/>
                  <a:gd name="T40" fmla="*/ 2 w 39"/>
                  <a:gd name="T41" fmla="*/ 56 h 57"/>
                  <a:gd name="T42" fmla="*/ 0 w 39"/>
                  <a:gd name="T43" fmla="*/ 57 h 57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w 39"/>
                  <a:gd name="T67" fmla="*/ 0 h 57"/>
                  <a:gd name="T68" fmla="*/ 39 w 39"/>
                  <a:gd name="T69" fmla="*/ 57 h 57"/>
                </a:gdLst>
                <a:ahLst/>
                <a:cxnLst>
                  <a:cxn ang="T44">
                    <a:pos x="T0" y="T1"/>
                  </a:cxn>
                  <a:cxn ang="T45">
                    <a:pos x="T2" y="T3"/>
                  </a:cxn>
                  <a:cxn ang="T46">
                    <a:pos x="T4" y="T5"/>
                  </a:cxn>
                  <a:cxn ang="T47">
                    <a:pos x="T6" y="T7"/>
                  </a:cxn>
                  <a:cxn ang="T48">
                    <a:pos x="T8" y="T9"/>
                  </a:cxn>
                  <a:cxn ang="T49">
                    <a:pos x="T10" y="T11"/>
                  </a:cxn>
                  <a:cxn ang="T50">
                    <a:pos x="T12" y="T13"/>
                  </a:cxn>
                  <a:cxn ang="T51">
                    <a:pos x="T14" y="T15"/>
                  </a:cxn>
                  <a:cxn ang="T52">
                    <a:pos x="T16" y="T17"/>
                  </a:cxn>
                  <a:cxn ang="T53">
                    <a:pos x="T18" y="T19"/>
                  </a:cxn>
                  <a:cxn ang="T54">
                    <a:pos x="T20" y="T21"/>
                  </a:cxn>
                  <a:cxn ang="T55">
                    <a:pos x="T22" y="T23"/>
                  </a:cxn>
                  <a:cxn ang="T56">
                    <a:pos x="T24" y="T25"/>
                  </a:cxn>
                  <a:cxn ang="T57">
                    <a:pos x="T26" y="T27"/>
                  </a:cxn>
                  <a:cxn ang="T58">
                    <a:pos x="T28" y="T29"/>
                  </a:cxn>
                  <a:cxn ang="T59">
                    <a:pos x="T30" y="T31"/>
                  </a:cxn>
                  <a:cxn ang="T60">
                    <a:pos x="T32" y="T33"/>
                  </a:cxn>
                  <a:cxn ang="T61">
                    <a:pos x="T34" y="T35"/>
                  </a:cxn>
                  <a:cxn ang="T62">
                    <a:pos x="T36" y="T37"/>
                  </a:cxn>
                  <a:cxn ang="T63">
                    <a:pos x="T38" y="T39"/>
                  </a:cxn>
                  <a:cxn ang="T64">
                    <a:pos x="T40" y="T41"/>
                  </a:cxn>
                  <a:cxn ang="T65">
                    <a:pos x="T42" y="T43"/>
                  </a:cxn>
                </a:cxnLst>
                <a:rect l="T66" t="T67" r="T68" b="T69"/>
                <a:pathLst>
                  <a:path w="39" h="57">
                    <a:moveTo>
                      <a:pt x="0" y="57"/>
                    </a:moveTo>
                    <a:lnTo>
                      <a:pt x="2" y="54"/>
                    </a:lnTo>
                    <a:lnTo>
                      <a:pt x="4" y="51"/>
                    </a:lnTo>
                    <a:lnTo>
                      <a:pt x="7" y="44"/>
                    </a:lnTo>
                    <a:lnTo>
                      <a:pt x="10" y="35"/>
                    </a:lnTo>
                    <a:lnTo>
                      <a:pt x="15" y="25"/>
                    </a:lnTo>
                    <a:lnTo>
                      <a:pt x="21" y="15"/>
                    </a:lnTo>
                    <a:lnTo>
                      <a:pt x="27" y="7"/>
                    </a:lnTo>
                    <a:lnTo>
                      <a:pt x="32" y="0"/>
                    </a:lnTo>
                    <a:lnTo>
                      <a:pt x="39" y="1"/>
                    </a:lnTo>
                    <a:lnTo>
                      <a:pt x="36" y="5"/>
                    </a:lnTo>
                    <a:lnTo>
                      <a:pt x="32" y="8"/>
                    </a:lnTo>
                    <a:lnTo>
                      <a:pt x="29" y="13"/>
                    </a:lnTo>
                    <a:lnTo>
                      <a:pt x="24" y="22"/>
                    </a:lnTo>
                    <a:lnTo>
                      <a:pt x="19" y="30"/>
                    </a:lnTo>
                    <a:lnTo>
                      <a:pt x="12" y="40"/>
                    </a:lnTo>
                    <a:lnTo>
                      <a:pt x="7" y="54"/>
                    </a:lnTo>
                    <a:lnTo>
                      <a:pt x="5" y="54"/>
                    </a:lnTo>
                    <a:lnTo>
                      <a:pt x="4" y="56"/>
                    </a:lnTo>
                    <a:lnTo>
                      <a:pt x="2" y="56"/>
                    </a:lnTo>
                    <a:lnTo>
                      <a:pt x="0" y="5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04" name="Freeform 166"/>
              <p:cNvSpPr>
                <a:spLocks/>
              </p:cNvSpPr>
              <p:nvPr/>
            </p:nvSpPr>
            <p:spPr bwMode="auto">
              <a:xfrm>
                <a:off x="4891" y="2263"/>
                <a:ext cx="39" cy="57"/>
              </a:xfrm>
              <a:custGeom>
                <a:avLst/>
                <a:gdLst>
                  <a:gd name="T0" fmla="*/ 0 w 39"/>
                  <a:gd name="T1" fmla="*/ 57 h 57"/>
                  <a:gd name="T2" fmla="*/ 0 w 39"/>
                  <a:gd name="T3" fmla="*/ 57 h 57"/>
                  <a:gd name="T4" fmla="*/ 2 w 39"/>
                  <a:gd name="T5" fmla="*/ 54 h 57"/>
                  <a:gd name="T6" fmla="*/ 4 w 39"/>
                  <a:gd name="T7" fmla="*/ 51 h 57"/>
                  <a:gd name="T8" fmla="*/ 7 w 39"/>
                  <a:gd name="T9" fmla="*/ 44 h 57"/>
                  <a:gd name="T10" fmla="*/ 10 w 39"/>
                  <a:gd name="T11" fmla="*/ 35 h 57"/>
                  <a:gd name="T12" fmla="*/ 15 w 39"/>
                  <a:gd name="T13" fmla="*/ 25 h 57"/>
                  <a:gd name="T14" fmla="*/ 21 w 39"/>
                  <a:gd name="T15" fmla="*/ 15 h 57"/>
                  <a:gd name="T16" fmla="*/ 27 w 39"/>
                  <a:gd name="T17" fmla="*/ 7 h 57"/>
                  <a:gd name="T18" fmla="*/ 32 w 39"/>
                  <a:gd name="T19" fmla="*/ 0 h 57"/>
                  <a:gd name="T20" fmla="*/ 39 w 39"/>
                  <a:gd name="T21" fmla="*/ 1 h 57"/>
                  <a:gd name="T22" fmla="*/ 39 w 39"/>
                  <a:gd name="T23" fmla="*/ 1 h 57"/>
                  <a:gd name="T24" fmla="*/ 39 w 39"/>
                  <a:gd name="T25" fmla="*/ 1 h 57"/>
                  <a:gd name="T26" fmla="*/ 36 w 39"/>
                  <a:gd name="T27" fmla="*/ 5 h 57"/>
                  <a:gd name="T28" fmla="*/ 32 w 39"/>
                  <a:gd name="T29" fmla="*/ 8 h 57"/>
                  <a:gd name="T30" fmla="*/ 29 w 39"/>
                  <a:gd name="T31" fmla="*/ 13 h 57"/>
                  <a:gd name="T32" fmla="*/ 24 w 39"/>
                  <a:gd name="T33" fmla="*/ 22 h 57"/>
                  <a:gd name="T34" fmla="*/ 19 w 39"/>
                  <a:gd name="T35" fmla="*/ 30 h 57"/>
                  <a:gd name="T36" fmla="*/ 12 w 39"/>
                  <a:gd name="T37" fmla="*/ 40 h 57"/>
                  <a:gd name="T38" fmla="*/ 7 w 39"/>
                  <a:gd name="T39" fmla="*/ 54 h 57"/>
                  <a:gd name="T40" fmla="*/ 7 w 39"/>
                  <a:gd name="T41" fmla="*/ 54 h 57"/>
                  <a:gd name="T42" fmla="*/ 5 w 39"/>
                  <a:gd name="T43" fmla="*/ 54 h 57"/>
                  <a:gd name="T44" fmla="*/ 4 w 39"/>
                  <a:gd name="T45" fmla="*/ 56 h 57"/>
                  <a:gd name="T46" fmla="*/ 2 w 39"/>
                  <a:gd name="T47" fmla="*/ 56 h 57"/>
                  <a:gd name="T48" fmla="*/ 0 w 39"/>
                  <a:gd name="T49" fmla="*/ 57 h 5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39"/>
                  <a:gd name="T76" fmla="*/ 0 h 57"/>
                  <a:gd name="T77" fmla="*/ 39 w 39"/>
                  <a:gd name="T78" fmla="*/ 57 h 57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39" h="57">
                    <a:moveTo>
                      <a:pt x="0" y="57"/>
                    </a:moveTo>
                    <a:lnTo>
                      <a:pt x="0" y="57"/>
                    </a:lnTo>
                    <a:lnTo>
                      <a:pt x="2" y="54"/>
                    </a:lnTo>
                    <a:lnTo>
                      <a:pt x="4" y="51"/>
                    </a:lnTo>
                    <a:lnTo>
                      <a:pt x="7" y="44"/>
                    </a:lnTo>
                    <a:lnTo>
                      <a:pt x="10" y="35"/>
                    </a:lnTo>
                    <a:lnTo>
                      <a:pt x="15" y="25"/>
                    </a:lnTo>
                    <a:lnTo>
                      <a:pt x="21" y="15"/>
                    </a:lnTo>
                    <a:lnTo>
                      <a:pt x="27" y="7"/>
                    </a:lnTo>
                    <a:lnTo>
                      <a:pt x="32" y="0"/>
                    </a:lnTo>
                    <a:lnTo>
                      <a:pt x="39" y="1"/>
                    </a:lnTo>
                    <a:lnTo>
                      <a:pt x="36" y="5"/>
                    </a:lnTo>
                    <a:lnTo>
                      <a:pt x="32" y="8"/>
                    </a:lnTo>
                    <a:lnTo>
                      <a:pt x="29" y="13"/>
                    </a:lnTo>
                    <a:lnTo>
                      <a:pt x="24" y="22"/>
                    </a:lnTo>
                    <a:lnTo>
                      <a:pt x="19" y="30"/>
                    </a:lnTo>
                    <a:lnTo>
                      <a:pt x="12" y="40"/>
                    </a:lnTo>
                    <a:lnTo>
                      <a:pt x="7" y="54"/>
                    </a:lnTo>
                    <a:lnTo>
                      <a:pt x="5" y="54"/>
                    </a:lnTo>
                    <a:lnTo>
                      <a:pt x="4" y="56"/>
                    </a:lnTo>
                    <a:lnTo>
                      <a:pt x="2" y="56"/>
                    </a:lnTo>
                    <a:lnTo>
                      <a:pt x="0" y="5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05" name="Freeform 167"/>
              <p:cNvSpPr>
                <a:spLocks/>
              </p:cNvSpPr>
              <p:nvPr/>
            </p:nvSpPr>
            <p:spPr bwMode="auto">
              <a:xfrm>
                <a:off x="4905" y="2078"/>
                <a:ext cx="54" cy="82"/>
              </a:xfrm>
              <a:custGeom>
                <a:avLst/>
                <a:gdLst>
                  <a:gd name="T0" fmla="*/ 5 w 54"/>
                  <a:gd name="T1" fmla="*/ 0 h 82"/>
                  <a:gd name="T2" fmla="*/ 5 w 54"/>
                  <a:gd name="T3" fmla="*/ 0 h 82"/>
                  <a:gd name="T4" fmla="*/ 5 w 54"/>
                  <a:gd name="T5" fmla="*/ 2 h 82"/>
                  <a:gd name="T6" fmla="*/ 7 w 54"/>
                  <a:gd name="T7" fmla="*/ 4 h 82"/>
                  <a:gd name="T8" fmla="*/ 7 w 54"/>
                  <a:gd name="T9" fmla="*/ 7 h 82"/>
                  <a:gd name="T10" fmla="*/ 8 w 54"/>
                  <a:gd name="T11" fmla="*/ 10 h 82"/>
                  <a:gd name="T12" fmla="*/ 10 w 54"/>
                  <a:gd name="T13" fmla="*/ 14 h 82"/>
                  <a:gd name="T14" fmla="*/ 13 w 54"/>
                  <a:gd name="T15" fmla="*/ 19 h 82"/>
                  <a:gd name="T16" fmla="*/ 15 w 54"/>
                  <a:gd name="T17" fmla="*/ 22 h 82"/>
                  <a:gd name="T18" fmla="*/ 17 w 54"/>
                  <a:gd name="T19" fmla="*/ 27 h 82"/>
                  <a:gd name="T20" fmla="*/ 20 w 54"/>
                  <a:gd name="T21" fmla="*/ 32 h 82"/>
                  <a:gd name="T22" fmla="*/ 23 w 54"/>
                  <a:gd name="T23" fmla="*/ 38 h 82"/>
                  <a:gd name="T24" fmla="*/ 25 w 54"/>
                  <a:gd name="T25" fmla="*/ 43 h 82"/>
                  <a:gd name="T26" fmla="*/ 29 w 54"/>
                  <a:gd name="T27" fmla="*/ 48 h 82"/>
                  <a:gd name="T28" fmla="*/ 32 w 54"/>
                  <a:gd name="T29" fmla="*/ 51 h 82"/>
                  <a:gd name="T30" fmla="*/ 35 w 54"/>
                  <a:gd name="T31" fmla="*/ 56 h 82"/>
                  <a:gd name="T32" fmla="*/ 39 w 54"/>
                  <a:gd name="T33" fmla="*/ 60 h 82"/>
                  <a:gd name="T34" fmla="*/ 40 w 54"/>
                  <a:gd name="T35" fmla="*/ 63 h 82"/>
                  <a:gd name="T36" fmla="*/ 44 w 54"/>
                  <a:gd name="T37" fmla="*/ 66 h 82"/>
                  <a:gd name="T38" fmla="*/ 47 w 54"/>
                  <a:gd name="T39" fmla="*/ 73 h 82"/>
                  <a:gd name="T40" fmla="*/ 52 w 54"/>
                  <a:gd name="T41" fmla="*/ 78 h 82"/>
                  <a:gd name="T42" fmla="*/ 54 w 54"/>
                  <a:gd name="T43" fmla="*/ 82 h 82"/>
                  <a:gd name="T44" fmla="*/ 52 w 54"/>
                  <a:gd name="T45" fmla="*/ 82 h 82"/>
                  <a:gd name="T46" fmla="*/ 45 w 54"/>
                  <a:gd name="T47" fmla="*/ 76 h 82"/>
                  <a:gd name="T48" fmla="*/ 34 w 54"/>
                  <a:gd name="T49" fmla="*/ 65 h 82"/>
                  <a:gd name="T50" fmla="*/ 34 w 54"/>
                  <a:gd name="T51" fmla="*/ 65 h 82"/>
                  <a:gd name="T52" fmla="*/ 32 w 54"/>
                  <a:gd name="T53" fmla="*/ 63 h 82"/>
                  <a:gd name="T54" fmla="*/ 30 w 54"/>
                  <a:gd name="T55" fmla="*/ 60 h 82"/>
                  <a:gd name="T56" fmla="*/ 27 w 54"/>
                  <a:gd name="T57" fmla="*/ 56 h 82"/>
                  <a:gd name="T58" fmla="*/ 25 w 54"/>
                  <a:gd name="T59" fmla="*/ 53 h 82"/>
                  <a:gd name="T60" fmla="*/ 22 w 54"/>
                  <a:gd name="T61" fmla="*/ 48 h 82"/>
                  <a:gd name="T62" fmla="*/ 18 w 54"/>
                  <a:gd name="T63" fmla="*/ 43 h 82"/>
                  <a:gd name="T64" fmla="*/ 15 w 54"/>
                  <a:gd name="T65" fmla="*/ 38 h 82"/>
                  <a:gd name="T66" fmla="*/ 12 w 54"/>
                  <a:gd name="T67" fmla="*/ 32 h 82"/>
                  <a:gd name="T68" fmla="*/ 10 w 54"/>
                  <a:gd name="T69" fmla="*/ 27 h 82"/>
                  <a:gd name="T70" fmla="*/ 7 w 54"/>
                  <a:gd name="T71" fmla="*/ 22 h 82"/>
                  <a:gd name="T72" fmla="*/ 5 w 54"/>
                  <a:gd name="T73" fmla="*/ 19 h 82"/>
                  <a:gd name="T74" fmla="*/ 1 w 54"/>
                  <a:gd name="T75" fmla="*/ 14 h 82"/>
                  <a:gd name="T76" fmla="*/ 1 w 54"/>
                  <a:gd name="T77" fmla="*/ 10 h 82"/>
                  <a:gd name="T78" fmla="*/ 0 w 54"/>
                  <a:gd name="T79" fmla="*/ 7 h 82"/>
                  <a:gd name="T80" fmla="*/ 0 w 54"/>
                  <a:gd name="T81" fmla="*/ 4 h 82"/>
                  <a:gd name="T82" fmla="*/ 0 w 54"/>
                  <a:gd name="T83" fmla="*/ 2 h 82"/>
                  <a:gd name="T84" fmla="*/ 1 w 54"/>
                  <a:gd name="T85" fmla="*/ 0 h 82"/>
                  <a:gd name="T86" fmla="*/ 3 w 54"/>
                  <a:gd name="T87" fmla="*/ 0 h 82"/>
                  <a:gd name="T88" fmla="*/ 5 w 54"/>
                  <a:gd name="T89" fmla="*/ 0 h 82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w 54"/>
                  <a:gd name="T136" fmla="*/ 0 h 82"/>
                  <a:gd name="T137" fmla="*/ 54 w 54"/>
                  <a:gd name="T138" fmla="*/ 82 h 82"/>
                </a:gdLst>
                <a:ahLst/>
                <a:cxnLst>
                  <a:cxn ang="T90">
                    <a:pos x="T0" y="T1"/>
                  </a:cxn>
                  <a:cxn ang="T91">
                    <a:pos x="T2" y="T3"/>
                  </a:cxn>
                  <a:cxn ang="T92">
                    <a:pos x="T4" y="T5"/>
                  </a:cxn>
                  <a:cxn ang="T93">
                    <a:pos x="T6" y="T7"/>
                  </a:cxn>
                  <a:cxn ang="T94">
                    <a:pos x="T8" y="T9"/>
                  </a:cxn>
                  <a:cxn ang="T95">
                    <a:pos x="T10" y="T11"/>
                  </a:cxn>
                  <a:cxn ang="T96">
                    <a:pos x="T12" y="T13"/>
                  </a:cxn>
                  <a:cxn ang="T97">
                    <a:pos x="T14" y="T15"/>
                  </a:cxn>
                  <a:cxn ang="T98">
                    <a:pos x="T16" y="T17"/>
                  </a:cxn>
                  <a:cxn ang="T99">
                    <a:pos x="T18" y="T19"/>
                  </a:cxn>
                  <a:cxn ang="T100">
                    <a:pos x="T20" y="T21"/>
                  </a:cxn>
                  <a:cxn ang="T101">
                    <a:pos x="T22" y="T23"/>
                  </a:cxn>
                  <a:cxn ang="T102">
                    <a:pos x="T24" y="T25"/>
                  </a:cxn>
                  <a:cxn ang="T103">
                    <a:pos x="T26" y="T27"/>
                  </a:cxn>
                  <a:cxn ang="T104">
                    <a:pos x="T28" y="T29"/>
                  </a:cxn>
                  <a:cxn ang="T105">
                    <a:pos x="T30" y="T31"/>
                  </a:cxn>
                  <a:cxn ang="T106">
                    <a:pos x="T32" y="T33"/>
                  </a:cxn>
                  <a:cxn ang="T107">
                    <a:pos x="T34" y="T35"/>
                  </a:cxn>
                  <a:cxn ang="T108">
                    <a:pos x="T36" y="T37"/>
                  </a:cxn>
                  <a:cxn ang="T109">
                    <a:pos x="T38" y="T39"/>
                  </a:cxn>
                  <a:cxn ang="T110">
                    <a:pos x="T40" y="T41"/>
                  </a:cxn>
                  <a:cxn ang="T111">
                    <a:pos x="T42" y="T43"/>
                  </a:cxn>
                  <a:cxn ang="T112">
                    <a:pos x="T44" y="T45"/>
                  </a:cxn>
                  <a:cxn ang="T113">
                    <a:pos x="T46" y="T47"/>
                  </a:cxn>
                  <a:cxn ang="T114">
                    <a:pos x="T48" y="T49"/>
                  </a:cxn>
                  <a:cxn ang="T115">
                    <a:pos x="T50" y="T51"/>
                  </a:cxn>
                  <a:cxn ang="T116">
                    <a:pos x="T52" y="T53"/>
                  </a:cxn>
                  <a:cxn ang="T117">
                    <a:pos x="T54" y="T55"/>
                  </a:cxn>
                  <a:cxn ang="T118">
                    <a:pos x="T56" y="T57"/>
                  </a:cxn>
                  <a:cxn ang="T119">
                    <a:pos x="T58" y="T59"/>
                  </a:cxn>
                  <a:cxn ang="T120">
                    <a:pos x="T60" y="T61"/>
                  </a:cxn>
                  <a:cxn ang="T121">
                    <a:pos x="T62" y="T63"/>
                  </a:cxn>
                  <a:cxn ang="T122">
                    <a:pos x="T64" y="T65"/>
                  </a:cxn>
                  <a:cxn ang="T123">
                    <a:pos x="T66" y="T67"/>
                  </a:cxn>
                  <a:cxn ang="T124">
                    <a:pos x="T68" y="T69"/>
                  </a:cxn>
                  <a:cxn ang="T125">
                    <a:pos x="T70" y="T71"/>
                  </a:cxn>
                  <a:cxn ang="T126">
                    <a:pos x="T72" y="T73"/>
                  </a:cxn>
                  <a:cxn ang="T127">
                    <a:pos x="T74" y="T75"/>
                  </a:cxn>
                  <a:cxn ang="T128">
                    <a:pos x="T76" y="T77"/>
                  </a:cxn>
                  <a:cxn ang="T129">
                    <a:pos x="T78" y="T79"/>
                  </a:cxn>
                  <a:cxn ang="T130">
                    <a:pos x="T80" y="T81"/>
                  </a:cxn>
                  <a:cxn ang="T131">
                    <a:pos x="T82" y="T83"/>
                  </a:cxn>
                  <a:cxn ang="T132">
                    <a:pos x="T84" y="T85"/>
                  </a:cxn>
                  <a:cxn ang="T133">
                    <a:pos x="T86" y="T87"/>
                  </a:cxn>
                  <a:cxn ang="T134">
                    <a:pos x="T88" y="T89"/>
                  </a:cxn>
                </a:cxnLst>
                <a:rect l="T135" t="T136" r="T137" b="T138"/>
                <a:pathLst>
                  <a:path w="54" h="82">
                    <a:moveTo>
                      <a:pt x="5" y="0"/>
                    </a:moveTo>
                    <a:lnTo>
                      <a:pt x="5" y="0"/>
                    </a:lnTo>
                    <a:lnTo>
                      <a:pt x="5" y="2"/>
                    </a:lnTo>
                    <a:lnTo>
                      <a:pt x="7" y="4"/>
                    </a:lnTo>
                    <a:lnTo>
                      <a:pt x="7" y="7"/>
                    </a:lnTo>
                    <a:lnTo>
                      <a:pt x="8" y="10"/>
                    </a:lnTo>
                    <a:lnTo>
                      <a:pt x="10" y="14"/>
                    </a:lnTo>
                    <a:lnTo>
                      <a:pt x="13" y="19"/>
                    </a:lnTo>
                    <a:lnTo>
                      <a:pt x="15" y="22"/>
                    </a:lnTo>
                    <a:lnTo>
                      <a:pt x="17" y="27"/>
                    </a:lnTo>
                    <a:lnTo>
                      <a:pt x="20" y="32"/>
                    </a:lnTo>
                    <a:lnTo>
                      <a:pt x="23" y="38"/>
                    </a:lnTo>
                    <a:lnTo>
                      <a:pt x="25" y="43"/>
                    </a:lnTo>
                    <a:lnTo>
                      <a:pt x="29" y="48"/>
                    </a:lnTo>
                    <a:lnTo>
                      <a:pt x="32" y="51"/>
                    </a:lnTo>
                    <a:lnTo>
                      <a:pt x="35" y="56"/>
                    </a:lnTo>
                    <a:lnTo>
                      <a:pt x="39" y="60"/>
                    </a:lnTo>
                    <a:lnTo>
                      <a:pt x="40" y="63"/>
                    </a:lnTo>
                    <a:lnTo>
                      <a:pt x="44" y="66"/>
                    </a:lnTo>
                    <a:lnTo>
                      <a:pt x="47" y="73"/>
                    </a:lnTo>
                    <a:lnTo>
                      <a:pt x="52" y="78"/>
                    </a:lnTo>
                    <a:lnTo>
                      <a:pt x="54" y="82"/>
                    </a:lnTo>
                    <a:lnTo>
                      <a:pt x="52" y="82"/>
                    </a:lnTo>
                    <a:lnTo>
                      <a:pt x="45" y="76"/>
                    </a:lnTo>
                    <a:lnTo>
                      <a:pt x="34" y="65"/>
                    </a:lnTo>
                    <a:lnTo>
                      <a:pt x="32" y="63"/>
                    </a:lnTo>
                    <a:lnTo>
                      <a:pt x="30" y="60"/>
                    </a:lnTo>
                    <a:lnTo>
                      <a:pt x="27" y="56"/>
                    </a:lnTo>
                    <a:lnTo>
                      <a:pt x="25" y="53"/>
                    </a:lnTo>
                    <a:lnTo>
                      <a:pt x="22" y="48"/>
                    </a:lnTo>
                    <a:lnTo>
                      <a:pt x="18" y="43"/>
                    </a:lnTo>
                    <a:lnTo>
                      <a:pt x="15" y="38"/>
                    </a:lnTo>
                    <a:lnTo>
                      <a:pt x="12" y="32"/>
                    </a:lnTo>
                    <a:lnTo>
                      <a:pt x="10" y="27"/>
                    </a:lnTo>
                    <a:lnTo>
                      <a:pt x="7" y="22"/>
                    </a:lnTo>
                    <a:lnTo>
                      <a:pt x="5" y="19"/>
                    </a:lnTo>
                    <a:lnTo>
                      <a:pt x="1" y="14"/>
                    </a:lnTo>
                    <a:lnTo>
                      <a:pt x="1" y="10"/>
                    </a:lnTo>
                    <a:lnTo>
                      <a:pt x="0" y="7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3" y="0"/>
                    </a:lnTo>
                    <a:lnTo>
                      <a:pt x="5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06" name="Freeform 168"/>
              <p:cNvSpPr>
                <a:spLocks/>
              </p:cNvSpPr>
              <p:nvPr/>
            </p:nvSpPr>
            <p:spPr bwMode="auto">
              <a:xfrm>
                <a:off x="4905" y="2078"/>
                <a:ext cx="54" cy="82"/>
              </a:xfrm>
              <a:custGeom>
                <a:avLst/>
                <a:gdLst>
                  <a:gd name="T0" fmla="*/ 5 w 54"/>
                  <a:gd name="T1" fmla="*/ 0 h 82"/>
                  <a:gd name="T2" fmla="*/ 5 w 54"/>
                  <a:gd name="T3" fmla="*/ 0 h 82"/>
                  <a:gd name="T4" fmla="*/ 5 w 54"/>
                  <a:gd name="T5" fmla="*/ 0 h 82"/>
                  <a:gd name="T6" fmla="*/ 5 w 54"/>
                  <a:gd name="T7" fmla="*/ 2 h 82"/>
                  <a:gd name="T8" fmla="*/ 7 w 54"/>
                  <a:gd name="T9" fmla="*/ 4 h 82"/>
                  <a:gd name="T10" fmla="*/ 7 w 54"/>
                  <a:gd name="T11" fmla="*/ 7 h 82"/>
                  <a:gd name="T12" fmla="*/ 8 w 54"/>
                  <a:gd name="T13" fmla="*/ 10 h 82"/>
                  <a:gd name="T14" fmla="*/ 10 w 54"/>
                  <a:gd name="T15" fmla="*/ 14 h 82"/>
                  <a:gd name="T16" fmla="*/ 13 w 54"/>
                  <a:gd name="T17" fmla="*/ 19 h 82"/>
                  <a:gd name="T18" fmla="*/ 15 w 54"/>
                  <a:gd name="T19" fmla="*/ 22 h 82"/>
                  <a:gd name="T20" fmla="*/ 17 w 54"/>
                  <a:gd name="T21" fmla="*/ 27 h 82"/>
                  <a:gd name="T22" fmla="*/ 20 w 54"/>
                  <a:gd name="T23" fmla="*/ 32 h 82"/>
                  <a:gd name="T24" fmla="*/ 23 w 54"/>
                  <a:gd name="T25" fmla="*/ 38 h 82"/>
                  <a:gd name="T26" fmla="*/ 25 w 54"/>
                  <a:gd name="T27" fmla="*/ 43 h 82"/>
                  <a:gd name="T28" fmla="*/ 29 w 54"/>
                  <a:gd name="T29" fmla="*/ 48 h 82"/>
                  <a:gd name="T30" fmla="*/ 32 w 54"/>
                  <a:gd name="T31" fmla="*/ 51 h 82"/>
                  <a:gd name="T32" fmla="*/ 35 w 54"/>
                  <a:gd name="T33" fmla="*/ 56 h 82"/>
                  <a:gd name="T34" fmla="*/ 39 w 54"/>
                  <a:gd name="T35" fmla="*/ 60 h 82"/>
                  <a:gd name="T36" fmla="*/ 39 w 54"/>
                  <a:gd name="T37" fmla="*/ 60 h 82"/>
                  <a:gd name="T38" fmla="*/ 40 w 54"/>
                  <a:gd name="T39" fmla="*/ 63 h 82"/>
                  <a:gd name="T40" fmla="*/ 44 w 54"/>
                  <a:gd name="T41" fmla="*/ 66 h 82"/>
                  <a:gd name="T42" fmla="*/ 47 w 54"/>
                  <a:gd name="T43" fmla="*/ 73 h 82"/>
                  <a:gd name="T44" fmla="*/ 52 w 54"/>
                  <a:gd name="T45" fmla="*/ 78 h 82"/>
                  <a:gd name="T46" fmla="*/ 54 w 54"/>
                  <a:gd name="T47" fmla="*/ 82 h 82"/>
                  <a:gd name="T48" fmla="*/ 52 w 54"/>
                  <a:gd name="T49" fmla="*/ 82 h 82"/>
                  <a:gd name="T50" fmla="*/ 45 w 54"/>
                  <a:gd name="T51" fmla="*/ 76 h 82"/>
                  <a:gd name="T52" fmla="*/ 34 w 54"/>
                  <a:gd name="T53" fmla="*/ 65 h 82"/>
                  <a:gd name="T54" fmla="*/ 34 w 54"/>
                  <a:gd name="T55" fmla="*/ 65 h 82"/>
                  <a:gd name="T56" fmla="*/ 34 w 54"/>
                  <a:gd name="T57" fmla="*/ 65 h 82"/>
                  <a:gd name="T58" fmla="*/ 32 w 54"/>
                  <a:gd name="T59" fmla="*/ 63 h 82"/>
                  <a:gd name="T60" fmla="*/ 30 w 54"/>
                  <a:gd name="T61" fmla="*/ 60 h 82"/>
                  <a:gd name="T62" fmla="*/ 27 w 54"/>
                  <a:gd name="T63" fmla="*/ 56 h 82"/>
                  <a:gd name="T64" fmla="*/ 25 w 54"/>
                  <a:gd name="T65" fmla="*/ 53 h 82"/>
                  <a:gd name="T66" fmla="*/ 22 w 54"/>
                  <a:gd name="T67" fmla="*/ 48 h 82"/>
                  <a:gd name="T68" fmla="*/ 18 w 54"/>
                  <a:gd name="T69" fmla="*/ 43 h 82"/>
                  <a:gd name="T70" fmla="*/ 15 w 54"/>
                  <a:gd name="T71" fmla="*/ 38 h 82"/>
                  <a:gd name="T72" fmla="*/ 12 w 54"/>
                  <a:gd name="T73" fmla="*/ 32 h 82"/>
                  <a:gd name="T74" fmla="*/ 10 w 54"/>
                  <a:gd name="T75" fmla="*/ 27 h 82"/>
                  <a:gd name="T76" fmla="*/ 7 w 54"/>
                  <a:gd name="T77" fmla="*/ 22 h 82"/>
                  <a:gd name="T78" fmla="*/ 5 w 54"/>
                  <a:gd name="T79" fmla="*/ 19 h 82"/>
                  <a:gd name="T80" fmla="*/ 1 w 54"/>
                  <a:gd name="T81" fmla="*/ 14 h 82"/>
                  <a:gd name="T82" fmla="*/ 1 w 54"/>
                  <a:gd name="T83" fmla="*/ 10 h 82"/>
                  <a:gd name="T84" fmla="*/ 0 w 54"/>
                  <a:gd name="T85" fmla="*/ 7 h 82"/>
                  <a:gd name="T86" fmla="*/ 0 w 54"/>
                  <a:gd name="T87" fmla="*/ 4 h 82"/>
                  <a:gd name="T88" fmla="*/ 0 w 54"/>
                  <a:gd name="T89" fmla="*/ 4 h 82"/>
                  <a:gd name="T90" fmla="*/ 0 w 54"/>
                  <a:gd name="T91" fmla="*/ 2 h 82"/>
                  <a:gd name="T92" fmla="*/ 1 w 54"/>
                  <a:gd name="T93" fmla="*/ 0 h 82"/>
                  <a:gd name="T94" fmla="*/ 3 w 54"/>
                  <a:gd name="T95" fmla="*/ 0 h 82"/>
                  <a:gd name="T96" fmla="*/ 5 w 54"/>
                  <a:gd name="T97" fmla="*/ 0 h 82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w 54"/>
                  <a:gd name="T148" fmla="*/ 0 h 82"/>
                  <a:gd name="T149" fmla="*/ 54 w 54"/>
                  <a:gd name="T150" fmla="*/ 82 h 82"/>
                </a:gdLst>
                <a:ahLst/>
                <a:cxnLst>
                  <a:cxn ang="T98">
                    <a:pos x="T0" y="T1"/>
                  </a:cxn>
                  <a:cxn ang="T99">
                    <a:pos x="T2" y="T3"/>
                  </a:cxn>
                  <a:cxn ang="T100">
                    <a:pos x="T4" y="T5"/>
                  </a:cxn>
                  <a:cxn ang="T101">
                    <a:pos x="T6" y="T7"/>
                  </a:cxn>
                  <a:cxn ang="T102">
                    <a:pos x="T8" y="T9"/>
                  </a:cxn>
                  <a:cxn ang="T103">
                    <a:pos x="T10" y="T11"/>
                  </a:cxn>
                  <a:cxn ang="T104">
                    <a:pos x="T12" y="T13"/>
                  </a:cxn>
                  <a:cxn ang="T105">
                    <a:pos x="T14" y="T15"/>
                  </a:cxn>
                  <a:cxn ang="T106">
                    <a:pos x="T16" y="T17"/>
                  </a:cxn>
                  <a:cxn ang="T107">
                    <a:pos x="T18" y="T19"/>
                  </a:cxn>
                  <a:cxn ang="T108">
                    <a:pos x="T20" y="T21"/>
                  </a:cxn>
                  <a:cxn ang="T109">
                    <a:pos x="T22" y="T23"/>
                  </a:cxn>
                  <a:cxn ang="T110">
                    <a:pos x="T24" y="T25"/>
                  </a:cxn>
                  <a:cxn ang="T111">
                    <a:pos x="T26" y="T27"/>
                  </a:cxn>
                  <a:cxn ang="T112">
                    <a:pos x="T28" y="T29"/>
                  </a:cxn>
                  <a:cxn ang="T113">
                    <a:pos x="T30" y="T31"/>
                  </a:cxn>
                  <a:cxn ang="T114">
                    <a:pos x="T32" y="T33"/>
                  </a:cxn>
                  <a:cxn ang="T115">
                    <a:pos x="T34" y="T35"/>
                  </a:cxn>
                  <a:cxn ang="T116">
                    <a:pos x="T36" y="T37"/>
                  </a:cxn>
                  <a:cxn ang="T117">
                    <a:pos x="T38" y="T39"/>
                  </a:cxn>
                  <a:cxn ang="T118">
                    <a:pos x="T40" y="T41"/>
                  </a:cxn>
                  <a:cxn ang="T119">
                    <a:pos x="T42" y="T43"/>
                  </a:cxn>
                  <a:cxn ang="T120">
                    <a:pos x="T44" y="T45"/>
                  </a:cxn>
                  <a:cxn ang="T121">
                    <a:pos x="T46" y="T47"/>
                  </a:cxn>
                  <a:cxn ang="T122">
                    <a:pos x="T48" y="T49"/>
                  </a:cxn>
                  <a:cxn ang="T123">
                    <a:pos x="T50" y="T51"/>
                  </a:cxn>
                  <a:cxn ang="T124">
                    <a:pos x="T52" y="T53"/>
                  </a:cxn>
                  <a:cxn ang="T125">
                    <a:pos x="T54" y="T55"/>
                  </a:cxn>
                  <a:cxn ang="T126">
                    <a:pos x="T56" y="T57"/>
                  </a:cxn>
                  <a:cxn ang="T127">
                    <a:pos x="T58" y="T59"/>
                  </a:cxn>
                  <a:cxn ang="T128">
                    <a:pos x="T60" y="T61"/>
                  </a:cxn>
                  <a:cxn ang="T129">
                    <a:pos x="T62" y="T63"/>
                  </a:cxn>
                  <a:cxn ang="T130">
                    <a:pos x="T64" y="T65"/>
                  </a:cxn>
                  <a:cxn ang="T131">
                    <a:pos x="T66" y="T67"/>
                  </a:cxn>
                  <a:cxn ang="T132">
                    <a:pos x="T68" y="T69"/>
                  </a:cxn>
                  <a:cxn ang="T133">
                    <a:pos x="T70" y="T71"/>
                  </a:cxn>
                  <a:cxn ang="T134">
                    <a:pos x="T72" y="T73"/>
                  </a:cxn>
                  <a:cxn ang="T135">
                    <a:pos x="T74" y="T75"/>
                  </a:cxn>
                  <a:cxn ang="T136">
                    <a:pos x="T76" y="T77"/>
                  </a:cxn>
                  <a:cxn ang="T137">
                    <a:pos x="T78" y="T79"/>
                  </a:cxn>
                  <a:cxn ang="T138">
                    <a:pos x="T80" y="T81"/>
                  </a:cxn>
                  <a:cxn ang="T139">
                    <a:pos x="T82" y="T83"/>
                  </a:cxn>
                  <a:cxn ang="T140">
                    <a:pos x="T84" y="T85"/>
                  </a:cxn>
                  <a:cxn ang="T141">
                    <a:pos x="T86" y="T87"/>
                  </a:cxn>
                  <a:cxn ang="T142">
                    <a:pos x="T88" y="T89"/>
                  </a:cxn>
                  <a:cxn ang="T143">
                    <a:pos x="T90" y="T91"/>
                  </a:cxn>
                  <a:cxn ang="T144">
                    <a:pos x="T92" y="T93"/>
                  </a:cxn>
                  <a:cxn ang="T145">
                    <a:pos x="T94" y="T95"/>
                  </a:cxn>
                  <a:cxn ang="T146">
                    <a:pos x="T96" y="T97"/>
                  </a:cxn>
                </a:cxnLst>
                <a:rect l="T147" t="T148" r="T149" b="T150"/>
                <a:pathLst>
                  <a:path w="54" h="82">
                    <a:moveTo>
                      <a:pt x="5" y="0"/>
                    </a:moveTo>
                    <a:lnTo>
                      <a:pt x="5" y="0"/>
                    </a:lnTo>
                    <a:lnTo>
                      <a:pt x="5" y="2"/>
                    </a:lnTo>
                    <a:lnTo>
                      <a:pt x="7" y="4"/>
                    </a:lnTo>
                    <a:lnTo>
                      <a:pt x="7" y="7"/>
                    </a:lnTo>
                    <a:lnTo>
                      <a:pt x="8" y="10"/>
                    </a:lnTo>
                    <a:lnTo>
                      <a:pt x="10" y="14"/>
                    </a:lnTo>
                    <a:lnTo>
                      <a:pt x="13" y="19"/>
                    </a:lnTo>
                    <a:lnTo>
                      <a:pt x="15" y="22"/>
                    </a:lnTo>
                    <a:lnTo>
                      <a:pt x="17" y="27"/>
                    </a:lnTo>
                    <a:lnTo>
                      <a:pt x="20" y="32"/>
                    </a:lnTo>
                    <a:lnTo>
                      <a:pt x="23" y="38"/>
                    </a:lnTo>
                    <a:lnTo>
                      <a:pt x="25" y="43"/>
                    </a:lnTo>
                    <a:lnTo>
                      <a:pt x="29" y="48"/>
                    </a:lnTo>
                    <a:lnTo>
                      <a:pt x="32" y="51"/>
                    </a:lnTo>
                    <a:lnTo>
                      <a:pt x="35" y="56"/>
                    </a:lnTo>
                    <a:lnTo>
                      <a:pt x="39" y="60"/>
                    </a:lnTo>
                    <a:lnTo>
                      <a:pt x="40" y="63"/>
                    </a:lnTo>
                    <a:lnTo>
                      <a:pt x="44" y="66"/>
                    </a:lnTo>
                    <a:lnTo>
                      <a:pt x="47" y="73"/>
                    </a:lnTo>
                    <a:lnTo>
                      <a:pt x="52" y="78"/>
                    </a:lnTo>
                    <a:lnTo>
                      <a:pt x="54" y="82"/>
                    </a:lnTo>
                    <a:lnTo>
                      <a:pt x="52" y="82"/>
                    </a:lnTo>
                    <a:lnTo>
                      <a:pt x="45" y="76"/>
                    </a:lnTo>
                    <a:lnTo>
                      <a:pt x="34" y="65"/>
                    </a:lnTo>
                    <a:lnTo>
                      <a:pt x="32" y="63"/>
                    </a:lnTo>
                    <a:lnTo>
                      <a:pt x="30" y="60"/>
                    </a:lnTo>
                    <a:lnTo>
                      <a:pt x="27" y="56"/>
                    </a:lnTo>
                    <a:lnTo>
                      <a:pt x="25" y="53"/>
                    </a:lnTo>
                    <a:lnTo>
                      <a:pt x="22" y="48"/>
                    </a:lnTo>
                    <a:lnTo>
                      <a:pt x="18" y="43"/>
                    </a:lnTo>
                    <a:lnTo>
                      <a:pt x="15" y="38"/>
                    </a:lnTo>
                    <a:lnTo>
                      <a:pt x="12" y="32"/>
                    </a:lnTo>
                    <a:lnTo>
                      <a:pt x="10" y="27"/>
                    </a:lnTo>
                    <a:lnTo>
                      <a:pt x="7" y="22"/>
                    </a:lnTo>
                    <a:lnTo>
                      <a:pt x="5" y="19"/>
                    </a:lnTo>
                    <a:lnTo>
                      <a:pt x="1" y="14"/>
                    </a:lnTo>
                    <a:lnTo>
                      <a:pt x="1" y="10"/>
                    </a:lnTo>
                    <a:lnTo>
                      <a:pt x="0" y="7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3" y="0"/>
                    </a:lnTo>
                    <a:lnTo>
                      <a:pt x="5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07" name="Freeform 169"/>
              <p:cNvSpPr>
                <a:spLocks/>
              </p:cNvSpPr>
              <p:nvPr/>
            </p:nvSpPr>
            <p:spPr bwMode="auto">
              <a:xfrm>
                <a:off x="4956" y="2165"/>
                <a:ext cx="20" cy="72"/>
              </a:xfrm>
              <a:custGeom>
                <a:avLst/>
                <a:gdLst>
                  <a:gd name="T0" fmla="*/ 8 w 20"/>
                  <a:gd name="T1" fmla="*/ 0 h 72"/>
                  <a:gd name="T2" fmla="*/ 18 w 20"/>
                  <a:gd name="T3" fmla="*/ 18 h 72"/>
                  <a:gd name="T4" fmla="*/ 20 w 20"/>
                  <a:gd name="T5" fmla="*/ 67 h 72"/>
                  <a:gd name="T6" fmla="*/ 3 w 20"/>
                  <a:gd name="T7" fmla="*/ 72 h 72"/>
                  <a:gd name="T8" fmla="*/ 0 w 20"/>
                  <a:gd name="T9" fmla="*/ 71 h 72"/>
                  <a:gd name="T10" fmla="*/ 15 w 20"/>
                  <a:gd name="T11" fmla="*/ 55 h 72"/>
                  <a:gd name="T12" fmla="*/ 13 w 20"/>
                  <a:gd name="T13" fmla="*/ 22 h 72"/>
                  <a:gd name="T14" fmla="*/ 3 w 20"/>
                  <a:gd name="T15" fmla="*/ 3 h 72"/>
                  <a:gd name="T16" fmla="*/ 8 w 20"/>
                  <a:gd name="T17" fmla="*/ 0 h 72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  <a:gd name="T27" fmla="*/ 0 w 20"/>
                  <a:gd name="T28" fmla="*/ 0 h 72"/>
                  <a:gd name="T29" fmla="*/ 20 w 20"/>
                  <a:gd name="T30" fmla="*/ 72 h 72"/>
                </a:gdLst>
                <a:ahLst/>
                <a:cxnLst>
                  <a:cxn ang="T18">
                    <a:pos x="T0" y="T1"/>
                  </a:cxn>
                  <a:cxn ang="T19">
                    <a:pos x="T2" y="T3"/>
                  </a:cxn>
                  <a:cxn ang="T20">
                    <a:pos x="T4" y="T5"/>
                  </a:cxn>
                  <a:cxn ang="T21">
                    <a:pos x="T6" y="T7"/>
                  </a:cxn>
                  <a:cxn ang="T22">
                    <a:pos x="T8" y="T9"/>
                  </a:cxn>
                  <a:cxn ang="T23">
                    <a:pos x="T10" y="T11"/>
                  </a:cxn>
                  <a:cxn ang="T24">
                    <a:pos x="T12" y="T13"/>
                  </a:cxn>
                  <a:cxn ang="T25">
                    <a:pos x="T14" y="T15"/>
                  </a:cxn>
                  <a:cxn ang="T26">
                    <a:pos x="T16" y="T17"/>
                  </a:cxn>
                </a:cxnLst>
                <a:rect l="T27" t="T28" r="T29" b="T30"/>
                <a:pathLst>
                  <a:path w="20" h="72">
                    <a:moveTo>
                      <a:pt x="8" y="0"/>
                    </a:moveTo>
                    <a:lnTo>
                      <a:pt x="18" y="18"/>
                    </a:lnTo>
                    <a:lnTo>
                      <a:pt x="20" y="67"/>
                    </a:lnTo>
                    <a:lnTo>
                      <a:pt x="3" y="72"/>
                    </a:lnTo>
                    <a:lnTo>
                      <a:pt x="0" y="71"/>
                    </a:lnTo>
                    <a:lnTo>
                      <a:pt x="15" y="55"/>
                    </a:lnTo>
                    <a:lnTo>
                      <a:pt x="13" y="22"/>
                    </a:lnTo>
                    <a:lnTo>
                      <a:pt x="3" y="3"/>
                    </a:lnTo>
                    <a:lnTo>
                      <a:pt x="8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08" name="Freeform 170"/>
              <p:cNvSpPr>
                <a:spLocks/>
              </p:cNvSpPr>
              <p:nvPr/>
            </p:nvSpPr>
            <p:spPr bwMode="auto">
              <a:xfrm>
                <a:off x="4956" y="2165"/>
                <a:ext cx="20" cy="72"/>
              </a:xfrm>
              <a:custGeom>
                <a:avLst/>
                <a:gdLst>
                  <a:gd name="T0" fmla="*/ 8 w 20"/>
                  <a:gd name="T1" fmla="*/ 0 h 72"/>
                  <a:gd name="T2" fmla="*/ 18 w 20"/>
                  <a:gd name="T3" fmla="*/ 18 h 72"/>
                  <a:gd name="T4" fmla="*/ 20 w 20"/>
                  <a:gd name="T5" fmla="*/ 67 h 72"/>
                  <a:gd name="T6" fmla="*/ 3 w 20"/>
                  <a:gd name="T7" fmla="*/ 72 h 72"/>
                  <a:gd name="T8" fmla="*/ 0 w 20"/>
                  <a:gd name="T9" fmla="*/ 71 h 72"/>
                  <a:gd name="T10" fmla="*/ 15 w 20"/>
                  <a:gd name="T11" fmla="*/ 55 h 72"/>
                  <a:gd name="T12" fmla="*/ 13 w 20"/>
                  <a:gd name="T13" fmla="*/ 22 h 72"/>
                  <a:gd name="T14" fmla="*/ 3 w 20"/>
                  <a:gd name="T15" fmla="*/ 3 h 72"/>
                  <a:gd name="T16" fmla="*/ 8 w 20"/>
                  <a:gd name="T17" fmla="*/ 0 h 72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  <a:gd name="T27" fmla="*/ 0 w 20"/>
                  <a:gd name="T28" fmla="*/ 0 h 72"/>
                  <a:gd name="T29" fmla="*/ 20 w 20"/>
                  <a:gd name="T30" fmla="*/ 72 h 72"/>
                </a:gdLst>
                <a:ahLst/>
                <a:cxnLst>
                  <a:cxn ang="T18">
                    <a:pos x="T0" y="T1"/>
                  </a:cxn>
                  <a:cxn ang="T19">
                    <a:pos x="T2" y="T3"/>
                  </a:cxn>
                  <a:cxn ang="T20">
                    <a:pos x="T4" y="T5"/>
                  </a:cxn>
                  <a:cxn ang="T21">
                    <a:pos x="T6" y="T7"/>
                  </a:cxn>
                  <a:cxn ang="T22">
                    <a:pos x="T8" y="T9"/>
                  </a:cxn>
                  <a:cxn ang="T23">
                    <a:pos x="T10" y="T11"/>
                  </a:cxn>
                  <a:cxn ang="T24">
                    <a:pos x="T12" y="T13"/>
                  </a:cxn>
                  <a:cxn ang="T25">
                    <a:pos x="T14" y="T15"/>
                  </a:cxn>
                  <a:cxn ang="T26">
                    <a:pos x="T16" y="T17"/>
                  </a:cxn>
                </a:cxnLst>
                <a:rect l="T27" t="T28" r="T29" b="T30"/>
                <a:pathLst>
                  <a:path w="20" h="72">
                    <a:moveTo>
                      <a:pt x="8" y="0"/>
                    </a:moveTo>
                    <a:lnTo>
                      <a:pt x="18" y="18"/>
                    </a:lnTo>
                    <a:lnTo>
                      <a:pt x="20" y="67"/>
                    </a:lnTo>
                    <a:lnTo>
                      <a:pt x="3" y="72"/>
                    </a:lnTo>
                    <a:lnTo>
                      <a:pt x="0" y="71"/>
                    </a:lnTo>
                    <a:lnTo>
                      <a:pt x="15" y="55"/>
                    </a:lnTo>
                    <a:lnTo>
                      <a:pt x="13" y="22"/>
                    </a:lnTo>
                    <a:lnTo>
                      <a:pt x="3" y="3"/>
                    </a:lnTo>
                    <a:lnTo>
                      <a:pt x="8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781" name="Freeform 171"/>
            <p:cNvSpPr>
              <a:spLocks/>
            </p:cNvSpPr>
            <p:nvPr/>
          </p:nvSpPr>
          <p:spPr bwMode="auto">
            <a:xfrm>
              <a:off x="420" y="850"/>
              <a:ext cx="638" cy="473"/>
            </a:xfrm>
            <a:custGeom>
              <a:avLst/>
              <a:gdLst>
                <a:gd name="T0" fmla="*/ 18 w 656"/>
                <a:gd name="T1" fmla="*/ 20 h 487"/>
                <a:gd name="T2" fmla="*/ 44 w 656"/>
                <a:gd name="T3" fmla="*/ 44 h 487"/>
                <a:gd name="T4" fmla="*/ 65 w 656"/>
                <a:gd name="T5" fmla="*/ 51 h 487"/>
                <a:gd name="T6" fmla="*/ 79 w 656"/>
                <a:gd name="T7" fmla="*/ 58 h 487"/>
                <a:gd name="T8" fmla="*/ 109 w 656"/>
                <a:gd name="T9" fmla="*/ 70 h 487"/>
                <a:gd name="T10" fmla="*/ 117 w 656"/>
                <a:gd name="T11" fmla="*/ 81 h 487"/>
                <a:gd name="T12" fmla="*/ 112 w 656"/>
                <a:gd name="T13" fmla="*/ 94 h 487"/>
                <a:gd name="T14" fmla="*/ 109 w 656"/>
                <a:gd name="T15" fmla="*/ 94 h 487"/>
                <a:gd name="T16" fmla="*/ 85 w 656"/>
                <a:gd name="T17" fmla="*/ 127 h 487"/>
                <a:gd name="T18" fmla="*/ 98 w 656"/>
                <a:gd name="T19" fmla="*/ 108 h 487"/>
                <a:gd name="T20" fmla="*/ 112 w 656"/>
                <a:gd name="T21" fmla="*/ 112 h 487"/>
                <a:gd name="T22" fmla="*/ 101 w 656"/>
                <a:gd name="T23" fmla="*/ 144 h 487"/>
                <a:gd name="T24" fmla="*/ 101 w 656"/>
                <a:gd name="T25" fmla="*/ 137 h 487"/>
                <a:gd name="T26" fmla="*/ 93 w 656"/>
                <a:gd name="T27" fmla="*/ 139 h 487"/>
                <a:gd name="T28" fmla="*/ 91 w 656"/>
                <a:gd name="T29" fmla="*/ 130 h 487"/>
                <a:gd name="T30" fmla="*/ 77 w 656"/>
                <a:gd name="T31" fmla="*/ 145 h 487"/>
                <a:gd name="T32" fmla="*/ 89 w 656"/>
                <a:gd name="T33" fmla="*/ 148 h 487"/>
                <a:gd name="T34" fmla="*/ 97 w 656"/>
                <a:gd name="T35" fmla="*/ 152 h 487"/>
                <a:gd name="T36" fmla="*/ 114 w 656"/>
                <a:gd name="T37" fmla="*/ 144 h 487"/>
                <a:gd name="T38" fmla="*/ 144 w 656"/>
                <a:gd name="T39" fmla="*/ 84 h 487"/>
                <a:gd name="T40" fmla="*/ 129 w 656"/>
                <a:gd name="T41" fmla="*/ 68 h 487"/>
                <a:gd name="T42" fmla="*/ 133 w 656"/>
                <a:gd name="T43" fmla="*/ 39 h 487"/>
                <a:gd name="T44" fmla="*/ 144 w 656"/>
                <a:gd name="T45" fmla="*/ 25 h 487"/>
                <a:gd name="T46" fmla="*/ 141 w 656"/>
                <a:gd name="T47" fmla="*/ 3 h 487"/>
                <a:gd name="T48" fmla="*/ 181 w 656"/>
                <a:gd name="T49" fmla="*/ 17 h 487"/>
                <a:gd name="T50" fmla="*/ 252 w 656"/>
                <a:gd name="T51" fmla="*/ 37 h 487"/>
                <a:gd name="T52" fmla="*/ 342 w 656"/>
                <a:gd name="T53" fmla="*/ 57 h 487"/>
                <a:gd name="T54" fmla="*/ 443 w 656"/>
                <a:gd name="T55" fmla="*/ 79 h 487"/>
                <a:gd name="T56" fmla="*/ 440 w 656"/>
                <a:gd name="T57" fmla="*/ 105 h 487"/>
                <a:gd name="T58" fmla="*/ 427 w 656"/>
                <a:gd name="T59" fmla="*/ 160 h 487"/>
                <a:gd name="T60" fmla="*/ 412 w 656"/>
                <a:gd name="T61" fmla="*/ 225 h 487"/>
                <a:gd name="T62" fmla="*/ 403 w 656"/>
                <a:gd name="T63" fmla="*/ 271 h 487"/>
                <a:gd name="T64" fmla="*/ 400 w 656"/>
                <a:gd name="T65" fmla="*/ 307 h 487"/>
                <a:gd name="T66" fmla="*/ 281 w 656"/>
                <a:gd name="T67" fmla="*/ 296 h 487"/>
                <a:gd name="T68" fmla="*/ 260 w 656"/>
                <a:gd name="T69" fmla="*/ 298 h 487"/>
                <a:gd name="T70" fmla="*/ 241 w 656"/>
                <a:gd name="T71" fmla="*/ 292 h 487"/>
                <a:gd name="T72" fmla="*/ 219 w 656"/>
                <a:gd name="T73" fmla="*/ 296 h 487"/>
                <a:gd name="T74" fmla="*/ 185 w 656"/>
                <a:gd name="T75" fmla="*/ 296 h 487"/>
                <a:gd name="T76" fmla="*/ 165 w 656"/>
                <a:gd name="T77" fmla="*/ 294 h 487"/>
                <a:gd name="T78" fmla="*/ 142 w 656"/>
                <a:gd name="T79" fmla="*/ 289 h 487"/>
                <a:gd name="T80" fmla="*/ 114 w 656"/>
                <a:gd name="T81" fmla="*/ 278 h 487"/>
                <a:gd name="T82" fmla="*/ 91 w 656"/>
                <a:gd name="T83" fmla="*/ 281 h 487"/>
                <a:gd name="T84" fmla="*/ 71 w 656"/>
                <a:gd name="T85" fmla="*/ 276 h 487"/>
                <a:gd name="T86" fmla="*/ 61 w 656"/>
                <a:gd name="T87" fmla="*/ 269 h 487"/>
                <a:gd name="T88" fmla="*/ 60 w 656"/>
                <a:gd name="T89" fmla="*/ 252 h 487"/>
                <a:gd name="T90" fmla="*/ 55 w 656"/>
                <a:gd name="T91" fmla="*/ 227 h 487"/>
                <a:gd name="T92" fmla="*/ 43 w 656"/>
                <a:gd name="T93" fmla="*/ 219 h 487"/>
                <a:gd name="T94" fmla="*/ 40 w 656"/>
                <a:gd name="T95" fmla="*/ 214 h 487"/>
                <a:gd name="T96" fmla="*/ 25 w 656"/>
                <a:gd name="T97" fmla="*/ 203 h 487"/>
                <a:gd name="T98" fmla="*/ 11 w 656"/>
                <a:gd name="T99" fmla="*/ 200 h 487"/>
                <a:gd name="T100" fmla="*/ 0 w 656"/>
                <a:gd name="T101" fmla="*/ 195 h 487"/>
                <a:gd name="T102" fmla="*/ 5 w 656"/>
                <a:gd name="T103" fmla="*/ 180 h 487"/>
                <a:gd name="T104" fmla="*/ 15 w 656"/>
                <a:gd name="T105" fmla="*/ 171 h 487"/>
                <a:gd name="T106" fmla="*/ 11 w 656"/>
                <a:gd name="T107" fmla="*/ 184 h 487"/>
                <a:gd name="T108" fmla="*/ 15 w 656"/>
                <a:gd name="T109" fmla="*/ 188 h 487"/>
                <a:gd name="T110" fmla="*/ 18 w 656"/>
                <a:gd name="T111" fmla="*/ 166 h 487"/>
                <a:gd name="T112" fmla="*/ 18 w 656"/>
                <a:gd name="T113" fmla="*/ 148 h 487"/>
                <a:gd name="T114" fmla="*/ 18 w 656"/>
                <a:gd name="T115" fmla="*/ 142 h 487"/>
                <a:gd name="T116" fmla="*/ 18 w 656"/>
                <a:gd name="T117" fmla="*/ 118 h 487"/>
                <a:gd name="T118" fmla="*/ 18 w 656"/>
                <a:gd name="T119" fmla="*/ 89 h 487"/>
                <a:gd name="T120" fmla="*/ 17 w 656"/>
                <a:gd name="T121" fmla="*/ 64 h 487"/>
                <a:gd name="T122" fmla="*/ 15 w 656"/>
                <a:gd name="T123" fmla="*/ 38 h 487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w 656"/>
                <a:gd name="T187" fmla="*/ 0 h 487"/>
                <a:gd name="T188" fmla="*/ 656 w 656"/>
                <a:gd name="T189" fmla="*/ 487 h 487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T186" t="T187" r="T188" b="T189"/>
              <a:pathLst>
                <a:path w="656" h="487">
                  <a:moveTo>
                    <a:pt x="22" y="41"/>
                  </a:moveTo>
                  <a:lnTo>
                    <a:pt x="23" y="36"/>
                  </a:lnTo>
                  <a:lnTo>
                    <a:pt x="22" y="27"/>
                  </a:lnTo>
                  <a:lnTo>
                    <a:pt x="22" y="29"/>
                  </a:lnTo>
                  <a:lnTo>
                    <a:pt x="23" y="29"/>
                  </a:lnTo>
                  <a:lnTo>
                    <a:pt x="25" y="32"/>
                  </a:lnTo>
                  <a:lnTo>
                    <a:pt x="28" y="34"/>
                  </a:lnTo>
                  <a:lnTo>
                    <a:pt x="32" y="39"/>
                  </a:lnTo>
                  <a:lnTo>
                    <a:pt x="37" y="42"/>
                  </a:lnTo>
                  <a:lnTo>
                    <a:pt x="40" y="46"/>
                  </a:lnTo>
                  <a:lnTo>
                    <a:pt x="45" y="51"/>
                  </a:lnTo>
                  <a:lnTo>
                    <a:pt x="50" y="56"/>
                  </a:lnTo>
                  <a:lnTo>
                    <a:pt x="57" y="59"/>
                  </a:lnTo>
                  <a:lnTo>
                    <a:pt x="62" y="64"/>
                  </a:lnTo>
                  <a:lnTo>
                    <a:pt x="67" y="68"/>
                  </a:lnTo>
                  <a:lnTo>
                    <a:pt x="74" y="71"/>
                  </a:lnTo>
                  <a:lnTo>
                    <a:pt x="79" y="74"/>
                  </a:lnTo>
                  <a:lnTo>
                    <a:pt x="86" y="76"/>
                  </a:lnTo>
                  <a:lnTo>
                    <a:pt x="91" y="78"/>
                  </a:lnTo>
                  <a:lnTo>
                    <a:pt x="94" y="78"/>
                  </a:lnTo>
                  <a:lnTo>
                    <a:pt x="96" y="80"/>
                  </a:lnTo>
                  <a:lnTo>
                    <a:pt x="98" y="80"/>
                  </a:lnTo>
                  <a:lnTo>
                    <a:pt x="101" y="80"/>
                  </a:lnTo>
                  <a:lnTo>
                    <a:pt x="103" y="81"/>
                  </a:lnTo>
                  <a:lnTo>
                    <a:pt x="105" y="81"/>
                  </a:lnTo>
                  <a:lnTo>
                    <a:pt x="115" y="86"/>
                  </a:lnTo>
                  <a:lnTo>
                    <a:pt x="123" y="95"/>
                  </a:lnTo>
                  <a:lnTo>
                    <a:pt x="142" y="95"/>
                  </a:lnTo>
                  <a:lnTo>
                    <a:pt x="143" y="105"/>
                  </a:lnTo>
                  <a:lnTo>
                    <a:pt x="154" y="105"/>
                  </a:lnTo>
                  <a:lnTo>
                    <a:pt x="154" y="117"/>
                  </a:lnTo>
                  <a:lnTo>
                    <a:pt x="160" y="117"/>
                  </a:lnTo>
                  <a:lnTo>
                    <a:pt x="159" y="105"/>
                  </a:lnTo>
                  <a:lnTo>
                    <a:pt x="162" y="103"/>
                  </a:lnTo>
                  <a:lnTo>
                    <a:pt x="172" y="103"/>
                  </a:lnTo>
                  <a:lnTo>
                    <a:pt x="167" y="113"/>
                  </a:lnTo>
                  <a:lnTo>
                    <a:pt x="169" y="115"/>
                  </a:lnTo>
                  <a:lnTo>
                    <a:pt x="169" y="117"/>
                  </a:lnTo>
                  <a:lnTo>
                    <a:pt x="171" y="118"/>
                  </a:lnTo>
                  <a:lnTo>
                    <a:pt x="172" y="122"/>
                  </a:lnTo>
                  <a:lnTo>
                    <a:pt x="174" y="125"/>
                  </a:lnTo>
                  <a:lnTo>
                    <a:pt x="174" y="130"/>
                  </a:lnTo>
                  <a:lnTo>
                    <a:pt x="172" y="134"/>
                  </a:lnTo>
                  <a:lnTo>
                    <a:pt x="171" y="135"/>
                  </a:lnTo>
                  <a:lnTo>
                    <a:pt x="169" y="137"/>
                  </a:lnTo>
                  <a:lnTo>
                    <a:pt x="167" y="139"/>
                  </a:lnTo>
                  <a:lnTo>
                    <a:pt x="164" y="142"/>
                  </a:lnTo>
                  <a:lnTo>
                    <a:pt x="160" y="146"/>
                  </a:lnTo>
                  <a:lnTo>
                    <a:pt x="159" y="149"/>
                  </a:lnTo>
                  <a:lnTo>
                    <a:pt x="155" y="152"/>
                  </a:lnTo>
                  <a:lnTo>
                    <a:pt x="154" y="154"/>
                  </a:lnTo>
                  <a:lnTo>
                    <a:pt x="154" y="156"/>
                  </a:lnTo>
                  <a:lnTo>
                    <a:pt x="149" y="151"/>
                  </a:lnTo>
                  <a:lnTo>
                    <a:pt x="159" y="142"/>
                  </a:lnTo>
                  <a:lnTo>
                    <a:pt x="157" y="137"/>
                  </a:lnTo>
                  <a:lnTo>
                    <a:pt x="130" y="169"/>
                  </a:lnTo>
                  <a:lnTo>
                    <a:pt x="113" y="179"/>
                  </a:lnTo>
                  <a:lnTo>
                    <a:pt x="113" y="191"/>
                  </a:lnTo>
                  <a:lnTo>
                    <a:pt x="121" y="193"/>
                  </a:lnTo>
                  <a:lnTo>
                    <a:pt x="123" y="191"/>
                  </a:lnTo>
                  <a:lnTo>
                    <a:pt x="125" y="190"/>
                  </a:lnTo>
                  <a:lnTo>
                    <a:pt x="127" y="186"/>
                  </a:lnTo>
                  <a:lnTo>
                    <a:pt x="127" y="188"/>
                  </a:lnTo>
                  <a:lnTo>
                    <a:pt x="123" y="186"/>
                  </a:lnTo>
                  <a:lnTo>
                    <a:pt x="121" y="183"/>
                  </a:lnTo>
                  <a:lnTo>
                    <a:pt x="120" y="183"/>
                  </a:lnTo>
                  <a:lnTo>
                    <a:pt x="145" y="162"/>
                  </a:lnTo>
                  <a:lnTo>
                    <a:pt x="152" y="162"/>
                  </a:lnTo>
                  <a:lnTo>
                    <a:pt x="179" y="135"/>
                  </a:lnTo>
                  <a:lnTo>
                    <a:pt x="182" y="144"/>
                  </a:lnTo>
                  <a:lnTo>
                    <a:pt x="181" y="154"/>
                  </a:lnTo>
                  <a:lnTo>
                    <a:pt x="172" y="161"/>
                  </a:lnTo>
                  <a:lnTo>
                    <a:pt x="169" y="159"/>
                  </a:lnTo>
                  <a:lnTo>
                    <a:pt x="165" y="168"/>
                  </a:lnTo>
                  <a:lnTo>
                    <a:pt x="162" y="178"/>
                  </a:lnTo>
                  <a:lnTo>
                    <a:pt x="165" y="179"/>
                  </a:lnTo>
                  <a:lnTo>
                    <a:pt x="157" y="210"/>
                  </a:lnTo>
                  <a:lnTo>
                    <a:pt x="155" y="210"/>
                  </a:lnTo>
                  <a:lnTo>
                    <a:pt x="154" y="212"/>
                  </a:lnTo>
                  <a:lnTo>
                    <a:pt x="150" y="215"/>
                  </a:lnTo>
                  <a:lnTo>
                    <a:pt x="149" y="217"/>
                  </a:lnTo>
                  <a:lnTo>
                    <a:pt x="147" y="217"/>
                  </a:lnTo>
                  <a:lnTo>
                    <a:pt x="147" y="215"/>
                  </a:lnTo>
                  <a:lnTo>
                    <a:pt x="149" y="212"/>
                  </a:lnTo>
                  <a:lnTo>
                    <a:pt x="149" y="210"/>
                  </a:lnTo>
                  <a:lnTo>
                    <a:pt x="149" y="208"/>
                  </a:lnTo>
                  <a:lnTo>
                    <a:pt x="149" y="206"/>
                  </a:lnTo>
                  <a:lnTo>
                    <a:pt x="149" y="205"/>
                  </a:lnTo>
                  <a:lnTo>
                    <a:pt x="157" y="195"/>
                  </a:lnTo>
                  <a:lnTo>
                    <a:pt x="143" y="206"/>
                  </a:lnTo>
                  <a:lnTo>
                    <a:pt x="138" y="215"/>
                  </a:lnTo>
                  <a:lnTo>
                    <a:pt x="137" y="212"/>
                  </a:lnTo>
                  <a:lnTo>
                    <a:pt x="137" y="210"/>
                  </a:lnTo>
                  <a:lnTo>
                    <a:pt x="138" y="208"/>
                  </a:lnTo>
                  <a:lnTo>
                    <a:pt x="138" y="205"/>
                  </a:lnTo>
                  <a:lnTo>
                    <a:pt x="140" y="201"/>
                  </a:lnTo>
                  <a:lnTo>
                    <a:pt x="142" y="200"/>
                  </a:lnTo>
                  <a:lnTo>
                    <a:pt x="142" y="196"/>
                  </a:lnTo>
                  <a:lnTo>
                    <a:pt x="140" y="195"/>
                  </a:lnTo>
                  <a:lnTo>
                    <a:pt x="138" y="193"/>
                  </a:lnTo>
                  <a:lnTo>
                    <a:pt x="135" y="195"/>
                  </a:lnTo>
                  <a:lnTo>
                    <a:pt x="130" y="196"/>
                  </a:lnTo>
                  <a:lnTo>
                    <a:pt x="125" y="201"/>
                  </a:lnTo>
                  <a:lnTo>
                    <a:pt x="120" y="205"/>
                  </a:lnTo>
                  <a:lnTo>
                    <a:pt x="115" y="210"/>
                  </a:lnTo>
                  <a:lnTo>
                    <a:pt x="111" y="215"/>
                  </a:lnTo>
                  <a:lnTo>
                    <a:pt x="111" y="217"/>
                  </a:lnTo>
                  <a:lnTo>
                    <a:pt x="113" y="218"/>
                  </a:lnTo>
                  <a:lnTo>
                    <a:pt x="120" y="220"/>
                  </a:lnTo>
                  <a:lnTo>
                    <a:pt x="123" y="220"/>
                  </a:lnTo>
                  <a:lnTo>
                    <a:pt x="127" y="222"/>
                  </a:lnTo>
                  <a:lnTo>
                    <a:pt x="130" y="222"/>
                  </a:lnTo>
                  <a:lnTo>
                    <a:pt x="132" y="222"/>
                  </a:lnTo>
                  <a:lnTo>
                    <a:pt x="132" y="225"/>
                  </a:lnTo>
                  <a:lnTo>
                    <a:pt x="133" y="227"/>
                  </a:lnTo>
                  <a:lnTo>
                    <a:pt x="138" y="230"/>
                  </a:lnTo>
                  <a:lnTo>
                    <a:pt x="140" y="230"/>
                  </a:lnTo>
                  <a:lnTo>
                    <a:pt x="143" y="228"/>
                  </a:lnTo>
                  <a:lnTo>
                    <a:pt x="149" y="225"/>
                  </a:lnTo>
                  <a:lnTo>
                    <a:pt x="152" y="223"/>
                  </a:lnTo>
                  <a:lnTo>
                    <a:pt x="155" y="220"/>
                  </a:lnTo>
                  <a:lnTo>
                    <a:pt x="159" y="217"/>
                  </a:lnTo>
                  <a:lnTo>
                    <a:pt x="162" y="215"/>
                  </a:lnTo>
                  <a:lnTo>
                    <a:pt x="162" y="213"/>
                  </a:lnTo>
                  <a:lnTo>
                    <a:pt x="167" y="215"/>
                  </a:lnTo>
                  <a:lnTo>
                    <a:pt x="176" y="208"/>
                  </a:lnTo>
                  <a:lnTo>
                    <a:pt x="181" y="206"/>
                  </a:lnTo>
                  <a:lnTo>
                    <a:pt x="179" y="183"/>
                  </a:lnTo>
                  <a:lnTo>
                    <a:pt x="186" y="178"/>
                  </a:lnTo>
                  <a:lnTo>
                    <a:pt x="181" y="171"/>
                  </a:lnTo>
                  <a:lnTo>
                    <a:pt x="191" y="151"/>
                  </a:lnTo>
                  <a:lnTo>
                    <a:pt x="211" y="127"/>
                  </a:lnTo>
                  <a:lnTo>
                    <a:pt x="203" y="103"/>
                  </a:lnTo>
                  <a:lnTo>
                    <a:pt x="198" y="103"/>
                  </a:lnTo>
                  <a:lnTo>
                    <a:pt x="196" y="112"/>
                  </a:lnTo>
                  <a:lnTo>
                    <a:pt x="201" y="117"/>
                  </a:lnTo>
                  <a:lnTo>
                    <a:pt x="199" y="122"/>
                  </a:lnTo>
                  <a:lnTo>
                    <a:pt x="189" y="110"/>
                  </a:lnTo>
                  <a:lnTo>
                    <a:pt x="191" y="102"/>
                  </a:lnTo>
                  <a:lnTo>
                    <a:pt x="196" y="96"/>
                  </a:lnTo>
                  <a:lnTo>
                    <a:pt x="206" y="96"/>
                  </a:lnTo>
                  <a:lnTo>
                    <a:pt x="199" y="83"/>
                  </a:lnTo>
                  <a:lnTo>
                    <a:pt x="194" y="73"/>
                  </a:lnTo>
                  <a:lnTo>
                    <a:pt x="189" y="68"/>
                  </a:lnTo>
                  <a:lnTo>
                    <a:pt x="193" y="63"/>
                  </a:lnTo>
                  <a:lnTo>
                    <a:pt x="196" y="54"/>
                  </a:lnTo>
                  <a:lnTo>
                    <a:pt x="199" y="59"/>
                  </a:lnTo>
                  <a:lnTo>
                    <a:pt x="199" y="71"/>
                  </a:lnTo>
                  <a:lnTo>
                    <a:pt x="206" y="66"/>
                  </a:lnTo>
                  <a:lnTo>
                    <a:pt x="204" y="64"/>
                  </a:lnTo>
                  <a:lnTo>
                    <a:pt x="215" y="56"/>
                  </a:lnTo>
                  <a:lnTo>
                    <a:pt x="208" y="47"/>
                  </a:lnTo>
                  <a:lnTo>
                    <a:pt x="211" y="39"/>
                  </a:lnTo>
                  <a:lnTo>
                    <a:pt x="206" y="32"/>
                  </a:lnTo>
                  <a:lnTo>
                    <a:pt x="198" y="32"/>
                  </a:lnTo>
                  <a:lnTo>
                    <a:pt x="198" y="0"/>
                  </a:lnTo>
                  <a:lnTo>
                    <a:pt x="199" y="0"/>
                  </a:lnTo>
                  <a:lnTo>
                    <a:pt x="203" y="2"/>
                  </a:lnTo>
                  <a:lnTo>
                    <a:pt x="208" y="3"/>
                  </a:lnTo>
                  <a:lnTo>
                    <a:pt x="213" y="5"/>
                  </a:lnTo>
                  <a:lnTo>
                    <a:pt x="220" y="7"/>
                  </a:lnTo>
                  <a:lnTo>
                    <a:pt x="226" y="8"/>
                  </a:lnTo>
                  <a:lnTo>
                    <a:pt x="235" y="12"/>
                  </a:lnTo>
                  <a:lnTo>
                    <a:pt x="245" y="15"/>
                  </a:lnTo>
                  <a:lnTo>
                    <a:pt x="255" y="17"/>
                  </a:lnTo>
                  <a:lnTo>
                    <a:pt x="267" y="22"/>
                  </a:lnTo>
                  <a:lnTo>
                    <a:pt x="281" y="25"/>
                  </a:lnTo>
                  <a:lnTo>
                    <a:pt x="294" y="29"/>
                  </a:lnTo>
                  <a:lnTo>
                    <a:pt x="308" y="32"/>
                  </a:lnTo>
                  <a:lnTo>
                    <a:pt x="323" y="37"/>
                  </a:lnTo>
                  <a:lnTo>
                    <a:pt x="338" y="41"/>
                  </a:lnTo>
                  <a:lnTo>
                    <a:pt x="355" y="46"/>
                  </a:lnTo>
                  <a:lnTo>
                    <a:pt x="372" y="51"/>
                  </a:lnTo>
                  <a:lnTo>
                    <a:pt x="389" y="54"/>
                  </a:lnTo>
                  <a:lnTo>
                    <a:pt x="407" y="59"/>
                  </a:lnTo>
                  <a:lnTo>
                    <a:pt x="426" y="64"/>
                  </a:lnTo>
                  <a:lnTo>
                    <a:pt x="445" y="69"/>
                  </a:lnTo>
                  <a:lnTo>
                    <a:pt x="465" y="74"/>
                  </a:lnTo>
                  <a:lnTo>
                    <a:pt x="485" y="80"/>
                  </a:lnTo>
                  <a:lnTo>
                    <a:pt x="506" y="85"/>
                  </a:lnTo>
                  <a:lnTo>
                    <a:pt x="526" y="90"/>
                  </a:lnTo>
                  <a:lnTo>
                    <a:pt x="548" y="95"/>
                  </a:lnTo>
                  <a:lnTo>
                    <a:pt x="568" y="100"/>
                  </a:lnTo>
                  <a:lnTo>
                    <a:pt x="590" y="105"/>
                  </a:lnTo>
                  <a:lnTo>
                    <a:pt x="612" y="108"/>
                  </a:lnTo>
                  <a:lnTo>
                    <a:pt x="634" y="113"/>
                  </a:lnTo>
                  <a:lnTo>
                    <a:pt x="656" y="118"/>
                  </a:lnTo>
                  <a:lnTo>
                    <a:pt x="656" y="122"/>
                  </a:lnTo>
                  <a:lnTo>
                    <a:pt x="656" y="125"/>
                  </a:lnTo>
                  <a:lnTo>
                    <a:pt x="655" y="130"/>
                  </a:lnTo>
                  <a:lnTo>
                    <a:pt x="653" y="137"/>
                  </a:lnTo>
                  <a:lnTo>
                    <a:pt x="651" y="146"/>
                  </a:lnTo>
                  <a:lnTo>
                    <a:pt x="649" y="156"/>
                  </a:lnTo>
                  <a:lnTo>
                    <a:pt x="646" y="166"/>
                  </a:lnTo>
                  <a:lnTo>
                    <a:pt x="644" y="176"/>
                  </a:lnTo>
                  <a:lnTo>
                    <a:pt x="641" y="188"/>
                  </a:lnTo>
                  <a:lnTo>
                    <a:pt x="639" y="200"/>
                  </a:lnTo>
                  <a:lnTo>
                    <a:pt x="636" y="213"/>
                  </a:lnTo>
                  <a:lnTo>
                    <a:pt x="633" y="227"/>
                  </a:lnTo>
                  <a:lnTo>
                    <a:pt x="629" y="240"/>
                  </a:lnTo>
                  <a:lnTo>
                    <a:pt x="627" y="256"/>
                  </a:lnTo>
                  <a:lnTo>
                    <a:pt x="624" y="269"/>
                  </a:lnTo>
                  <a:lnTo>
                    <a:pt x="621" y="284"/>
                  </a:lnTo>
                  <a:lnTo>
                    <a:pt x="617" y="298"/>
                  </a:lnTo>
                  <a:lnTo>
                    <a:pt x="614" y="311"/>
                  </a:lnTo>
                  <a:lnTo>
                    <a:pt x="612" y="325"/>
                  </a:lnTo>
                  <a:lnTo>
                    <a:pt x="609" y="338"/>
                  </a:lnTo>
                  <a:lnTo>
                    <a:pt x="605" y="350"/>
                  </a:lnTo>
                  <a:lnTo>
                    <a:pt x="604" y="362"/>
                  </a:lnTo>
                  <a:lnTo>
                    <a:pt x="600" y="374"/>
                  </a:lnTo>
                  <a:lnTo>
                    <a:pt x="599" y="384"/>
                  </a:lnTo>
                  <a:lnTo>
                    <a:pt x="597" y="393"/>
                  </a:lnTo>
                  <a:lnTo>
                    <a:pt x="595" y="401"/>
                  </a:lnTo>
                  <a:lnTo>
                    <a:pt x="594" y="408"/>
                  </a:lnTo>
                  <a:lnTo>
                    <a:pt x="592" y="415"/>
                  </a:lnTo>
                  <a:lnTo>
                    <a:pt x="590" y="418"/>
                  </a:lnTo>
                  <a:lnTo>
                    <a:pt x="590" y="420"/>
                  </a:lnTo>
                  <a:lnTo>
                    <a:pt x="590" y="421"/>
                  </a:lnTo>
                  <a:lnTo>
                    <a:pt x="585" y="438"/>
                  </a:lnTo>
                  <a:lnTo>
                    <a:pt x="590" y="450"/>
                  </a:lnTo>
                  <a:lnTo>
                    <a:pt x="590" y="462"/>
                  </a:lnTo>
                  <a:lnTo>
                    <a:pt x="587" y="476"/>
                  </a:lnTo>
                  <a:lnTo>
                    <a:pt x="589" y="487"/>
                  </a:lnTo>
                  <a:lnTo>
                    <a:pt x="421" y="445"/>
                  </a:lnTo>
                  <a:lnTo>
                    <a:pt x="419" y="445"/>
                  </a:lnTo>
                  <a:lnTo>
                    <a:pt x="418" y="445"/>
                  </a:lnTo>
                  <a:lnTo>
                    <a:pt x="414" y="445"/>
                  </a:lnTo>
                  <a:lnTo>
                    <a:pt x="411" y="445"/>
                  </a:lnTo>
                  <a:lnTo>
                    <a:pt x="407" y="447"/>
                  </a:lnTo>
                  <a:lnTo>
                    <a:pt x="402" y="447"/>
                  </a:lnTo>
                  <a:lnTo>
                    <a:pt x="399" y="447"/>
                  </a:lnTo>
                  <a:lnTo>
                    <a:pt x="394" y="447"/>
                  </a:lnTo>
                  <a:lnTo>
                    <a:pt x="389" y="447"/>
                  </a:lnTo>
                  <a:lnTo>
                    <a:pt x="384" y="447"/>
                  </a:lnTo>
                  <a:lnTo>
                    <a:pt x="379" y="445"/>
                  </a:lnTo>
                  <a:lnTo>
                    <a:pt x="374" y="445"/>
                  </a:lnTo>
                  <a:lnTo>
                    <a:pt x="369" y="443"/>
                  </a:lnTo>
                  <a:lnTo>
                    <a:pt x="363" y="442"/>
                  </a:lnTo>
                  <a:lnTo>
                    <a:pt x="358" y="440"/>
                  </a:lnTo>
                  <a:lnTo>
                    <a:pt x="357" y="440"/>
                  </a:lnTo>
                  <a:lnTo>
                    <a:pt x="355" y="440"/>
                  </a:lnTo>
                  <a:lnTo>
                    <a:pt x="353" y="440"/>
                  </a:lnTo>
                  <a:lnTo>
                    <a:pt x="352" y="442"/>
                  </a:lnTo>
                  <a:lnTo>
                    <a:pt x="348" y="443"/>
                  </a:lnTo>
                  <a:lnTo>
                    <a:pt x="347" y="445"/>
                  </a:lnTo>
                  <a:lnTo>
                    <a:pt x="345" y="445"/>
                  </a:lnTo>
                  <a:lnTo>
                    <a:pt x="323" y="445"/>
                  </a:lnTo>
                  <a:lnTo>
                    <a:pt x="321" y="445"/>
                  </a:lnTo>
                  <a:lnTo>
                    <a:pt x="316" y="445"/>
                  </a:lnTo>
                  <a:lnTo>
                    <a:pt x="308" y="447"/>
                  </a:lnTo>
                  <a:lnTo>
                    <a:pt x="297" y="448"/>
                  </a:lnTo>
                  <a:lnTo>
                    <a:pt x="289" y="448"/>
                  </a:lnTo>
                  <a:lnTo>
                    <a:pt x="279" y="448"/>
                  </a:lnTo>
                  <a:lnTo>
                    <a:pt x="272" y="445"/>
                  </a:lnTo>
                  <a:lnTo>
                    <a:pt x="265" y="442"/>
                  </a:lnTo>
                  <a:lnTo>
                    <a:pt x="262" y="442"/>
                  </a:lnTo>
                  <a:lnTo>
                    <a:pt x="259" y="442"/>
                  </a:lnTo>
                  <a:lnTo>
                    <a:pt x="253" y="442"/>
                  </a:lnTo>
                  <a:lnTo>
                    <a:pt x="248" y="442"/>
                  </a:lnTo>
                  <a:lnTo>
                    <a:pt x="245" y="443"/>
                  </a:lnTo>
                  <a:lnTo>
                    <a:pt x="242" y="443"/>
                  </a:lnTo>
                  <a:lnTo>
                    <a:pt x="233" y="442"/>
                  </a:lnTo>
                  <a:lnTo>
                    <a:pt x="220" y="445"/>
                  </a:lnTo>
                  <a:lnTo>
                    <a:pt x="220" y="443"/>
                  </a:lnTo>
                  <a:lnTo>
                    <a:pt x="215" y="440"/>
                  </a:lnTo>
                  <a:lnTo>
                    <a:pt x="209" y="435"/>
                  </a:lnTo>
                  <a:lnTo>
                    <a:pt x="201" y="430"/>
                  </a:lnTo>
                  <a:lnTo>
                    <a:pt x="194" y="425"/>
                  </a:lnTo>
                  <a:lnTo>
                    <a:pt x="186" y="421"/>
                  </a:lnTo>
                  <a:lnTo>
                    <a:pt x="177" y="418"/>
                  </a:lnTo>
                  <a:lnTo>
                    <a:pt x="171" y="418"/>
                  </a:lnTo>
                  <a:lnTo>
                    <a:pt x="169" y="418"/>
                  </a:lnTo>
                  <a:lnTo>
                    <a:pt x="167" y="418"/>
                  </a:lnTo>
                  <a:lnTo>
                    <a:pt x="164" y="420"/>
                  </a:lnTo>
                  <a:lnTo>
                    <a:pt x="160" y="420"/>
                  </a:lnTo>
                  <a:lnTo>
                    <a:pt x="157" y="421"/>
                  </a:lnTo>
                  <a:lnTo>
                    <a:pt x="152" y="421"/>
                  </a:lnTo>
                  <a:lnTo>
                    <a:pt x="145" y="423"/>
                  </a:lnTo>
                  <a:lnTo>
                    <a:pt x="140" y="423"/>
                  </a:lnTo>
                  <a:lnTo>
                    <a:pt x="135" y="423"/>
                  </a:lnTo>
                  <a:lnTo>
                    <a:pt x="128" y="423"/>
                  </a:lnTo>
                  <a:lnTo>
                    <a:pt x="123" y="423"/>
                  </a:lnTo>
                  <a:lnTo>
                    <a:pt x="118" y="423"/>
                  </a:lnTo>
                  <a:lnTo>
                    <a:pt x="113" y="421"/>
                  </a:lnTo>
                  <a:lnTo>
                    <a:pt x="108" y="420"/>
                  </a:lnTo>
                  <a:lnTo>
                    <a:pt x="105" y="418"/>
                  </a:lnTo>
                  <a:lnTo>
                    <a:pt x="103" y="415"/>
                  </a:lnTo>
                  <a:lnTo>
                    <a:pt x="101" y="413"/>
                  </a:lnTo>
                  <a:lnTo>
                    <a:pt x="99" y="413"/>
                  </a:lnTo>
                  <a:lnTo>
                    <a:pt x="98" y="411"/>
                  </a:lnTo>
                  <a:lnTo>
                    <a:pt x="94" y="408"/>
                  </a:lnTo>
                  <a:lnTo>
                    <a:pt x="93" y="406"/>
                  </a:lnTo>
                  <a:lnTo>
                    <a:pt x="91" y="404"/>
                  </a:lnTo>
                  <a:lnTo>
                    <a:pt x="89" y="404"/>
                  </a:lnTo>
                  <a:lnTo>
                    <a:pt x="84" y="393"/>
                  </a:lnTo>
                  <a:lnTo>
                    <a:pt x="84" y="391"/>
                  </a:lnTo>
                  <a:lnTo>
                    <a:pt x="86" y="388"/>
                  </a:lnTo>
                  <a:lnTo>
                    <a:pt x="86" y="384"/>
                  </a:lnTo>
                  <a:lnTo>
                    <a:pt x="88" y="379"/>
                  </a:lnTo>
                  <a:lnTo>
                    <a:pt x="88" y="374"/>
                  </a:lnTo>
                  <a:lnTo>
                    <a:pt x="88" y="369"/>
                  </a:lnTo>
                  <a:lnTo>
                    <a:pt x="88" y="364"/>
                  </a:lnTo>
                  <a:lnTo>
                    <a:pt x="88" y="357"/>
                  </a:lnTo>
                  <a:lnTo>
                    <a:pt x="86" y="352"/>
                  </a:lnTo>
                  <a:lnTo>
                    <a:pt x="86" y="347"/>
                  </a:lnTo>
                  <a:lnTo>
                    <a:pt x="83" y="342"/>
                  </a:lnTo>
                  <a:lnTo>
                    <a:pt x="79" y="337"/>
                  </a:lnTo>
                  <a:lnTo>
                    <a:pt x="76" y="333"/>
                  </a:lnTo>
                  <a:lnTo>
                    <a:pt x="71" y="330"/>
                  </a:lnTo>
                  <a:lnTo>
                    <a:pt x="64" y="328"/>
                  </a:lnTo>
                  <a:lnTo>
                    <a:pt x="62" y="328"/>
                  </a:lnTo>
                  <a:lnTo>
                    <a:pt x="61" y="328"/>
                  </a:lnTo>
                  <a:lnTo>
                    <a:pt x="57" y="327"/>
                  </a:lnTo>
                  <a:lnTo>
                    <a:pt x="55" y="327"/>
                  </a:lnTo>
                  <a:lnTo>
                    <a:pt x="54" y="327"/>
                  </a:lnTo>
                  <a:lnTo>
                    <a:pt x="52" y="327"/>
                  </a:lnTo>
                  <a:lnTo>
                    <a:pt x="52" y="325"/>
                  </a:lnTo>
                  <a:lnTo>
                    <a:pt x="54" y="323"/>
                  </a:lnTo>
                  <a:lnTo>
                    <a:pt x="54" y="322"/>
                  </a:lnTo>
                  <a:lnTo>
                    <a:pt x="52" y="318"/>
                  </a:lnTo>
                  <a:lnTo>
                    <a:pt x="52" y="315"/>
                  </a:lnTo>
                  <a:lnTo>
                    <a:pt x="49" y="311"/>
                  </a:lnTo>
                  <a:lnTo>
                    <a:pt x="45" y="310"/>
                  </a:lnTo>
                  <a:lnTo>
                    <a:pt x="40" y="308"/>
                  </a:lnTo>
                  <a:lnTo>
                    <a:pt x="39" y="306"/>
                  </a:lnTo>
                  <a:lnTo>
                    <a:pt x="37" y="305"/>
                  </a:lnTo>
                  <a:lnTo>
                    <a:pt x="33" y="303"/>
                  </a:lnTo>
                  <a:lnTo>
                    <a:pt x="32" y="301"/>
                  </a:lnTo>
                  <a:lnTo>
                    <a:pt x="23" y="303"/>
                  </a:lnTo>
                  <a:lnTo>
                    <a:pt x="22" y="300"/>
                  </a:lnTo>
                  <a:lnTo>
                    <a:pt x="18" y="303"/>
                  </a:lnTo>
                  <a:lnTo>
                    <a:pt x="11" y="300"/>
                  </a:lnTo>
                  <a:lnTo>
                    <a:pt x="6" y="291"/>
                  </a:lnTo>
                  <a:lnTo>
                    <a:pt x="6" y="293"/>
                  </a:lnTo>
                  <a:lnTo>
                    <a:pt x="3" y="293"/>
                  </a:lnTo>
                  <a:lnTo>
                    <a:pt x="0" y="294"/>
                  </a:lnTo>
                  <a:lnTo>
                    <a:pt x="0" y="293"/>
                  </a:lnTo>
                  <a:lnTo>
                    <a:pt x="0" y="291"/>
                  </a:lnTo>
                  <a:lnTo>
                    <a:pt x="0" y="289"/>
                  </a:lnTo>
                  <a:lnTo>
                    <a:pt x="1" y="288"/>
                  </a:lnTo>
                  <a:lnTo>
                    <a:pt x="1" y="284"/>
                  </a:lnTo>
                  <a:lnTo>
                    <a:pt x="3" y="281"/>
                  </a:lnTo>
                  <a:lnTo>
                    <a:pt x="3" y="278"/>
                  </a:lnTo>
                  <a:lnTo>
                    <a:pt x="5" y="271"/>
                  </a:lnTo>
                  <a:lnTo>
                    <a:pt x="6" y="266"/>
                  </a:lnTo>
                  <a:lnTo>
                    <a:pt x="8" y="261"/>
                  </a:lnTo>
                  <a:lnTo>
                    <a:pt x="10" y="256"/>
                  </a:lnTo>
                  <a:lnTo>
                    <a:pt x="11" y="252"/>
                  </a:lnTo>
                  <a:lnTo>
                    <a:pt x="15" y="252"/>
                  </a:lnTo>
                  <a:lnTo>
                    <a:pt x="15" y="256"/>
                  </a:lnTo>
                  <a:lnTo>
                    <a:pt x="15" y="257"/>
                  </a:lnTo>
                  <a:lnTo>
                    <a:pt x="13" y="261"/>
                  </a:lnTo>
                  <a:lnTo>
                    <a:pt x="13" y="264"/>
                  </a:lnTo>
                  <a:lnTo>
                    <a:pt x="11" y="267"/>
                  </a:lnTo>
                  <a:lnTo>
                    <a:pt x="11" y="271"/>
                  </a:lnTo>
                  <a:lnTo>
                    <a:pt x="11" y="276"/>
                  </a:lnTo>
                  <a:lnTo>
                    <a:pt x="10" y="279"/>
                  </a:lnTo>
                  <a:lnTo>
                    <a:pt x="8" y="281"/>
                  </a:lnTo>
                  <a:lnTo>
                    <a:pt x="8" y="284"/>
                  </a:lnTo>
                  <a:lnTo>
                    <a:pt x="10" y="284"/>
                  </a:lnTo>
                  <a:lnTo>
                    <a:pt x="13" y="284"/>
                  </a:lnTo>
                  <a:lnTo>
                    <a:pt x="15" y="283"/>
                  </a:lnTo>
                  <a:lnTo>
                    <a:pt x="17" y="283"/>
                  </a:lnTo>
                  <a:lnTo>
                    <a:pt x="17" y="278"/>
                  </a:lnTo>
                  <a:lnTo>
                    <a:pt x="22" y="271"/>
                  </a:lnTo>
                  <a:lnTo>
                    <a:pt x="25" y="266"/>
                  </a:lnTo>
                  <a:lnTo>
                    <a:pt x="25" y="254"/>
                  </a:lnTo>
                  <a:lnTo>
                    <a:pt x="27" y="250"/>
                  </a:lnTo>
                  <a:lnTo>
                    <a:pt x="33" y="249"/>
                  </a:lnTo>
                  <a:lnTo>
                    <a:pt x="30" y="240"/>
                  </a:lnTo>
                  <a:lnTo>
                    <a:pt x="25" y="244"/>
                  </a:lnTo>
                  <a:lnTo>
                    <a:pt x="15" y="244"/>
                  </a:lnTo>
                  <a:lnTo>
                    <a:pt x="17" y="218"/>
                  </a:lnTo>
                  <a:lnTo>
                    <a:pt x="18" y="218"/>
                  </a:lnTo>
                  <a:lnTo>
                    <a:pt x="20" y="223"/>
                  </a:lnTo>
                  <a:lnTo>
                    <a:pt x="27" y="220"/>
                  </a:lnTo>
                  <a:lnTo>
                    <a:pt x="42" y="222"/>
                  </a:lnTo>
                  <a:lnTo>
                    <a:pt x="42" y="217"/>
                  </a:lnTo>
                  <a:lnTo>
                    <a:pt x="30" y="212"/>
                  </a:lnTo>
                  <a:lnTo>
                    <a:pt x="30" y="205"/>
                  </a:lnTo>
                  <a:lnTo>
                    <a:pt x="22" y="203"/>
                  </a:lnTo>
                  <a:lnTo>
                    <a:pt x="18" y="213"/>
                  </a:lnTo>
                  <a:lnTo>
                    <a:pt x="17" y="212"/>
                  </a:lnTo>
                  <a:lnTo>
                    <a:pt x="17" y="200"/>
                  </a:lnTo>
                  <a:lnTo>
                    <a:pt x="18" y="198"/>
                  </a:lnTo>
                  <a:lnTo>
                    <a:pt x="18" y="195"/>
                  </a:lnTo>
                  <a:lnTo>
                    <a:pt x="20" y="190"/>
                  </a:lnTo>
                  <a:lnTo>
                    <a:pt x="20" y="184"/>
                  </a:lnTo>
                  <a:lnTo>
                    <a:pt x="22" y="179"/>
                  </a:lnTo>
                  <a:lnTo>
                    <a:pt x="22" y="173"/>
                  </a:lnTo>
                  <a:lnTo>
                    <a:pt x="22" y="168"/>
                  </a:lnTo>
                  <a:lnTo>
                    <a:pt x="20" y="164"/>
                  </a:lnTo>
                  <a:lnTo>
                    <a:pt x="20" y="161"/>
                  </a:lnTo>
                  <a:lnTo>
                    <a:pt x="20" y="154"/>
                  </a:lnTo>
                  <a:lnTo>
                    <a:pt x="20" y="146"/>
                  </a:lnTo>
                  <a:lnTo>
                    <a:pt x="20" y="135"/>
                  </a:lnTo>
                  <a:lnTo>
                    <a:pt x="22" y="125"/>
                  </a:lnTo>
                  <a:lnTo>
                    <a:pt x="22" y="115"/>
                  </a:lnTo>
                  <a:lnTo>
                    <a:pt x="22" y="108"/>
                  </a:lnTo>
                  <a:lnTo>
                    <a:pt x="22" y="107"/>
                  </a:lnTo>
                  <a:lnTo>
                    <a:pt x="22" y="105"/>
                  </a:lnTo>
                  <a:lnTo>
                    <a:pt x="20" y="102"/>
                  </a:lnTo>
                  <a:lnTo>
                    <a:pt x="17" y="96"/>
                  </a:lnTo>
                  <a:lnTo>
                    <a:pt x="13" y="91"/>
                  </a:lnTo>
                  <a:lnTo>
                    <a:pt x="11" y="83"/>
                  </a:lnTo>
                  <a:lnTo>
                    <a:pt x="10" y="74"/>
                  </a:lnTo>
                  <a:lnTo>
                    <a:pt x="11" y="64"/>
                  </a:lnTo>
                  <a:lnTo>
                    <a:pt x="15" y="54"/>
                  </a:lnTo>
                  <a:lnTo>
                    <a:pt x="15" y="52"/>
                  </a:lnTo>
                  <a:lnTo>
                    <a:pt x="17" y="51"/>
                  </a:lnTo>
                  <a:lnTo>
                    <a:pt x="18" y="47"/>
                  </a:lnTo>
                  <a:lnTo>
                    <a:pt x="20" y="46"/>
                  </a:lnTo>
                  <a:lnTo>
                    <a:pt x="20" y="42"/>
                  </a:lnTo>
                  <a:lnTo>
                    <a:pt x="22" y="42"/>
                  </a:lnTo>
                  <a:lnTo>
                    <a:pt x="22" y="41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82" name="Freeform 172"/>
            <p:cNvSpPr>
              <a:spLocks/>
            </p:cNvSpPr>
            <p:nvPr/>
          </p:nvSpPr>
          <p:spPr bwMode="auto">
            <a:xfrm>
              <a:off x="2993" y="1379"/>
              <a:ext cx="508" cy="539"/>
            </a:xfrm>
            <a:custGeom>
              <a:avLst/>
              <a:gdLst>
                <a:gd name="T0" fmla="*/ 144 w 522"/>
                <a:gd name="T1" fmla="*/ 355 h 555"/>
                <a:gd name="T2" fmla="*/ 124 w 522"/>
                <a:gd name="T3" fmla="*/ 351 h 555"/>
                <a:gd name="T4" fmla="*/ 121 w 522"/>
                <a:gd name="T5" fmla="*/ 340 h 555"/>
                <a:gd name="T6" fmla="*/ 115 w 522"/>
                <a:gd name="T7" fmla="*/ 323 h 555"/>
                <a:gd name="T8" fmla="*/ 118 w 522"/>
                <a:gd name="T9" fmla="*/ 302 h 555"/>
                <a:gd name="T10" fmla="*/ 109 w 522"/>
                <a:gd name="T11" fmla="*/ 286 h 555"/>
                <a:gd name="T12" fmla="*/ 103 w 522"/>
                <a:gd name="T13" fmla="*/ 256 h 555"/>
                <a:gd name="T14" fmla="*/ 72 w 522"/>
                <a:gd name="T15" fmla="*/ 232 h 555"/>
                <a:gd name="T16" fmla="*/ 42 w 522"/>
                <a:gd name="T17" fmla="*/ 202 h 555"/>
                <a:gd name="T18" fmla="*/ 37 w 522"/>
                <a:gd name="T19" fmla="*/ 201 h 555"/>
                <a:gd name="T20" fmla="*/ 18 w 522"/>
                <a:gd name="T21" fmla="*/ 195 h 555"/>
                <a:gd name="T22" fmla="*/ 18 w 522"/>
                <a:gd name="T23" fmla="*/ 174 h 555"/>
                <a:gd name="T24" fmla="*/ 12 w 522"/>
                <a:gd name="T25" fmla="*/ 159 h 555"/>
                <a:gd name="T26" fmla="*/ 18 w 522"/>
                <a:gd name="T27" fmla="*/ 132 h 555"/>
                <a:gd name="T28" fmla="*/ 2 w 522"/>
                <a:gd name="T29" fmla="*/ 106 h 555"/>
                <a:gd name="T30" fmla="*/ 7 w 522"/>
                <a:gd name="T31" fmla="*/ 102 h 555"/>
                <a:gd name="T32" fmla="*/ 24 w 522"/>
                <a:gd name="T33" fmla="*/ 81 h 555"/>
                <a:gd name="T34" fmla="*/ 34 w 522"/>
                <a:gd name="T35" fmla="*/ 30 h 555"/>
                <a:gd name="T36" fmla="*/ 45 w 522"/>
                <a:gd name="T37" fmla="*/ 17 h 555"/>
                <a:gd name="T38" fmla="*/ 55 w 522"/>
                <a:gd name="T39" fmla="*/ 23 h 555"/>
                <a:gd name="T40" fmla="*/ 73 w 522"/>
                <a:gd name="T41" fmla="*/ 17 h 555"/>
                <a:gd name="T42" fmla="*/ 87 w 522"/>
                <a:gd name="T43" fmla="*/ 17 h 555"/>
                <a:gd name="T44" fmla="*/ 96 w 522"/>
                <a:gd name="T45" fmla="*/ 13 h 555"/>
                <a:gd name="T46" fmla="*/ 112 w 522"/>
                <a:gd name="T47" fmla="*/ 7 h 555"/>
                <a:gd name="T48" fmla="*/ 124 w 522"/>
                <a:gd name="T49" fmla="*/ 7 h 555"/>
                <a:gd name="T50" fmla="*/ 118 w 522"/>
                <a:gd name="T51" fmla="*/ 25 h 555"/>
                <a:gd name="T52" fmla="*/ 121 w 522"/>
                <a:gd name="T53" fmla="*/ 28 h 555"/>
                <a:gd name="T54" fmla="*/ 129 w 522"/>
                <a:gd name="T55" fmla="*/ 20 h 555"/>
                <a:gd name="T56" fmla="*/ 149 w 522"/>
                <a:gd name="T57" fmla="*/ 32 h 555"/>
                <a:gd name="T58" fmla="*/ 163 w 522"/>
                <a:gd name="T59" fmla="*/ 46 h 555"/>
                <a:gd name="T60" fmla="*/ 170 w 522"/>
                <a:gd name="T61" fmla="*/ 50 h 555"/>
                <a:gd name="T62" fmla="*/ 184 w 522"/>
                <a:gd name="T63" fmla="*/ 51 h 555"/>
                <a:gd name="T64" fmla="*/ 217 w 522"/>
                <a:gd name="T65" fmla="*/ 59 h 555"/>
                <a:gd name="T66" fmla="*/ 243 w 522"/>
                <a:gd name="T67" fmla="*/ 69 h 555"/>
                <a:gd name="T68" fmla="*/ 278 w 522"/>
                <a:gd name="T69" fmla="*/ 74 h 555"/>
                <a:gd name="T70" fmla="*/ 292 w 522"/>
                <a:gd name="T71" fmla="*/ 84 h 555"/>
                <a:gd name="T72" fmla="*/ 303 w 522"/>
                <a:gd name="T73" fmla="*/ 108 h 555"/>
                <a:gd name="T74" fmla="*/ 300 w 522"/>
                <a:gd name="T75" fmla="*/ 121 h 555"/>
                <a:gd name="T76" fmla="*/ 312 w 522"/>
                <a:gd name="T77" fmla="*/ 131 h 555"/>
                <a:gd name="T78" fmla="*/ 320 w 522"/>
                <a:gd name="T79" fmla="*/ 142 h 555"/>
                <a:gd name="T80" fmla="*/ 307 w 522"/>
                <a:gd name="T81" fmla="*/ 163 h 555"/>
                <a:gd name="T82" fmla="*/ 299 w 522"/>
                <a:gd name="T83" fmla="*/ 182 h 555"/>
                <a:gd name="T84" fmla="*/ 308 w 522"/>
                <a:gd name="T85" fmla="*/ 184 h 555"/>
                <a:gd name="T86" fmla="*/ 318 w 522"/>
                <a:gd name="T87" fmla="*/ 168 h 555"/>
                <a:gd name="T88" fmla="*/ 336 w 522"/>
                <a:gd name="T89" fmla="*/ 155 h 555"/>
                <a:gd name="T90" fmla="*/ 337 w 522"/>
                <a:gd name="T91" fmla="*/ 139 h 555"/>
                <a:gd name="T92" fmla="*/ 349 w 522"/>
                <a:gd name="T93" fmla="*/ 124 h 555"/>
                <a:gd name="T94" fmla="*/ 354 w 522"/>
                <a:gd name="T95" fmla="*/ 128 h 555"/>
                <a:gd name="T96" fmla="*/ 346 w 522"/>
                <a:gd name="T97" fmla="*/ 148 h 555"/>
                <a:gd name="T98" fmla="*/ 345 w 522"/>
                <a:gd name="T99" fmla="*/ 159 h 555"/>
                <a:gd name="T100" fmla="*/ 336 w 522"/>
                <a:gd name="T101" fmla="*/ 174 h 555"/>
                <a:gd name="T102" fmla="*/ 333 w 522"/>
                <a:gd name="T103" fmla="*/ 207 h 555"/>
                <a:gd name="T104" fmla="*/ 328 w 522"/>
                <a:gd name="T105" fmla="*/ 219 h 555"/>
                <a:gd name="T106" fmla="*/ 323 w 522"/>
                <a:gd name="T107" fmla="*/ 236 h 555"/>
                <a:gd name="T108" fmla="*/ 326 w 522"/>
                <a:gd name="T109" fmla="*/ 260 h 555"/>
                <a:gd name="T110" fmla="*/ 318 w 522"/>
                <a:gd name="T111" fmla="*/ 276 h 555"/>
                <a:gd name="T112" fmla="*/ 318 w 522"/>
                <a:gd name="T113" fmla="*/ 306 h 555"/>
                <a:gd name="T114" fmla="*/ 324 w 522"/>
                <a:gd name="T115" fmla="*/ 325 h 555"/>
                <a:gd name="T116" fmla="*/ 327 w 522"/>
                <a:gd name="T117" fmla="*/ 335 h 555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w 522"/>
                <a:gd name="T178" fmla="*/ 0 h 555"/>
                <a:gd name="T179" fmla="*/ 522 w 522"/>
                <a:gd name="T180" fmla="*/ 555 h 555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T177" t="T178" r="T179" b="T180"/>
              <a:pathLst>
                <a:path w="522" h="555">
                  <a:moveTo>
                    <a:pt x="220" y="555"/>
                  </a:moveTo>
                  <a:lnTo>
                    <a:pt x="219" y="550"/>
                  </a:lnTo>
                  <a:lnTo>
                    <a:pt x="217" y="545"/>
                  </a:lnTo>
                  <a:lnTo>
                    <a:pt x="215" y="541"/>
                  </a:lnTo>
                  <a:lnTo>
                    <a:pt x="212" y="538"/>
                  </a:lnTo>
                  <a:lnTo>
                    <a:pt x="210" y="536"/>
                  </a:lnTo>
                  <a:lnTo>
                    <a:pt x="207" y="536"/>
                  </a:lnTo>
                  <a:lnTo>
                    <a:pt x="205" y="535"/>
                  </a:lnTo>
                  <a:lnTo>
                    <a:pt x="181" y="528"/>
                  </a:lnTo>
                  <a:lnTo>
                    <a:pt x="181" y="526"/>
                  </a:lnTo>
                  <a:lnTo>
                    <a:pt x="181" y="525"/>
                  </a:lnTo>
                  <a:lnTo>
                    <a:pt x="181" y="521"/>
                  </a:lnTo>
                  <a:lnTo>
                    <a:pt x="181" y="519"/>
                  </a:lnTo>
                  <a:lnTo>
                    <a:pt x="180" y="514"/>
                  </a:lnTo>
                  <a:lnTo>
                    <a:pt x="176" y="511"/>
                  </a:lnTo>
                  <a:lnTo>
                    <a:pt x="175" y="506"/>
                  </a:lnTo>
                  <a:lnTo>
                    <a:pt x="171" y="503"/>
                  </a:lnTo>
                  <a:lnTo>
                    <a:pt x="170" y="499"/>
                  </a:lnTo>
                  <a:lnTo>
                    <a:pt x="168" y="494"/>
                  </a:lnTo>
                  <a:lnTo>
                    <a:pt x="168" y="491"/>
                  </a:lnTo>
                  <a:lnTo>
                    <a:pt x="166" y="486"/>
                  </a:lnTo>
                  <a:lnTo>
                    <a:pt x="168" y="482"/>
                  </a:lnTo>
                  <a:lnTo>
                    <a:pt x="170" y="477"/>
                  </a:lnTo>
                  <a:lnTo>
                    <a:pt x="173" y="469"/>
                  </a:lnTo>
                  <a:lnTo>
                    <a:pt x="175" y="464"/>
                  </a:lnTo>
                  <a:lnTo>
                    <a:pt x="175" y="459"/>
                  </a:lnTo>
                  <a:lnTo>
                    <a:pt x="173" y="455"/>
                  </a:lnTo>
                  <a:lnTo>
                    <a:pt x="171" y="453"/>
                  </a:lnTo>
                  <a:lnTo>
                    <a:pt x="170" y="453"/>
                  </a:lnTo>
                  <a:lnTo>
                    <a:pt x="170" y="452"/>
                  </a:lnTo>
                  <a:lnTo>
                    <a:pt x="168" y="452"/>
                  </a:lnTo>
                  <a:lnTo>
                    <a:pt x="159" y="431"/>
                  </a:lnTo>
                  <a:lnTo>
                    <a:pt x="159" y="430"/>
                  </a:lnTo>
                  <a:lnTo>
                    <a:pt x="161" y="428"/>
                  </a:lnTo>
                  <a:lnTo>
                    <a:pt x="161" y="421"/>
                  </a:lnTo>
                  <a:lnTo>
                    <a:pt x="158" y="413"/>
                  </a:lnTo>
                  <a:lnTo>
                    <a:pt x="156" y="403"/>
                  </a:lnTo>
                  <a:lnTo>
                    <a:pt x="153" y="394"/>
                  </a:lnTo>
                  <a:lnTo>
                    <a:pt x="151" y="386"/>
                  </a:lnTo>
                  <a:lnTo>
                    <a:pt x="148" y="379"/>
                  </a:lnTo>
                  <a:lnTo>
                    <a:pt x="146" y="377"/>
                  </a:lnTo>
                  <a:lnTo>
                    <a:pt x="132" y="372"/>
                  </a:lnTo>
                  <a:lnTo>
                    <a:pt x="120" y="365"/>
                  </a:lnTo>
                  <a:lnTo>
                    <a:pt x="112" y="357"/>
                  </a:lnTo>
                  <a:lnTo>
                    <a:pt x="104" y="349"/>
                  </a:lnTo>
                  <a:lnTo>
                    <a:pt x="98" y="340"/>
                  </a:lnTo>
                  <a:lnTo>
                    <a:pt x="93" y="332"/>
                  </a:lnTo>
                  <a:lnTo>
                    <a:pt x="90" y="328"/>
                  </a:lnTo>
                  <a:lnTo>
                    <a:pt x="90" y="325"/>
                  </a:lnTo>
                  <a:lnTo>
                    <a:pt x="60" y="313"/>
                  </a:lnTo>
                  <a:lnTo>
                    <a:pt x="58" y="305"/>
                  </a:lnTo>
                  <a:lnTo>
                    <a:pt x="56" y="305"/>
                  </a:lnTo>
                  <a:lnTo>
                    <a:pt x="56" y="303"/>
                  </a:lnTo>
                  <a:lnTo>
                    <a:pt x="54" y="303"/>
                  </a:lnTo>
                  <a:lnTo>
                    <a:pt x="51" y="303"/>
                  </a:lnTo>
                  <a:lnTo>
                    <a:pt x="49" y="303"/>
                  </a:lnTo>
                  <a:lnTo>
                    <a:pt x="46" y="305"/>
                  </a:lnTo>
                  <a:lnTo>
                    <a:pt x="43" y="303"/>
                  </a:lnTo>
                  <a:lnTo>
                    <a:pt x="38" y="301"/>
                  </a:lnTo>
                  <a:lnTo>
                    <a:pt x="31" y="299"/>
                  </a:lnTo>
                  <a:lnTo>
                    <a:pt x="26" y="294"/>
                  </a:lnTo>
                  <a:lnTo>
                    <a:pt x="21" y="289"/>
                  </a:lnTo>
                  <a:lnTo>
                    <a:pt x="17" y="286"/>
                  </a:lnTo>
                  <a:lnTo>
                    <a:pt x="16" y="281"/>
                  </a:lnTo>
                  <a:lnTo>
                    <a:pt x="16" y="276"/>
                  </a:lnTo>
                  <a:lnTo>
                    <a:pt x="19" y="267"/>
                  </a:lnTo>
                  <a:lnTo>
                    <a:pt x="21" y="262"/>
                  </a:lnTo>
                  <a:lnTo>
                    <a:pt x="21" y="257"/>
                  </a:lnTo>
                  <a:lnTo>
                    <a:pt x="21" y="254"/>
                  </a:lnTo>
                  <a:lnTo>
                    <a:pt x="19" y="250"/>
                  </a:lnTo>
                  <a:lnTo>
                    <a:pt x="17" y="247"/>
                  </a:lnTo>
                  <a:lnTo>
                    <a:pt x="16" y="244"/>
                  </a:lnTo>
                  <a:lnTo>
                    <a:pt x="12" y="240"/>
                  </a:lnTo>
                  <a:lnTo>
                    <a:pt x="12" y="235"/>
                  </a:lnTo>
                  <a:lnTo>
                    <a:pt x="12" y="227"/>
                  </a:lnTo>
                  <a:lnTo>
                    <a:pt x="12" y="220"/>
                  </a:lnTo>
                  <a:lnTo>
                    <a:pt x="16" y="211"/>
                  </a:lnTo>
                  <a:lnTo>
                    <a:pt x="17" y="205"/>
                  </a:lnTo>
                  <a:lnTo>
                    <a:pt x="21" y="198"/>
                  </a:lnTo>
                  <a:lnTo>
                    <a:pt x="21" y="193"/>
                  </a:lnTo>
                  <a:lnTo>
                    <a:pt x="22" y="193"/>
                  </a:lnTo>
                  <a:lnTo>
                    <a:pt x="14" y="179"/>
                  </a:lnTo>
                  <a:lnTo>
                    <a:pt x="0" y="179"/>
                  </a:lnTo>
                  <a:lnTo>
                    <a:pt x="0" y="159"/>
                  </a:lnTo>
                  <a:lnTo>
                    <a:pt x="2" y="159"/>
                  </a:lnTo>
                  <a:lnTo>
                    <a:pt x="4" y="157"/>
                  </a:lnTo>
                  <a:lnTo>
                    <a:pt x="5" y="157"/>
                  </a:lnTo>
                  <a:lnTo>
                    <a:pt x="7" y="154"/>
                  </a:lnTo>
                  <a:lnTo>
                    <a:pt x="7" y="152"/>
                  </a:lnTo>
                  <a:lnTo>
                    <a:pt x="9" y="149"/>
                  </a:lnTo>
                  <a:lnTo>
                    <a:pt x="10" y="144"/>
                  </a:lnTo>
                  <a:lnTo>
                    <a:pt x="17" y="139"/>
                  </a:lnTo>
                  <a:lnTo>
                    <a:pt x="22" y="134"/>
                  </a:lnTo>
                  <a:lnTo>
                    <a:pt x="31" y="127"/>
                  </a:lnTo>
                  <a:lnTo>
                    <a:pt x="38" y="122"/>
                  </a:lnTo>
                  <a:lnTo>
                    <a:pt x="44" y="118"/>
                  </a:lnTo>
                  <a:lnTo>
                    <a:pt x="48" y="115"/>
                  </a:lnTo>
                  <a:lnTo>
                    <a:pt x="51" y="115"/>
                  </a:lnTo>
                  <a:lnTo>
                    <a:pt x="49" y="44"/>
                  </a:lnTo>
                  <a:lnTo>
                    <a:pt x="48" y="44"/>
                  </a:lnTo>
                  <a:lnTo>
                    <a:pt x="48" y="42"/>
                  </a:lnTo>
                  <a:lnTo>
                    <a:pt x="49" y="41"/>
                  </a:lnTo>
                  <a:lnTo>
                    <a:pt x="51" y="37"/>
                  </a:lnTo>
                  <a:lnTo>
                    <a:pt x="56" y="34"/>
                  </a:lnTo>
                  <a:lnTo>
                    <a:pt x="63" y="29"/>
                  </a:lnTo>
                  <a:lnTo>
                    <a:pt x="65" y="27"/>
                  </a:lnTo>
                  <a:lnTo>
                    <a:pt x="68" y="30"/>
                  </a:lnTo>
                  <a:lnTo>
                    <a:pt x="73" y="32"/>
                  </a:lnTo>
                  <a:lnTo>
                    <a:pt x="78" y="35"/>
                  </a:lnTo>
                  <a:lnTo>
                    <a:pt x="83" y="37"/>
                  </a:lnTo>
                  <a:lnTo>
                    <a:pt x="90" y="39"/>
                  </a:lnTo>
                  <a:lnTo>
                    <a:pt x="97" y="37"/>
                  </a:lnTo>
                  <a:lnTo>
                    <a:pt x="102" y="34"/>
                  </a:lnTo>
                  <a:lnTo>
                    <a:pt x="102" y="32"/>
                  </a:lnTo>
                  <a:lnTo>
                    <a:pt x="104" y="30"/>
                  </a:lnTo>
                  <a:lnTo>
                    <a:pt x="105" y="30"/>
                  </a:lnTo>
                  <a:lnTo>
                    <a:pt x="109" y="27"/>
                  </a:lnTo>
                  <a:lnTo>
                    <a:pt x="112" y="27"/>
                  </a:lnTo>
                  <a:lnTo>
                    <a:pt x="115" y="25"/>
                  </a:lnTo>
                  <a:lnTo>
                    <a:pt x="119" y="25"/>
                  </a:lnTo>
                  <a:lnTo>
                    <a:pt x="124" y="25"/>
                  </a:lnTo>
                  <a:lnTo>
                    <a:pt x="126" y="25"/>
                  </a:lnTo>
                  <a:lnTo>
                    <a:pt x="127" y="24"/>
                  </a:lnTo>
                  <a:lnTo>
                    <a:pt x="129" y="22"/>
                  </a:lnTo>
                  <a:lnTo>
                    <a:pt x="131" y="20"/>
                  </a:lnTo>
                  <a:lnTo>
                    <a:pt x="132" y="19"/>
                  </a:lnTo>
                  <a:lnTo>
                    <a:pt x="136" y="17"/>
                  </a:lnTo>
                  <a:lnTo>
                    <a:pt x="141" y="13"/>
                  </a:lnTo>
                  <a:lnTo>
                    <a:pt x="148" y="12"/>
                  </a:lnTo>
                  <a:lnTo>
                    <a:pt x="154" y="10"/>
                  </a:lnTo>
                  <a:lnTo>
                    <a:pt x="158" y="8"/>
                  </a:lnTo>
                  <a:lnTo>
                    <a:pt x="161" y="8"/>
                  </a:lnTo>
                  <a:lnTo>
                    <a:pt x="163" y="7"/>
                  </a:lnTo>
                  <a:lnTo>
                    <a:pt x="164" y="5"/>
                  </a:lnTo>
                  <a:lnTo>
                    <a:pt x="168" y="3"/>
                  </a:lnTo>
                  <a:lnTo>
                    <a:pt x="173" y="0"/>
                  </a:lnTo>
                  <a:lnTo>
                    <a:pt x="176" y="0"/>
                  </a:lnTo>
                  <a:lnTo>
                    <a:pt x="180" y="3"/>
                  </a:lnTo>
                  <a:lnTo>
                    <a:pt x="181" y="7"/>
                  </a:lnTo>
                  <a:lnTo>
                    <a:pt x="183" y="8"/>
                  </a:lnTo>
                  <a:lnTo>
                    <a:pt x="176" y="20"/>
                  </a:lnTo>
                  <a:lnTo>
                    <a:pt x="175" y="29"/>
                  </a:lnTo>
                  <a:lnTo>
                    <a:pt x="173" y="37"/>
                  </a:lnTo>
                  <a:lnTo>
                    <a:pt x="173" y="39"/>
                  </a:lnTo>
                  <a:lnTo>
                    <a:pt x="171" y="41"/>
                  </a:lnTo>
                  <a:lnTo>
                    <a:pt x="171" y="44"/>
                  </a:lnTo>
                  <a:lnTo>
                    <a:pt x="171" y="46"/>
                  </a:lnTo>
                  <a:lnTo>
                    <a:pt x="175" y="44"/>
                  </a:lnTo>
                  <a:lnTo>
                    <a:pt x="178" y="42"/>
                  </a:lnTo>
                  <a:lnTo>
                    <a:pt x="180" y="41"/>
                  </a:lnTo>
                  <a:lnTo>
                    <a:pt x="181" y="39"/>
                  </a:lnTo>
                  <a:lnTo>
                    <a:pt x="185" y="39"/>
                  </a:lnTo>
                  <a:lnTo>
                    <a:pt x="186" y="37"/>
                  </a:lnTo>
                  <a:lnTo>
                    <a:pt x="188" y="35"/>
                  </a:lnTo>
                  <a:lnTo>
                    <a:pt x="190" y="34"/>
                  </a:lnTo>
                  <a:lnTo>
                    <a:pt x="192" y="34"/>
                  </a:lnTo>
                  <a:lnTo>
                    <a:pt x="210" y="46"/>
                  </a:lnTo>
                  <a:lnTo>
                    <a:pt x="212" y="46"/>
                  </a:lnTo>
                  <a:lnTo>
                    <a:pt x="214" y="46"/>
                  </a:lnTo>
                  <a:lnTo>
                    <a:pt x="217" y="46"/>
                  </a:lnTo>
                  <a:lnTo>
                    <a:pt x="220" y="46"/>
                  </a:lnTo>
                  <a:lnTo>
                    <a:pt x="225" y="47"/>
                  </a:lnTo>
                  <a:lnTo>
                    <a:pt x="229" y="52"/>
                  </a:lnTo>
                  <a:lnTo>
                    <a:pt x="234" y="57"/>
                  </a:lnTo>
                  <a:lnTo>
                    <a:pt x="237" y="66"/>
                  </a:lnTo>
                  <a:lnTo>
                    <a:pt x="239" y="68"/>
                  </a:lnTo>
                  <a:lnTo>
                    <a:pt x="239" y="69"/>
                  </a:lnTo>
                  <a:lnTo>
                    <a:pt x="242" y="71"/>
                  </a:lnTo>
                  <a:lnTo>
                    <a:pt x="244" y="73"/>
                  </a:lnTo>
                  <a:lnTo>
                    <a:pt x="246" y="74"/>
                  </a:lnTo>
                  <a:lnTo>
                    <a:pt x="247" y="76"/>
                  </a:lnTo>
                  <a:lnTo>
                    <a:pt x="249" y="76"/>
                  </a:lnTo>
                  <a:lnTo>
                    <a:pt x="249" y="78"/>
                  </a:lnTo>
                  <a:lnTo>
                    <a:pt x="252" y="78"/>
                  </a:lnTo>
                  <a:lnTo>
                    <a:pt x="256" y="78"/>
                  </a:lnTo>
                  <a:lnTo>
                    <a:pt x="261" y="78"/>
                  </a:lnTo>
                  <a:lnTo>
                    <a:pt x="268" y="79"/>
                  </a:lnTo>
                  <a:lnTo>
                    <a:pt x="274" y="79"/>
                  </a:lnTo>
                  <a:lnTo>
                    <a:pt x="283" y="81"/>
                  </a:lnTo>
                  <a:lnTo>
                    <a:pt x="291" y="83"/>
                  </a:lnTo>
                  <a:lnTo>
                    <a:pt x="300" y="85"/>
                  </a:lnTo>
                  <a:lnTo>
                    <a:pt x="308" y="86"/>
                  </a:lnTo>
                  <a:lnTo>
                    <a:pt x="317" y="88"/>
                  </a:lnTo>
                  <a:lnTo>
                    <a:pt x="325" y="91"/>
                  </a:lnTo>
                  <a:lnTo>
                    <a:pt x="334" y="93"/>
                  </a:lnTo>
                  <a:lnTo>
                    <a:pt x="340" y="96"/>
                  </a:lnTo>
                  <a:lnTo>
                    <a:pt x="347" y="100"/>
                  </a:lnTo>
                  <a:lnTo>
                    <a:pt x="354" y="103"/>
                  </a:lnTo>
                  <a:lnTo>
                    <a:pt x="356" y="103"/>
                  </a:lnTo>
                  <a:lnTo>
                    <a:pt x="362" y="105"/>
                  </a:lnTo>
                  <a:lnTo>
                    <a:pt x="373" y="107"/>
                  </a:lnTo>
                  <a:lnTo>
                    <a:pt x="383" y="107"/>
                  </a:lnTo>
                  <a:lnTo>
                    <a:pt x="393" y="108"/>
                  </a:lnTo>
                  <a:lnTo>
                    <a:pt x="401" y="110"/>
                  </a:lnTo>
                  <a:lnTo>
                    <a:pt x="408" y="110"/>
                  </a:lnTo>
                  <a:lnTo>
                    <a:pt x="412" y="110"/>
                  </a:lnTo>
                  <a:lnTo>
                    <a:pt x="415" y="115"/>
                  </a:lnTo>
                  <a:lnTo>
                    <a:pt x="418" y="127"/>
                  </a:lnTo>
                  <a:lnTo>
                    <a:pt x="420" y="127"/>
                  </a:lnTo>
                  <a:lnTo>
                    <a:pt x="422" y="127"/>
                  </a:lnTo>
                  <a:lnTo>
                    <a:pt x="427" y="127"/>
                  </a:lnTo>
                  <a:lnTo>
                    <a:pt x="430" y="129"/>
                  </a:lnTo>
                  <a:lnTo>
                    <a:pt x="435" y="132"/>
                  </a:lnTo>
                  <a:lnTo>
                    <a:pt x="439" y="139"/>
                  </a:lnTo>
                  <a:lnTo>
                    <a:pt x="442" y="147"/>
                  </a:lnTo>
                  <a:lnTo>
                    <a:pt x="444" y="159"/>
                  </a:lnTo>
                  <a:lnTo>
                    <a:pt x="444" y="161"/>
                  </a:lnTo>
                  <a:lnTo>
                    <a:pt x="442" y="164"/>
                  </a:lnTo>
                  <a:lnTo>
                    <a:pt x="442" y="167"/>
                  </a:lnTo>
                  <a:lnTo>
                    <a:pt x="442" y="173"/>
                  </a:lnTo>
                  <a:lnTo>
                    <a:pt x="440" y="176"/>
                  </a:lnTo>
                  <a:lnTo>
                    <a:pt x="440" y="179"/>
                  </a:lnTo>
                  <a:lnTo>
                    <a:pt x="439" y="183"/>
                  </a:lnTo>
                  <a:lnTo>
                    <a:pt x="461" y="183"/>
                  </a:lnTo>
                  <a:lnTo>
                    <a:pt x="461" y="184"/>
                  </a:lnTo>
                  <a:lnTo>
                    <a:pt x="459" y="188"/>
                  </a:lnTo>
                  <a:lnTo>
                    <a:pt x="459" y="191"/>
                  </a:lnTo>
                  <a:lnTo>
                    <a:pt x="457" y="196"/>
                  </a:lnTo>
                  <a:lnTo>
                    <a:pt x="459" y="201"/>
                  </a:lnTo>
                  <a:lnTo>
                    <a:pt x="461" y="205"/>
                  </a:lnTo>
                  <a:lnTo>
                    <a:pt x="464" y="208"/>
                  </a:lnTo>
                  <a:lnTo>
                    <a:pt x="469" y="210"/>
                  </a:lnTo>
                  <a:lnTo>
                    <a:pt x="469" y="211"/>
                  </a:lnTo>
                  <a:lnTo>
                    <a:pt x="469" y="213"/>
                  </a:lnTo>
                  <a:lnTo>
                    <a:pt x="471" y="217"/>
                  </a:lnTo>
                  <a:lnTo>
                    <a:pt x="471" y="218"/>
                  </a:lnTo>
                  <a:lnTo>
                    <a:pt x="457" y="228"/>
                  </a:lnTo>
                  <a:lnTo>
                    <a:pt x="450" y="239"/>
                  </a:lnTo>
                  <a:lnTo>
                    <a:pt x="449" y="244"/>
                  </a:lnTo>
                  <a:lnTo>
                    <a:pt x="449" y="245"/>
                  </a:lnTo>
                  <a:lnTo>
                    <a:pt x="447" y="247"/>
                  </a:lnTo>
                  <a:lnTo>
                    <a:pt x="444" y="250"/>
                  </a:lnTo>
                  <a:lnTo>
                    <a:pt x="442" y="255"/>
                  </a:lnTo>
                  <a:lnTo>
                    <a:pt x="439" y="261"/>
                  </a:lnTo>
                  <a:lnTo>
                    <a:pt x="437" y="267"/>
                  </a:lnTo>
                  <a:lnTo>
                    <a:pt x="437" y="274"/>
                  </a:lnTo>
                  <a:lnTo>
                    <a:pt x="439" y="283"/>
                  </a:lnTo>
                  <a:lnTo>
                    <a:pt x="440" y="284"/>
                  </a:lnTo>
                  <a:lnTo>
                    <a:pt x="442" y="284"/>
                  </a:lnTo>
                  <a:lnTo>
                    <a:pt x="444" y="283"/>
                  </a:lnTo>
                  <a:lnTo>
                    <a:pt x="447" y="279"/>
                  </a:lnTo>
                  <a:lnTo>
                    <a:pt x="450" y="276"/>
                  </a:lnTo>
                  <a:lnTo>
                    <a:pt x="454" y="271"/>
                  </a:lnTo>
                  <a:lnTo>
                    <a:pt x="459" y="266"/>
                  </a:lnTo>
                  <a:lnTo>
                    <a:pt x="462" y="261"/>
                  </a:lnTo>
                  <a:lnTo>
                    <a:pt x="464" y="259"/>
                  </a:lnTo>
                  <a:lnTo>
                    <a:pt x="464" y="255"/>
                  </a:lnTo>
                  <a:lnTo>
                    <a:pt x="464" y="252"/>
                  </a:lnTo>
                  <a:lnTo>
                    <a:pt x="466" y="247"/>
                  </a:lnTo>
                  <a:lnTo>
                    <a:pt x="469" y="244"/>
                  </a:lnTo>
                  <a:lnTo>
                    <a:pt x="474" y="240"/>
                  </a:lnTo>
                  <a:lnTo>
                    <a:pt x="481" y="237"/>
                  </a:lnTo>
                  <a:lnTo>
                    <a:pt x="491" y="235"/>
                  </a:lnTo>
                  <a:lnTo>
                    <a:pt x="491" y="232"/>
                  </a:lnTo>
                  <a:lnTo>
                    <a:pt x="491" y="228"/>
                  </a:lnTo>
                  <a:lnTo>
                    <a:pt x="491" y="223"/>
                  </a:lnTo>
                  <a:lnTo>
                    <a:pt x="491" y="217"/>
                  </a:lnTo>
                  <a:lnTo>
                    <a:pt x="494" y="208"/>
                  </a:lnTo>
                  <a:lnTo>
                    <a:pt x="500" y="198"/>
                  </a:lnTo>
                  <a:lnTo>
                    <a:pt x="501" y="198"/>
                  </a:lnTo>
                  <a:lnTo>
                    <a:pt x="503" y="196"/>
                  </a:lnTo>
                  <a:lnTo>
                    <a:pt x="506" y="193"/>
                  </a:lnTo>
                  <a:lnTo>
                    <a:pt x="508" y="189"/>
                  </a:lnTo>
                  <a:lnTo>
                    <a:pt x="511" y="186"/>
                  </a:lnTo>
                  <a:lnTo>
                    <a:pt x="513" y="183"/>
                  </a:lnTo>
                  <a:lnTo>
                    <a:pt x="515" y="181"/>
                  </a:lnTo>
                  <a:lnTo>
                    <a:pt x="516" y="181"/>
                  </a:lnTo>
                  <a:lnTo>
                    <a:pt x="522" y="181"/>
                  </a:lnTo>
                  <a:lnTo>
                    <a:pt x="522" y="191"/>
                  </a:lnTo>
                  <a:lnTo>
                    <a:pt x="518" y="193"/>
                  </a:lnTo>
                  <a:lnTo>
                    <a:pt x="518" y="206"/>
                  </a:lnTo>
                  <a:lnTo>
                    <a:pt x="516" y="206"/>
                  </a:lnTo>
                  <a:lnTo>
                    <a:pt x="515" y="210"/>
                  </a:lnTo>
                  <a:lnTo>
                    <a:pt x="513" y="213"/>
                  </a:lnTo>
                  <a:lnTo>
                    <a:pt x="510" y="217"/>
                  </a:lnTo>
                  <a:lnTo>
                    <a:pt x="508" y="222"/>
                  </a:lnTo>
                  <a:lnTo>
                    <a:pt x="506" y="227"/>
                  </a:lnTo>
                  <a:lnTo>
                    <a:pt x="506" y="232"/>
                  </a:lnTo>
                  <a:lnTo>
                    <a:pt x="508" y="235"/>
                  </a:lnTo>
                  <a:lnTo>
                    <a:pt x="506" y="235"/>
                  </a:lnTo>
                  <a:lnTo>
                    <a:pt x="506" y="237"/>
                  </a:lnTo>
                  <a:lnTo>
                    <a:pt x="505" y="239"/>
                  </a:lnTo>
                  <a:lnTo>
                    <a:pt x="503" y="240"/>
                  </a:lnTo>
                  <a:lnTo>
                    <a:pt x="501" y="244"/>
                  </a:lnTo>
                  <a:lnTo>
                    <a:pt x="500" y="247"/>
                  </a:lnTo>
                  <a:lnTo>
                    <a:pt x="498" y="252"/>
                  </a:lnTo>
                  <a:lnTo>
                    <a:pt x="494" y="257"/>
                  </a:lnTo>
                  <a:lnTo>
                    <a:pt x="493" y="262"/>
                  </a:lnTo>
                  <a:lnTo>
                    <a:pt x="491" y="269"/>
                  </a:lnTo>
                  <a:lnTo>
                    <a:pt x="489" y="276"/>
                  </a:lnTo>
                  <a:lnTo>
                    <a:pt x="488" y="284"/>
                  </a:lnTo>
                  <a:lnTo>
                    <a:pt x="486" y="293"/>
                  </a:lnTo>
                  <a:lnTo>
                    <a:pt x="486" y="303"/>
                  </a:lnTo>
                  <a:lnTo>
                    <a:pt x="486" y="311"/>
                  </a:lnTo>
                  <a:lnTo>
                    <a:pt x="486" y="323"/>
                  </a:lnTo>
                  <a:lnTo>
                    <a:pt x="486" y="325"/>
                  </a:lnTo>
                  <a:lnTo>
                    <a:pt x="484" y="325"/>
                  </a:lnTo>
                  <a:lnTo>
                    <a:pt x="483" y="328"/>
                  </a:lnTo>
                  <a:lnTo>
                    <a:pt x="481" y="330"/>
                  </a:lnTo>
                  <a:lnTo>
                    <a:pt x="479" y="333"/>
                  </a:lnTo>
                  <a:lnTo>
                    <a:pt x="478" y="337"/>
                  </a:lnTo>
                  <a:lnTo>
                    <a:pt x="476" y="340"/>
                  </a:lnTo>
                  <a:lnTo>
                    <a:pt x="474" y="345"/>
                  </a:lnTo>
                  <a:lnTo>
                    <a:pt x="472" y="349"/>
                  </a:lnTo>
                  <a:lnTo>
                    <a:pt x="472" y="355"/>
                  </a:lnTo>
                  <a:lnTo>
                    <a:pt x="471" y="360"/>
                  </a:lnTo>
                  <a:lnTo>
                    <a:pt x="471" y="367"/>
                  </a:lnTo>
                  <a:lnTo>
                    <a:pt x="472" y="374"/>
                  </a:lnTo>
                  <a:lnTo>
                    <a:pt x="474" y="381"/>
                  </a:lnTo>
                  <a:lnTo>
                    <a:pt x="476" y="389"/>
                  </a:lnTo>
                  <a:lnTo>
                    <a:pt x="476" y="391"/>
                  </a:lnTo>
                  <a:lnTo>
                    <a:pt x="474" y="393"/>
                  </a:lnTo>
                  <a:lnTo>
                    <a:pt x="474" y="396"/>
                  </a:lnTo>
                  <a:lnTo>
                    <a:pt x="472" y="399"/>
                  </a:lnTo>
                  <a:lnTo>
                    <a:pt x="471" y="404"/>
                  </a:lnTo>
                  <a:lnTo>
                    <a:pt x="469" y="409"/>
                  </a:lnTo>
                  <a:lnTo>
                    <a:pt x="467" y="415"/>
                  </a:lnTo>
                  <a:lnTo>
                    <a:pt x="466" y="421"/>
                  </a:lnTo>
                  <a:lnTo>
                    <a:pt x="464" y="428"/>
                  </a:lnTo>
                  <a:lnTo>
                    <a:pt x="464" y="437"/>
                  </a:lnTo>
                  <a:lnTo>
                    <a:pt x="462" y="443"/>
                  </a:lnTo>
                  <a:lnTo>
                    <a:pt x="462" y="452"/>
                  </a:lnTo>
                  <a:lnTo>
                    <a:pt x="464" y="460"/>
                  </a:lnTo>
                  <a:lnTo>
                    <a:pt x="466" y="469"/>
                  </a:lnTo>
                  <a:lnTo>
                    <a:pt x="467" y="477"/>
                  </a:lnTo>
                  <a:lnTo>
                    <a:pt x="471" y="484"/>
                  </a:lnTo>
                  <a:lnTo>
                    <a:pt x="472" y="486"/>
                  </a:lnTo>
                  <a:lnTo>
                    <a:pt x="472" y="487"/>
                  </a:lnTo>
                  <a:lnTo>
                    <a:pt x="474" y="491"/>
                  </a:lnTo>
                  <a:lnTo>
                    <a:pt x="476" y="492"/>
                  </a:lnTo>
                  <a:lnTo>
                    <a:pt x="478" y="496"/>
                  </a:lnTo>
                  <a:lnTo>
                    <a:pt x="478" y="497"/>
                  </a:lnTo>
                  <a:lnTo>
                    <a:pt x="479" y="499"/>
                  </a:lnTo>
                  <a:lnTo>
                    <a:pt x="479" y="506"/>
                  </a:lnTo>
                  <a:lnTo>
                    <a:pt x="478" y="525"/>
                  </a:lnTo>
                  <a:lnTo>
                    <a:pt x="479" y="536"/>
                  </a:lnTo>
                  <a:lnTo>
                    <a:pt x="220" y="555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783" name="Group 173"/>
            <p:cNvGrpSpPr>
              <a:grpSpLocks/>
            </p:cNvGrpSpPr>
            <p:nvPr/>
          </p:nvGrpSpPr>
          <p:grpSpPr bwMode="auto">
            <a:xfrm>
              <a:off x="4170" y="1392"/>
              <a:ext cx="723" cy="540"/>
              <a:chOff x="4407" y="988"/>
              <a:chExt cx="743" cy="556"/>
            </a:xfrm>
          </p:grpSpPr>
          <p:sp>
            <p:nvSpPr>
              <p:cNvPr id="799" name="Freeform 174"/>
              <p:cNvSpPr>
                <a:spLocks/>
              </p:cNvSpPr>
              <p:nvPr/>
            </p:nvSpPr>
            <p:spPr bwMode="auto">
              <a:xfrm>
                <a:off x="4972" y="1435"/>
                <a:ext cx="178" cy="109"/>
              </a:xfrm>
              <a:custGeom>
                <a:avLst/>
                <a:gdLst>
                  <a:gd name="T0" fmla="*/ 2 w 178"/>
                  <a:gd name="T1" fmla="*/ 109 h 109"/>
                  <a:gd name="T2" fmla="*/ 0 w 178"/>
                  <a:gd name="T3" fmla="*/ 107 h 109"/>
                  <a:gd name="T4" fmla="*/ 0 w 178"/>
                  <a:gd name="T5" fmla="*/ 102 h 109"/>
                  <a:gd name="T6" fmla="*/ 0 w 178"/>
                  <a:gd name="T7" fmla="*/ 95 h 109"/>
                  <a:gd name="T8" fmla="*/ 4 w 178"/>
                  <a:gd name="T9" fmla="*/ 88 h 109"/>
                  <a:gd name="T10" fmla="*/ 9 w 178"/>
                  <a:gd name="T11" fmla="*/ 81 h 109"/>
                  <a:gd name="T12" fmla="*/ 12 w 178"/>
                  <a:gd name="T13" fmla="*/ 80 h 109"/>
                  <a:gd name="T14" fmla="*/ 21 w 178"/>
                  <a:gd name="T15" fmla="*/ 73 h 109"/>
                  <a:gd name="T16" fmla="*/ 24 w 178"/>
                  <a:gd name="T17" fmla="*/ 65 h 109"/>
                  <a:gd name="T18" fmla="*/ 26 w 178"/>
                  <a:gd name="T19" fmla="*/ 61 h 109"/>
                  <a:gd name="T20" fmla="*/ 28 w 178"/>
                  <a:gd name="T21" fmla="*/ 59 h 109"/>
                  <a:gd name="T22" fmla="*/ 38 w 178"/>
                  <a:gd name="T23" fmla="*/ 56 h 109"/>
                  <a:gd name="T24" fmla="*/ 41 w 178"/>
                  <a:gd name="T25" fmla="*/ 53 h 109"/>
                  <a:gd name="T26" fmla="*/ 63 w 178"/>
                  <a:gd name="T27" fmla="*/ 53 h 109"/>
                  <a:gd name="T28" fmla="*/ 65 w 178"/>
                  <a:gd name="T29" fmla="*/ 49 h 109"/>
                  <a:gd name="T30" fmla="*/ 68 w 178"/>
                  <a:gd name="T31" fmla="*/ 43 h 109"/>
                  <a:gd name="T32" fmla="*/ 77 w 178"/>
                  <a:gd name="T33" fmla="*/ 39 h 109"/>
                  <a:gd name="T34" fmla="*/ 83 w 178"/>
                  <a:gd name="T35" fmla="*/ 37 h 109"/>
                  <a:gd name="T36" fmla="*/ 105 w 178"/>
                  <a:gd name="T37" fmla="*/ 31 h 109"/>
                  <a:gd name="T38" fmla="*/ 116 w 178"/>
                  <a:gd name="T39" fmla="*/ 24 h 109"/>
                  <a:gd name="T40" fmla="*/ 132 w 178"/>
                  <a:gd name="T41" fmla="*/ 4 h 109"/>
                  <a:gd name="T42" fmla="*/ 138 w 178"/>
                  <a:gd name="T43" fmla="*/ 2 h 109"/>
                  <a:gd name="T44" fmla="*/ 131 w 178"/>
                  <a:gd name="T45" fmla="*/ 14 h 109"/>
                  <a:gd name="T46" fmla="*/ 127 w 178"/>
                  <a:gd name="T47" fmla="*/ 19 h 109"/>
                  <a:gd name="T48" fmla="*/ 122 w 178"/>
                  <a:gd name="T49" fmla="*/ 26 h 109"/>
                  <a:gd name="T50" fmla="*/ 116 w 178"/>
                  <a:gd name="T51" fmla="*/ 34 h 109"/>
                  <a:gd name="T52" fmla="*/ 116 w 178"/>
                  <a:gd name="T53" fmla="*/ 37 h 109"/>
                  <a:gd name="T54" fmla="*/ 122 w 178"/>
                  <a:gd name="T55" fmla="*/ 36 h 109"/>
                  <a:gd name="T56" fmla="*/ 122 w 178"/>
                  <a:gd name="T57" fmla="*/ 39 h 109"/>
                  <a:gd name="T58" fmla="*/ 122 w 178"/>
                  <a:gd name="T59" fmla="*/ 43 h 109"/>
                  <a:gd name="T60" fmla="*/ 122 w 178"/>
                  <a:gd name="T61" fmla="*/ 48 h 109"/>
                  <a:gd name="T62" fmla="*/ 129 w 178"/>
                  <a:gd name="T63" fmla="*/ 43 h 109"/>
                  <a:gd name="T64" fmla="*/ 129 w 178"/>
                  <a:gd name="T65" fmla="*/ 34 h 109"/>
                  <a:gd name="T66" fmla="*/ 136 w 178"/>
                  <a:gd name="T67" fmla="*/ 22 h 109"/>
                  <a:gd name="T68" fmla="*/ 148 w 178"/>
                  <a:gd name="T69" fmla="*/ 14 h 109"/>
                  <a:gd name="T70" fmla="*/ 160 w 178"/>
                  <a:gd name="T71" fmla="*/ 14 h 109"/>
                  <a:gd name="T72" fmla="*/ 165 w 178"/>
                  <a:gd name="T73" fmla="*/ 9 h 109"/>
                  <a:gd name="T74" fmla="*/ 175 w 178"/>
                  <a:gd name="T75" fmla="*/ 0 h 109"/>
                  <a:gd name="T76" fmla="*/ 178 w 178"/>
                  <a:gd name="T77" fmla="*/ 4 h 109"/>
                  <a:gd name="T78" fmla="*/ 175 w 178"/>
                  <a:gd name="T79" fmla="*/ 9 h 109"/>
                  <a:gd name="T80" fmla="*/ 160 w 178"/>
                  <a:gd name="T81" fmla="*/ 22 h 109"/>
                  <a:gd name="T82" fmla="*/ 143 w 178"/>
                  <a:gd name="T83" fmla="*/ 36 h 109"/>
                  <a:gd name="T84" fmla="*/ 127 w 178"/>
                  <a:gd name="T85" fmla="*/ 48 h 109"/>
                  <a:gd name="T86" fmla="*/ 116 w 178"/>
                  <a:gd name="T87" fmla="*/ 58 h 109"/>
                  <a:gd name="T88" fmla="*/ 109 w 178"/>
                  <a:gd name="T89" fmla="*/ 63 h 109"/>
                  <a:gd name="T90" fmla="*/ 88 w 178"/>
                  <a:gd name="T91" fmla="*/ 76 h 109"/>
                  <a:gd name="T92" fmla="*/ 85 w 178"/>
                  <a:gd name="T93" fmla="*/ 76 h 109"/>
                  <a:gd name="T94" fmla="*/ 90 w 178"/>
                  <a:gd name="T95" fmla="*/ 70 h 109"/>
                  <a:gd name="T96" fmla="*/ 97 w 178"/>
                  <a:gd name="T97" fmla="*/ 58 h 109"/>
                  <a:gd name="T98" fmla="*/ 80 w 178"/>
                  <a:gd name="T99" fmla="*/ 68 h 109"/>
                  <a:gd name="T100" fmla="*/ 61 w 178"/>
                  <a:gd name="T101" fmla="*/ 76 h 109"/>
                  <a:gd name="T102" fmla="*/ 55 w 178"/>
                  <a:gd name="T103" fmla="*/ 81 h 109"/>
                  <a:gd name="T104" fmla="*/ 44 w 178"/>
                  <a:gd name="T105" fmla="*/ 90 h 109"/>
                  <a:gd name="T106" fmla="*/ 29 w 178"/>
                  <a:gd name="T107" fmla="*/ 100 h 109"/>
                  <a:gd name="T108" fmla="*/ 14 w 178"/>
                  <a:gd name="T109" fmla="*/ 109 h 109"/>
                  <a:gd name="T110" fmla="*/ 14 w 178"/>
                  <a:gd name="T111" fmla="*/ 105 h 109"/>
                  <a:gd name="T112" fmla="*/ 17 w 178"/>
                  <a:gd name="T113" fmla="*/ 102 h 109"/>
                  <a:gd name="T114" fmla="*/ 19 w 178"/>
                  <a:gd name="T115" fmla="*/ 95 h 109"/>
                  <a:gd name="T116" fmla="*/ 7 w 178"/>
                  <a:gd name="T117" fmla="*/ 105 h 109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178"/>
                  <a:gd name="T178" fmla="*/ 0 h 109"/>
                  <a:gd name="T179" fmla="*/ 178 w 178"/>
                  <a:gd name="T180" fmla="*/ 109 h 109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178" h="109">
                    <a:moveTo>
                      <a:pt x="7" y="105"/>
                    </a:moveTo>
                    <a:lnTo>
                      <a:pt x="4" y="107"/>
                    </a:lnTo>
                    <a:lnTo>
                      <a:pt x="2" y="109"/>
                    </a:lnTo>
                    <a:lnTo>
                      <a:pt x="0" y="107"/>
                    </a:lnTo>
                    <a:lnTo>
                      <a:pt x="0" y="105"/>
                    </a:lnTo>
                    <a:lnTo>
                      <a:pt x="0" y="103"/>
                    </a:lnTo>
                    <a:lnTo>
                      <a:pt x="0" y="102"/>
                    </a:lnTo>
                    <a:lnTo>
                      <a:pt x="0" y="98"/>
                    </a:lnTo>
                    <a:lnTo>
                      <a:pt x="0" y="97"/>
                    </a:lnTo>
                    <a:lnTo>
                      <a:pt x="0" y="95"/>
                    </a:lnTo>
                    <a:lnTo>
                      <a:pt x="2" y="92"/>
                    </a:lnTo>
                    <a:lnTo>
                      <a:pt x="4" y="88"/>
                    </a:lnTo>
                    <a:lnTo>
                      <a:pt x="6" y="85"/>
                    </a:lnTo>
                    <a:lnTo>
                      <a:pt x="7" y="83"/>
                    </a:lnTo>
                    <a:lnTo>
                      <a:pt x="9" y="81"/>
                    </a:lnTo>
                    <a:lnTo>
                      <a:pt x="11" y="80"/>
                    </a:lnTo>
                    <a:lnTo>
                      <a:pt x="12" y="80"/>
                    </a:lnTo>
                    <a:lnTo>
                      <a:pt x="16" y="78"/>
                    </a:lnTo>
                    <a:lnTo>
                      <a:pt x="19" y="76"/>
                    </a:lnTo>
                    <a:lnTo>
                      <a:pt x="21" y="73"/>
                    </a:lnTo>
                    <a:lnTo>
                      <a:pt x="22" y="70"/>
                    </a:lnTo>
                    <a:lnTo>
                      <a:pt x="22" y="68"/>
                    </a:lnTo>
                    <a:lnTo>
                      <a:pt x="24" y="65"/>
                    </a:lnTo>
                    <a:lnTo>
                      <a:pt x="24" y="61"/>
                    </a:lnTo>
                    <a:lnTo>
                      <a:pt x="26" y="61"/>
                    </a:lnTo>
                    <a:lnTo>
                      <a:pt x="26" y="59"/>
                    </a:lnTo>
                    <a:lnTo>
                      <a:pt x="28" y="59"/>
                    </a:lnTo>
                    <a:lnTo>
                      <a:pt x="31" y="58"/>
                    </a:lnTo>
                    <a:lnTo>
                      <a:pt x="34" y="58"/>
                    </a:lnTo>
                    <a:lnTo>
                      <a:pt x="38" y="56"/>
                    </a:lnTo>
                    <a:lnTo>
                      <a:pt x="39" y="54"/>
                    </a:lnTo>
                    <a:lnTo>
                      <a:pt x="41" y="53"/>
                    </a:lnTo>
                    <a:lnTo>
                      <a:pt x="43" y="51"/>
                    </a:lnTo>
                    <a:lnTo>
                      <a:pt x="63" y="53"/>
                    </a:lnTo>
                    <a:lnTo>
                      <a:pt x="63" y="51"/>
                    </a:lnTo>
                    <a:lnTo>
                      <a:pt x="65" y="49"/>
                    </a:lnTo>
                    <a:lnTo>
                      <a:pt x="65" y="48"/>
                    </a:lnTo>
                    <a:lnTo>
                      <a:pt x="66" y="46"/>
                    </a:lnTo>
                    <a:lnTo>
                      <a:pt x="68" y="43"/>
                    </a:lnTo>
                    <a:lnTo>
                      <a:pt x="70" y="41"/>
                    </a:lnTo>
                    <a:lnTo>
                      <a:pt x="73" y="39"/>
                    </a:lnTo>
                    <a:lnTo>
                      <a:pt x="77" y="39"/>
                    </a:lnTo>
                    <a:lnTo>
                      <a:pt x="80" y="39"/>
                    </a:lnTo>
                    <a:lnTo>
                      <a:pt x="82" y="37"/>
                    </a:lnTo>
                    <a:lnTo>
                      <a:pt x="83" y="37"/>
                    </a:lnTo>
                    <a:lnTo>
                      <a:pt x="94" y="36"/>
                    </a:lnTo>
                    <a:lnTo>
                      <a:pt x="100" y="34"/>
                    </a:lnTo>
                    <a:lnTo>
                      <a:pt x="105" y="31"/>
                    </a:lnTo>
                    <a:lnTo>
                      <a:pt x="109" y="29"/>
                    </a:lnTo>
                    <a:lnTo>
                      <a:pt x="112" y="27"/>
                    </a:lnTo>
                    <a:lnTo>
                      <a:pt x="116" y="24"/>
                    </a:lnTo>
                    <a:lnTo>
                      <a:pt x="119" y="19"/>
                    </a:lnTo>
                    <a:lnTo>
                      <a:pt x="124" y="12"/>
                    </a:lnTo>
                    <a:lnTo>
                      <a:pt x="132" y="4"/>
                    </a:lnTo>
                    <a:lnTo>
                      <a:pt x="138" y="0"/>
                    </a:lnTo>
                    <a:lnTo>
                      <a:pt x="138" y="2"/>
                    </a:lnTo>
                    <a:lnTo>
                      <a:pt x="136" y="7"/>
                    </a:lnTo>
                    <a:lnTo>
                      <a:pt x="132" y="10"/>
                    </a:lnTo>
                    <a:lnTo>
                      <a:pt x="131" y="14"/>
                    </a:lnTo>
                    <a:lnTo>
                      <a:pt x="129" y="15"/>
                    </a:lnTo>
                    <a:lnTo>
                      <a:pt x="129" y="17"/>
                    </a:lnTo>
                    <a:lnTo>
                      <a:pt x="127" y="19"/>
                    </a:lnTo>
                    <a:lnTo>
                      <a:pt x="127" y="21"/>
                    </a:lnTo>
                    <a:lnTo>
                      <a:pt x="126" y="21"/>
                    </a:lnTo>
                    <a:lnTo>
                      <a:pt x="122" y="26"/>
                    </a:lnTo>
                    <a:lnTo>
                      <a:pt x="119" y="29"/>
                    </a:lnTo>
                    <a:lnTo>
                      <a:pt x="117" y="32"/>
                    </a:lnTo>
                    <a:lnTo>
                      <a:pt x="116" y="34"/>
                    </a:lnTo>
                    <a:lnTo>
                      <a:pt x="116" y="36"/>
                    </a:lnTo>
                    <a:lnTo>
                      <a:pt x="116" y="37"/>
                    </a:lnTo>
                    <a:lnTo>
                      <a:pt x="119" y="36"/>
                    </a:lnTo>
                    <a:lnTo>
                      <a:pt x="122" y="36"/>
                    </a:lnTo>
                    <a:lnTo>
                      <a:pt x="124" y="37"/>
                    </a:lnTo>
                    <a:lnTo>
                      <a:pt x="122" y="39"/>
                    </a:lnTo>
                    <a:lnTo>
                      <a:pt x="122" y="41"/>
                    </a:lnTo>
                    <a:lnTo>
                      <a:pt x="122" y="43"/>
                    </a:lnTo>
                    <a:lnTo>
                      <a:pt x="121" y="48"/>
                    </a:lnTo>
                    <a:lnTo>
                      <a:pt x="122" y="48"/>
                    </a:lnTo>
                    <a:lnTo>
                      <a:pt x="124" y="46"/>
                    </a:lnTo>
                    <a:lnTo>
                      <a:pt x="126" y="46"/>
                    </a:lnTo>
                    <a:lnTo>
                      <a:pt x="129" y="43"/>
                    </a:lnTo>
                    <a:lnTo>
                      <a:pt x="132" y="41"/>
                    </a:lnTo>
                    <a:lnTo>
                      <a:pt x="132" y="39"/>
                    </a:lnTo>
                    <a:lnTo>
                      <a:pt x="129" y="34"/>
                    </a:lnTo>
                    <a:lnTo>
                      <a:pt x="129" y="31"/>
                    </a:lnTo>
                    <a:lnTo>
                      <a:pt x="131" y="26"/>
                    </a:lnTo>
                    <a:lnTo>
                      <a:pt x="136" y="22"/>
                    </a:lnTo>
                    <a:lnTo>
                      <a:pt x="139" y="19"/>
                    </a:lnTo>
                    <a:lnTo>
                      <a:pt x="144" y="15"/>
                    </a:lnTo>
                    <a:lnTo>
                      <a:pt x="148" y="14"/>
                    </a:lnTo>
                    <a:lnTo>
                      <a:pt x="149" y="12"/>
                    </a:lnTo>
                    <a:lnTo>
                      <a:pt x="154" y="12"/>
                    </a:lnTo>
                    <a:lnTo>
                      <a:pt x="160" y="14"/>
                    </a:lnTo>
                    <a:lnTo>
                      <a:pt x="161" y="14"/>
                    </a:lnTo>
                    <a:lnTo>
                      <a:pt x="163" y="12"/>
                    </a:lnTo>
                    <a:lnTo>
                      <a:pt x="165" y="9"/>
                    </a:lnTo>
                    <a:lnTo>
                      <a:pt x="166" y="9"/>
                    </a:lnTo>
                    <a:lnTo>
                      <a:pt x="171" y="4"/>
                    </a:lnTo>
                    <a:lnTo>
                      <a:pt x="175" y="0"/>
                    </a:lnTo>
                    <a:lnTo>
                      <a:pt x="176" y="0"/>
                    </a:lnTo>
                    <a:lnTo>
                      <a:pt x="178" y="2"/>
                    </a:lnTo>
                    <a:lnTo>
                      <a:pt x="178" y="4"/>
                    </a:lnTo>
                    <a:lnTo>
                      <a:pt x="176" y="7"/>
                    </a:lnTo>
                    <a:lnTo>
                      <a:pt x="175" y="9"/>
                    </a:lnTo>
                    <a:lnTo>
                      <a:pt x="170" y="14"/>
                    </a:lnTo>
                    <a:lnTo>
                      <a:pt x="165" y="17"/>
                    </a:lnTo>
                    <a:lnTo>
                      <a:pt x="160" y="22"/>
                    </a:lnTo>
                    <a:lnTo>
                      <a:pt x="154" y="27"/>
                    </a:lnTo>
                    <a:lnTo>
                      <a:pt x="148" y="31"/>
                    </a:lnTo>
                    <a:lnTo>
                      <a:pt x="143" y="36"/>
                    </a:lnTo>
                    <a:lnTo>
                      <a:pt x="138" y="39"/>
                    </a:lnTo>
                    <a:lnTo>
                      <a:pt x="132" y="44"/>
                    </a:lnTo>
                    <a:lnTo>
                      <a:pt x="127" y="48"/>
                    </a:lnTo>
                    <a:lnTo>
                      <a:pt x="122" y="51"/>
                    </a:lnTo>
                    <a:lnTo>
                      <a:pt x="119" y="54"/>
                    </a:lnTo>
                    <a:lnTo>
                      <a:pt x="116" y="58"/>
                    </a:lnTo>
                    <a:lnTo>
                      <a:pt x="112" y="59"/>
                    </a:lnTo>
                    <a:lnTo>
                      <a:pt x="110" y="61"/>
                    </a:lnTo>
                    <a:lnTo>
                      <a:pt x="109" y="63"/>
                    </a:lnTo>
                    <a:lnTo>
                      <a:pt x="97" y="71"/>
                    </a:lnTo>
                    <a:lnTo>
                      <a:pt x="88" y="76"/>
                    </a:lnTo>
                    <a:lnTo>
                      <a:pt x="85" y="78"/>
                    </a:lnTo>
                    <a:lnTo>
                      <a:pt x="85" y="76"/>
                    </a:lnTo>
                    <a:lnTo>
                      <a:pt x="87" y="73"/>
                    </a:lnTo>
                    <a:lnTo>
                      <a:pt x="88" y="71"/>
                    </a:lnTo>
                    <a:lnTo>
                      <a:pt x="90" y="70"/>
                    </a:lnTo>
                    <a:lnTo>
                      <a:pt x="97" y="61"/>
                    </a:lnTo>
                    <a:lnTo>
                      <a:pt x="100" y="58"/>
                    </a:lnTo>
                    <a:lnTo>
                      <a:pt x="97" y="58"/>
                    </a:lnTo>
                    <a:lnTo>
                      <a:pt x="94" y="59"/>
                    </a:lnTo>
                    <a:lnTo>
                      <a:pt x="87" y="65"/>
                    </a:lnTo>
                    <a:lnTo>
                      <a:pt x="80" y="68"/>
                    </a:lnTo>
                    <a:lnTo>
                      <a:pt x="75" y="71"/>
                    </a:lnTo>
                    <a:lnTo>
                      <a:pt x="73" y="73"/>
                    </a:lnTo>
                    <a:lnTo>
                      <a:pt x="61" y="76"/>
                    </a:lnTo>
                    <a:lnTo>
                      <a:pt x="61" y="78"/>
                    </a:lnTo>
                    <a:lnTo>
                      <a:pt x="58" y="80"/>
                    </a:lnTo>
                    <a:lnTo>
                      <a:pt x="55" y="81"/>
                    </a:lnTo>
                    <a:lnTo>
                      <a:pt x="51" y="85"/>
                    </a:lnTo>
                    <a:lnTo>
                      <a:pt x="48" y="87"/>
                    </a:lnTo>
                    <a:lnTo>
                      <a:pt x="44" y="90"/>
                    </a:lnTo>
                    <a:lnTo>
                      <a:pt x="41" y="92"/>
                    </a:lnTo>
                    <a:lnTo>
                      <a:pt x="39" y="92"/>
                    </a:lnTo>
                    <a:lnTo>
                      <a:pt x="29" y="100"/>
                    </a:lnTo>
                    <a:lnTo>
                      <a:pt x="21" y="105"/>
                    </a:lnTo>
                    <a:lnTo>
                      <a:pt x="16" y="109"/>
                    </a:lnTo>
                    <a:lnTo>
                      <a:pt x="14" y="109"/>
                    </a:lnTo>
                    <a:lnTo>
                      <a:pt x="12" y="109"/>
                    </a:lnTo>
                    <a:lnTo>
                      <a:pt x="12" y="107"/>
                    </a:lnTo>
                    <a:lnTo>
                      <a:pt x="14" y="105"/>
                    </a:lnTo>
                    <a:lnTo>
                      <a:pt x="16" y="103"/>
                    </a:lnTo>
                    <a:lnTo>
                      <a:pt x="17" y="102"/>
                    </a:lnTo>
                    <a:lnTo>
                      <a:pt x="19" y="98"/>
                    </a:lnTo>
                    <a:lnTo>
                      <a:pt x="19" y="97"/>
                    </a:lnTo>
                    <a:lnTo>
                      <a:pt x="19" y="95"/>
                    </a:lnTo>
                    <a:lnTo>
                      <a:pt x="16" y="97"/>
                    </a:lnTo>
                    <a:lnTo>
                      <a:pt x="12" y="98"/>
                    </a:lnTo>
                    <a:lnTo>
                      <a:pt x="7" y="105"/>
                    </a:lnTo>
                    <a:close/>
                  </a:path>
                </a:pathLst>
              </a:custGeom>
              <a:solidFill>
                <a:srgbClr val="8B3102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800" name="Freeform 175"/>
              <p:cNvSpPr>
                <a:spLocks/>
              </p:cNvSpPr>
              <p:nvPr/>
            </p:nvSpPr>
            <p:spPr bwMode="auto">
              <a:xfrm>
                <a:off x="4407" y="988"/>
                <a:ext cx="591" cy="534"/>
              </a:xfrm>
              <a:custGeom>
                <a:avLst/>
                <a:gdLst>
                  <a:gd name="T0" fmla="*/ 17 w 591"/>
                  <a:gd name="T1" fmla="*/ 486 h 534"/>
                  <a:gd name="T2" fmla="*/ 54 w 591"/>
                  <a:gd name="T3" fmla="*/ 478 h 534"/>
                  <a:gd name="T4" fmla="*/ 112 w 591"/>
                  <a:gd name="T5" fmla="*/ 468 h 534"/>
                  <a:gd name="T6" fmla="*/ 181 w 591"/>
                  <a:gd name="T7" fmla="*/ 454 h 534"/>
                  <a:gd name="T8" fmla="*/ 252 w 591"/>
                  <a:gd name="T9" fmla="*/ 440 h 534"/>
                  <a:gd name="T10" fmla="*/ 317 w 591"/>
                  <a:gd name="T11" fmla="*/ 427 h 534"/>
                  <a:gd name="T12" fmla="*/ 366 w 591"/>
                  <a:gd name="T13" fmla="*/ 417 h 534"/>
                  <a:gd name="T14" fmla="*/ 391 w 591"/>
                  <a:gd name="T15" fmla="*/ 412 h 534"/>
                  <a:gd name="T16" fmla="*/ 410 w 591"/>
                  <a:gd name="T17" fmla="*/ 413 h 534"/>
                  <a:gd name="T18" fmla="*/ 418 w 591"/>
                  <a:gd name="T19" fmla="*/ 425 h 534"/>
                  <a:gd name="T20" fmla="*/ 433 w 591"/>
                  <a:gd name="T21" fmla="*/ 432 h 534"/>
                  <a:gd name="T22" fmla="*/ 437 w 591"/>
                  <a:gd name="T23" fmla="*/ 442 h 534"/>
                  <a:gd name="T24" fmla="*/ 449 w 591"/>
                  <a:gd name="T25" fmla="*/ 459 h 534"/>
                  <a:gd name="T26" fmla="*/ 459 w 591"/>
                  <a:gd name="T27" fmla="*/ 468 h 534"/>
                  <a:gd name="T28" fmla="*/ 564 w 591"/>
                  <a:gd name="T29" fmla="*/ 534 h 534"/>
                  <a:gd name="T30" fmla="*/ 591 w 591"/>
                  <a:gd name="T31" fmla="*/ 468 h 534"/>
                  <a:gd name="T32" fmla="*/ 567 w 591"/>
                  <a:gd name="T33" fmla="*/ 278 h 534"/>
                  <a:gd name="T34" fmla="*/ 564 w 591"/>
                  <a:gd name="T35" fmla="*/ 263 h 534"/>
                  <a:gd name="T36" fmla="*/ 557 w 591"/>
                  <a:gd name="T37" fmla="*/ 232 h 534"/>
                  <a:gd name="T38" fmla="*/ 552 w 591"/>
                  <a:gd name="T39" fmla="*/ 202 h 534"/>
                  <a:gd name="T40" fmla="*/ 547 w 591"/>
                  <a:gd name="T41" fmla="*/ 185 h 534"/>
                  <a:gd name="T42" fmla="*/ 537 w 591"/>
                  <a:gd name="T43" fmla="*/ 170 h 534"/>
                  <a:gd name="T44" fmla="*/ 532 w 591"/>
                  <a:gd name="T45" fmla="*/ 176 h 534"/>
                  <a:gd name="T46" fmla="*/ 510 w 591"/>
                  <a:gd name="T47" fmla="*/ 73 h 534"/>
                  <a:gd name="T48" fmla="*/ 484 w 591"/>
                  <a:gd name="T49" fmla="*/ 4 h 534"/>
                  <a:gd name="T50" fmla="*/ 452 w 591"/>
                  <a:gd name="T51" fmla="*/ 12 h 534"/>
                  <a:gd name="T52" fmla="*/ 413 w 591"/>
                  <a:gd name="T53" fmla="*/ 21 h 534"/>
                  <a:gd name="T54" fmla="*/ 389 w 591"/>
                  <a:gd name="T55" fmla="*/ 28 h 534"/>
                  <a:gd name="T56" fmla="*/ 364 w 591"/>
                  <a:gd name="T57" fmla="*/ 38 h 534"/>
                  <a:gd name="T58" fmla="*/ 335 w 591"/>
                  <a:gd name="T59" fmla="*/ 66 h 534"/>
                  <a:gd name="T60" fmla="*/ 313 w 591"/>
                  <a:gd name="T61" fmla="*/ 99 h 534"/>
                  <a:gd name="T62" fmla="*/ 305 w 591"/>
                  <a:gd name="T63" fmla="*/ 117 h 534"/>
                  <a:gd name="T64" fmla="*/ 261 w 591"/>
                  <a:gd name="T65" fmla="*/ 173 h 534"/>
                  <a:gd name="T66" fmla="*/ 278 w 591"/>
                  <a:gd name="T67" fmla="*/ 198 h 534"/>
                  <a:gd name="T68" fmla="*/ 278 w 591"/>
                  <a:gd name="T69" fmla="*/ 209 h 534"/>
                  <a:gd name="T70" fmla="*/ 285 w 591"/>
                  <a:gd name="T71" fmla="*/ 231 h 534"/>
                  <a:gd name="T72" fmla="*/ 276 w 591"/>
                  <a:gd name="T73" fmla="*/ 241 h 534"/>
                  <a:gd name="T74" fmla="*/ 252 w 591"/>
                  <a:gd name="T75" fmla="*/ 263 h 534"/>
                  <a:gd name="T76" fmla="*/ 244 w 591"/>
                  <a:gd name="T77" fmla="*/ 275 h 534"/>
                  <a:gd name="T78" fmla="*/ 230 w 591"/>
                  <a:gd name="T79" fmla="*/ 283 h 534"/>
                  <a:gd name="T80" fmla="*/ 215 w 591"/>
                  <a:gd name="T81" fmla="*/ 285 h 534"/>
                  <a:gd name="T82" fmla="*/ 191 w 591"/>
                  <a:gd name="T83" fmla="*/ 292 h 534"/>
                  <a:gd name="T84" fmla="*/ 181 w 591"/>
                  <a:gd name="T85" fmla="*/ 298 h 534"/>
                  <a:gd name="T86" fmla="*/ 158 w 591"/>
                  <a:gd name="T87" fmla="*/ 293 h 534"/>
                  <a:gd name="T88" fmla="*/ 109 w 591"/>
                  <a:gd name="T89" fmla="*/ 297 h 534"/>
                  <a:gd name="T90" fmla="*/ 70 w 591"/>
                  <a:gd name="T91" fmla="*/ 307 h 534"/>
                  <a:gd name="T92" fmla="*/ 51 w 591"/>
                  <a:gd name="T93" fmla="*/ 319 h 534"/>
                  <a:gd name="T94" fmla="*/ 44 w 591"/>
                  <a:gd name="T95" fmla="*/ 327 h 534"/>
                  <a:gd name="T96" fmla="*/ 49 w 591"/>
                  <a:gd name="T97" fmla="*/ 342 h 534"/>
                  <a:gd name="T98" fmla="*/ 59 w 591"/>
                  <a:gd name="T99" fmla="*/ 354 h 534"/>
                  <a:gd name="T100" fmla="*/ 66 w 591"/>
                  <a:gd name="T101" fmla="*/ 363 h 534"/>
                  <a:gd name="T102" fmla="*/ 66 w 591"/>
                  <a:gd name="T103" fmla="*/ 380 h 534"/>
                  <a:gd name="T104" fmla="*/ 59 w 591"/>
                  <a:gd name="T105" fmla="*/ 388 h 534"/>
                  <a:gd name="T106" fmla="*/ 31 w 591"/>
                  <a:gd name="T107" fmla="*/ 427 h 534"/>
                  <a:gd name="T108" fmla="*/ 31 w 591"/>
                  <a:gd name="T109" fmla="*/ 425 h 534"/>
                  <a:gd name="T110" fmla="*/ 9 w 591"/>
                  <a:gd name="T111" fmla="*/ 451 h 534"/>
                  <a:gd name="T112" fmla="*/ 0 w 591"/>
                  <a:gd name="T113" fmla="*/ 456 h 534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591"/>
                  <a:gd name="T172" fmla="*/ 0 h 534"/>
                  <a:gd name="T173" fmla="*/ 591 w 591"/>
                  <a:gd name="T174" fmla="*/ 534 h 534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591" h="534">
                    <a:moveTo>
                      <a:pt x="9" y="488"/>
                    </a:moveTo>
                    <a:lnTo>
                      <a:pt x="9" y="486"/>
                    </a:lnTo>
                    <a:lnTo>
                      <a:pt x="12" y="486"/>
                    </a:lnTo>
                    <a:lnTo>
                      <a:pt x="17" y="486"/>
                    </a:lnTo>
                    <a:lnTo>
                      <a:pt x="24" y="484"/>
                    </a:lnTo>
                    <a:lnTo>
                      <a:pt x="32" y="483"/>
                    </a:lnTo>
                    <a:lnTo>
                      <a:pt x="43" y="481"/>
                    </a:lnTo>
                    <a:lnTo>
                      <a:pt x="54" y="478"/>
                    </a:lnTo>
                    <a:lnTo>
                      <a:pt x="68" y="476"/>
                    </a:lnTo>
                    <a:lnTo>
                      <a:pt x="81" y="473"/>
                    </a:lnTo>
                    <a:lnTo>
                      <a:pt x="97" y="471"/>
                    </a:lnTo>
                    <a:lnTo>
                      <a:pt x="112" y="468"/>
                    </a:lnTo>
                    <a:lnTo>
                      <a:pt x="129" y="464"/>
                    </a:lnTo>
                    <a:lnTo>
                      <a:pt x="146" y="461"/>
                    </a:lnTo>
                    <a:lnTo>
                      <a:pt x="164" y="457"/>
                    </a:lnTo>
                    <a:lnTo>
                      <a:pt x="181" y="454"/>
                    </a:lnTo>
                    <a:lnTo>
                      <a:pt x="200" y="451"/>
                    </a:lnTo>
                    <a:lnTo>
                      <a:pt x="217" y="447"/>
                    </a:lnTo>
                    <a:lnTo>
                      <a:pt x="235" y="444"/>
                    </a:lnTo>
                    <a:lnTo>
                      <a:pt x="252" y="440"/>
                    </a:lnTo>
                    <a:lnTo>
                      <a:pt x="269" y="437"/>
                    </a:lnTo>
                    <a:lnTo>
                      <a:pt x="286" y="434"/>
                    </a:lnTo>
                    <a:lnTo>
                      <a:pt x="301" y="430"/>
                    </a:lnTo>
                    <a:lnTo>
                      <a:pt x="317" y="427"/>
                    </a:lnTo>
                    <a:lnTo>
                      <a:pt x="332" y="424"/>
                    </a:lnTo>
                    <a:lnTo>
                      <a:pt x="344" y="422"/>
                    </a:lnTo>
                    <a:lnTo>
                      <a:pt x="356" y="420"/>
                    </a:lnTo>
                    <a:lnTo>
                      <a:pt x="366" y="417"/>
                    </a:lnTo>
                    <a:lnTo>
                      <a:pt x="376" y="415"/>
                    </a:lnTo>
                    <a:lnTo>
                      <a:pt x="383" y="415"/>
                    </a:lnTo>
                    <a:lnTo>
                      <a:pt x="388" y="413"/>
                    </a:lnTo>
                    <a:lnTo>
                      <a:pt x="391" y="412"/>
                    </a:lnTo>
                    <a:lnTo>
                      <a:pt x="393" y="412"/>
                    </a:lnTo>
                    <a:lnTo>
                      <a:pt x="400" y="412"/>
                    </a:lnTo>
                    <a:lnTo>
                      <a:pt x="405" y="412"/>
                    </a:lnTo>
                    <a:lnTo>
                      <a:pt x="410" y="413"/>
                    </a:lnTo>
                    <a:lnTo>
                      <a:pt x="413" y="417"/>
                    </a:lnTo>
                    <a:lnTo>
                      <a:pt x="415" y="420"/>
                    </a:lnTo>
                    <a:lnTo>
                      <a:pt x="417" y="424"/>
                    </a:lnTo>
                    <a:lnTo>
                      <a:pt x="418" y="425"/>
                    </a:lnTo>
                    <a:lnTo>
                      <a:pt x="420" y="427"/>
                    </a:lnTo>
                    <a:lnTo>
                      <a:pt x="427" y="427"/>
                    </a:lnTo>
                    <a:lnTo>
                      <a:pt x="430" y="429"/>
                    </a:lnTo>
                    <a:lnTo>
                      <a:pt x="433" y="432"/>
                    </a:lnTo>
                    <a:lnTo>
                      <a:pt x="435" y="434"/>
                    </a:lnTo>
                    <a:lnTo>
                      <a:pt x="437" y="437"/>
                    </a:lnTo>
                    <a:lnTo>
                      <a:pt x="437" y="440"/>
                    </a:lnTo>
                    <a:lnTo>
                      <a:pt x="437" y="442"/>
                    </a:lnTo>
                    <a:lnTo>
                      <a:pt x="439" y="444"/>
                    </a:lnTo>
                    <a:lnTo>
                      <a:pt x="442" y="451"/>
                    </a:lnTo>
                    <a:lnTo>
                      <a:pt x="445" y="456"/>
                    </a:lnTo>
                    <a:lnTo>
                      <a:pt x="449" y="459"/>
                    </a:lnTo>
                    <a:lnTo>
                      <a:pt x="452" y="462"/>
                    </a:lnTo>
                    <a:lnTo>
                      <a:pt x="454" y="466"/>
                    </a:lnTo>
                    <a:lnTo>
                      <a:pt x="457" y="468"/>
                    </a:lnTo>
                    <a:lnTo>
                      <a:pt x="459" y="468"/>
                    </a:lnTo>
                    <a:lnTo>
                      <a:pt x="477" y="474"/>
                    </a:lnTo>
                    <a:lnTo>
                      <a:pt x="562" y="501"/>
                    </a:lnTo>
                    <a:lnTo>
                      <a:pt x="564" y="534"/>
                    </a:lnTo>
                    <a:lnTo>
                      <a:pt x="574" y="520"/>
                    </a:lnTo>
                    <a:lnTo>
                      <a:pt x="584" y="496"/>
                    </a:lnTo>
                    <a:lnTo>
                      <a:pt x="577" y="484"/>
                    </a:lnTo>
                    <a:lnTo>
                      <a:pt x="591" y="468"/>
                    </a:lnTo>
                    <a:lnTo>
                      <a:pt x="584" y="459"/>
                    </a:lnTo>
                    <a:lnTo>
                      <a:pt x="571" y="364"/>
                    </a:lnTo>
                    <a:lnTo>
                      <a:pt x="565" y="364"/>
                    </a:lnTo>
                    <a:lnTo>
                      <a:pt x="567" y="278"/>
                    </a:lnTo>
                    <a:lnTo>
                      <a:pt x="567" y="276"/>
                    </a:lnTo>
                    <a:lnTo>
                      <a:pt x="567" y="275"/>
                    </a:lnTo>
                    <a:lnTo>
                      <a:pt x="565" y="270"/>
                    </a:lnTo>
                    <a:lnTo>
                      <a:pt x="564" y="263"/>
                    </a:lnTo>
                    <a:lnTo>
                      <a:pt x="562" y="256"/>
                    </a:lnTo>
                    <a:lnTo>
                      <a:pt x="562" y="249"/>
                    </a:lnTo>
                    <a:lnTo>
                      <a:pt x="560" y="241"/>
                    </a:lnTo>
                    <a:lnTo>
                      <a:pt x="557" y="232"/>
                    </a:lnTo>
                    <a:lnTo>
                      <a:pt x="555" y="224"/>
                    </a:lnTo>
                    <a:lnTo>
                      <a:pt x="554" y="215"/>
                    </a:lnTo>
                    <a:lnTo>
                      <a:pt x="552" y="209"/>
                    </a:lnTo>
                    <a:lnTo>
                      <a:pt x="552" y="202"/>
                    </a:lnTo>
                    <a:lnTo>
                      <a:pt x="550" y="195"/>
                    </a:lnTo>
                    <a:lnTo>
                      <a:pt x="549" y="190"/>
                    </a:lnTo>
                    <a:lnTo>
                      <a:pt x="549" y="187"/>
                    </a:lnTo>
                    <a:lnTo>
                      <a:pt x="547" y="185"/>
                    </a:lnTo>
                    <a:lnTo>
                      <a:pt x="543" y="176"/>
                    </a:lnTo>
                    <a:lnTo>
                      <a:pt x="540" y="171"/>
                    </a:lnTo>
                    <a:lnTo>
                      <a:pt x="538" y="170"/>
                    </a:lnTo>
                    <a:lnTo>
                      <a:pt x="537" y="170"/>
                    </a:lnTo>
                    <a:lnTo>
                      <a:pt x="535" y="171"/>
                    </a:lnTo>
                    <a:lnTo>
                      <a:pt x="533" y="175"/>
                    </a:lnTo>
                    <a:lnTo>
                      <a:pt x="532" y="176"/>
                    </a:lnTo>
                    <a:lnTo>
                      <a:pt x="528" y="173"/>
                    </a:lnTo>
                    <a:lnTo>
                      <a:pt x="520" y="124"/>
                    </a:lnTo>
                    <a:lnTo>
                      <a:pt x="516" y="88"/>
                    </a:lnTo>
                    <a:lnTo>
                      <a:pt x="510" y="73"/>
                    </a:lnTo>
                    <a:lnTo>
                      <a:pt x="494" y="0"/>
                    </a:lnTo>
                    <a:lnTo>
                      <a:pt x="493" y="2"/>
                    </a:lnTo>
                    <a:lnTo>
                      <a:pt x="489" y="2"/>
                    </a:lnTo>
                    <a:lnTo>
                      <a:pt x="484" y="4"/>
                    </a:lnTo>
                    <a:lnTo>
                      <a:pt x="477" y="6"/>
                    </a:lnTo>
                    <a:lnTo>
                      <a:pt x="471" y="7"/>
                    </a:lnTo>
                    <a:lnTo>
                      <a:pt x="461" y="9"/>
                    </a:lnTo>
                    <a:lnTo>
                      <a:pt x="452" y="12"/>
                    </a:lnTo>
                    <a:lnTo>
                      <a:pt x="442" y="14"/>
                    </a:lnTo>
                    <a:lnTo>
                      <a:pt x="432" y="17"/>
                    </a:lnTo>
                    <a:lnTo>
                      <a:pt x="423" y="19"/>
                    </a:lnTo>
                    <a:lnTo>
                      <a:pt x="413" y="21"/>
                    </a:lnTo>
                    <a:lnTo>
                      <a:pt x="406" y="22"/>
                    </a:lnTo>
                    <a:lnTo>
                      <a:pt x="400" y="26"/>
                    </a:lnTo>
                    <a:lnTo>
                      <a:pt x="393" y="26"/>
                    </a:lnTo>
                    <a:lnTo>
                      <a:pt x="389" y="28"/>
                    </a:lnTo>
                    <a:lnTo>
                      <a:pt x="388" y="28"/>
                    </a:lnTo>
                    <a:lnTo>
                      <a:pt x="379" y="29"/>
                    </a:lnTo>
                    <a:lnTo>
                      <a:pt x="371" y="33"/>
                    </a:lnTo>
                    <a:lnTo>
                      <a:pt x="364" y="38"/>
                    </a:lnTo>
                    <a:lnTo>
                      <a:pt x="356" y="43"/>
                    </a:lnTo>
                    <a:lnTo>
                      <a:pt x="349" y="50"/>
                    </a:lnTo>
                    <a:lnTo>
                      <a:pt x="342" y="58"/>
                    </a:lnTo>
                    <a:lnTo>
                      <a:pt x="335" y="66"/>
                    </a:lnTo>
                    <a:lnTo>
                      <a:pt x="329" y="75"/>
                    </a:lnTo>
                    <a:lnTo>
                      <a:pt x="323" y="83"/>
                    </a:lnTo>
                    <a:lnTo>
                      <a:pt x="318" y="90"/>
                    </a:lnTo>
                    <a:lnTo>
                      <a:pt x="313" y="99"/>
                    </a:lnTo>
                    <a:lnTo>
                      <a:pt x="310" y="105"/>
                    </a:lnTo>
                    <a:lnTo>
                      <a:pt x="308" y="110"/>
                    </a:lnTo>
                    <a:lnTo>
                      <a:pt x="305" y="116"/>
                    </a:lnTo>
                    <a:lnTo>
                      <a:pt x="305" y="117"/>
                    </a:lnTo>
                    <a:lnTo>
                      <a:pt x="303" y="119"/>
                    </a:lnTo>
                    <a:lnTo>
                      <a:pt x="288" y="139"/>
                    </a:lnTo>
                    <a:lnTo>
                      <a:pt x="290" y="139"/>
                    </a:lnTo>
                    <a:lnTo>
                      <a:pt x="261" y="173"/>
                    </a:lnTo>
                    <a:lnTo>
                      <a:pt x="274" y="173"/>
                    </a:lnTo>
                    <a:lnTo>
                      <a:pt x="285" y="182"/>
                    </a:lnTo>
                    <a:lnTo>
                      <a:pt x="279" y="197"/>
                    </a:lnTo>
                    <a:lnTo>
                      <a:pt x="278" y="198"/>
                    </a:lnTo>
                    <a:lnTo>
                      <a:pt x="274" y="200"/>
                    </a:lnTo>
                    <a:lnTo>
                      <a:pt x="271" y="202"/>
                    </a:lnTo>
                    <a:lnTo>
                      <a:pt x="271" y="204"/>
                    </a:lnTo>
                    <a:lnTo>
                      <a:pt x="278" y="209"/>
                    </a:lnTo>
                    <a:lnTo>
                      <a:pt x="281" y="214"/>
                    </a:lnTo>
                    <a:lnTo>
                      <a:pt x="285" y="219"/>
                    </a:lnTo>
                    <a:lnTo>
                      <a:pt x="285" y="226"/>
                    </a:lnTo>
                    <a:lnTo>
                      <a:pt x="285" y="231"/>
                    </a:lnTo>
                    <a:lnTo>
                      <a:pt x="285" y="236"/>
                    </a:lnTo>
                    <a:lnTo>
                      <a:pt x="285" y="239"/>
                    </a:lnTo>
                    <a:lnTo>
                      <a:pt x="276" y="241"/>
                    </a:lnTo>
                    <a:lnTo>
                      <a:pt x="269" y="244"/>
                    </a:lnTo>
                    <a:lnTo>
                      <a:pt x="263" y="251"/>
                    </a:lnTo>
                    <a:lnTo>
                      <a:pt x="257" y="256"/>
                    </a:lnTo>
                    <a:lnTo>
                      <a:pt x="252" y="263"/>
                    </a:lnTo>
                    <a:lnTo>
                      <a:pt x="249" y="268"/>
                    </a:lnTo>
                    <a:lnTo>
                      <a:pt x="246" y="271"/>
                    </a:lnTo>
                    <a:lnTo>
                      <a:pt x="246" y="273"/>
                    </a:lnTo>
                    <a:lnTo>
                      <a:pt x="244" y="275"/>
                    </a:lnTo>
                    <a:lnTo>
                      <a:pt x="242" y="276"/>
                    </a:lnTo>
                    <a:lnTo>
                      <a:pt x="239" y="278"/>
                    </a:lnTo>
                    <a:lnTo>
                      <a:pt x="235" y="281"/>
                    </a:lnTo>
                    <a:lnTo>
                      <a:pt x="230" y="283"/>
                    </a:lnTo>
                    <a:lnTo>
                      <a:pt x="227" y="286"/>
                    </a:lnTo>
                    <a:lnTo>
                      <a:pt x="224" y="288"/>
                    </a:lnTo>
                    <a:lnTo>
                      <a:pt x="222" y="288"/>
                    </a:lnTo>
                    <a:lnTo>
                      <a:pt x="215" y="285"/>
                    </a:lnTo>
                    <a:lnTo>
                      <a:pt x="208" y="285"/>
                    </a:lnTo>
                    <a:lnTo>
                      <a:pt x="202" y="286"/>
                    </a:lnTo>
                    <a:lnTo>
                      <a:pt x="197" y="288"/>
                    </a:lnTo>
                    <a:lnTo>
                      <a:pt x="191" y="292"/>
                    </a:lnTo>
                    <a:lnTo>
                      <a:pt x="186" y="293"/>
                    </a:lnTo>
                    <a:lnTo>
                      <a:pt x="183" y="295"/>
                    </a:lnTo>
                    <a:lnTo>
                      <a:pt x="183" y="297"/>
                    </a:lnTo>
                    <a:lnTo>
                      <a:pt x="181" y="298"/>
                    </a:lnTo>
                    <a:lnTo>
                      <a:pt x="163" y="297"/>
                    </a:lnTo>
                    <a:lnTo>
                      <a:pt x="161" y="295"/>
                    </a:lnTo>
                    <a:lnTo>
                      <a:pt x="158" y="293"/>
                    </a:lnTo>
                    <a:lnTo>
                      <a:pt x="156" y="293"/>
                    </a:lnTo>
                    <a:lnTo>
                      <a:pt x="139" y="293"/>
                    </a:lnTo>
                    <a:lnTo>
                      <a:pt x="122" y="295"/>
                    </a:lnTo>
                    <a:lnTo>
                      <a:pt x="109" y="297"/>
                    </a:lnTo>
                    <a:lnTo>
                      <a:pt x="97" y="298"/>
                    </a:lnTo>
                    <a:lnTo>
                      <a:pt x="87" y="300"/>
                    </a:lnTo>
                    <a:lnTo>
                      <a:pt x="76" y="303"/>
                    </a:lnTo>
                    <a:lnTo>
                      <a:pt x="70" y="307"/>
                    </a:lnTo>
                    <a:lnTo>
                      <a:pt x="63" y="310"/>
                    </a:lnTo>
                    <a:lnTo>
                      <a:pt x="58" y="312"/>
                    </a:lnTo>
                    <a:lnTo>
                      <a:pt x="54" y="315"/>
                    </a:lnTo>
                    <a:lnTo>
                      <a:pt x="51" y="319"/>
                    </a:lnTo>
                    <a:lnTo>
                      <a:pt x="48" y="320"/>
                    </a:lnTo>
                    <a:lnTo>
                      <a:pt x="48" y="324"/>
                    </a:lnTo>
                    <a:lnTo>
                      <a:pt x="46" y="325"/>
                    </a:lnTo>
                    <a:lnTo>
                      <a:pt x="44" y="327"/>
                    </a:lnTo>
                    <a:lnTo>
                      <a:pt x="46" y="332"/>
                    </a:lnTo>
                    <a:lnTo>
                      <a:pt x="48" y="337"/>
                    </a:lnTo>
                    <a:lnTo>
                      <a:pt x="49" y="342"/>
                    </a:lnTo>
                    <a:lnTo>
                      <a:pt x="53" y="347"/>
                    </a:lnTo>
                    <a:lnTo>
                      <a:pt x="54" y="351"/>
                    </a:lnTo>
                    <a:lnTo>
                      <a:pt x="58" y="354"/>
                    </a:lnTo>
                    <a:lnTo>
                      <a:pt x="59" y="354"/>
                    </a:lnTo>
                    <a:lnTo>
                      <a:pt x="59" y="356"/>
                    </a:lnTo>
                    <a:lnTo>
                      <a:pt x="61" y="358"/>
                    </a:lnTo>
                    <a:lnTo>
                      <a:pt x="65" y="359"/>
                    </a:lnTo>
                    <a:lnTo>
                      <a:pt x="66" y="363"/>
                    </a:lnTo>
                    <a:lnTo>
                      <a:pt x="68" y="364"/>
                    </a:lnTo>
                    <a:lnTo>
                      <a:pt x="68" y="371"/>
                    </a:lnTo>
                    <a:lnTo>
                      <a:pt x="66" y="376"/>
                    </a:lnTo>
                    <a:lnTo>
                      <a:pt x="66" y="380"/>
                    </a:lnTo>
                    <a:lnTo>
                      <a:pt x="65" y="383"/>
                    </a:lnTo>
                    <a:lnTo>
                      <a:pt x="63" y="385"/>
                    </a:lnTo>
                    <a:lnTo>
                      <a:pt x="61" y="386"/>
                    </a:lnTo>
                    <a:lnTo>
                      <a:pt x="59" y="388"/>
                    </a:lnTo>
                    <a:lnTo>
                      <a:pt x="54" y="395"/>
                    </a:lnTo>
                    <a:lnTo>
                      <a:pt x="46" y="412"/>
                    </a:lnTo>
                    <a:lnTo>
                      <a:pt x="31" y="427"/>
                    </a:lnTo>
                    <a:lnTo>
                      <a:pt x="32" y="425"/>
                    </a:lnTo>
                    <a:lnTo>
                      <a:pt x="31" y="425"/>
                    </a:lnTo>
                    <a:lnTo>
                      <a:pt x="24" y="435"/>
                    </a:lnTo>
                    <a:lnTo>
                      <a:pt x="17" y="442"/>
                    </a:lnTo>
                    <a:lnTo>
                      <a:pt x="12" y="447"/>
                    </a:lnTo>
                    <a:lnTo>
                      <a:pt x="9" y="451"/>
                    </a:lnTo>
                    <a:lnTo>
                      <a:pt x="5" y="452"/>
                    </a:lnTo>
                    <a:lnTo>
                      <a:pt x="2" y="454"/>
                    </a:lnTo>
                    <a:lnTo>
                      <a:pt x="0" y="456"/>
                    </a:lnTo>
                    <a:lnTo>
                      <a:pt x="9" y="488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784" name="Freeform 176"/>
            <p:cNvSpPr>
              <a:spLocks/>
            </p:cNvSpPr>
            <p:nvPr/>
          </p:nvSpPr>
          <p:spPr bwMode="auto">
            <a:xfrm>
              <a:off x="4773" y="1315"/>
              <a:ext cx="156" cy="330"/>
            </a:xfrm>
            <a:custGeom>
              <a:avLst/>
              <a:gdLst>
                <a:gd name="T0" fmla="*/ 88 w 160"/>
                <a:gd name="T1" fmla="*/ 205 h 340"/>
                <a:gd name="T2" fmla="*/ 90 w 160"/>
                <a:gd name="T3" fmla="*/ 201 h 340"/>
                <a:gd name="T4" fmla="*/ 99 w 160"/>
                <a:gd name="T5" fmla="*/ 190 h 340"/>
                <a:gd name="T6" fmla="*/ 108 w 160"/>
                <a:gd name="T7" fmla="*/ 189 h 340"/>
                <a:gd name="T8" fmla="*/ 109 w 160"/>
                <a:gd name="T9" fmla="*/ 186 h 340"/>
                <a:gd name="T10" fmla="*/ 110 w 160"/>
                <a:gd name="T11" fmla="*/ 178 h 340"/>
                <a:gd name="T12" fmla="*/ 113 w 160"/>
                <a:gd name="T13" fmla="*/ 174 h 340"/>
                <a:gd name="T14" fmla="*/ 109 w 160"/>
                <a:gd name="T15" fmla="*/ 171 h 340"/>
                <a:gd name="T16" fmla="*/ 104 w 160"/>
                <a:gd name="T17" fmla="*/ 168 h 340"/>
                <a:gd name="T18" fmla="*/ 100 w 160"/>
                <a:gd name="T19" fmla="*/ 157 h 340"/>
                <a:gd name="T20" fmla="*/ 96 w 160"/>
                <a:gd name="T21" fmla="*/ 153 h 340"/>
                <a:gd name="T22" fmla="*/ 89 w 160"/>
                <a:gd name="T23" fmla="*/ 147 h 340"/>
                <a:gd name="T24" fmla="*/ 33 w 160"/>
                <a:gd name="T25" fmla="*/ 0 h 340"/>
                <a:gd name="T26" fmla="*/ 20 w 160"/>
                <a:gd name="T27" fmla="*/ 8 h 340"/>
                <a:gd name="T28" fmla="*/ 20 w 160"/>
                <a:gd name="T29" fmla="*/ 13 h 340"/>
                <a:gd name="T30" fmla="*/ 20 w 160"/>
                <a:gd name="T31" fmla="*/ 17 h 340"/>
                <a:gd name="T32" fmla="*/ 20 w 160"/>
                <a:gd name="T33" fmla="*/ 25 h 340"/>
                <a:gd name="T34" fmla="*/ 20 w 160"/>
                <a:gd name="T35" fmla="*/ 35 h 340"/>
                <a:gd name="T36" fmla="*/ 20 w 160"/>
                <a:gd name="T37" fmla="*/ 39 h 340"/>
                <a:gd name="T38" fmla="*/ 20 w 160"/>
                <a:gd name="T39" fmla="*/ 45 h 340"/>
                <a:gd name="T40" fmla="*/ 20 w 160"/>
                <a:gd name="T41" fmla="*/ 48 h 340"/>
                <a:gd name="T42" fmla="*/ 20 w 160"/>
                <a:gd name="T43" fmla="*/ 55 h 340"/>
                <a:gd name="T44" fmla="*/ 25 w 160"/>
                <a:gd name="T45" fmla="*/ 62 h 340"/>
                <a:gd name="T46" fmla="*/ 25 w 160"/>
                <a:gd name="T47" fmla="*/ 71 h 340"/>
                <a:gd name="T48" fmla="*/ 20 w 160"/>
                <a:gd name="T49" fmla="*/ 81 h 340"/>
                <a:gd name="T50" fmla="*/ 17 w 160"/>
                <a:gd name="T51" fmla="*/ 88 h 340"/>
                <a:gd name="T52" fmla="*/ 17 w 160"/>
                <a:gd name="T53" fmla="*/ 86 h 340"/>
                <a:gd name="T54" fmla="*/ 10 w 160"/>
                <a:gd name="T55" fmla="*/ 92 h 340"/>
                <a:gd name="T56" fmla="*/ 11 w 160"/>
                <a:gd name="T57" fmla="*/ 101 h 340"/>
                <a:gd name="T58" fmla="*/ 11 w 160"/>
                <a:gd name="T59" fmla="*/ 110 h 340"/>
                <a:gd name="T60" fmla="*/ 11 w 160"/>
                <a:gd name="T61" fmla="*/ 123 h 340"/>
                <a:gd name="T62" fmla="*/ 8 w 160"/>
                <a:gd name="T63" fmla="*/ 134 h 340"/>
                <a:gd name="T64" fmla="*/ 6 w 160"/>
                <a:gd name="T65" fmla="*/ 142 h 340"/>
                <a:gd name="T66" fmla="*/ 5 w 160"/>
                <a:gd name="T67" fmla="*/ 147 h 340"/>
                <a:gd name="T68" fmla="*/ 1 w 160"/>
                <a:gd name="T69" fmla="*/ 153 h 340"/>
                <a:gd name="T70" fmla="*/ 0 w 160"/>
                <a:gd name="T71" fmla="*/ 168 h 340"/>
                <a:gd name="T72" fmla="*/ 6 w 160"/>
                <a:gd name="T73" fmla="*/ 176 h 340"/>
                <a:gd name="T74" fmla="*/ 6 w 160"/>
                <a:gd name="T75" fmla="*/ 182 h 340"/>
                <a:gd name="T76" fmla="*/ 6 w 160"/>
                <a:gd name="T77" fmla="*/ 189 h 340"/>
                <a:gd name="T78" fmla="*/ 8 w 160"/>
                <a:gd name="T79" fmla="*/ 190 h 340"/>
                <a:gd name="T80" fmla="*/ 10 w 160"/>
                <a:gd name="T81" fmla="*/ 196 h 340"/>
                <a:gd name="T82" fmla="*/ 6 w 160"/>
                <a:gd name="T83" fmla="*/ 205 h 340"/>
                <a:gd name="T84" fmla="*/ 6 w 160"/>
                <a:gd name="T85" fmla="*/ 211 h 340"/>
                <a:gd name="T86" fmla="*/ 8 w 160"/>
                <a:gd name="T87" fmla="*/ 219 h 340"/>
                <a:gd name="T88" fmla="*/ 82 w 160"/>
                <a:gd name="T89" fmla="*/ 209 h 340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w 160"/>
                <a:gd name="T136" fmla="*/ 0 h 340"/>
                <a:gd name="T137" fmla="*/ 160 w 160"/>
                <a:gd name="T138" fmla="*/ 340 h 340"/>
              </a:gdLst>
              <a:ahLst/>
              <a:cxnLst>
                <a:cxn ang="T90">
                  <a:pos x="T0" y="T1"/>
                </a:cxn>
                <a:cxn ang="T91">
                  <a:pos x="T2" y="T3"/>
                </a:cxn>
                <a:cxn ang="T92">
                  <a:pos x="T4" y="T5"/>
                </a:cxn>
                <a:cxn ang="T93">
                  <a:pos x="T6" y="T7"/>
                </a:cxn>
                <a:cxn ang="T94">
                  <a:pos x="T8" y="T9"/>
                </a:cxn>
                <a:cxn ang="T95">
                  <a:pos x="T10" y="T11"/>
                </a:cxn>
                <a:cxn ang="T96">
                  <a:pos x="T12" y="T13"/>
                </a:cxn>
                <a:cxn ang="T97">
                  <a:pos x="T14" y="T15"/>
                </a:cxn>
                <a:cxn ang="T98">
                  <a:pos x="T16" y="T17"/>
                </a:cxn>
                <a:cxn ang="T99">
                  <a:pos x="T18" y="T19"/>
                </a:cxn>
                <a:cxn ang="T100">
                  <a:pos x="T20" y="T21"/>
                </a:cxn>
                <a:cxn ang="T101">
                  <a:pos x="T22" y="T23"/>
                </a:cxn>
                <a:cxn ang="T102">
                  <a:pos x="T24" y="T25"/>
                </a:cxn>
                <a:cxn ang="T103">
                  <a:pos x="T26" y="T27"/>
                </a:cxn>
                <a:cxn ang="T104">
                  <a:pos x="T28" y="T29"/>
                </a:cxn>
                <a:cxn ang="T105">
                  <a:pos x="T30" y="T31"/>
                </a:cxn>
                <a:cxn ang="T106">
                  <a:pos x="T32" y="T33"/>
                </a:cxn>
                <a:cxn ang="T107">
                  <a:pos x="T34" y="T35"/>
                </a:cxn>
                <a:cxn ang="T108">
                  <a:pos x="T36" y="T37"/>
                </a:cxn>
                <a:cxn ang="T109">
                  <a:pos x="T38" y="T39"/>
                </a:cxn>
                <a:cxn ang="T110">
                  <a:pos x="T40" y="T41"/>
                </a:cxn>
                <a:cxn ang="T111">
                  <a:pos x="T42" y="T43"/>
                </a:cxn>
                <a:cxn ang="T112">
                  <a:pos x="T44" y="T45"/>
                </a:cxn>
                <a:cxn ang="T113">
                  <a:pos x="T46" y="T47"/>
                </a:cxn>
                <a:cxn ang="T114">
                  <a:pos x="T48" y="T49"/>
                </a:cxn>
                <a:cxn ang="T115">
                  <a:pos x="T50" y="T51"/>
                </a:cxn>
                <a:cxn ang="T116">
                  <a:pos x="T52" y="T53"/>
                </a:cxn>
                <a:cxn ang="T117">
                  <a:pos x="T54" y="T55"/>
                </a:cxn>
                <a:cxn ang="T118">
                  <a:pos x="T56" y="T57"/>
                </a:cxn>
                <a:cxn ang="T119">
                  <a:pos x="T58" y="T59"/>
                </a:cxn>
                <a:cxn ang="T120">
                  <a:pos x="T60" y="T61"/>
                </a:cxn>
                <a:cxn ang="T121">
                  <a:pos x="T62" y="T63"/>
                </a:cxn>
                <a:cxn ang="T122">
                  <a:pos x="T64" y="T65"/>
                </a:cxn>
                <a:cxn ang="T123">
                  <a:pos x="T66" y="T67"/>
                </a:cxn>
                <a:cxn ang="T124">
                  <a:pos x="T68" y="T69"/>
                </a:cxn>
                <a:cxn ang="T125">
                  <a:pos x="T70" y="T71"/>
                </a:cxn>
                <a:cxn ang="T126">
                  <a:pos x="T72" y="T73"/>
                </a:cxn>
                <a:cxn ang="T127">
                  <a:pos x="T74" y="T75"/>
                </a:cxn>
                <a:cxn ang="T128">
                  <a:pos x="T76" y="T77"/>
                </a:cxn>
                <a:cxn ang="T129">
                  <a:pos x="T78" y="T79"/>
                </a:cxn>
                <a:cxn ang="T130">
                  <a:pos x="T80" y="T81"/>
                </a:cxn>
                <a:cxn ang="T131">
                  <a:pos x="T82" y="T83"/>
                </a:cxn>
                <a:cxn ang="T132">
                  <a:pos x="T84" y="T85"/>
                </a:cxn>
                <a:cxn ang="T133">
                  <a:pos x="T86" y="T87"/>
                </a:cxn>
                <a:cxn ang="T134">
                  <a:pos x="T88" y="T89"/>
                </a:cxn>
              </a:cxnLst>
              <a:rect l="T135" t="T136" r="T137" b="T138"/>
              <a:pathLst>
                <a:path w="160" h="340">
                  <a:moveTo>
                    <a:pt x="116" y="318"/>
                  </a:moveTo>
                  <a:lnTo>
                    <a:pt x="123" y="311"/>
                  </a:lnTo>
                  <a:lnTo>
                    <a:pt x="125" y="311"/>
                  </a:lnTo>
                  <a:lnTo>
                    <a:pt x="125" y="308"/>
                  </a:lnTo>
                  <a:lnTo>
                    <a:pt x="127" y="306"/>
                  </a:lnTo>
                  <a:lnTo>
                    <a:pt x="128" y="305"/>
                  </a:lnTo>
                  <a:lnTo>
                    <a:pt x="132" y="298"/>
                  </a:lnTo>
                  <a:lnTo>
                    <a:pt x="137" y="293"/>
                  </a:lnTo>
                  <a:lnTo>
                    <a:pt x="142" y="289"/>
                  </a:lnTo>
                  <a:lnTo>
                    <a:pt x="147" y="286"/>
                  </a:lnTo>
                  <a:lnTo>
                    <a:pt x="150" y="286"/>
                  </a:lnTo>
                  <a:lnTo>
                    <a:pt x="154" y="286"/>
                  </a:lnTo>
                  <a:lnTo>
                    <a:pt x="155" y="286"/>
                  </a:lnTo>
                  <a:lnTo>
                    <a:pt x="157" y="286"/>
                  </a:lnTo>
                  <a:lnTo>
                    <a:pt x="155" y="283"/>
                  </a:lnTo>
                  <a:lnTo>
                    <a:pt x="155" y="279"/>
                  </a:lnTo>
                  <a:lnTo>
                    <a:pt x="157" y="274"/>
                  </a:lnTo>
                  <a:lnTo>
                    <a:pt x="157" y="271"/>
                  </a:lnTo>
                  <a:lnTo>
                    <a:pt x="159" y="269"/>
                  </a:lnTo>
                  <a:lnTo>
                    <a:pt x="159" y="266"/>
                  </a:lnTo>
                  <a:lnTo>
                    <a:pt x="160" y="264"/>
                  </a:lnTo>
                  <a:lnTo>
                    <a:pt x="157" y="261"/>
                  </a:lnTo>
                  <a:lnTo>
                    <a:pt x="155" y="259"/>
                  </a:lnTo>
                  <a:lnTo>
                    <a:pt x="154" y="257"/>
                  </a:lnTo>
                  <a:lnTo>
                    <a:pt x="150" y="255"/>
                  </a:lnTo>
                  <a:lnTo>
                    <a:pt x="149" y="254"/>
                  </a:lnTo>
                  <a:lnTo>
                    <a:pt x="149" y="247"/>
                  </a:lnTo>
                  <a:lnTo>
                    <a:pt x="147" y="242"/>
                  </a:lnTo>
                  <a:lnTo>
                    <a:pt x="143" y="239"/>
                  </a:lnTo>
                  <a:lnTo>
                    <a:pt x="142" y="235"/>
                  </a:lnTo>
                  <a:lnTo>
                    <a:pt x="138" y="233"/>
                  </a:lnTo>
                  <a:lnTo>
                    <a:pt x="137" y="233"/>
                  </a:lnTo>
                  <a:lnTo>
                    <a:pt x="133" y="232"/>
                  </a:lnTo>
                  <a:lnTo>
                    <a:pt x="127" y="223"/>
                  </a:lnTo>
                  <a:lnTo>
                    <a:pt x="61" y="5"/>
                  </a:lnTo>
                  <a:lnTo>
                    <a:pt x="54" y="2"/>
                  </a:lnTo>
                  <a:lnTo>
                    <a:pt x="47" y="0"/>
                  </a:lnTo>
                  <a:lnTo>
                    <a:pt x="42" y="2"/>
                  </a:lnTo>
                  <a:lnTo>
                    <a:pt x="37" y="5"/>
                  </a:lnTo>
                  <a:lnTo>
                    <a:pt x="33" y="8"/>
                  </a:lnTo>
                  <a:lnTo>
                    <a:pt x="32" y="10"/>
                  </a:lnTo>
                  <a:lnTo>
                    <a:pt x="30" y="13"/>
                  </a:lnTo>
                  <a:lnTo>
                    <a:pt x="33" y="15"/>
                  </a:lnTo>
                  <a:lnTo>
                    <a:pt x="37" y="24"/>
                  </a:lnTo>
                  <a:lnTo>
                    <a:pt x="32" y="25"/>
                  </a:lnTo>
                  <a:lnTo>
                    <a:pt x="33" y="32"/>
                  </a:lnTo>
                  <a:lnTo>
                    <a:pt x="28" y="34"/>
                  </a:lnTo>
                  <a:lnTo>
                    <a:pt x="28" y="39"/>
                  </a:lnTo>
                  <a:lnTo>
                    <a:pt x="30" y="39"/>
                  </a:lnTo>
                  <a:lnTo>
                    <a:pt x="32" y="49"/>
                  </a:lnTo>
                  <a:lnTo>
                    <a:pt x="32" y="51"/>
                  </a:lnTo>
                  <a:lnTo>
                    <a:pt x="33" y="54"/>
                  </a:lnTo>
                  <a:lnTo>
                    <a:pt x="33" y="56"/>
                  </a:lnTo>
                  <a:lnTo>
                    <a:pt x="33" y="61"/>
                  </a:lnTo>
                  <a:lnTo>
                    <a:pt x="33" y="64"/>
                  </a:lnTo>
                  <a:lnTo>
                    <a:pt x="32" y="68"/>
                  </a:lnTo>
                  <a:lnTo>
                    <a:pt x="28" y="73"/>
                  </a:lnTo>
                  <a:lnTo>
                    <a:pt x="28" y="74"/>
                  </a:lnTo>
                  <a:lnTo>
                    <a:pt x="30" y="74"/>
                  </a:lnTo>
                  <a:lnTo>
                    <a:pt x="32" y="76"/>
                  </a:lnTo>
                  <a:lnTo>
                    <a:pt x="32" y="79"/>
                  </a:lnTo>
                  <a:lnTo>
                    <a:pt x="33" y="83"/>
                  </a:lnTo>
                  <a:lnTo>
                    <a:pt x="35" y="85"/>
                  </a:lnTo>
                  <a:lnTo>
                    <a:pt x="37" y="90"/>
                  </a:lnTo>
                  <a:lnTo>
                    <a:pt x="39" y="93"/>
                  </a:lnTo>
                  <a:lnTo>
                    <a:pt x="39" y="98"/>
                  </a:lnTo>
                  <a:lnTo>
                    <a:pt x="39" y="101"/>
                  </a:lnTo>
                  <a:lnTo>
                    <a:pt x="39" y="107"/>
                  </a:lnTo>
                  <a:lnTo>
                    <a:pt x="37" y="112"/>
                  </a:lnTo>
                  <a:lnTo>
                    <a:pt x="33" y="117"/>
                  </a:lnTo>
                  <a:lnTo>
                    <a:pt x="30" y="122"/>
                  </a:lnTo>
                  <a:lnTo>
                    <a:pt x="23" y="127"/>
                  </a:lnTo>
                  <a:lnTo>
                    <a:pt x="17" y="132"/>
                  </a:lnTo>
                  <a:lnTo>
                    <a:pt x="17" y="134"/>
                  </a:lnTo>
                  <a:lnTo>
                    <a:pt x="17" y="132"/>
                  </a:lnTo>
                  <a:lnTo>
                    <a:pt x="10" y="139"/>
                  </a:lnTo>
                  <a:lnTo>
                    <a:pt x="10" y="140"/>
                  </a:lnTo>
                  <a:lnTo>
                    <a:pt x="10" y="144"/>
                  </a:lnTo>
                  <a:lnTo>
                    <a:pt x="11" y="147"/>
                  </a:lnTo>
                  <a:lnTo>
                    <a:pt x="11" y="152"/>
                  </a:lnTo>
                  <a:lnTo>
                    <a:pt x="11" y="157"/>
                  </a:lnTo>
                  <a:lnTo>
                    <a:pt x="11" y="162"/>
                  </a:lnTo>
                  <a:lnTo>
                    <a:pt x="11" y="167"/>
                  </a:lnTo>
                  <a:lnTo>
                    <a:pt x="11" y="174"/>
                  </a:lnTo>
                  <a:lnTo>
                    <a:pt x="11" y="179"/>
                  </a:lnTo>
                  <a:lnTo>
                    <a:pt x="11" y="186"/>
                  </a:lnTo>
                  <a:lnTo>
                    <a:pt x="10" y="193"/>
                  </a:lnTo>
                  <a:lnTo>
                    <a:pt x="10" y="198"/>
                  </a:lnTo>
                  <a:lnTo>
                    <a:pt x="8" y="203"/>
                  </a:lnTo>
                  <a:lnTo>
                    <a:pt x="8" y="208"/>
                  </a:lnTo>
                  <a:lnTo>
                    <a:pt x="6" y="211"/>
                  </a:lnTo>
                  <a:lnTo>
                    <a:pt x="6" y="215"/>
                  </a:lnTo>
                  <a:lnTo>
                    <a:pt x="5" y="218"/>
                  </a:lnTo>
                  <a:lnTo>
                    <a:pt x="5" y="222"/>
                  </a:lnTo>
                  <a:lnTo>
                    <a:pt x="5" y="223"/>
                  </a:lnTo>
                  <a:lnTo>
                    <a:pt x="3" y="228"/>
                  </a:lnTo>
                  <a:lnTo>
                    <a:pt x="1" y="233"/>
                  </a:lnTo>
                  <a:lnTo>
                    <a:pt x="0" y="240"/>
                  </a:lnTo>
                  <a:lnTo>
                    <a:pt x="0" y="247"/>
                  </a:lnTo>
                  <a:lnTo>
                    <a:pt x="0" y="254"/>
                  </a:lnTo>
                  <a:lnTo>
                    <a:pt x="1" y="261"/>
                  </a:lnTo>
                  <a:lnTo>
                    <a:pt x="5" y="267"/>
                  </a:lnTo>
                  <a:lnTo>
                    <a:pt x="6" y="267"/>
                  </a:lnTo>
                  <a:lnTo>
                    <a:pt x="6" y="271"/>
                  </a:lnTo>
                  <a:lnTo>
                    <a:pt x="6" y="274"/>
                  </a:lnTo>
                  <a:lnTo>
                    <a:pt x="6" y="277"/>
                  </a:lnTo>
                  <a:lnTo>
                    <a:pt x="6" y="281"/>
                  </a:lnTo>
                  <a:lnTo>
                    <a:pt x="6" y="284"/>
                  </a:lnTo>
                  <a:lnTo>
                    <a:pt x="6" y="286"/>
                  </a:lnTo>
                  <a:lnTo>
                    <a:pt x="6" y="288"/>
                  </a:lnTo>
                  <a:lnTo>
                    <a:pt x="8" y="289"/>
                  </a:lnTo>
                  <a:lnTo>
                    <a:pt x="8" y="293"/>
                  </a:lnTo>
                  <a:lnTo>
                    <a:pt x="10" y="296"/>
                  </a:lnTo>
                  <a:lnTo>
                    <a:pt x="10" y="299"/>
                  </a:lnTo>
                  <a:lnTo>
                    <a:pt x="10" y="305"/>
                  </a:lnTo>
                  <a:lnTo>
                    <a:pt x="10" y="308"/>
                  </a:lnTo>
                  <a:lnTo>
                    <a:pt x="6" y="311"/>
                  </a:lnTo>
                  <a:lnTo>
                    <a:pt x="6" y="313"/>
                  </a:lnTo>
                  <a:lnTo>
                    <a:pt x="6" y="315"/>
                  </a:lnTo>
                  <a:lnTo>
                    <a:pt x="6" y="320"/>
                  </a:lnTo>
                  <a:lnTo>
                    <a:pt x="6" y="323"/>
                  </a:lnTo>
                  <a:lnTo>
                    <a:pt x="6" y="328"/>
                  </a:lnTo>
                  <a:lnTo>
                    <a:pt x="8" y="333"/>
                  </a:lnTo>
                  <a:lnTo>
                    <a:pt x="10" y="337"/>
                  </a:lnTo>
                  <a:lnTo>
                    <a:pt x="15" y="340"/>
                  </a:lnTo>
                  <a:lnTo>
                    <a:pt x="116" y="318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785" name="Group 177"/>
            <p:cNvGrpSpPr>
              <a:grpSpLocks/>
            </p:cNvGrpSpPr>
            <p:nvPr/>
          </p:nvGrpSpPr>
          <p:grpSpPr bwMode="auto">
            <a:xfrm>
              <a:off x="3502" y="2791"/>
              <a:ext cx="368" cy="598"/>
              <a:chOff x="3720" y="2429"/>
              <a:chExt cx="378" cy="616"/>
            </a:xfrm>
          </p:grpSpPr>
          <p:sp>
            <p:nvSpPr>
              <p:cNvPr id="797" name="Freeform 178"/>
              <p:cNvSpPr>
                <a:spLocks/>
              </p:cNvSpPr>
              <p:nvPr/>
            </p:nvSpPr>
            <p:spPr bwMode="auto">
              <a:xfrm>
                <a:off x="3720" y="2429"/>
                <a:ext cx="378" cy="616"/>
              </a:xfrm>
              <a:custGeom>
                <a:avLst/>
                <a:gdLst>
                  <a:gd name="T0" fmla="*/ 51 w 378"/>
                  <a:gd name="T1" fmla="*/ 607 h 616"/>
                  <a:gd name="T2" fmla="*/ 54 w 378"/>
                  <a:gd name="T3" fmla="*/ 592 h 616"/>
                  <a:gd name="T4" fmla="*/ 75 w 378"/>
                  <a:gd name="T5" fmla="*/ 548 h 616"/>
                  <a:gd name="T6" fmla="*/ 97 w 378"/>
                  <a:gd name="T7" fmla="*/ 605 h 616"/>
                  <a:gd name="T8" fmla="*/ 92 w 378"/>
                  <a:gd name="T9" fmla="*/ 607 h 616"/>
                  <a:gd name="T10" fmla="*/ 81 w 378"/>
                  <a:gd name="T11" fmla="*/ 611 h 616"/>
                  <a:gd name="T12" fmla="*/ 73 w 378"/>
                  <a:gd name="T13" fmla="*/ 614 h 616"/>
                  <a:gd name="T14" fmla="*/ 70 w 378"/>
                  <a:gd name="T15" fmla="*/ 616 h 616"/>
                  <a:gd name="T16" fmla="*/ 83 w 378"/>
                  <a:gd name="T17" fmla="*/ 614 h 616"/>
                  <a:gd name="T18" fmla="*/ 98 w 378"/>
                  <a:gd name="T19" fmla="*/ 611 h 616"/>
                  <a:gd name="T20" fmla="*/ 110 w 378"/>
                  <a:gd name="T21" fmla="*/ 607 h 616"/>
                  <a:gd name="T22" fmla="*/ 115 w 378"/>
                  <a:gd name="T23" fmla="*/ 607 h 616"/>
                  <a:gd name="T24" fmla="*/ 114 w 378"/>
                  <a:gd name="T25" fmla="*/ 604 h 616"/>
                  <a:gd name="T26" fmla="*/ 112 w 378"/>
                  <a:gd name="T27" fmla="*/ 600 h 616"/>
                  <a:gd name="T28" fmla="*/ 122 w 378"/>
                  <a:gd name="T29" fmla="*/ 590 h 616"/>
                  <a:gd name="T30" fmla="*/ 125 w 378"/>
                  <a:gd name="T31" fmla="*/ 585 h 616"/>
                  <a:gd name="T32" fmla="*/ 125 w 378"/>
                  <a:gd name="T33" fmla="*/ 582 h 616"/>
                  <a:gd name="T34" fmla="*/ 125 w 378"/>
                  <a:gd name="T35" fmla="*/ 582 h 616"/>
                  <a:gd name="T36" fmla="*/ 125 w 378"/>
                  <a:gd name="T37" fmla="*/ 580 h 616"/>
                  <a:gd name="T38" fmla="*/ 125 w 378"/>
                  <a:gd name="T39" fmla="*/ 577 h 616"/>
                  <a:gd name="T40" fmla="*/ 124 w 378"/>
                  <a:gd name="T41" fmla="*/ 572 h 616"/>
                  <a:gd name="T42" fmla="*/ 124 w 378"/>
                  <a:gd name="T43" fmla="*/ 570 h 616"/>
                  <a:gd name="T44" fmla="*/ 127 w 378"/>
                  <a:gd name="T45" fmla="*/ 558 h 616"/>
                  <a:gd name="T46" fmla="*/ 119 w 378"/>
                  <a:gd name="T47" fmla="*/ 548 h 616"/>
                  <a:gd name="T48" fmla="*/ 109 w 378"/>
                  <a:gd name="T49" fmla="*/ 539 h 616"/>
                  <a:gd name="T50" fmla="*/ 103 w 378"/>
                  <a:gd name="T51" fmla="*/ 538 h 616"/>
                  <a:gd name="T52" fmla="*/ 378 w 378"/>
                  <a:gd name="T53" fmla="*/ 489 h 616"/>
                  <a:gd name="T54" fmla="*/ 361 w 378"/>
                  <a:gd name="T55" fmla="*/ 455 h 616"/>
                  <a:gd name="T56" fmla="*/ 361 w 378"/>
                  <a:gd name="T57" fmla="*/ 445 h 616"/>
                  <a:gd name="T58" fmla="*/ 361 w 378"/>
                  <a:gd name="T59" fmla="*/ 431 h 616"/>
                  <a:gd name="T60" fmla="*/ 359 w 378"/>
                  <a:gd name="T61" fmla="*/ 421 h 616"/>
                  <a:gd name="T62" fmla="*/ 354 w 378"/>
                  <a:gd name="T63" fmla="*/ 413 h 616"/>
                  <a:gd name="T64" fmla="*/ 349 w 378"/>
                  <a:gd name="T65" fmla="*/ 399 h 616"/>
                  <a:gd name="T66" fmla="*/ 349 w 378"/>
                  <a:gd name="T67" fmla="*/ 385 h 616"/>
                  <a:gd name="T68" fmla="*/ 351 w 378"/>
                  <a:gd name="T69" fmla="*/ 377 h 616"/>
                  <a:gd name="T70" fmla="*/ 351 w 378"/>
                  <a:gd name="T71" fmla="*/ 367 h 616"/>
                  <a:gd name="T72" fmla="*/ 351 w 378"/>
                  <a:gd name="T73" fmla="*/ 355 h 616"/>
                  <a:gd name="T74" fmla="*/ 352 w 378"/>
                  <a:gd name="T75" fmla="*/ 348 h 616"/>
                  <a:gd name="T76" fmla="*/ 354 w 378"/>
                  <a:gd name="T77" fmla="*/ 345 h 616"/>
                  <a:gd name="T78" fmla="*/ 361 w 378"/>
                  <a:gd name="T79" fmla="*/ 336 h 616"/>
                  <a:gd name="T80" fmla="*/ 364 w 378"/>
                  <a:gd name="T81" fmla="*/ 328 h 616"/>
                  <a:gd name="T82" fmla="*/ 361 w 378"/>
                  <a:gd name="T83" fmla="*/ 323 h 616"/>
                  <a:gd name="T84" fmla="*/ 357 w 378"/>
                  <a:gd name="T85" fmla="*/ 321 h 616"/>
                  <a:gd name="T86" fmla="*/ 356 w 378"/>
                  <a:gd name="T87" fmla="*/ 314 h 616"/>
                  <a:gd name="T88" fmla="*/ 352 w 378"/>
                  <a:gd name="T89" fmla="*/ 304 h 616"/>
                  <a:gd name="T90" fmla="*/ 349 w 378"/>
                  <a:gd name="T91" fmla="*/ 297 h 616"/>
                  <a:gd name="T92" fmla="*/ 347 w 378"/>
                  <a:gd name="T93" fmla="*/ 296 h 616"/>
                  <a:gd name="T94" fmla="*/ 329 w 378"/>
                  <a:gd name="T95" fmla="*/ 257 h 616"/>
                  <a:gd name="T96" fmla="*/ 257 w 378"/>
                  <a:gd name="T97" fmla="*/ 0 h 616"/>
                  <a:gd name="T98" fmla="*/ 0 w 378"/>
                  <a:gd name="T99" fmla="*/ 414 h 616"/>
                  <a:gd name="T100" fmla="*/ 44 w 378"/>
                  <a:gd name="T101" fmla="*/ 599 h 61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w 378"/>
                  <a:gd name="T154" fmla="*/ 0 h 616"/>
                  <a:gd name="T155" fmla="*/ 378 w 378"/>
                  <a:gd name="T156" fmla="*/ 616 h 616"/>
                </a:gdLst>
                <a:ahLst/>
                <a:cxnLst>
                  <a:cxn ang="T102">
                    <a:pos x="T0" y="T1"/>
                  </a:cxn>
                  <a:cxn ang="T103">
                    <a:pos x="T2" y="T3"/>
                  </a:cxn>
                  <a:cxn ang="T104">
                    <a:pos x="T4" y="T5"/>
                  </a:cxn>
                  <a:cxn ang="T105">
                    <a:pos x="T6" y="T7"/>
                  </a:cxn>
                  <a:cxn ang="T106">
                    <a:pos x="T8" y="T9"/>
                  </a:cxn>
                  <a:cxn ang="T107">
                    <a:pos x="T10" y="T11"/>
                  </a:cxn>
                  <a:cxn ang="T108">
                    <a:pos x="T12" y="T13"/>
                  </a:cxn>
                  <a:cxn ang="T109">
                    <a:pos x="T14" y="T15"/>
                  </a:cxn>
                  <a:cxn ang="T110">
                    <a:pos x="T16" y="T17"/>
                  </a:cxn>
                  <a:cxn ang="T111">
                    <a:pos x="T18" y="T19"/>
                  </a:cxn>
                  <a:cxn ang="T112">
                    <a:pos x="T20" y="T21"/>
                  </a:cxn>
                  <a:cxn ang="T113">
                    <a:pos x="T22" y="T23"/>
                  </a:cxn>
                  <a:cxn ang="T114">
                    <a:pos x="T24" y="T25"/>
                  </a:cxn>
                  <a:cxn ang="T115">
                    <a:pos x="T26" y="T27"/>
                  </a:cxn>
                  <a:cxn ang="T116">
                    <a:pos x="T28" y="T29"/>
                  </a:cxn>
                  <a:cxn ang="T117">
                    <a:pos x="T30" y="T31"/>
                  </a:cxn>
                  <a:cxn ang="T118">
                    <a:pos x="T32" y="T33"/>
                  </a:cxn>
                  <a:cxn ang="T119">
                    <a:pos x="T34" y="T35"/>
                  </a:cxn>
                  <a:cxn ang="T120">
                    <a:pos x="T36" y="T37"/>
                  </a:cxn>
                  <a:cxn ang="T121">
                    <a:pos x="T38" y="T39"/>
                  </a:cxn>
                  <a:cxn ang="T122">
                    <a:pos x="T40" y="T41"/>
                  </a:cxn>
                  <a:cxn ang="T123">
                    <a:pos x="T42" y="T43"/>
                  </a:cxn>
                  <a:cxn ang="T124">
                    <a:pos x="T44" y="T45"/>
                  </a:cxn>
                  <a:cxn ang="T125">
                    <a:pos x="T46" y="T47"/>
                  </a:cxn>
                  <a:cxn ang="T126">
                    <a:pos x="T48" y="T49"/>
                  </a:cxn>
                  <a:cxn ang="T127">
                    <a:pos x="T50" y="T51"/>
                  </a:cxn>
                  <a:cxn ang="T128">
                    <a:pos x="T52" y="T53"/>
                  </a:cxn>
                  <a:cxn ang="T129">
                    <a:pos x="T54" y="T55"/>
                  </a:cxn>
                  <a:cxn ang="T130">
                    <a:pos x="T56" y="T57"/>
                  </a:cxn>
                  <a:cxn ang="T131">
                    <a:pos x="T58" y="T59"/>
                  </a:cxn>
                  <a:cxn ang="T132">
                    <a:pos x="T60" y="T61"/>
                  </a:cxn>
                  <a:cxn ang="T133">
                    <a:pos x="T62" y="T63"/>
                  </a:cxn>
                  <a:cxn ang="T134">
                    <a:pos x="T64" y="T65"/>
                  </a:cxn>
                  <a:cxn ang="T135">
                    <a:pos x="T66" y="T67"/>
                  </a:cxn>
                  <a:cxn ang="T136">
                    <a:pos x="T68" y="T69"/>
                  </a:cxn>
                  <a:cxn ang="T137">
                    <a:pos x="T70" y="T71"/>
                  </a:cxn>
                  <a:cxn ang="T138">
                    <a:pos x="T72" y="T73"/>
                  </a:cxn>
                  <a:cxn ang="T139">
                    <a:pos x="T74" y="T75"/>
                  </a:cxn>
                  <a:cxn ang="T140">
                    <a:pos x="T76" y="T77"/>
                  </a:cxn>
                  <a:cxn ang="T141">
                    <a:pos x="T78" y="T79"/>
                  </a:cxn>
                  <a:cxn ang="T142">
                    <a:pos x="T80" y="T81"/>
                  </a:cxn>
                  <a:cxn ang="T143">
                    <a:pos x="T82" y="T83"/>
                  </a:cxn>
                  <a:cxn ang="T144">
                    <a:pos x="T84" y="T85"/>
                  </a:cxn>
                  <a:cxn ang="T145">
                    <a:pos x="T86" y="T87"/>
                  </a:cxn>
                  <a:cxn ang="T146">
                    <a:pos x="T88" y="T89"/>
                  </a:cxn>
                  <a:cxn ang="T147">
                    <a:pos x="T90" y="T91"/>
                  </a:cxn>
                  <a:cxn ang="T148">
                    <a:pos x="T92" y="T93"/>
                  </a:cxn>
                  <a:cxn ang="T149">
                    <a:pos x="T94" y="T95"/>
                  </a:cxn>
                  <a:cxn ang="T150">
                    <a:pos x="T96" y="T97"/>
                  </a:cxn>
                  <a:cxn ang="T151">
                    <a:pos x="T98" y="T99"/>
                  </a:cxn>
                  <a:cxn ang="T152">
                    <a:pos x="T100" y="T101"/>
                  </a:cxn>
                </a:cxnLst>
                <a:rect l="T153" t="T154" r="T155" b="T156"/>
                <a:pathLst>
                  <a:path w="378" h="616">
                    <a:moveTo>
                      <a:pt x="44" y="599"/>
                    </a:moveTo>
                    <a:lnTo>
                      <a:pt x="51" y="607"/>
                    </a:lnTo>
                    <a:lnTo>
                      <a:pt x="58" y="600"/>
                    </a:lnTo>
                    <a:lnTo>
                      <a:pt x="54" y="592"/>
                    </a:lnTo>
                    <a:lnTo>
                      <a:pt x="61" y="550"/>
                    </a:lnTo>
                    <a:lnTo>
                      <a:pt x="75" y="548"/>
                    </a:lnTo>
                    <a:lnTo>
                      <a:pt x="73" y="587"/>
                    </a:lnTo>
                    <a:lnTo>
                      <a:pt x="97" y="605"/>
                    </a:lnTo>
                    <a:lnTo>
                      <a:pt x="95" y="605"/>
                    </a:lnTo>
                    <a:lnTo>
                      <a:pt x="92" y="607"/>
                    </a:lnTo>
                    <a:lnTo>
                      <a:pt x="87" y="609"/>
                    </a:lnTo>
                    <a:lnTo>
                      <a:pt x="81" y="611"/>
                    </a:lnTo>
                    <a:lnTo>
                      <a:pt x="76" y="612"/>
                    </a:lnTo>
                    <a:lnTo>
                      <a:pt x="73" y="614"/>
                    </a:lnTo>
                    <a:lnTo>
                      <a:pt x="70" y="616"/>
                    </a:lnTo>
                    <a:lnTo>
                      <a:pt x="76" y="616"/>
                    </a:lnTo>
                    <a:lnTo>
                      <a:pt x="83" y="614"/>
                    </a:lnTo>
                    <a:lnTo>
                      <a:pt x="92" y="612"/>
                    </a:lnTo>
                    <a:lnTo>
                      <a:pt x="98" y="611"/>
                    </a:lnTo>
                    <a:lnTo>
                      <a:pt x="105" y="609"/>
                    </a:lnTo>
                    <a:lnTo>
                      <a:pt x="110" y="607"/>
                    </a:lnTo>
                    <a:lnTo>
                      <a:pt x="114" y="607"/>
                    </a:lnTo>
                    <a:lnTo>
                      <a:pt x="115" y="607"/>
                    </a:lnTo>
                    <a:lnTo>
                      <a:pt x="115" y="605"/>
                    </a:lnTo>
                    <a:lnTo>
                      <a:pt x="114" y="604"/>
                    </a:lnTo>
                    <a:lnTo>
                      <a:pt x="112" y="602"/>
                    </a:lnTo>
                    <a:lnTo>
                      <a:pt x="112" y="600"/>
                    </a:lnTo>
                    <a:lnTo>
                      <a:pt x="117" y="595"/>
                    </a:lnTo>
                    <a:lnTo>
                      <a:pt x="122" y="590"/>
                    </a:lnTo>
                    <a:lnTo>
                      <a:pt x="124" y="587"/>
                    </a:lnTo>
                    <a:lnTo>
                      <a:pt x="125" y="585"/>
                    </a:lnTo>
                    <a:lnTo>
                      <a:pt x="125" y="583"/>
                    </a:lnTo>
                    <a:lnTo>
                      <a:pt x="125" y="582"/>
                    </a:lnTo>
                    <a:lnTo>
                      <a:pt x="125" y="580"/>
                    </a:lnTo>
                    <a:lnTo>
                      <a:pt x="125" y="578"/>
                    </a:lnTo>
                    <a:lnTo>
                      <a:pt x="125" y="577"/>
                    </a:lnTo>
                    <a:lnTo>
                      <a:pt x="124" y="573"/>
                    </a:lnTo>
                    <a:lnTo>
                      <a:pt x="124" y="572"/>
                    </a:lnTo>
                    <a:lnTo>
                      <a:pt x="124" y="570"/>
                    </a:lnTo>
                    <a:lnTo>
                      <a:pt x="127" y="565"/>
                    </a:lnTo>
                    <a:lnTo>
                      <a:pt x="127" y="558"/>
                    </a:lnTo>
                    <a:lnTo>
                      <a:pt x="124" y="553"/>
                    </a:lnTo>
                    <a:lnTo>
                      <a:pt x="119" y="548"/>
                    </a:lnTo>
                    <a:lnTo>
                      <a:pt x="114" y="545"/>
                    </a:lnTo>
                    <a:lnTo>
                      <a:pt x="109" y="539"/>
                    </a:lnTo>
                    <a:lnTo>
                      <a:pt x="105" y="538"/>
                    </a:lnTo>
                    <a:lnTo>
                      <a:pt x="103" y="538"/>
                    </a:lnTo>
                    <a:lnTo>
                      <a:pt x="102" y="516"/>
                    </a:lnTo>
                    <a:lnTo>
                      <a:pt x="378" y="489"/>
                    </a:lnTo>
                    <a:lnTo>
                      <a:pt x="361" y="457"/>
                    </a:lnTo>
                    <a:lnTo>
                      <a:pt x="361" y="455"/>
                    </a:lnTo>
                    <a:lnTo>
                      <a:pt x="361" y="450"/>
                    </a:lnTo>
                    <a:lnTo>
                      <a:pt x="361" y="445"/>
                    </a:lnTo>
                    <a:lnTo>
                      <a:pt x="361" y="438"/>
                    </a:lnTo>
                    <a:lnTo>
                      <a:pt x="361" y="431"/>
                    </a:lnTo>
                    <a:lnTo>
                      <a:pt x="359" y="424"/>
                    </a:lnTo>
                    <a:lnTo>
                      <a:pt x="359" y="421"/>
                    </a:lnTo>
                    <a:lnTo>
                      <a:pt x="359" y="418"/>
                    </a:lnTo>
                    <a:lnTo>
                      <a:pt x="354" y="413"/>
                    </a:lnTo>
                    <a:lnTo>
                      <a:pt x="351" y="406"/>
                    </a:lnTo>
                    <a:lnTo>
                      <a:pt x="349" y="399"/>
                    </a:lnTo>
                    <a:lnTo>
                      <a:pt x="349" y="391"/>
                    </a:lnTo>
                    <a:lnTo>
                      <a:pt x="349" y="385"/>
                    </a:lnTo>
                    <a:lnTo>
                      <a:pt x="349" y="380"/>
                    </a:lnTo>
                    <a:lnTo>
                      <a:pt x="351" y="377"/>
                    </a:lnTo>
                    <a:lnTo>
                      <a:pt x="351" y="374"/>
                    </a:lnTo>
                    <a:lnTo>
                      <a:pt x="351" y="367"/>
                    </a:lnTo>
                    <a:lnTo>
                      <a:pt x="351" y="360"/>
                    </a:lnTo>
                    <a:lnTo>
                      <a:pt x="351" y="355"/>
                    </a:lnTo>
                    <a:lnTo>
                      <a:pt x="352" y="350"/>
                    </a:lnTo>
                    <a:lnTo>
                      <a:pt x="352" y="348"/>
                    </a:lnTo>
                    <a:lnTo>
                      <a:pt x="352" y="345"/>
                    </a:lnTo>
                    <a:lnTo>
                      <a:pt x="354" y="345"/>
                    </a:lnTo>
                    <a:lnTo>
                      <a:pt x="354" y="343"/>
                    </a:lnTo>
                    <a:lnTo>
                      <a:pt x="361" y="336"/>
                    </a:lnTo>
                    <a:lnTo>
                      <a:pt x="364" y="331"/>
                    </a:lnTo>
                    <a:lnTo>
                      <a:pt x="364" y="328"/>
                    </a:lnTo>
                    <a:lnTo>
                      <a:pt x="364" y="325"/>
                    </a:lnTo>
                    <a:lnTo>
                      <a:pt x="361" y="323"/>
                    </a:lnTo>
                    <a:lnTo>
                      <a:pt x="359" y="323"/>
                    </a:lnTo>
                    <a:lnTo>
                      <a:pt x="357" y="321"/>
                    </a:lnTo>
                    <a:lnTo>
                      <a:pt x="356" y="319"/>
                    </a:lnTo>
                    <a:lnTo>
                      <a:pt x="356" y="314"/>
                    </a:lnTo>
                    <a:lnTo>
                      <a:pt x="356" y="308"/>
                    </a:lnTo>
                    <a:lnTo>
                      <a:pt x="352" y="304"/>
                    </a:lnTo>
                    <a:lnTo>
                      <a:pt x="351" y="301"/>
                    </a:lnTo>
                    <a:lnTo>
                      <a:pt x="349" y="297"/>
                    </a:lnTo>
                    <a:lnTo>
                      <a:pt x="347" y="296"/>
                    </a:lnTo>
                    <a:lnTo>
                      <a:pt x="345" y="294"/>
                    </a:lnTo>
                    <a:lnTo>
                      <a:pt x="329" y="257"/>
                    </a:lnTo>
                    <a:lnTo>
                      <a:pt x="256" y="0"/>
                    </a:lnTo>
                    <a:lnTo>
                      <a:pt x="257" y="0"/>
                    </a:lnTo>
                    <a:lnTo>
                      <a:pt x="5" y="22"/>
                    </a:lnTo>
                    <a:lnTo>
                      <a:pt x="0" y="414"/>
                    </a:lnTo>
                    <a:lnTo>
                      <a:pt x="24" y="599"/>
                    </a:lnTo>
                    <a:lnTo>
                      <a:pt x="44" y="59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798" name="Freeform 179"/>
              <p:cNvSpPr>
                <a:spLocks/>
              </p:cNvSpPr>
              <p:nvPr/>
            </p:nvSpPr>
            <p:spPr bwMode="auto">
              <a:xfrm>
                <a:off x="3720" y="2429"/>
                <a:ext cx="378" cy="616"/>
              </a:xfrm>
              <a:custGeom>
                <a:avLst/>
                <a:gdLst>
                  <a:gd name="T0" fmla="*/ 51 w 378"/>
                  <a:gd name="T1" fmla="*/ 607 h 616"/>
                  <a:gd name="T2" fmla="*/ 54 w 378"/>
                  <a:gd name="T3" fmla="*/ 592 h 616"/>
                  <a:gd name="T4" fmla="*/ 75 w 378"/>
                  <a:gd name="T5" fmla="*/ 548 h 616"/>
                  <a:gd name="T6" fmla="*/ 97 w 378"/>
                  <a:gd name="T7" fmla="*/ 605 h 616"/>
                  <a:gd name="T8" fmla="*/ 95 w 378"/>
                  <a:gd name="T9" fmla="*/ 605 h 616"/>
                  <a:gd name="T10" fmla="*/ 87 w 378"/>
                  <a:gd name="T11" fmla="*/ 609 h 616"/>
                  <a:gd name="T12" fmla="*/ 76 w 378"/>
                  <a:gd name="T13" fmla="*/ 612 h 616"/>
                  <a:gd name="T14" fmla="*/ 70 w 378"/>
                  <a:gd name="T15" fmla="*/ 616 h 616"/>
                  <a:gd name="T16" fmla="*/ 70 w 378"/>
                  <a:gd name="T17" fmla="*/ 616 h 616"/>
                  <a:gd name="T18" fmla="*/ 83 w 378"/>
                  <a:gd name="T19" fmla="*/ 614 h 616"/>
                  <a:gd name="T20" fmla="*/ 98 w 378"/>
                  <a:gd name="T21" fmla="*/ 611 h 616"/>
                  <a:gd name="T22" fmla="*/ 110 w 378"/>
                  <a:gd name="T23" fmla="*/ 607 h 616"/>
                  <a:gd name="T24" fmla="*/ 115 w 378"/>
                  <a:gd name="T25" fmla="*/ 607 h 616"/>
                  <a:gd name="T26" fmla="*/ 115 w 378"/>
                  <a:gd name="T27" fmla="*/ 605 h 616"/>
                  <a:gd name="T28" fmla="*/ 112 w 378"/>
                  <a:gd name="T29" fmla="*/ 602 h 616"/>
                  <a:gd name="T30" fmla="*/ 112 w 378"/>
                  <a:gd name="T31" fmla="*/ 600 h 616"/>
                  <a:gd name="T32" fmla="*/ 122 w 378"/>
                  <a:gd name="T33" fmla="*/ 590 h 616"/>
                  <a:gd name="T34" fmla="*/ 125 w 378"/>
                  <a:gd name="T35" fmla="*/ 585 h 616"/>
                  <a:gd name="T36" fmla="*/ 125 w 378"/>
                  <a:gd name="T37" fmla="*/ 582 h 616"/>
                  <a:gd name="T38" fmla="*/ 125 w 378"/>
                  <a:gd name="T39" fmla="*/ 582 h 616"/>
                  <a:gd name="T40" fmla="*/ 125 w 378"/>
                  <a:gd name="T41" fmla="*/ 582 h 616"/>
                  <a:gd name="T42" fmla="*/ 125 w 378"/>
                  <a:gd name="T43" fmla="*/ 578 h 616"/>
                  <a:gd name="T44" fmla="*/ 124 w 378"/>
                  <a:gd name="T45" fmla="*/ 573 h 616"/>
                  <a:gd name="T46" fmla="*/ 124 w 378"/>
                  <a:gd name="T47" fmla="*/ 570 h 616"/>
                  <a:gd name="T48" fmla="*/ 124 w 378"/>
                  <a:gd name="T49" fmla="*/ 570 h 616"/>
                  <a:gd name="T50" fmla="*/ 127 w 378"/>
                  <a:gd name="T51" fmla="*/ 558 h 616"/>
                  <a:gd name="T52" fmla="*/ 119 w 378"/>
                  <a:gd name="T53" fmla="*/ 548 h 616"/>
                  <a:gd name="T54" fmla="*/ 109 w 378"/>
                  <a:gd name="T55" fmla="*/ 539 h 616"/>
                  <a:gd name="T56" fmla="*/ 103 w 378"/>
                  <a:gd name="T57" fmla="*/ 538 h 616"/>
                  <a:gd name="T58" fmla="*/ 378 w 378"/>
                  <a:gd name="T59" fmla="*/ 489 h 616"/>
                  <a:gd name="T60" fmla="*/ 361 w 378"/>
                  <a:gd name="T61" fmla="*/ 457 h 616"/>
                  <a:gd name="T62" fmla="*/ 361 w 378"/>
                  <a:gd name="T63" fmla="*/ 450 h 616"/>
                  <a:gd name="T64" fmla="*/ 361 w 378"/>
                  <a:gd name="T65" fmla="*/ 438 h 616"/>
                  <a:gd name="T66" fmla="*/ 359 w 378"/>
                  <a:gd name="T67" fmla="*/ 424 h 616"/>
                  <a:gd name="T68" fmla="*/ 359 w 378"/>
                  <a:gd name="T69" fmla="*/ 418 h 616"/>
                  <a:gd name="T70" fmla="*/ 354 w 378"/>
                  <a:gd name="T71" fmla="*/ 413 h 616"/>
                  <a:gd name="T72" fmla="*/ 349 w 378"/>
                  <a:gd name="T73" fmla="*/ 399 h 616"/>
                  <a:gd name="T74" fmla="*/ 349 w 378"/>
                  <a:gd name="T75" fmla="*/ 385 h 616"/>
                  <a:gd name="T76" fmla="*/ 351 w 378"/>
                  <a:gd name="T77" fmla="*/ 377 h 616"/>
                  <a:gd name="T78" fmla="*/ 351 w 378"/>
                  <a:gd name="T79" fmla="*/ 374 h 616"/>
                  <a:gd name="T80" fmla="*/ 351 w 378"/>
                  <a:gd name="T81" fmla="*/ 360 h 616"/>
                  <a:gd name="T82" fmla="*/ 352 w 378"/>
                  <a:gd name="T83" fmla="*/ 350 h 616"/>
                  <a:gd name="T84" fmla="*/ 352 w 378"/>
                  <a:gd name="T85" fmla="*/ 345 h 616"/>
                  <a:gd name="T86" fmla="*/ 354 w 378"/>
                  <a:gd name="T87" fmla="*/ 343 h 616"/>
                  <a:gd name="T88" fmla="*/ 361 w 378"/>
                  <a:gd name="T89" fmla="*/ 336 h 616"/>
                  <a:gd name="T90" fmla="*/ 364 w 378"/>
                  <a:gd name="T91" fmla="*/ 328 h 616"/>
                  <a:gd name="T92" fmla="*/ 361 w 378"/>
                  <a:gd name="T93" fmla="*/ 323 h 616"/>
                  <a:gd name="T94" fmla="*/ 357 w 378"/>
                  <a:gd name="T95" fmla="*/ 321 h 616"/>
                  <a:gd name="T96" fmla="*/ 356 w 378"/>
                  <a:gd name="T97" fmla="*/ 319 h 616"/>
                  <a:gd name="T98" fmla="*/ 356 w 378"/>
                  <a:gd name="T99" fmla="*/ 308 h 616"/>
                  <a:gd name="T100" fmla="*/ 351 w 378"/>
                  <a:gd name="T101" fmla="*/ 301 h 616"/>
                  <a:gd name="T102" fmla="*/ 347 w 378"/>
                  <a:gd name="T103" fmla="*/ 296 h 616"/>
                  <a:gd name="T104" fmla="*/ 345 w 378"/>
                  <a:gd name="T105" fmla="*/ 294 h 616"/>
                  <a:gd name="T106" fmla="*/ 256 w 378"/>
                  <a:gd name="T107" fmla="*/ 0 h 616"/>
                  <a:gd name="T108" fmla="*/ 5 w 378"/>
                  <a:gd name="T109" fmla="*/ 22 h 616"/>
                  <a:gd name="T110" fmla="*/ 24 w 378"/>
                  <a:gd name="T111" fmla="*/ 599 h 61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378"/>
                  <a:gd name="T169" fmla="*/ 0 h 616"/>
                  <a:gd name="T170" fmla="*/ 378 w 378"/>
                  <a:gd name="T171" fmla="*/ 616 h 616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378" h="616">
                    <a:moveTo>
                      <a:pt x="44" y="599"/>
                    </a:moveTo>
                    <a:lnTo>
                      <a:pt x="51" y="607"/>
                    </a:lnTo>
                    <a:lnTo>
                      <a:pt x="58" y="600"/>
                    </a:lnTo>
                    <a:lnTo>
                      <a:pt x="54" y="592"/>
                    </a:lnTo>
                    <a:lnTo>
                      <a:pt x="61" y="550"/>
                    </a:lnTo>
                    <a:lnTo>
                      <a:pt x="75" y="548"/>
                    </a:lnTo>
                    <a:lnTo>
                      <a:pt x="73" y="587"/>
                    </a:lnTo>
                    <a:lnTo>
                      <a:pt x="97" y="605"/>
                    </a:lnTo>
                    <a:lnTo>
                      <a:pt x="95" y="605"/>
                    </a:lnTo>
                    <a:lnTo>
                      <a:pt x="92" y="607"/>
                    </a:lnTo>
                    <a:lnTo>
                      <a:pt x="87" y="609"/>
                    </a:lnTo>
                    <a:lnTo>
                      <a:pt x="81" y="611"/>
                    </a:lnTo>
                    <a:lnTo>
                      <a:pt x="76" y="612"/>
                    </a:lnTo>
                    <a:lnTo>
                      <a:pt x="73" y="614"/>
                    </a:lnTo>
                    <a:lnTo>
                      <a:pt x="70" y="616"/>
                    </a:lnTo>
                    <a:lnTo>
                      <a:pt x="76" y="616"/>
                    </a:lnTo>
                    <a:lnTo>
                      <a:pt x="83" y="614"/>
                    </a:lnTo>
                    <a:lnTo>
                      <a:pt x="92" y="612"/>
                    </a:lnTo>
                    <a:lnTo>
                      <a:pt x="98" y="611"/>
                    </a:lnTo>
                    <a:lnTo>
                      <a:pt x="105" y="609"/>
                    </a:lnTo>
                    <a:lnTo>
                      <a:pt x="110" y="607"/>
                    </a:lnTo>
                    <a:lnTo>
                      <a:pt x="114" y="607"/>
                    </a:lnTo>
                    <a:lnTo>
                      <a:pt x="115" y="607"/>
                    </a:lnTo>
                    <a:lnTo>
                      <a:pt x="115" y="605"/>
                    </a:lnTo>
                    <a:lnTo>
                      <a:pt x="114" y="604"/>
                    </a:lnTo>
                    <a:lnTo>
                      <a:pt x="112" y="602"/>
                    </a:lnTo>
                    <a:lnTo>
                      <a:pt x="112" y="600"/>
                    </a:lnTo>
                    <a:lnTo>
                      <a:pt x="117" y="595"/>
                    </a:lnTo>
                    <a:lnTo>
                      <a:pt x="122" y="590"/>
                    </a:lnTo>
                    <a:lnTo>
                      <a:pt x="124" y="587"/>
                    </a:lnTo>
                    <a:lnTo>
                      <a:pt x="125" y="585"/>
                    </a:lnTo>
                    <a:lnTo>
                      <a:pt x="125" y="583"/>
                    </a:lnTo>
                    <a:lnTo>
                      <a:pt x="125" y="582"/>
                    </a:lnTo>
                    <a:lnTo>
                      <a:pt x="125" y="580"/>
                    </a:lnTo>
                    <a:lnTo>
                      <a:pt x="125" y="578"/>
                    </a:lnTo>
                    <a:lnTo>
                      <a:pt x="125" y="577"/>
                    </a:lnTo>
                    <a:lnTo>
                      <a:pt x="124" y="573"/>
                    </a:lnTo>
                    <a:lnTo>
                      <a:pt x="124" y="572"/>
                    </a:lnTo>
                    <a:lnTo>
                      <a:pt x="124" y="570"/>
                    </a:lnTo>
                    <a:lnTo>
                      <a:pt x="127" y="565"/>
                    </a:lnTo>
                    <a:lnTo>
                      <a:pt x="127" y="558"/>
                    </a:lnTo>
                    <a:lnTo>
                      <a:pt x="124" y="553"/>
                    </a:lnTo>
                    <a:lnTo>
                      <a:pt x="119" y="548"/>
                    </a:lnTo>
                    <a:lnTo>
                      <a:pt x="114" y="545"/>
                    </a:lnTo>
                    <a:lnTo>
                      <a:pt x="109" y="539"/>
                    </a:lnTo>
                    <a:lnTo>
                      <a:pt x="105" y="538"/>
                    </a:lnTo>
                    <a:lnTo>
                      <a:pt x="103" y="538"/>
                    </a:lnTo>
                    <a:lnTo>
                      <a:pt x="102" y="516"/>
                    </a:lnTo>
                    <a:lnTo>
                      <a:pt x="378" y="489"/>
                    </a:lnTo>
                    <a:lnTo>
                      <a:pt x="361" y="457"/>
                    </a:lnTo>
                    <a:lnTo>
                      <a:pt x="361" y="455"/>
                    </a:lnTo>
                    <a:lnTo>
                      <a:pt x="361" y="450"/>
                    </a:lnTo>
                    <a:lnTo>
                      <a:pt x="361" y="445"/>
                    </a:lnTo>
                    <a:lnTo>
                      <a:pt x="361" y="438"/>
                    </a:lnTo>
                    <a:lnTo>
                      <a:pt x="361" y="431"/>
                    </a:lnTo>
                    <a:lnTo>
                      <a:pt x="359" y="424"/>
                    </a:lnTo>
                    <a:lnTo>
                      <a:pt x="359" y="421"/>
                    </a:lnTo>
                    <a:lnTo>
                      <a:pt x="359" y="418"/>
                    </a:lnTo>
                    <a:lnTo>
                      <a:pt x="354" y="413"/>
                    </a:lnTo>
                    <a:lnTo>
                      <a:pt x="351" y="406"/>
                    </a:lnTo>
                    <a:lnTo>
                      <a:pt x="349" y="399"/>
                    </a:lnTo>
                    <a:lnTo>
                      <a:pt x="349" y="391"/>
                    </a:lnTo>
                    <a:lnTo>
                      <a:pt x="349" y="385"/>
                    </a:lnTo>
                    <a:lnTo>
                      <a:pt x="349" y="380"/>
                    </a:lnTo>
                    <a:lnTo>
                      <a:pt x="351" y="377"/>
                    </a:lnTo>
                    <a:lnTo>
                      <a:pt x="351" y="374"/>
                    </a:lnTo>
                    <a:lnTo>
                      <a:pt x="351" y="367"/>
                    </a:lnTo>
                    <a:lnTo>
                      <a:pt x="351" y="360"/>
                    </a:lnTo>
                    <a:lnTo>
                      <a:pt x="351" y="355"/>
                    </a:lnTo>
                    <a:lnTo>
                      <a:pt x="352" y="350"/>
                    </a:lnTo>
                    <a:lnTo>
                      <a:pt x="352" y="348"/>
                    </a:lnTo>
                    <a:lnTo>
                      <a:pt x="352" y="345"/>
                    </a:lnTo>
                    <a:lnTo>
                      <a:pt x="354" y="345"/>
                    </a:lnTo>
                    <a:lnTo>
                      <a:pt x="354" y="343"/>
                    </a:lnTo>
                    <a:lnTo>
                      <a:pt x="361" y="336"/>
                    </a:lnTo>
                    <a:lnTo>
                      <a:pt x="364" y="331"/>
                    </a:lnTo>
                    <a:lnTo>
                      <a:pt x="364" y="328"/>
                    </a:lnTo>
                    <a:lnTo>
                      <a:pt x="364" y="325"/>
                    </a:lnTo>
                    <a:lnTo>
                      <a:pt x="361" y="323"/>
                    </a:lnTo>
                    <a:lnTo>
                      <a:pt x="359" y="323"/>
                    </a:lnTo>
                    <a:lnTo>
                      <a:pt x="357" y="321"/>
                    </a:lnTo>
                    <a:lnTo>
                      <a:pt x="356" y="319"/>
                    </a:lnTo>
                    <a:lnTo>
                      <a:pt x="356" y="314"/>
                    </a:lnTo>
                    <a:lnTo>
                      <a:pt x="356" y="308"/>
                    </a:lnTo>
                    <a:lnTo>
                      <a:pt x="352" y="304"/>
                    </a:lnTo>
                    <a:lnTo>
                      <a:pt x="351" y="301"/>
                    </a:lnTo>
                    <a:lnTo>
                      <a:pt x="349" y="297"/>
                    </a:lnTo>
                    <a:lnTo>
                      <a:pt x="347" y="296"/>
                    </a:lnTo>
                    <a:lnTo>
                      <a:pt x="345" y="294"/>
                    </a:lnTo>
                    <a:lnTo>
                      <a:pt x="329" y="257"/>
                    </a:lnTo>
                    <a:lnTo>
                      <a:pt x="256" y="0"/>
                    </a:lnTo>
                    <a:lnTo>
                      <a:pt x="257" y="0"/>
                    </a:lnTo>
                    <a:lnTo>
                      <a:pt x="5" y="22"/>
                    </a:lnTo>
                    <a:lnTo>
                      <a:pt x="0" y="414"/>
                    </a:lnTo>
                    <a:lnTo>
                      <a:pt x="24" y="599"/>
                    </a:lnTo>
                    <a:lnTo>
                      <a:pt x="44" y="599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786" name="Group 180"/>
            <p:cNvGrpSpPr>
              <a:grpSpLocks/>
            </p:cNvGrpSpPr>
            <p:nvPr/>
          </p:nvGrpSpPr>
          <p:grpSpPr bwMode="auto">
            <a:xfrm>
              <a:off x="3751" y="2759"/>
              <a:ext cx="502" cy="541"/>
              <a:chOff x="3976" y="2396"/>
              <a:chExt cx="516" cy="557"/>
            </a:xfrm>
          </p:grpSpPr>
          <p:sp>
            <p:nvSpPr>
              <p:cNvPr id="795" name="Freeform 181"/>
              <p:cNvSpPr>
                <a:spLocks/>
              </p:cNvSpPr>
              <p:nvPr/>
            </p:nvSpPr>
            <p:spPr bwMode="auto">
              <a:xfrm>
                <a:off x="3976" y="2396"/>
                <a:ext cx="516" cy="557"/>
              </a:xfrm>
              <a:custGeom>
                <a:avLst/>
                <a:gdLst>
                  <a:gd name="T0" fmla="*/ 490 w 516"/>
                  <a:gd name="T1" fmla="*/ 488 h 557"/>
                  <a:gd name="T2" fmla="*/ 490 w 516"/>
                  <a:gd name="T3" fmla="*/ 464 h 557"/>
                  <a:gd name="T4" fmla="*/ 487 w 516"/>
                  <a:gd name="T5" fmla="*/ 468 h 557"/>
                  <a:gd name="T6" fmla="*/ 485 w 516"/>
                  <a:gd name="T7" fmla="*/ 464 h 557"/>
                  <a:gd name="T8" fmla="*/ 480 w 516"/>
                  <a:gd name="T9" fmla="*/ 444 h 557"/>
                  <a:gd name="T10" fmla="*/ 489 w 516"/>
                  <a:gd name="T11" fmla="*/ 451 h 557"/>
                  <a:gd name="T12" fmla="*/ 485 w 516"/>
                  <a:gd name="T13" fmla="*/ 425 h 557"/>
                  <a:gd name="T14" fmla="*/ 494 w 516"/>
                  <a:gd name="T15" fmla="*/ 427 h 557"/>
                  <a:gd name="T16" fmla="*/ 497 w 516"/>
                  <a:gd name="T17" fmla="*/ 418 h 557"/>
                  <a:gd name="T18" fmla="*/ 497 w 516"/>
                  <a:gd name="T19" fmla="*/ 400 h 557"/>
                  <a:gd name="T20" fmla="*/ 504 w 516"/>
                  <a:gd name="T21" fmla="*/ 398 h 557"/>
                  <a:gd name="T22" fmla="*/ 507 w 516"/>
                  <a:gd name="T23" fmla="*/ 391 h 557"/>
                  <a:gd name="T24" fmla="*/ 499 w 516"/>
                  <a:gd name="T25" fmla="*/ 386 h 557"/>
                  <a:gd name="T26" fmla="*/ 499 w 516"/>
                  <a:gd name="T27" fmla="*/ 380 h 557"/>
                  <a:gd name="T28" fmla="*/ 501 w 516"/>
                  <a:gd name="T29" fmla="*/ 371 h 557"/>
                  <a:gd name="T30" fmla="*/ 506 w 516"/>
                  <a:gd name="T31" fmla="*/ 354 h 557"/>
                  <a:gd name="T32" fmla="*/ 509 w 516"/>
                  <a:gd name="T33" fmla="*/ 344 h 557"/>
                  <a:gd name="T34" fmla="*/ 502 w 516"/>
                  <a:gd name="T35" fmla="*/ 324 h 557"/>
                  <a:gd name="T36" fmla="*/ 502 w 516"/>
                  <a:gd name="T37" fmla="*/ 319 h 557"/>
                  <a:gd name="T38" fmla="*/ 502 w 516"/>
                  <a:gd name="T39" fmla="*/ 312 h 557"/>
                  <a:gd name="T40" fmla="*/ 490 w 516"/>
                  <a:gd name="T41" fmla="*/ 280 h 557"/>
                  <a:gd name="T42" fmla="*/ 467 w 516"/>
                  <a:gd name="T43" fmla="*/ 259 h 557"/>
                  <a:gd name="T44" fmla="*/ 453 w 516"/>
                  <a:gd name="T45" fmla="*/ 224 h 557"/>
                  <a:gd name="T46" fmla="*/ 430 w 516"/>
                  <a:gd name="T47" fmla="*/ 212 h 557"/>
                  <a:gd name="T48" fmla="*/ 419 w 516"/>
                  <a:gd name="T49" fmla="*/ 204 h 557"/>
                  <a:gd name="T50" fmla="*/ 402 w 516"/>
                  <a:gd name="T51" fmla="*/ 187 h 557"/>
                  <a:gd name="T52" fmla="*/ 389 w 516"/>
                  <a:gd name="T53" fmla="*/ 163 h 557"/>
                  <a:gd name="T54" fmla="*/ 374 w 516"/>
                  <a:gd name="T55" fmla="*/ 160 h 557"/>
                  <a:gd name="T56" fmla="*/ 367 w 516"/>
                  <a:gd name="T57" fmla="*/ 153 h 557"/>
                  <a:gd name="T58" fmla="*/ 355 w 516"/>
                  <a:gd name="T59" fmla="*/ 134 h 557"/>
                  <a:gd name="T60" fmla="*/ 343 w 516"/>
                  <a:gd name="T61" fmla="*/ 132 h 557"/>
                  <a:gd name="T62" fmla="*/ 328 w 516"/>
                  <a:gd name="T63" fmla="*/ 124 h 557"/>
                  <a:gd name="T64" fmla="*/ 318 w 516"/>
                  <a:gd name="T65" fmla="*/ 107 h 557"/>
                  <a:gd name="T66" fmla="*/ 301 w 516"/>
                  <a:gd name="T67" fmla="*/ 88 h 557"/>
                  <a:gd name="T68" fmla="*/ 287 w 516"/>
                  <a:gd name="T69" fmla="*/ 65 h 557"/>
                  <a:gd name="T70" fmla="*/ 282 w 516"/>
                  <a:gd name="T71" fmla="*/ 61 h 557"/>
                  <a:gd name="T72" fmla="*/ 262 w 516"/>
                  <a:gd name="T73" fmla="*/ 56 h 557"/>
                  <a:gd name="T74" fmla="*/ 252 w 516"/>
                  <a:gd name="T75" fmla="*/ 50 h 557"/>
                  <a:gd name="T76" fmla="*/ 235 w 516"/>
                  <a:gd name="T77" fmla="*/ 34 h 557"/>
                  <a:gd name="T78" fmla="*/ 252 w 516"/>
                  <a:gd name="T79" fmla="*/ 2 h 557"/>
                  <a:gd name="T80" fmla="*/ 73 w 516"/>
                  <a:gd name="T81" fmla="*/ 290 h 557"/>
                  <a:gd name="T82" fmla="*/ 93 w 516"/>
                  <a:gd name="T83" fmla="*/ 330 h 557"/>
                  <a:gd name="T84" fmla="*/ 100 w 516"/>
                  <a:gd name="T85" fmla="*/ 347 h 557"/>
                  <a:gd name="T86" fmla="*/ 105 w 516"/>
                  <a:gd name="T87" fmla="*/ 356 h 557"/>
                  <a:gd name="T88" fmla="*/ 105 w 516"/>
                  <a:gd name="T89" fmla="*/ 369 h 557"/>
                  <a:gd name="T90" fmla="*/ 96 w 516"/>
                  <a:gd name="T91" fmla="*/ 381 h 557"/>
                  <a:gd name="T92" fmla="*/ 95 w 516"/>
                  <a:gd name="T93" fmla="*/ 400 h 557"/>
                  <a:gd name="T94" fmla="*/ 93 w 516"/>
                  <a:gd name="T95" fmla="*/ 418 h 557"/>
                  <a:gd name="T96" fmla="*/ 98 w 516"/>
                  <a:gd name="T97" fmla="*/ 446 h 557"/>
                  <a:gd name="T98" fmla="*/ 105 w 516"/>
                  <a:gd name="T99" fmla="*/ 464 h 557"/>
                  <a:gd name="T100" fmla="*/ 105 w 516"/>
                  <a:gd name="T101" fmla="*/ 488 h 557"/>
                  <a:gd name="T102" fmla="*/ 418 w 516"/>
                  <a:gd name="T103" fmla="*/ 535 h 557"/>
                  <a:gd name="T104" fmla="*/ 441 w 516"/>
                  <a:gd name="T105" fmla="*/ 552 h 557"/>
                  <a:gd name="T106" fmla="*/ 440 w 516"/>
                  <a:gd name="T107" fmla="*/ 534 h 557"/>
                  <a:gd name="T108" fmla="*/ 435 w 516"/>
                  <a:gd name="T109" fmla="*/ 512 h 557"/>
                  <a:gd name="T110" fmla="*/ 443 w 516"/>
                  <a:gd name="T111" fmla="*/ 498 h 557"/>
                  <a:gd name="T112" fmla="*/ 462 w 516"/>
                  <a:gd name="T113" fmla="*/ 503 h 557"/>
                  <a:gd name="T114" fmla="*/ 485 w 516"/>
                  <a:gd name="T115" fmla="*/ 506 h 557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516"/>
                  <a:gd name="T175" fmla="*/ 0 h 557"/>
                  <a:gd name="T176" fmla="*/ 516 w 516"/>
                  <a:gd name="T177" fmla="*/ 557 h 557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516" h="557">
                    <a:moveTo>
                      <a:pt x="492" y="498"/>
                    </a:moveTo>
                    <a:lnTo>
                      <a:pt x="487" y="493"/>
                    </a:lnTo>
                    <a:lnTo>
                      <a:pt x="485" y="490"/>
                    </a:lnTo>
                    <a:lnTo>
                      <a:pt x="490" y="488"/>
                    </a:lnTo>
                    <a:lnTo>
                      <a:pt x="492" y="474"/>
                    </a:lnTo>
                    <a:lnTo>
                      <a:pt x="489" y="474"/>
                    </a:lnTo>
                    <a:lnTo>
                      <a:pt x="489" y="471"/>
                    </a:lnTo>
                    <a:lnTo>
                      <a:pt x="490" y="464"/>
                    </a:lnTo>
                    <a:lnTo>
                      <a:pt x="485" y="462"/>
                    </a:lnTo>
                    <a:lnTo>
                      <a:pt x="487" y="464"/>
                    </a:lnTo>
                    <a:lnTo>
                      <a:pt x="487" y="466"/>
                    </a:lnTo>
                    <a:lnTo>
                      <a:pt x="487" y="468"/>
                    </a:lnTo>
                    <a:lnTo>
                      <a:pt x="487" y="469"/>
                    </a:lnTo>
                    <a:lnTo>
                      <a:pt x="487" y="468"/>
                    </a:lnTo>
                    <a:lnTo>
                      <a:pt x="485" y="464"/>
                    </a:lnTo>
                    <a:lnTo>
                      <a:pt x="482" y="457"/>
                    </a:lnTo>
                    <a:lnTo>
                      <a:pt x="480" y="449"/>
                    </a:lnTo>
                    <a:lnTo>
                      <a:pt x="480" y="446"/>
                    </a:lnTo>
                    <a:lnTo>
                      <a:pt x="480" y="444"/>
                    </a:lnTo>
                    <a:lnTo>
                      <a:pt x="482" y="444"/>
                    </a:lnTo>
                    <a:lnTo>
                      <a:pt x="485" y="446"/>
                    </a:lnTo>
                    <a:lnTo>
                      <a:pt x="487" y="449"/>
                    </a:lnTo>
                    <a:lnTo>
                      <a:pt x="489" y="451"/>
                    </a:lnTo>
                    <a:lnTo>
                      <a:pt x="489" y="432"/>
                    </a:lnTo>
                    <a:lnTo>
                      <a:pt x="485" y="425"/>
                    </a:lnTo>
                    <a:lnTo>
                      <a:pt x="487" y="427"/>
                    </a:lnTo>
                    <a:lnTo>
                      <a:pt x="489" y="427"/>
                    </a:lnTo>
                    <a:lnTo>
                      <a:pt x="490" y="427"/>
                    </a:lnTo>
                    <a:lnTo>
                      <a:pt x="494" y="427"/>
                    </a:lnTo>
                    <a:lnTo>
                      <a:pt x="496" y="427"/>
                    </a:lnTo>
                    <a:lnTo>
                      <a:pt x="497" y="427"/>
                    </a:lnTo>
                    <a:lnTo>
                      <a:pt x="497" y="418"/>
                    </a:lnTo>
                    <a:lnTo>
                      <a:pt x="497" y="412"/>
                    </a:lnTo>
                    <a:lnTo>
                      <a:pt x="497" y="407"/>
                    </a:lnTo>
                    <a:lnTo>
                      <a:pt x="497" y="403"/>
                    </a:lnTo>
                    <a:lnTo>
                      <a:pt x="497" y="400"/>
                    </a:lnTo>
                    <a:lnTo>
                      <a:pt x="499" y="398"/>
                    </a:lnTo>
                    <a:lnTo>
                      <a:pt x="504" y="398"/>
                    </a:lnTo>
                    <a:lnTo>
                      <a:pt x="506" y="396"/>
                    </a:lnTo>
                    <a:lnTo>
                      <a:pt x="507" y="395"/>
                    </a:lnTo>
                    <a:lnTo>
                      <a:pt x="507" y="393"/>
                    </a:lnTo>
                    <a:lnTo>
                      <a:pt x="507" y="391"/>
                    </a:lnTo>
                    <a:lnTo>
                      <a:pt x="506" y="391"/>
                    </a:lnTo>
                    <a:lnTo>
                      <a:pt x="506" y="390"/>
                    </a:lnTo>
                    <a:lnTo>
                      <a:pt x="504" y="390"/>
                    </a:lnTo>
                    <a:lnTo>
                      <a:pt x="499" y="386"/>
                    </a:lnTo>
                    <a:lnTo>
                      <a:pt x="497" y="385"/>
                    </a:lnTo>
                    <a:lnTo>
                      <a:pt x="496" y="383"/>
                    </a:lnTo>
                    <a:lnTo>
                      <a:pt x="497" y="381"/>
                    </a:lnTo>
                    <a:lnTo>
                      <a:pt x="499" y="380"/>
                    </a:lnTo>
                    <a:lnTo>
                      <a:pt x="501" y="380"/>
                    </a:lnTo>
                    <a:lnTo>
                      <a:pt x="502" y="380"/>
                    </a:lnTo>
                    <a:lnTo>
                      <a:pt x="504" y="378"/>
                    </a:lnTo>
                    <a:lnTo>
                      <a:pt x="501" y="371"/>
                    </a:lnTo>
                    <a:lnTo>
                      <a:pt x="501" y="364"/>
                    </a:lnTo>
                    <a:lnTo>
                      <a:pt x="502" y="361"/>
                    </a:lnTo>
                    <a:lnTo>
                      <a:pt x="504" y="356"/>
                    </a:lnTo>
                    <a:lnTo>
                      <a:pt x="506" y="354"/>
                    </a:lnTo>
                    <a:lnTo>
                      <a:pt x="507" y="352"/>
                    </a:lnTo>
                    <a:lnTo>
                      <a:pt x="509" y="352"/>
                    </a:lnTo>
                    <a:lnTo>
                      <a:pt x="509" y="351"/>
                    </a:lnTo>
                    <a:lnTo>
                      <a:pt x="509" y="344"/>
                    </a:lnTo>
                    <a:lnTo>
                      <a:pt x="516" y="339"/>
                    </a:lnTo>
                    <a:lnTo>
                      <a:pt x="514" y="330"/>
                    </a:lnTo>
                    <a:lnTo>
                      <a:pt x="506" y="329"/>
                    </a:lnTo>
                    <a:lnTo>
                      <a:pt x="502" y="324"/>
                    </a:lnTo>
                    <a:lnTo>
                      <a:pt x="504" y="324"/>
                    </a:lnTo>
                    <a:lnTo>
                      <a:pt x="504" y="322"/>
                    </a:lnTo>
                    <a:lnTo>
                      <a:pt x="502" y="320"/>
                    </a:lnTo>
                    <a:lnTo>
                      <a:pt x="502" y="319"/>
                    </a:lnTo>
                    <a:lnTo>
                      <a:pt x="502" y="317"/>
                    </a:lnTo>
                    <a:lnTo>
                      <a:pt x="502" y="315"/>
                    </a:lnTo>
                    <a:lnTo>
                      <a:pt x="502" y="314"/>
                    </a:lnTo>
                    <a:lnTo>
                      <a:pt x="502" y="312"/>
                    </a:lnTo>
                    <a:lnTo>
                      <a:pt x="501" y="298"/>
                    </a:lnTo>
                    <a:lnTo>
                      <a:pt x="496" y="288"/>
                    </a:lnTo>
                    <a:lnTo>
                      <a:pt x="490" y="280"/>
                    </a:lnTo>
                    <a:lnTo>
                      <a:pt x="484" y="271"/>
                    </a:lnTo>
                    <a:lnTo>
                      <a:pt x="477" y="266"/>
                    </a:lnTo>
                    <a:lnTo>
                      <a:pt x="470" y="263"/>
                    </a:lnTo>
                    <a:lnTo>
                      <a:pt x="467" y="259"/>
                    </a:lnTo>
                    <a:lnTo>
                      <a:pt x="465" y="258"/>
                    </a:lnTo>
                    <a:lnTo>
                      <a:pt x="463" y="242"/>
                    </a:lnTo>
                    <a:lnTo>
                      <a:pt x="460" y="232"/>
                    </a:lnTo>
                    <a:lnTo>
                      <a:pt x="453" y="224"/>
                    </a:lnTo>
                    <a:lnTo>
                      <a:pt x="446" y="219"/>
                    </a:lnTo>
                    <a:lnTo>
                      <a:pt x="440" y="215"/>
                    </a:lnTo>
                    <a:lnTo>
                      <a:pt x="435" y="214"/>
                    </a:lnTo>
                    <a:lnTo>
                      <a:pt x="430" y="212"/>
                    </a:lnTo>
                    <a:lnTo>
                      <a:pt x="428" y="212"/>
                    </a:lnTo>
                    <a:lnTo>
                      <a:pt x="428" y="210"/>
                    </a:lnTo>
                    <a:lnTo>
                      <a:pt x="424" y="209"/>
                    </a:lnTo>
                    <a:lnTo>
                      <a:pt x="419" y="204"/>
                    </a:lnTo>
                    <a:lnTo>
                      <a:pt x="414" y="200"/>
                    </a:lnTo>
                    <a:lnTo>
                      <a:pt x="409" y="195"/>
                    </a:lnTo>
                    <a:lnTo>
                      <a:pt x="406" y="190"/>
                    </a:lnTo>
                    <a:lnTo>
                      <a:pt x="402" y="187"/>
                    </a:lnTo>
                    <a:lnTo>
                      <a:pt x="401" y="183"/>
                    </a:lnTo>
                    <a:lnTo>
                      <a:pt x="397" y="175"/>
                    </a:lnTo>
                    <a:lnTo>
                      <a:pt x="392" y="168"/>
                    </a:lnTo>
                    <a:lnTo>
                      <a:pt x="389" y="163"/>
                    </a:lnTo>
                    <a:lnTo>
                      <a:pt x="384" y="161"/>
                    </a:lnTo>
                    <a:lnTo>
                      <a:pt x="380" y="160"/>
                    </a:lnTo>
                    <a:lnTo>
                      <a:pt x="377" y="160"/>
                    </a:lnTo>
                    <a:lnTo>
                      <a:pt x="374" y="160"/>
                    </a:lnTo>
                    <a:lnTo>
                      <a:pt x="372" y="158"/>
                    </a:lnTo>
                    <a:lnTo>
                      <a:pt x="370" y="154"/>
                    </a:lnTo>
                    <a:lnTo>
                      <a:pt x="367" y="153"/>
                    </a:lnTo>
                    <a:lnTo>
                      <a:pt x="365" y="149"/>
                    </a:lnTo>
                    <a:lnTo>
                      <a:pt x="362" y="143"/>
                    </a:lnTo>
                    <a:lnTo>
                      <a:pt x="358" y="138"/>
                    </a:lnTo>
                    <a:lnTo>
                      <a:pt x="355" y="134"/>
                    </a:lnTo>
                    <a:lnTo>
                      <a:pt x="352" y="132"/>
                    </a:lnTo>
                    <a:lnTo>
                      <a:pt x="348" y="131"/>
                    </a:lnTo>
                    <a:lnTo>
                      <a:pt x="347" y="132"/>
                    </a:lnTo>
                    <a:lnTo>
                      <a:pt x="343" y="132"/>
                    </a:lnTo>
                    <a:lnTo>
                      <a:pt x="336" y="131"/>
                    </a:lnTo>
                    <a:lnTo>
                      <a:pt x="331" y="129"/>
                    </a:lnTo>
                    <a:lnTo>
                      <a:pt x="328" y="124"/>
                    </a:lnTo>
                    <a:lnTo>
                      <a:pt x="325" y="119"/>
                    </a:lnTo>
                    <a:lnTo>
                      <a:pt x="321" y="114"/>
                    </a:lnTo>
                    <a:lnTo>
                      <a:pt x="320" y="110"/>
                    </a:lnTo>
                    <a:lnTo>
                      <a:pt x="318" y="107"/>
                    </a:lnTo>
                    <a:lnTo>
                      <a:pt x="318" y="105"/>
                    </a:lnTo>
                    <a:lnTo>
                      <a:pt x="313" y="102"/>
                    </a:lnTo>
                    <a:lnTo>
                      <a:pt x="306" y="95"/>
                    </a:lnTo>
                    <a:lnTo>
                      <a:pt x="301" y="88"/>
                    </a:lnTo>
                    <a:lnTo>
                      <a:pt x="296" y="82"/>
                    </a:lnTo>
                    <a:lnTo>
                      <a:pt x="292" y="75"/>
                    </a:lnTo>
                    <a:lnTo>
                      <a:pt x="291" y="68"/>
                    </a:lnTo>
                    <a:lnTo>
                      <a:pt x="287" y="65"/>
                    </a:lnTo>
                    <a:lnTo>
                      <a:pt x="287" y="63"/>
                    </a:lnTo>
                    <a:lnTo>
                      <a:pt x="287" y="61"/>
                    </a:lnTo>
                    <a:lnTo>
                      <a:pt x="284" y="61"/>
                    </a:lnTo>
                    <a:lnTo>
                      <a:pt x="282" y="61"/>
                    </a:lnTo>
                    <a:lnTo>
                      <a:pt x="281" y="60"/>
                    </a:lnTo>
                    <a:lnTo>
                      <a:pt x="274" y="60"/>
                    </a:lnTo>
                    <a:lnTo>
                      <a:pt x="267" y="58"/>
                    </a:lnTo>
                    <a:lnTo>
                      <a:pt x="262" y="56"/>
                    </a:lnTo>
                    <a:lnTo>
                      <a:pt x="259" y="55"/>
                    </a:lnTo>
                    <a:lnTo>
                      <a:pt x="255" y="53"/>
                    </a:lnTo>
                    <a:lnTo>
                      <a:pt x="254" y="51"/>
                    </a:lnTo>
                    <a:lnTo>
                      <a:pt x="252" y="50"/>
                    </a:lnTo>
                    <a:lnTo>
                      <a:pt x="240" y="48"/>
                    </a:lnTo>
                    <a:lnTo>
                      <a:pt x="235" y="43"/>
                    </a:lnTo>
                    <a:lnTo>
                      <a:pt x="235" y="34"/>
                    </a:lnTo>
                    <a:lnTo>
                      <a:pt x="237" y="24"/>
                    </a:lnTo>
                    <a:lnTo>
                      <a:pt x="242" y="16"/>
                    </a:lnTo>
                    <a:lnTo>
                      <a:pt x="248" y="7"/>
                    </a:lnTo>
                    <a:lnTo>
                      <a:pt x="252" y="2"/>
                    </a:lnTo>
                    <a:lnTo>
                      <a:pt x="254" y="0"/>
                    </a:lnTo>
                    <a:lnTo>
                      <a:pt x="130" y="19"/>
                    </a:lnTo>
                    <a:lnTo>
                      <a:pt x="0" y="33"/>
                    </a:lnTo>
                    <a:lnTo>
                      <a:pt x="73" y="290"/>
                    </a:lnTo>
                    <a:lnTo>
                      <a:pt x="89" y="327"/>
                    </a:lnTo>
                    <a:lnTo>
                      <a:pt x="91" y="329"/>
                    </a:lnTo>
                    <a:lnTo>
                      <a:pt x="93" y="330"/>
                    </a:lnTo>
                    <a:lnTo>
                      <a:pt x="95" y="334"/>
                    </a:lnTo>
                    <a:lnTo>
                      <a:pt x="96" y="337"/>
                    </a:lnTo>
                    <a:lnTo>
                      <a:pt x="100" y="341"/>
                    </a:lnTo>
                    <a:lnTo>
                      <a:pt x="100" y="347"/>
                    </a:lnTo>
                    <a:lnTo>
                      <a:pt x="100" y="352"/>
                    </a:lnTo>
                    <a:lnTo>
                      <a:pt x="101" y="354"/>
                    </a:lnTo>
                    <a:lnTo>
                      <a:pt x="103" y="356"/>
                    </a:lnTo>
                    <a:lnTo>
                      <a:pt x="105" y="356"/>
                    </a:lnTo>
                    <a:lnTo>
                      <a:pt x="108" y="358"/>
                    </a:lnTo>
                    <a:lnTo>
                      <a:pt x="108" y="361"/>
                    </a:lnTo>
                    <a:lnTo>
                      <a:pt x="108" y="364"/>
                    </a:lnTo>
                    <a:lnTo>
                      <a:pt x="105" y="369"/>
                    </a:lnTo>
                    <a:lnTo>
                      <a:pt x="98" y="376"/>
                    </a:lnTo>
                    <a:lnTo>
                      <a:pt x="98" y="378"/>
                    </a:lnTo>
                    <a:lnTo>
                      <a:pt x="96" y="378"/>
                    </a:lnTo>
                    <a:lnTo>
                      <a:pt x="96" y="381"/>
                    </a:lnTo>
                    <a:lnTo>
                      <a:pt x="96" y="383"/>
                    </a:lnTo>
                    <a:lnTo>
                      <a:pt x="95" y="388"/>
                    </a:lnTo>
                    <a:lnTo>
                      <a:pt x="95" y="393"/>
                    </a:lnTo>
                    <a:lnTo>
                      <a:pt x="95" y="400"/>
                    </a:lnTo>
                    <a:lnTo>
                      <a:pt x="95" y="407"/>
                    </a:lnTo>
                    <a:lnTo>
                      <a:pt x="95" y="410"/>
                    </a:lnTo>
                    <a:lnTo>
                      <a:pt x="93" y="413"/>
                    </a:lnTo>
                    <a:lnTo>
                      <a:pt x="93" y="418"/>
                    </a:lnTo>
                    <a:lnTo>
                      <a:pt x="93" y="424"/>
                    </a:lnTo>
                    <a:lnTo>
                      <a:pt x="93" y="432"/>
                    </a:lnTo>
                    <a:lnTo>
                      <a:pt x="95" y="439"/>
                    </a:lnTo>
                    <a:lnTo>
                      <a:pt x="98" y="446"/>
                    </a:lnTo>
                    <a:lnTo>
                      <a:pt x="103" y="451"/>
                    </a:lnTo>
                    <a:lnTo>
                      <a:pt x="103" y="454"/>
                    </a:lnTo>
                    <a:lnTo>
                      <a:pt x="103" y="457"/>
                    </a:lnTo>
                    <a:lnTo>
                      <a:pt x="105" y="464"/>
                    </a:lnTo>
                    <a:lnTo>
                      <a:pt x="105" y="471"/>
                    </a:lnTo>
                    <a:lnTo>
                      <a:pt x="105" y="478"/>
                    </a:lnTo>
                    <a:lnTo>
                      <a:pt x="105" y="483"/>
                    </a:lnTo>
                    <a:lnTo>
                      <a:pt x="105" y="488"/>
                    </a:lnTo>
                    <a:lnTo>
                      <a:pt x="105" y="490"/>
                    </a:lnTo>
                    <a:lnTo>
                      <a:pt x="122" y="522"/>
                    </a:lnTo>
                    <a:lnTo>
                      <a:pt x="139" y="554"/>
                    </a:lnTo>
                    <a:lnTo>
                      <a:pt x="418" y="535"/>
                    </a:lnTo>
                    <a:lnTo>
                      <a:pt x="428" y="557"/>
                    </a:lnTo>
                    <a:lnTo>
                      <a:pt x="443" y="557"/>
                    </a:lnTo>
                    <a:lnTo>
                      <a:pt x="443" y="556"/>
                    </a:lnTo>
                    <a:lnTo>
                      <a:pt x="441" y="552"/>
                    </a:lnTo>
                    <a:lnTo>
                      <a:pt x="441" y="549"/>
                    </a:lnTo>
                    <a:lnTo>
                      <a:pt x="441" y="544"/>
                    </a:lnTo>
                    <a:lnTo>
                      <a:pt x="440" y="539"/>
                    </a:lnTo>
                    <a:lnTo>
                      <a:pt x="440" y="534"/>
                    </a:lnTo>
                    <a:lnTo>
                      <a:pt x="440" y="530"/>
                    </a:lnTo>
                    <a:lnTo>
                      <a:pt x="440" y="528"/>
                    </a:lnTo>
                    <a:lnTo>
                      <a:pt x="435" y="520"/>
                    </a:lnTo>
                    <a:lnTo>
                      <a:pt x="435" y="512"/>
                    </a:lnTo>
                    <a:lnTo>
                      <a:pt x="435" y="506"/>
                    </a:lnTo>
                    <a:lnTo>
                      <a:pt x="438" y="503"/>
                    </a:lnTo>
                    <a:lnTo>
                      <a:pt x="441" y="500"/>
                    </a:lnTo>
                    <a:lnTo>
                      <a:pt x="443" y="498"/>
                    </a:lnTo>
                    <a:lnTo>
                      <a:pt x="446" y="498"/>
                    </a:lnTo>
                    <a:lnTo>
                      <a:pt x="448" y="498"/>
                    </a:lnTo>
                    <a:lnTo>
                      <a:pt x="453" y="501"/>
                    </a:lnTo>
                    <a:lnTo>
                      <a:pt x="462" y="503"/>
                    </a:lnTo>
                    <a:lnTo>
                      <a:pt x="468" y="505"/>
                    </a:lnTo>
                    <a:lnTo>
                      <a:pt x="475" y="506"/>
                    </a:lnTo>
                    <a:lnTo>
                      <a:pt x="482" y="506"/>
                    </a:lnTo>
                    <a:lnTo>
                      <a:pt x="485" y="506"/>
                    </a:lnTo>
                    <a:lnTo>
                      <a:pt x="489" y="506"/>
                    </a:lnTo>
                    <a:lnTo>
                      <a:pt x="490" y="506"/>
                    </a:lnTo>
                    <a:lnTo>
                      <a:pt x="492" y="49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796" name="Freeform 182"/>
              <p:cNvSpPr>
                <a:spLocks/>
              </p:cNvSpPr>
              <p:nvPr/>
            </p:nvSpPr>
            <p:spPr bwMode="auto">
              <a:xfrm>
                <a:off x="3976" y="2396"/>
                <a:ext cx="516" cy="557"/>
              </a:xfrm>
              <a:custGeom>
                <a:avLst/>
                <a:gdLst>
                  <a:gd name="T0" fmla="*/ 492 w 516"/>
                  <a:gd name="T1" fmla="*/ 474 h 557"/>
                  <a:gd name="T2" fmla="*/ 485 w 516"/>
                  <a:gd name="T3" fmla="*/ 462 h 557"/>
                  <a:gd name="T4" fmla="*/ 487 w 516"/>
                  <a:gd name="T5" fmla="*/ 469 h 557"/>
                  <a:gd name="T6" fmla="*/ 480 w 516"/>
                  <a:gd name="T7" fmla="*/ 449 h 557"/>
                  <a:gd name="T8" fmla="*/ 487 w 516"/>
                  <a:gd name="T9" fmla="*/ 449 h 557"/>
                  <a:gd name="T10" fmla="*/ 485 w 516"/>
                  <a:gd name="T11" fmla="*/ 425 h 557"/>
                  <a:gd name="T12" fmla="*/ 494 w 516"/>
                  <a:gd name="T13" fmla="*/ 427 h 557"/>
                  <a:gd name="T14" fmla="*/ 497 w 516"/>
                  <a:gd name="T15" fmla="*/ 418 h 557"/>
                  <a:gd name="T16" fmla="*/ 499 w 516"/>
                  <a:gd name="T17" fmla="*/ 398 h 557"/>
                  <a:gd name="T18" fmla="*/ 506 w 516"/>
                  <a:gd name="T19" fmla="*/ 396 h 557"/>
                  <a:gd name="T20" fmla="*/ 506 w 516"/>
                  <a:gd name="T21" fmla="*/ 390 h 557"/>
                  <a:gd name="T22" fmla="*/ 496 w 516"/>
                  <a:gd name="T23" fmla="*/ 383 h 557"/>
                  <a:gd name="T24" fmla="*/ 504 w 516"/>
                  <a:gd name="T25" fmla="*/ 378 h 557"/>
                  <a:gd name="T26" fmla="*/ 504 w 516"/>
                  <a:gd name="T27" fmla="*/ 356 h 557"/>
                  <a:gd name="T28" fmla="*/ 509 w 516"/>
                  <a:gd name="T29" fmla="*/ 344 h 557"/>
                  <a:gd name="T30" fmla="*/ 504 w 516"/>
                  <a:gd name="T31" fmla="*/ 324 h 557"/>
                  <a:gd name="T32" fmla="*/ 502 w 516"/>
                  <a:gd name="T33" fmla="*/ 317 h 557"/>
                  <a:gd name="T34" fmla="*/ 502 w 516"/>
                  <a:gd name="T35" fmla="*/ 312 h 557"/>
                  <a:gd name="T36" fmla="*/ 477 w 516"/>
                  <a:gd name="T37" fmla="*/ 266 h 557"/>
                  <a:gd name="T38" fmla="*/ 463 w 516"/>
                  <a:gd name="T39" fmla="*/ 242 h 557"/>
                  <a:gd name="T40" fmla="*/ 435 w 516"/>
                  <a:gd name="T41" fmla="*/ 214 h 557"/>
                  <a:gd name="T42" fmla="*/ 424 w 516"/>
                  <a:gd name="T43" fmla="*/ 209 h 557"/>
                  <a:gd name="T44" fmla="*/ 402 w 516"/>
                  <a:gd name="T45" fmla="*/ 187 h 557"/>
                  <a:gd name="T46" fmla="*/ 389 w 516"/>
                  <a:gd name="T47" fmla="*/ 163 h 557"/>
                  <a:gd name="T48" fmla="*/ 374 w 516"/>
                  <a:gd name="T49" fmla="*/ 160 h 557"/>
                  <a:gd name="T50" fmla="*/ 365 w 516"/>
                  <a:gd name="T51" fmla="*/ 149 h 557"/>
                  <a:gd name="T52" fmla="*/ 352 w 516"/>
                  <a:gd name="T53" fmla="*/ 132 h 557"/>
                  <a:gd name="T54" fmla="*/ 343 w 516"/>
                  <a:gd name="T55" fmla="*/ 132 h 557"/>
                  <a:gd name="T56" fmla="*/ 321 w 516"/>
                  <a:gd name="T57" fmla="*/ 114 h 557"/>
                  <a:gd name="T58" fmla="*/ 313 w 516"/>
                  <a:gd name="T59" fmla="*/ 102 h 557"/>
                  <a:gd name="T60" fmla="*/ 291 w 516"/>
                  <a:gd name="T61" fmla="*/ 68 h 557"/>
                  <a:gd name="T62" fmla="*/ 284 w 516"/>
                  <a:gd name="T63" fmla="*/ 61 h 557"/>
                  <a:gd name="T64" fmla="*/ 267 w 516"/>
                  <a:gd name="T65" fmla="*/ 58 h 557"/>
                  <a:gd name="T66" fmla="*/ 252 w 516"/>
                  <a:gd name="T67" fmla="*/ 50 h 557"/>
                  <a:gd name="T68" fmla="*/ 235 w 516"/>
                  <a:gd name="T69" fmla="*/ 34 h 557"/>
                  <a:gd name="T70" fmla="*/ 254 w 516"/>
                  <a:gd name="T71" fmla="*/ 0 h 557"/>
                  <a:gd name="T72" fmla="*/ 89 w 516"/>
                  <a:gd name="T73" fmla="*/ 327 h 557"/>
                  <a:gd name="T74" fmla="*/ 96 w 516"/>
                  <a:gd name="T75" fmla="*/ 337 h 557"/>
                  <a:gd name="T76" fmla="*/ 101 w 516"/>
                  <a:gd name="T77" fmla="*/ 354 h 557"/>
                  <a:gd name="T78" fmla="*/ 108 w 516"/>
                  <a:gd name="T79" fmla="*/ 364 h 557"/>
                  <a:gd name="T80" fmla="*/ 96 w 516"/>
                  <a:gd name="T81" fmla="*/ 378 h 557"/>
                  <a:gd name="T82" fmla="*/ 95 w 516"/>
                  <a:gd name="T83" fmla="*/ 400 h 557"/>
                  <a:gd name="T84" fmla="*/ 93 w 516"/>
                  <a:gd name="T85" fmla="*/ 418 h 557"/>
                  <a:gd name="T86" fmla="*/ 103 w 516"/>
                  <a:gd name="T87" fmla="*/ 451 h 557"/>
                  <a:gd name="T88" fmla="*/ 105 w 516"/>
                  <a:gd name="T89" fmla="*/ 471 h 557"/>
                  <a:gd name="T90" fmla="*/ 122 w 516"/>
                  <a:gd name="T91" fmla="*/ 522 h 557"/>
                  <a:gd name="T92" fmla="*/ 443 w 516"/>
                  <a:gd name="T93" fmla="*/ 557 h 557"/>
                  <a:gd name="T94" fmla="*/ 440 w 516"/>
                  <a:gd name="T95" fmla="*/ 539 h 557"/>
                  <a:gd name="T96" fmla="*/ 435 w 516"/>
                  <a:gd name="T97" fmla="*/ 520 h 557"/>
                  <a:gd name="T98" fmla="*/ 443 w 516"/>
                  <a:gd name="T99" fmla="*/ 498 h 557"/>
                  <a:gd name="T100" fmla="*/ 462 w 516"/>
                  <a:gd name="T101" fmla="*/ 503 h 557"/>
                  <a:gd name="T102" fmla="*/ 489 w 516"/>
                  <a:gd name="T103" fmla="*/ 506 h 557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w 516"/>
                  <a:gd name="T157" fmla="*/ 0 h 557"/>
                  <a:gd name="T158" fmla="*/ 516 w 516"/>
                  <a:gd name="T159" fmla="*/ 557 h 557"/>
                </a:gdLst>
                <a:ahLst/>
                <a:cxnLst>
                  <a:cxn ang="T104">
                    <a:pos x="T0" y="T1"/>
                  </a:cxn>
                  <a:cxn ang="T105">
                    <a:pos x="T2" y="T3"/>
                  </a:cxn>
                  <a:cxn ang="T106">
                    <a:pos x="T4" y="T5"/>
                  </a:cxn>
                  <a:cxn ang="T107">
                    <a:pos x="T6" y="T7"/>
                  </a:cxn>
                  <a:cxn ang="T108">
                    <a:pos x="T8" y="T9"/>
                  </a:cxn>
                  <a:cxn ang="T109">
                    <a:pos x="T10" y="T11"/>
                  </a:cxn>
                  <a:cxn ang="T110">
                    <a:pos x="T12" y="T13"/>
                  </a:cxn>
                  <a:cxn ang="T111">
                    <a:pos x="T14" y="T15"/>
                  </a:cxn>
                  <a:cxn ang="T112">
                    <a:pos x="T16" y="T17"/>
                  </a:cxn>
                  <a:cxn ang="T113">
                    <a:pos x="T18" y="T19"/>
                  </a:cxn>
                  <a:cxn ang="T114">
                    <a:pos x="T20" y="T21"/>
                  </a:cxn>
                  <a:cxn ang="T115">
                    <a:pos x="T22" y="T23"/>
                  </a:cxn>
                  <a:cxn ang="T116">
                    <a:pos x="T24" y="T25"/>
                  </a:cxn>
                  <a:cxn ang="T117">
                    <a:pos x="T26" y="T27"/>
                  </a:cxn>
                  <a:cxn ang="T118">
                    <a:pos x="T28" y="T29"/>
                  </a:cxn>
                  <a:cxn ang="T119">
                    <a:pos x="T30" y="T31"/>
                  </a:cxn>
                  <a:cxn ang="T120">
                    <a:pos x="T32" y="T33"/>
                  </a:cxn>
                  <a:cxn ang="T121">
                    <a:pos x="T34" y="T35"/>
                  </a:cxn>
                  <a:cxn ang="T122">
                    <a:pos x="T36" y="T37"/>
                  </a:cxn>
                  <a:cxn ang="T123">
                    <a:pos x="T38" y="T39"/>
                  </a:cxn>
                  <a:cxn ang="T124">
                    <a:pos x="T40" y="T41"/>
                  </a:cxn>
                  <a:cxn ang="T125">
                    <a:pos x="T42" y="T43"/>
                  </a:cxn>
                  <a:cxn ang="T126">
                    <a:pos x="T44" y="T45"/>
                  </a:cxn>
                  <a:cxn ang="T127">
                    <a:pos x="T46" y="T47"/>
                  </a:cxn>
                  <a:cxn ang="T128">
                    <a:pos x="T48" y="T49"/>
                  </a:cxn>
                  <a:cxn ang="T129">
                    <a:pos x="T50" y="T51"/>
                  </a:cxn>
                  <a:cxn ang="T130">
                    <a:pos x="T52" y="T53"/>
                  </a:cxn>
                  <a:cxn ang="T131">
                    <a:pos x="T54" y="T55"/>
                  </a:cxn>
                  <a:cxn ang="T132">
                    <a:pos x="T56" y="T57"/>
                  </a:cxn>
                  <a:cxn ang="T133">
                    <a:pos x="T58" y="T59"/>
                  </a:cxn>
                  <a:cxn ang="T134">
                    <a:pos x="T60" y="T61"/>
                  </a:cxn>
                  <a:cxn ang="T135">
                    <a:pos x="T62" y="T63"/>
                  </a:cxn>
                  <a:cxn ang="T136">
                    <a:pos x="T64" y="T65"/>
                  </a:cxn>
                  <a:cxn ang="T137">
                    <a:pos x="T66" y="T67"/>
                  </a:cxn>
                  <a:cxn ang="T138">
                    <a:pos x="T68" y="T69"/>
                  </a:cxn>
                  <a:cxn ang="T139">
                    <a:pos x="T70" y="T71"/>
                  </a:cxn>
                  <a:cxn ang="T140">
                    <a:pos x="T72" y="T73"/>
                  </a:cxn>
                  <a:cxn ang="T141">
                    <a:pos x="T74" y="T75"/>
                  </a:cxn>
                  <a:cxn ang="T142">
                    <a:pos x="T76" y="T77"/>
                  </a:cxn>
                  <a:cxn ang="T143">
                    <a:pos x="T78" y="T79"/>
                  </a:cxn>
                  <a:cxn ang="T144">
                    <a:pos x="T80" y="T81"/>
                  </a:cxn>
                  <a:cxn ang="T145">
                    <a:pos x="T82" y="T83"/>
                  </a:cxn>
                  <a:cxn ang="T146">
                    <a:pos x="T84" y="T85"/>
                  </a:cxn>
                  <a:cxn ang="T147">
                    <a:pos x="T86" y="T87"/>
                  </a:cxn>
                  <a:cxn ang="T148">
                    <a:pos x="T88" y="T89"/>
                  </a:cxn>
                  <a:cxn ang="T149">
                    <a:pos x="T90" y="T91"/>
                  </a:cxn>
                  <a:cxn ang="T150">
                    <a:pos x="T92" y="T93"/>
                  </a:cxn>
                  <a:cxn ang="T151">
                    <a:pos x="T94" y="T95"/>
                  </a:cxn>
                  <a:cxn ang="T152">
                    <a:pos x="T96" y="T97"/>
                  </a:cxn>
                  <a:cxn ang="T153">
                    <a:pos x="T98" y="T99"/>
                  </a:cxn>
                  <a:cxn ang="T154">
                    <a:pos x="T100" y="T101"/>
                  </a:cxn>
                  <a:cxn ang="T155">
                    <a:pos x="T102" y="T103"/>
                  </a:cxn>
                </a:cxnLst>
                <a:rect l="T156" t="T157" r="T158" b="T159"/>
                <a:pathLst>
                  <a:path w="516" h="557">
                    <a:moveTo>
                      <a:pt x="492" y="498"/>
                    </a:moveTo>
                    <a:lnTo>
                      <a:pt x="487" y="493"/>
                    </a:lnTo>
                    <a:lnTo>
                      <a:pt x="485" y="490"/>
                    </a:lnTo>
                    <a:lnTo>
                      <a:pt x="490" y="488"/>
                    </a:lnTo>
                    <a:lnTo>
                      <a:pt x="492" y="474"/>
                    </a:lnTo>
                    <a:lnTo>
                      <a:pt x="489" y="474"/>
                    </a:lnTo>
                    <a:lnTo>
                      <a:pt x="489" y="471"/>
                    </a:lnTo>
                    <a:lnTo>
                      <a:pt x="490" y="464"/>
                    </a:lnTo>
                    <a:lnTo>
                      <a:pt x="485" y="462"/>
                    </a:lnTo>
                    <a:lnTo>
                      <a:pt x="487" y="464"/>
                    </a:lnTo>
                    <a:lnTo>
                      <a:pt x="487" y="466"/>
                    </a:lnTo>
                    <a:lnTo>
                      <a:pt x="487" y="468"/>
                    </a:lnTo>
                    <a:lnTo>
                      <a:pt x="487" y="469"/>
                    </a:lnTo>
                    <a:lnTo>
                      <a:pt x="487" y="468"/>
                    </a:lnTo>
                    <a:lnTo>
                      <a:pt x="485" y="464"/>
                    </a:lnTo>
                    <a:lnTo>
                      <a:pt x="482" y="457"/>
                    </a:lnTo>
                    <a:lnTo>
                      <a:pt x="480" y="449"/>
                    </a:lnTo>
                    <a:lnTo>
                      <a:pt x="480" y="446"/>
                    </a:lnTo>
                    <a:lnTo>
                      <a:pt x="480" y="444"/>
                    </a:lnTo>
                    <a:lnTo>
                      <a:pt x="482" y="444"/>
                    </a:lnTo>
                    <a:lnTo>
                      <a:pt x="485" y="446"/>
                    </a:lnTo>
                    <a:lnTo>
                      <a:pt x="487" y="449"/>
                    </a:lnTo>
                    <a:lnTo>
                      <a:pt x="489" y="451"/>
                    </a:lnTo>
                    <a:lnTo>
                      <a:pt x="489" y="432"/>
                    </a:lnTo>
                    <a:lnTo>
                      <a:pt x="485" y="425"/>
                    </a:lnTo>
                    <a:lnTo>
                      <a:pt x="487" y="427"/>
                    </a:lnTo>
                    <a:lnTo>
                      <a:pt x="489" y="427"/>
                    </a:lnTo>
                    <a:lnTo>
                      <a:pt x="490" y="427"/>
                    </a:lnTo>
                    <a:lnTo>
                      <a:pt x="494" y="427"/>
                    </a:lnTo>
                    <a:lnTo>
                      <a:pt x="496" y="427"/>
                    </a:lnTo>
                    <a:lnTo>
                      <a:pt x="497" y="427"/>
                    </a:lnTo>
                    <a:lnTo>
                      <a:pt x="497" y="418"/>
                    </a:lnTo>
                    <a:lnTo>
                      <a:pt x="497" y="412"/>
                    </a:lnTo>
                    <a:lnTo>
                      <a:pt x="497" y="407"/>
                    </a:lnTo>
                    <a:lnTo>
                      <a:pt x="497" y="403"/>
                    </a:lnTo>
                    <a:lnTo>
                      <a:pt x="497" y="400"/>
                    </a:lnTo>
                    <a:lnTo>
                      <a:pt x="499" y="398"/>
                    </a:lnTo>
                    <a:lnTo>
                      <a:pt x="504" y="398"/>
                    </a:lnTo>
                    <a:lnTo>
                      <a:pt x="506" y="396"/>
                    </a:lnTo>
                    <a:lnTo>
                      <a:pt x="507" y="395"/>
                    </a:lnTo>
                    <a:lnTo>
                      <a:pt x="507" y="393"/>
                    </a:lnTo>
                    <a:lnTo>
                      <a:pt x="507" y="391"/>
                    </a:lnTo>
                    <a:lnTo>
                      <a:pt x="506" y="391"/>
                    </a:lnTo>
                    <a:lnTo>
                      <a:pt x="506" y="390"/>
                    </a:lnTo>
                    <a:lnTo>
                      <a:pt x="504" y="390"/>
                    </a:lnTo>
                    <a:lnTo>
                      <a:pt x="499" y="386"/>
                    </a:lnTo>
                    <a:lnTo>
                      <a:pt x="497" y="385"/>
                    </a:lnTo>
                    <a:lnTo>
                      <a:pt x="496" y="383"/>
                    </a:lnTo>
                    <a:lnTo>
                      <a:pt x="497" y="381"/>
                    </a:lnTo>
                    <a:lnTo>
                      <a:pt x="499" y="380"/>
                    </a:lnTo>
                    <a:lnTo>
                      <a:pt x="501" y="380"/>
                    </a:lnTo>
                    <a:lnTo>
                      <a:pt x="502" y="380"/>
                    </a:lnTo>
                    <a:lnTo>
                      <a:pt x="504" y="378"/>
                    </a:lnTo>
                    <a:lnTo>
                      <a:pt x="501" y="371"/>
                    </a:lnTo>
                    <a:lnTo>
                      <a:pt x="501" y="364"/>
                    </a:lnTo>
                    <a:lnTo>
                      <a:pt x="502" y="361"/>
                    </a:lnTo>
                    <a:lnTo>
                      <a:pt x="504" y="356"/>
                    </a:lnTo>
                    <a:lnTo>
                      <a:pt x="506" y="354"/>
                    </a:lnTo>
                    <a:lnTo>
                      <a:pt x="507" y="352"/>
                    </a:lnTo>
                    <a:lnTo>
                      <a:pt x="509" y="352"/>
                    </a:lnTo>
                    <a:lnTo>
                      <a:pt x="509" y="351"/>
                    </a:lnTo>
                    <a:lnTo>
                      <a:pt x="509" y="344"/>
                    </a:lnTo>
                    <a:lnTo>
                      <a:pt x="516" y="339"/>
                    </a:lnTo>
                    <a:lnTo>
                      <a:pt x="514" y="330"/>
                    </a:lnTo>
                    <a:lnTo>
                      <a:pt x="506" y="329"/>
                    </a:lnTo>
                    <a:lnTo>
                      <a:pt x="502" y="324"/>
                    </a:lnTo>
                    <a:lnTo>
                      <a:pt x="504" y="324"/>
                    </a:lnTo>
                    <a:lnTo>
                      <a:pt x="504" y="322"/>
                    </a:lnTo>
                    <a:lnTo>
                      <a:pt x="502" y="320"/>
                    </a:lnTo>
                    <a:lnTo>
                      <a:pt x="502" y="319"/>
                    </a:lnTo>
                    <a:lnTo>
                      <a:pt x="502" y="317"/>
                    </a:lnTo>
                    <a:lnTo>
                      <a:pt x="502" y="315"/>
                    </a:lnTo>
                    <a:lnTo>
                      <a:pt x="502" y="314"/>
                    </a:lnTo>
                    <a:lnTo>
                      <a:pt x="502" y="312"/>
                    </a:lnTo>
                    <a:lnTo>
                      <a:pt x="501" y="298"/>
                    </a:lnTo>
                    <a:lnTo>
                      <a:pt x="496" y="288"/>
                    </a:lnTo>
                    <a:lnTo>
                      <a:pt x="490" y="280"/>
                    </a:lnTo>
                    <a:lnTo>
                      <a:pt x="484" y="271"/>
                    </a:lnTo>
                    <a:lnTo>
                      <a:pt x="477" y="266"/>
                    </a:lnTo>
                    <a:lnTo>
                      <a:pt x="470" y="263"/>
                    </a:lnTo>
                    <a:lnTo>
                      <a:pt x="467" y="259"/>
                    </a:lnTo>
                    <a:lnTo>
                      <a:pt x="465" y="258"/>
                    </a:lnTo>
                    <a:lnTo>
                      <a:pt x="463" y="242"/>
                    </a:lnTo>
                    <a:lnTo>
                      <a:pt x="460" y="232"/>
                    </a:lnTo>
                    <a:lnTo>
                      <a:pt x="453" y="224"/>
                    </a:lnTo>
                    <a:lnTo>
                      <a:pt x="446" y="219"/>
                    </a:lnTo>
                    <a:lnTo>
                      <a:pt x="440" y="215"/>
                    </a:lnTo>
                    <a:lnTo>
                      <a:pt x="435" y="214"/>
                    </a:lnTo>
                    <a:lnTo>
                      <a:pt x="430" y="212"/>
                    </a:lnTo>
                    <a:lnTo>
                      <a:pt x="428" y="212"/>
                    </a:lnTo>
                    <a:lnTo>
                      <a:pt x="428" y="210"/>
                    </a:lnTo>
                    <a:lnTo>
                      <a:pt x="424" y="209"/>
                    </a:lnTo>
                    <a:lnTo>
                      <a:pt x="419" y="204"/>
                    </a:lnTo>
                    <a:lnTo>
                      <a:pt x="414" y="200"/>
                    </a:lnTo>
                    <a:lnTo>
                      <a:pt x="409" y="195"/>
                    </a:lnTo>
                    <a:lnTo>
                      <a:pt x="406" y="190"/>
                    </a:lnTo>
                    <a:lnTo>
                      <a:pt x="402" y="187"/>
                    </a:lnTo>
                    <a:lnTo>
                      <a:pt x="401" y="183"/>
                    </a:lnTo>
                    <a:lnTo>
                      <a:pt x="397" y="175"/>
                    </a:lnTo>
                    <a:lnTo>
                      <a:pt x="392" y="168"/>
                    </a:lnTo>
                    <a:lnTo>
                      <a:pt x="389" y="163"/>
                    </a:lnTo>
                    <a:lnTo>
                      <a:pt x="384" y="161"/>
                    </a:lnTo>
                    <a:lnTo>
                      <a:pt x="380" y="160"/>
                    </a:lnTo>
                    <a:lnTo>
                      <a:pt x="377" y="160"/>
                    </a:lnTo>
                    <a:lnTo>
                      <a:pt x="374" y="160"/>
                    </a:lnTo>
                    <a:lnTo>
                      <a:pt x="372" y="158"/>
                    </a:lnTo>
                    <a:lnTo>
                      <a:pt x="370" y="154"/>
                    </a:lnTo>
                    <a:lnTo>
                      <a:pt x="367" y="153"/>
                    </a:lnTo>
                    <a:lnTo>
                      <a:pt x="365" y="149"/>
                    </a:lnTo>
                    <a:lnTo>
                      <a:pt x="362" y="143"/>
                    </a:lnTo>
                    <a:lnTo>
                      <a:pt x="358" y="138"/>
                    </a:lnTo>
                    <a:lnTo>
                      <a:pt x="355" y="134"/>
                    </a:lnTo>
                    <a:lnTo>
                      <a:pt x="352" y="132"/>
                    </a:lnTo>
                    <a:lnTo>
                      <a:pt x="348" y="131"/>
                    </a:lnTo>
                    <a:lnTo>
                      <a:pt x="347" y="132"/>
                    </a:lnTo>
                    <a:lnTo>
                      <a:pt x="343" y="132"/>
                    </a:lnTo>
                    <a:lnTo>
                      <a:pt x="336" y="131"/>
                    </a:lnTo>
                    <a:lnTo>
                      <a:pt x="331" y="129"/>
                    </a:lnTo>
                    <a:lnTo>
                      <a:pt x="328" y="124"/>
                    </a:lnTo>
                    <a:lnTo>
                      <a:pt x="325" y="119"/>
                    </a:lnTo>
                    <a:lnTo>
                      <a:pt x="321" y="114"/>
                    </a:lnTo>
                    <a:lnTo>
                      <a:pt x="320" y="110"/>
                    </a:lnTo>
                    <a:lnTo>
                      <a:pt x="318" y="107"/>
                    </a:lnTo>
                    <a:lnTo>
                      <a:pt x="318" y="105"/>
                    </a:lnTo>
                    <a:lnTo>
                      <a:pt x="313" y="102"/>
                    </a:lnTo>
                    <a:lnTo>
                      <a:pt x="306" y="95"/>
                    </a:lnTo>
                    <a:lnTo>
                      <a:pt x="301" y="88"/>
                    </a:lnTo>
                    <a:lnTo>
                      <a:pt x="296" y="82"/>
                    </a:lnTo>
                    <a:lnTo>
                      <a:pt x="292" y="75"/>
                    </a:lnTo>
                    <a:lnTo>
                      <a:pt x="291" y="68"/>
                    </a:lnTo>
                    <a:lnTo>
                      <a:pt x="287" y="65"/>
                    </a:lnTo>
                    <a:lnTo>
                      <a:pt x="287" y="63"/>
                    </a:lnTo>
                    <a:lnTo>
                      <a:pt x="287" y="61"/>
                    </a:lnTo>
                    <a:lnTo>
                      <a:pt x="284" y="61"/>
                    </a:lnTo>
                    <a:lnTo>
                      <a:pt x="282" y="61"/>
                    </a:lnTo>
                    <a:lnTo>
                      <a:pt x="281" y="60"/>
                    </a:lnTo>
                    <a:lnTo>
                      <a:pt x="274" y="60"/>
                    </a:lnTo>
                    <a:lnTo>
                      <a:pt x="267" y="58"/>
                    </a:lnTo>
                    <a:lnTo>
                      <a:pt x="262" y="56"/>
                    </a:lnTo>
                    <a:lnTo>
                      <a:pt x="259" y="55"/>
                    </a:lnTo>
                    <a:lnTo>
                      <a:pt x="255" y="53"/>
                    </a:lnTo>
                    <a:lnTo>
                      <a:pt x="254" y="51"/>
                    </a:lnTo>
                    <a:lnTo>
                      <a:pt x="252" y="50"/>
                    </a:lnTo>
                    <a:lnTo>
                      <a:pt x="240" y="48"/>
                    </a:lnTo>
                    <a:lnTo>
                      <a:pt x="235" y="43"/>
                    </a:lnTo>
                    <a:lnTo>
                      <a:pt x="235" y="34"/>
                    </a:lnTo>
                    <a:lnTo>
                      <a:pt x="237" y="24"/>
                    </a:lnTo>
                    <a:lnTo>
                      <a:pt x="242" y="16"/>
                    </a:lnTo>
                    <a:lnTo>
                      <a:pt x="248" y="7"/>
                    </a:lnTo>
                    <a:lnTo>
                      <a:pt x="252" y="2"/>
                    </a:lnTo>
                    <a:lnTo>
                      <a:pt x="254" y="0"/>
                    </a:lnTo>
                    <a:lnTo>
                      <a:pt x="130" y="19"/>
                    </a:lnTo>
                    <a:lnTo>
                      <a:pt x="0" y="33"/>
                    </a:lnTo>
                    <a:lnTo>
                      <a:pt x="73" y="290"/>
                    </a:lnTo>
                    <a:lnTo>
                      <a:pt x="89" y="327"/>
                    </a:lnTo>
                    <a:lnTo>
                      <a:pt x="91" y="329"/>
                    </a:lnTo>
                    <a:lnTo>
                      <a:pt x="93" y="330"/>
                    </a:lnTo>
                    <a:lnTo>
                      <a:pt x="95" y="334"/>
                    </a:lnTo>
                    <a:lnTo>
                      <a:pt x="96" y="337"/>
                    </a:lnTo>
                    <a:lnTo>
                      <a:pt x="100" y="341"/>
                    </a:lnTo>
                    <a:lnTo>
                      <a:pt x="100" y="347"/>
                    </a:lnTo>
                    <a:lnTo>
                      <a:pt x="100" y="352"/>
                    </a:lnTo>
                    <a:lnTo>
                      <a:pt x="101" y="354"/>
                    </a:lnTo>
                    <a:lnTo>
                      <a:pt x="103" y="356"/>
                    </a:lnTo>
                    <a:lnTo>
                      <a:pt x="105" y="356"/>
                    </a:lnTo>
                    <a:lnTo>
                      <a:pt x="108" y="358"/>
                    </a:lnTo>
                    <a:lnTo>
                      <a:pt x="108" y="361"/>
                    </a:lnTo>
                    <a:lnTo>
                      <a:pt x="108" y="364"/>
                    </a:lnTo>
                    <a:lnTo>
                      <a:pt x="105" y="369"/>
                    </a:lnTo>
                    <a:lnTo>
                      <a:pt x="98" y="376"/>
                    </a:lnTo>
                    <a:lnTo>
                      <a:pt x="98" y="378"/>
                    </a:lnTo>
                    <a:lnTo>
                      <a:pt x="96" y="378"/>
                    </a:lnTo>
                    <a:lnTo>
                      <a:pt x="96" y="381"/>
                    </a:lnTo>
                    <a:lnTo>
                      <a:pt x="96" y="383"/>
                    </a:lnTo>
                    <a:lnTo>
                      <a:pt x="95" y="388"/>
                    </a:lnTo>
                    <a:lnTo>
                      <a:pt x="95" y="393"/>
                    </a:lnTo>
                    <a:lnTo>
                      <a:pt x="95" y="400"/>
                    </a:lnTo>
                    <a:lnTo>
                      <a:pt x="95" y="407"/>
                    </a:lnTo>
                    <a:lnTo>
                      <a:pt x="95" y="410"/>
                    </a:lnTo>
                    <a:lnTo>
                      <a:pt x="93" y="413"/>
                    </a:lnTo>
                    <a:lnTo>
                      <a:pt x="93" y="418"/>
                    </a:lnTo>
                    <a:lnTo>
                      <a:pt x="93" y="424"/>
                    </a:lnTo>
                    <a:lnTo>
                      <a:pt x="93" y="432"/>
                    </a:lnTo>
                    <a:lnTo>
                      <a:pt x="95" y="439"/>
                    </a:lnTo>
                    <a:lnTo>
                      <a:pt x="98" y="446"/>
                    </a:lnTo>
                    <a:lnTo>
                      <a:pt x="103" y="451"/>
                    </a:lnTo>
                    <a:lnTo>
                      <a:pt x="103" y="454"/>
                    </a:lnTo>
                    <a:lnTo>
                      <a:pt x="103" y="457"/>
                    </a:lnTo>
                    <a:lnTo>
                      <a:pt x="105" y="464"/>
                    </a:lnTo>
                    <a:lnTo>
                      <a:pt x="105" y="471"/>
                    </a:lnTo>
                    <a:lnTo>
                      <a:pt x="105" y="478"/>
                    </a:lnTo>
                    <a:lnTo>
                      <a:pt x="105" y="483"/>
                    </a:lnTo>
                    <a:lnTo>
                      <a:pt x="105" y="488"/>
                    </a:lnTo>
                    <a:lnTo>
                      <a:pt x="105" y="490"/>
                    </a:lnTo>
                    <a:lnTo>
                      <a:pt x="122" y="522"/>
                    </a:lnTo>
                    <a:lnTo>
                      <a:pt x="139" y="554"/>
                    </a:lnTo>
                    <a:lnTo>
                      <a:pt x="418" y="535"/>
                    </a:lnTo>
                    <a:lnTo>
                      <a:pt x="428" y="557"/>
                    </a:lnTo>
                    <a:lnTo>
                      <a:pt x="443" y="557"/>
                    </a:lnTo>
                    <a:lnTo>
                      <a:pt x="443" y="556"/>
                    </a:lnTo>
                    <a:lnTo>
                      <a:pt x="441" y="552"/>
                    </a:lnTo>
                    <a:lnTo>
                      <a:pt x="441" y="549"/>
                    </a:lnTo>
                    <a:lnTo>
                      <a:pt x="441" y="544"/>
                    </a:lnTo>
                    <a:lnTo>
                      <a:pt x="440" y="539"/>
                    </a:lnTo>
                    <a:lnTo>
                      <a:pt x="440" y="534"/>
                    </a:lnTo>
                    <a:lnTo>
                      <a:pt x="440" y="530"/>
                    </a:lnTo>
                    <a:lnTo>
                      <a:pt x="440" y="528"/>
                    </a:lnTo>
                    <a:lnTo>
                      <a:pt x="435" y="520"/>
                    </a:lnTo>
                    <a:lnTo>
                      <a:pt x="435" y="512"/>
                    </a:lnTo>
                    <a:lnTo>
                      <a:pt x="435" y="506"/>
                    </a:lnTo>
                    <a:lnTo>
                      <a:pt x="438" y="503"/>
                    </a:lnTo>
                    <a:lnTo>
                      <a:pt x="441" y="500"/>
                    </a:lnTo>
                    <a:lnTo>
                      <a:pt x="443" y="498"/>
                    </a:lnTo>
                    <a:lnTo>
                      <a:pt x="446" y="498"/>
                    </a:lnTo>
                    <a:lnTo>
                      <a:pt x="448" y="498"/>
                    </a:lnTo>
                    <a:lnTo>
                      <a:pt x="453" y="501"/>
                    </a:lnTo>
                    <a:lnTo>
                      <a:pt x="462" y="503"/>
                    </a:lnTo>
                    <a:lnTo>
                      <a:pt x="468" y="505"/>
                    </a:lnTo>
                    <a:lnTo>
                      <a:pt x="475" y="506"/>
                    </a:lnTo>
                    <a:lnTo>
                      <a:pt x="482" y="506"/>
                    </a:lnTo>
                    <a:lnTo>
                      <a:pt x="485" y="506"/>
                    </a:lnTo>
                    <a:lnTo>
                      <a:pt x="489" y="506"/>
                    </a:lnTo>
                    <a:lnTo>
                      <a:pt x="490" y="506"/>
                    </a:lnTo>
                    <a:lnTo>
                      <a:pt x="492" y="498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787" name="Group 183"/>
            <p:cNvGrpSpPr>
              <a:grpSpLocks/>
            </p:cNvGrpSpPr>
            <p:nvPr/>
          </p:nvGrpSpPr>
          <p:grpSpPr bwMode="auto">
            <a:xfrm>
              <a:off x="4720" y="1593"/>
              <a:ext cx="332" cy="182"/>
              <a:chOff x="4972" y="1195"/>
              <a:chExt cx="342" cy="188"/>
            </a:xfrm>
          </p:grpSpPr>
          <p:sp>
            <p:nvSpPr>
              <p:cNvPr id="790" name="Freeform 184"/>
              <p:cNvSpPr>
                <a:spLocks/>
              </p:cNvSpPr>
              <p:nvPr/>
            </p:nvSpPr>
            <p:spPr bwMode="auto">
              <a:xfrm>
                <a:off x="5289" y="1356"/>
                <a:ext cx="25" cy="17"/>
              </a:xfrm>
              <a:custGeom>
                <a:avLst/>
                <a:gdLst>
                  <a:gd name="T0" fmla="*/ 0 w 25"/>
                  <a:gd name="T1" fmla="*/ 17 h 17"/>
                  <a:gd name="T2" fmla="*/ 2 w 25"/>
                  <a:gd name="T3" fmla="*/ 17 h 17"/>
                  <a:gd name="T4" fmla="*/ 7 w 25"/>
                  <a:gd name="T5" fmla="*/ 17 h 17"/>
                  <a:gd name="T6" fmla="*/ 12 w 25"/>
                  <a:gd name="T7" fmla="*/ 17 h 17"/>
                  <a:gd name="T8" fmla="*/ 19 w 25"/>
                  <a:gd name="T9" fmla="*/ 15 h 17"/>
                  <a:gd name="T10" fmla="*/ 24 w 25"/>
                  <a:gd name="T11" fmla="*/ 13 h 17"/>
                  <a:gd name="T12" fmla="*/ 25 w 25"/>
                  <a:gd name="T13" fmla="*/ 10 h 17"/>
                  <a:gd name="T14" fmla="*/ 24 w 25"/>
                  <a:gd name="T15" fmla="*/ 6 h 17"/>
                  <a:gd name="T16" fmla="*/ 19 w 25"/>
                  <a:gd name="T17" fmla="*/ 1 h 17"/>
                  <a:gd name="T18" fmla="*/ 19 w 25"/>
                  <a:gd name="T19" fmla="*/ 0 h 17"/>
                  <a:gd name="T20" fmla="*/ 17 w 25"/>
                  <a:gd name="T21" fmla="*/ 0 h 17"/>
                  <a:gd name="T22" fmla="*/ 15 w 25"/>
                  <a:gd name="T23" fmla="*/ 3 h 17"/>
                  <a:gd name="T24" fmla="*/ 15 w 25"/>
                  <a:gd name="T25" fmla="*/ 8 h 17"/>
                  <a:gd name="T26" fmla="*/ 13 w 25"/>
                  <a:gd name="T27" fmla="*/ 8 h 17"/>
                  <a:gd name="T28" fmla="*/ 12 w 25"/>
                  <a:gd name="T29" fmla="*/ 8 h 17"/>
                  <a:gd name="T30" fmla="*/ 8 w 25"/>
                  <a:gd name="T31" fmla="*/ 8 h 17"/>
                  <a:gd name="T32" fmla="*/ 7 w 25"/>
                  <a:gd name="T33" fmla="*/ 8 h 17"/>
                  <a:gd name="T34" fmla="*/ 3 w 25"/>
                  <a:gd name="T35" fmla="*/ 10 h 17"/>
                  <a:gd name="T36" fmla="*/ 0 w 25"/>
                  <a:gd name="T37" fmla="*/ 12 h 17"/>
                  <a:gd name="T38" fmla="*/ 0 w 25"/>
                  <a:gd name="T39" fmla="*/ 13 h 17"/>
                  <a:gd name="T40" fmla="*/ 0 w 25"/>
                  <a:gd name="T41" fmla="*/ 17 h 17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25"/>
                  <a:gd name="T64" fmla="*/ 0 h 17"/>
                  <a:gd name="T65" fmla="*/ 25 w 25"/>
                  <a:gd name="T66" fmla="*/ 17 h 17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25" h="17">
                    <a:moveTo>
                      <a:pt x="0" y="17"/>
                    </a:moveTo>
                    <a:lnTo>
                      <a:pt x="2" y="17"/>
                    </a:lnTo>
                    <a:lnTo>
                      <a:pt x="7" y="17"/>
                    </a:lnTo>
                    <a:lnTo>
                      <a:pt x="12" y="17"/>
                    </a:lnTo>
                    <a:lnTo>
                      <a:pt x="19" y="15"/>
                    </a:lnTo>
                    <a:lnTo>
                      <a:pt x="24" y="13"/>
                    </a:lnTo>
                    <a:lnTo>
                      <a:pt x="25" y="10"/>
                    </a:lnTo>
                    <a:lnTo>
                      <a:pt x="24" y="6"/>
                    </a:lnTo>
                    <a:lnTo>
                      <a:pt x="19" y="1"/>
                    </a:lnTo>
                    <a:lnTo>
                      <a:pt x="19" y="0"/>
                    </a:lnTo>
                    <a:lnTo>
                      <a:pt x="17" y="0"/>
                    </a:lnTo>
                    <a:lnTo>
                      <a:pt x="15" y="3"/>
                    </a:lnTo>
                    <a:lnTo>
                      <a:pt x="15" y="8"/>
                    </a:lnTo>
                    <a:lnTo>
                      <a:pt x="13" y="8"/>
                    </a:lnTo>
                    <a:lnTo>
                      <a:pt x="12" y="8"/>
                    </a:lnTo>
                    <a:lnTo>
                      <a:pt x="8" y="8"/>
                    </a:lnTo>
                    <a:lnTo>
                      <a:pt x="7" y="8"/>
                    </a:lnTo>
                    <a:lnTo>
                      <a:pt x="3" y="10"/>
                    </a:lnTo>
                    <a:lnTo>
                      <a:pt x="0" y="12"/>
                    </a:lnTo>
                    <a:lnTo>
                      <a:pt x="0" y="13"/>
                    </a:lnTo>
                    <a:lnTo>
                      <a:pt x="0" y="1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791" name="Freeform 185"/>
              <p:cNvSpPr>
                <a:spLocks/>
              </p:cNvSpPr>
              <p:nvPr/>
            </p:nvSpPr>
            <p:spPr bwMode="auto">
              <a:xfrm>
                <a:off x="5289" y="1356"/>
                <a:ext cx="25" cy="17"/>
              </a:xfrm>
              <a:custGeom>
                <a:avLst/>
                <a:gdLst>
                  <a:gd name="T0" fmla="*/ 0 w 25"/>
                  <a:gd name="T1" fmla="*/ 17 h 17"/>
                  <a:gd name="T2" fmla="*/ 0 w 25"/>
                  <a:gd name="T3" fmla="*/ 17 h 17"/>
                  <a:gd name="T4" fmla="*/ 2 w 25"/>
                  <a:gd name="T5" fmla="*/ 17 h 17"/>
                  <a:gd name="T6" fmla="*/ 7 w 25"/>
                  <a:gd name="T7" fmla="*/ 17 h 17"/>
                  <a:gd name="T8" fmla="*/ 12 w 25"/>
                  <a:gd name="T9" fmla="*/ 17 h 17"/>
                  <a:gd name="T10" fmla="*/ 19 w 25"/>
                  <a:gd name="T11" fmla="*/ 15 h 17"/>
                  <a:gd name="T12" fmla="*/ 24 w 25"/>
                  <a:gd name="T13" fmla="*/ 13 h 17"/>
                  <a:gd name="T14" fmla="*/ 25 w 25"/>
                  <a:gd name="T15" fmla="*/ 10 h 17"/>
                  <a:gd name="T16" fmla="*/ 24 w 25"/>
                  <a:gd name="T17" fmla="*/ 6 h 17"/>
                  <a:gd name="T18" fmla="*/ 19 w 25"/>
                  <a:gd name="T19" fmla="*/ 1 h 17"/>
                  <a:gd name="T20" fmla="*/ 19 w 25"/>
                  <a:gd name="T21" fmla="*/ 1 h 17"/>
                  <a:gd name="T22" fmla="*/ 19 w 25"/>
                  <a:gd name="T23" fmla="*/ 0 h 17"/>
                  <a:gd name="T24" fmla="*/ 17 w 25"/>
                  <a:gd name="T25" fmla="*/ 0 h 17"/>
                  <a:gd name="T26" fmla="*/ 15 w 25"/>
                  <a:gd name="T27" fmla="*/ 3 h 17"/>
                  <a:gd name="T28" fmla="*/ 15 w 25"/>
                  <a:gd name="T29" fmla="*/ 8 h 17"/>
                  <a:gd name="T30" fmla="*/ 15 w 25"/>
                  <a:gd name="T31" fmla="*/ 8 h 17"/>
                  <a:gd name="T32" fmla="*/ 13 w 25"/>
                  <a:gd name="T33" fmla="*/ 8 h 17"/>
                  <a:gd name="T34" fmla="*/ 12 w 25"/>
                  <a:gd name="T35" fmla="*/ 8 h 17"/>
                  <a:gd name="T36" fmla="*/ 8 w 25"/>
                  <a:gd name="T37" fmla="*/ 8 h 17"/>
                  <a:gd name="T38" fmla="*/ 7 w 25"/>
                  <a:gd name="T39" fmla="*/ 8 h 17"/>
                  <a:gd name="T40" fmla="*/ 3 w 25"/>
                  <a:gd name="T41" fmla="*/ 10 h 17"/>
                  <a:gd name="T42" fmla="*/ 0 w 25"/>
                  <a:gd name="T43" fmla="*/ 12 h 17"/>
                  <a:gd name="T44" fmla="*/ 0 w 25"/>
                  <a:gd name="T45" fmla="*/ 13 h 17"/>
                  <a:gd name="T46" fmla="*/ 0 w 25"/>
                  <a:gd name="T47" fmla="*/ 17 h 17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25"/>
                  <a:gd name="T73" fmla="*/ 0 h 17"/>
                  <a:gd name="T74" fmla="*/ 25 w 25"/>
                  <a:gd name="T75" fmla="*/ 17 h 17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25" h="17">
                    <a:moveTo>
                      <a:pt x="0" y="17"/>
                    </a:moveTo>
                    <a:lnTo>
                      <a:pt x="0" y="17"/>
                    </a:lnTo>
                    <a:lnTo>
                      <a:pt x="2" y="17"/>
                    </a:lnTo>
                    <a:lnTo>
                      <a:pt x="7" y="17"/>
                    </a:lnTo>
                    <a:lnTo>
                      <a:pt x="12" y="17"/>
                    </a:lnTo>
                    <a:lnTo>
                      <a:pt x="19" y="15"/>
                    </a:lnTo>
                    <a:lnTo>
                      <a:pt x="24" y="13"/>
                    </a:lnTo>
                    <a:lnTo>
                      <a:pt x="25" y="10"/>
                    </a:lnTo>
                    <a:lnTo>
                      <a:pt x="24" y="6"/>
                    </a:lnTo>
                    <a:lnTo>
                      <a:pt x="19" y="1"/>
                    </a:lnTo>
                    <a:lnTo>
                      <a:pt x="19" y="0"/>
                    </a:lnTo>
                    <a:lnTo>
                      <a:pt x="17" y="0"/>
                    </a:lnTo>
                    <a:lnTo>
                      <a:pt x="15" y="3"/>
                    </a:lnTo>
                    <a:lnTo>
                      <a:pt x="15" y="8"/>
                    </a:lnTo>
                    <a:lnTo>
                      <a:pt x="13" y="8"/>
                    </a:lnTo>
                    <a:lnTo>
                      <a:pt x="12" y="8"/>
                    </a:lnTo>
                    <a:lnTo>
                      <a:pt x="8" y="8"/>
                    </a:lnTo>
                    <a:lnTo>
                      <a:pt x="7" y="8"/>
                    </a:lnTo>
                    <a:lnTo>
                      <a:pt x="3" y="10"/>
                    </a:lnTo>
                    <a:lnTo>
                      <a:pt x="0" y="12"/>
                    </a:lnTo>
                    <a:lnTo>
                      <a:pt x="0" y="13"/>
                    </a:lnTo>
                    <a:lnTo>
                      <a:pt x="0" y="1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792" name="Freeform 186"/>
              <p:cNvSpPr>
                <a:spLocks/>
              </p:cNvSpPr>
              <p:nvPr/>
            </p:nvSpPr>
            <p:spPr bwMode="auto">
              <a:xfrm>
                <a:off x="5235" y="1357"/>
                <a:ext cx="29" cy="26"/>
              </a:xfrm>
              <a:custGeom>
                <a:avLst/>
                <a:gdLst>
                  <a:gd name="T0" fmla="*/ 0 w 29"/>
                  <a:gd name="T1" fmla="*/ 19 h 26"/>
                  <a:gd name="T2" fmla="*/ 3 w 29"/>
                  <a:gd name="T3" fmla="*/ 26 h 26"/>
                  <a:gd name="T4" fmla="*/ 5 w 29"/>
                  <a:gd name="T5" fmla="*/ 26 h 26"/>
                  <a:gd name="T6" fmla="*/ 7 w 29"/>
                  <a:gd name="T7" fmla="*/ 24 h 26"/>
                  <a:gd name="T8" fmla="*/ 8 w 29"/>
                  <a:gd name="T9" fmla="*/ 21 h 26"/>
                  <a:gd name="T10" fmla="*/ 12 w 29"/>
                  <a:gd name="T11" fmla="*/ 19 h 26"/>
                  <a:gd name="T12" fmla="*/ 17 w 29"/>
                  <a:gd name="T13" fmla="*/ 16 h 26"/>
                  <a:gd name="T14" fmla="*/ 20 w 29"/>
                  <a:gd name="T15" fmla="*/ 12 h 26"/>
                  <a:gd name="T16" fmla="*/ 25 w 29"/>
                  <a:gd name="T17" fmla="*/ 12 h 26"/>
                  <a:gd name="T18" fmla="*/ 29 w 29"/>
                  <a:gd name="T19" fmla="*/ 11 h 26"/>
                  <a:gd name="T20" fmla="*/ 29 w 29"/>
                  <a:gd name="T21" fmla="*/ 9 h 26"/>
                  <a:gd name="T22" fmla="*/ 29 w 29"/>
                  <a:gd name="T23" fmla="*/ 5 h 26"/>
                  <a:gd name="T24" fmla="*/ 27 w 29"/>
                  <a:gd name="T25" fmla="*/ 4 h 26"/>
                  <a:gd name="T26" fmla="*/ 22 w 29"/>
                  <a:gd name="T27" fmla="*/ 4 h 26"/>
                  <a:gd name="T28" fmla="*/ 20 w 29"/>
                  <a:gd name="T29" fmla="*/ 4 h 26"/>
                  <a:gd name="T30" fmla="*/ 18 w 29"/>
                  <a:gd name="T31" fmla="*/ 2 h 26"/>
                  <a:gd name="T32" fmla="*/ 15 w 29"/>
                  <a:gd name="T33" fmla="*/ 0 h 26"/>
                  <a:gd name="T34" fmla="*/ 13 w 29"/>
                  <a:gd name="T35" fmla="*/ 0 h 26"/>
                  <a:gd name="T36" fmla="*/ 10 w 29"/>
                  <a:gd name="T37" fmla="*/ 4 h 26"/>
                  <a:gd name="T38" fmla="*/ 10 w 29"/>
                  <a:gd name="T39" fmla="*/ 7 h 26"/>
                  <a:gd name="T40" fmla="*/ 8 w 29"/>
                  <a:gd name="T41" fmla="*/ 11 h 26"/>
                  <a:gd name="T42" fmla="*/ 8 w 29"/>
                  <a:gd name="T43" fmla="*/ 14 h 26"/>
                  <a:gd name="T44" fmla="*/ 3 w 29"/>
                  <a:gd name="T45" fmla="*/ 17 h 26"/>
                  <a:gd name="T46" fmla="*/ 0 w 29"/>
                  <a:gd name="T47" fmla="*/ 19 h 2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29"/>
                  <a:gd name="T73" fmla="*/ 0 h 26"/>
                  <a:gd name="T74" fmla="*/ 29 w 29"/>
                  <a:gd name="T75" fmla="*/ 26 h 26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29" h="26">
                    <a:moveTo>
                      <a:pt x="0" y="19"/>
                    </a:moveTo>
                    <a:lnTo>
                      <a:pt x="3" y="26"/>
                    </a:lnTo>
                    <a:lnTo>
                      <a:pt x="5" y="26"/>
                    </a:lnTo>
                    <a:lnTo>
                      <a:pt x="7" y="24"/>
                    </a:lnTo>
                    <a:lnTo>
                      <a:pt x="8" y="21"/>
                    </a:lnTo>
                    <a:lnTo>
                      <a:pt x="12" y="19"/>
                    </a:lnTo>
                    <a:lnTo>
                      <a:pt x="17" y="16"/>
                    </a:lnTo>
                    <a:lnTo>
                      <a:pt x="20" y="12"/>
                    </a:lnTo>
                    <a:lnTo>
                      <a:pt x="25" y="12"/>
                    </a:lnTo>
                    <a:lnTo>
                      <a:pt x="29" y="11"/>
                    </a:lnTo>
                    <a:lnTo>
                      <a:pt x="29" y="9"/>
                    </a:lnTo>
                    <a:lnTo>
                      <a:pt x="29" y="5"/>
                    </a:lnTo>
                    <a:lnTo>
                      <a:pt x="27" y="4"/>
                    </a:lnTo>
                    <a:lnTo>
                      <a:pt x="22" y="4"/>
                    </a:lnTo>
                    <a:lnTo>
                      <a:pt x="20" y="4"/>
                    </a:lnTo>
                    <a:lnTo>
                      <a:pt x="18" y="2"/>
                    </a:lnTo>
                    <a:lnTo>
                      <a:pt x="15" y="0"/>
                    </a:lnTo>
                    <a:lnTo>
                      <a:pt x="13" y="0"/>
                    </a:lnTo>
                    <a:lnTo>
                      <a:pt x="10" y="4"/>
                    </a:lnTo>
                    <a:lnTo>
                      <a:pt x="10" y="7"/>
                    </a:lnTo>
                    <a:lnTo>
                      <a:pt x="8" y="11"/>
                    </a:lnTo>
                    <a:lnTo>
                      <a:pt x="8" y="14"/>
                    </a:lnTo>
                    <a:lnTo>
                      <a:pt x="3" y="17"/>
                    </a:lnTo>
                    <a:lnTo>
                      <a:pt x="0" y="1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793" name="Freeform 187"/>
              <p:cNvSpPr>
                <a:spLocks/>
              </p:cNvSpPr>
              <p:nvPr/>
            </p:nvSpPr>
            <p:spPr bwMode="auto">
              <a:xfrm>
                <a:off x="5235" y="1357"/>
                <a:ext cx="29" cy="26"/>
              </a:xfrm>
              <a:custGeom>
                <a:avLst/>
                <a:gdLst>
                  <a:gd name="T0" fmla="*/ 0 w 29"/>
                  <a:gd name="T1" fmla="*/ 19 h 26"/>
                  <a:gd name="T2" fmla="*/ 3 w 29"/>
                  <a:gd name="T3" fmla="*/ 26 h 26"/>
                  <a:gd name="T4" fmla="*/ 3 w 29"/>
                  <a:gd name="T5" fmla="*/ 26 h 26"/>
                  <a:gd name="T6" fmla="*/ 5 w 29"/>
                  <a:gd name="T7" fmla="*/ 26 h 26"/>
                  <a:gd name="T8" fmla="*/ 7 w 29"/>
                  <a:gd name="T9" fmla="*/ 24 h 26"/>
                  <a:gd name="T10" fmla="*/ 8 w 29"/>
                  <a:gd name="T11" fmla="*/ 21 h 26"/>
                  <a:gd name="T12" fmla="*/ 12 w 29"/>
                  <a:gd name="T13" fmla="*/ 19 h 26"/>
                  <a:gd name="T14" fmla="*/ 17 w 29"/>
                  <a:gd name="T15" fmla="*/ 16 h 26"/>
                  <a:gd name="T16" fmla="*/ 20 w 29"/>
                  <a:gd name="T17" fmla="*/ 12 h 26"/>
                  <a:gd name="T18" fmla="*/ 25 w 29"/>
                  <a:gd name="T19" fmla="*/ 12 h 26"/>
                  <a:gd name="T20" fmla="*/ 29 w 29"/>
                  <a:gd name="T21" fmla="*/ 11 h 26"/>
                  <a:gd name="T22" fmla="*/ 29 w 29"/>
                  <a:gd name="T23" fmla="*/ 11 h 26"/>
                  <a:gd name="T24" fmla="*/ 29 w 29"/>
                  <a:gd name="T25" fmla="*/ 9 h 26"/>
                  <a:gd name="T26" fmla="*/ 29 w 29"/>
                  <a:gd name="T27" fmla="*/ 5 h 26"/>
                  <a:gd name="T28" fmla="*/ 27 w 29"/>
                  <a:gd name="T29" fmla="*/ 4 h 26"/>
                  <a:gd name="T30" fmla="*/ 22 w 29"/>
                  <a:gd name="T31" fmla="*/ 4 h 26"/>
                  <a:gd name="T32" fmla="*/ 22 w 29"/>
                  <a:gd name="T33" fmla="*/ 4 h 26"/>
                  <a:gd name="T34" fmla="*/ 20 w 29"/>
                  <a:gd name="T35" fmla="*/ 4 h 26"/>
                  <a:gd name="T36" fmla="*/ 18 w 29"/>
                  <a:gd name="T37" fmla="*/ 2 h 26"/>
                  <a:gd name="T38" fmla="*/ 15 w 29"/>
                  <a:gd name="T39" fmla="*/ 0 h 26"/>
                  <a:gd name="T40" fmla="*/ 13 w 29"/>
                  <a:gd name="T41" fmla="*/ 0 h 26"/>
                  <a:gd name="T42" fmla="*/ 10 w 29"/>
                  <a:gd name="T43" fmla="*/ 4 h 26"/>
                  <a:gd name="T44" fmla="*/ 10 w 29"/>
                  <a:gd name="T45" fmla="*/ 7 h 26"/>
                  <a:gd name="T46" fmla="*/ 8 w 29"/>
                  <a:gd name="T47" fmla="*/ 11 h 26"/>
                  <a:gd name="T48" fmla="*/ 8 w 29"/>
                  <a:gd name="T49" fmla="*/ 14 h 26"/>
                  <a:gd name="T50" fmla="*/ 3 w 29"/>
                  <a:gd name="T51" fmla="*/ 17 h 26"/>
                  <a:gd name="T52" fmla="*/ 0 w 29"/>
                  <a:gd name="T53" fmla="*/ 19 h 2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w 29"/>
                  <a:gd name="T82" fmla="*/ 0 h 26"/>
                  <a:gd name="T83" fmla="*/ 29 w 29"/>
                  <a:gd name="T84" fmla="*/ 26 h 2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T81" t="T82" r="T83" b="T84"/>
                <a:pathLst>
                  <a:path w="29" h="26">
                    <a:moveTo>
                      <a:pt x="0" y="19"/>
                    </a:moveTo>
                    <a:lnTo>
                      <a:pt x="3" y="26"/>
                    </a:lnTo>
                    <a:lnTo>
                      <a:pt x="5" y="26"/>
                    </a:lnTo>
                    <a:lnTo>
                      <a:pt x="7" y="24"/>
                    </a:lnTo>
                    <a:lnTo>
                      <a:pt x="8" y="21"/>
                    </a:lnTo>
                    <a:lnTo>
                      <a:pt x="12" y="19"/>
                    </a:lnTo>
                    <a:lnTo>
                      <a:pt x="17" y="16"/>
                    </a:lnTo>
                    <a:lnTo>
                      <a:pt x="20" y="12"/>
                    </a:lnTo>
                    <a:lnTo>
                      <a:pt x="25" y="12"/>
                    </a:lnTo>
                    <a:lnTo>
                      <a:pt x="29" y="11"/>
                    </a:lnTo>
                    <a:lnTo>
                      <a:pt x="29" y="9"/>
                    </a:lnTo>
                    <a:lnTo>
                      <a:pt x="29" y="5"/>
                    </a:lnTo>
                    <a:lnTo>
                      <a:pt x="27" y="4"/>
                    </a:lnTo>
                    <a:lnTo>
                      <a:pt x="22" y="4"/>
                    </a:lnTo>
                    <a:lnTo>
                      <a:pt x="20" y="4"/>
                    </a:lnTo>
                    <a:lnTo>
                      <a:pt x="18" y="2"/>
                    </a:lnTo>
                    <a:lnTo>
                      <a:pt x="15" y="0"/>
                    </a:lnTo>
                    <a:lnTo>
                      <a:pt x="13" y="0"/>
                    </a:lnTo>
                    <a:lnTo>
                      <a:pt x="10" y="4"/>
                    </a:lnTo>
                    <a:lnTo>
                      <a:pt x="10" y="7"/>
                    </a:lnTo>
                    <a:lnTo>
                      <a:pt x="8" y="11"/>
                    </a:lnTo>
                    <a:lnTo>
                      <a:pt x="8" y="14"/>
                    </a:lnTo>
                    <a:lnTo>
                      <a:pt x="3" y="17"/>
                    </a:lnTo>
                    <a:lnTo>
                      <a:pt x="0" y="19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794" name="Freeform 188"/>
              <p:cNvSpPr>
                <a:spLocks/>
              </p:cNvSpPr>
              <p:nvPr/>
            </p:nvSpPr>
            <p:spPr bwMode="auto">
              <a:xfrm>
                <a:off x="4972" y="1195"/>
                <a:ext cx="329" cy="167"/>
              </a:xfrm>
              <a:custGeom>
                <a:avLst/>
                <a:gdLst>
                  <a:gd name="T0" fmla="*/ 2 w 329"/>
                  <a:gd name="T1" fmla="*/ 69 h 167"/>
                  <a:gd name="T2" fmla="*/ 17 w 329"/>
                  <a:gd name="T3" fmla="*/ 68 h 167"/>
                  <a:gd name="T4" fmla="*/ 43 w 329"/>
                  <a:gd name="T5" fmla="*/ 61 h 167"/>
                  <a:gd name="T6" fmla="*/ 63 w 329"/>
                  <a:gd name="T7" fmla="*/ 56 h 167"/>
                  <a:gd name="T8" fmla="*/ 171 w 329"/>
                  <a:gd name="T9" fmla="*/ 32 h 167"/>
                  <a:gd name="T10" fmla="*/ 182 w 329"/>
                  <a:gd name="T11" fmla="*/ 20 h 167"/>
                  <a:gd name="T12" fmla="*/ 197 w 329"/>
                  <a:gd name="T13" fmla="*/ 3 h 167"/>
                  <a:gd name="T14" fmla="*/ 210 w 329"/>
                  <a:gd name="T15" fmla="*/ 0 h 167"/>
                  <a:gd name="T16" fmla="*/ 210 w 329"/>
                  <a:gd name="T17" fmla="*/ 2 h 167"/>
                  <a:gd name="T18" fmla="*/ 215 w 329"/>
                  <a:gd name="T19" fmla="*/ 13 h 167"/>
                  <a:gd name="T20" fmla="*/ 227 w 329"/>
                  <a:gd name="T21" fmla="*/ 22 h 167"/>
                  <a:gd name="T22" fmla="*/ 232 w 329"/>
                  <a:gd name="T23" fmla="*/ 27 h 167"/>
                  <a:gd name="T24" fmla="*/ 220 w 329"/>
                  <a:gd name="T25" fmla="*/ 41 h 167"/>
                  <a:gd name="T26" fmla="*/ 217 w 329"/>
                  <a:gd name="T27" fmla="*/ 52 h 167"/>
                  <a:gd name="T28" fmla="*/ 214 w 329"/>
                  <a:gd name="T29" fmla="*/ 73 h 167"/>
                  <a:gd name="T30" fmla="*/ 242 w 329"/>
                  <a:gd name="T31" fmla="*/ 78 h 167"/>
                  <a:gd name="T32" fmla="*/ 254 w 329"/>
                  <a:gd name="T33" fmla="*/ 91 h 167"/>
                  <a:gd name="T34" fmla="*/ 259 w 329"/>
                  <a:gd name="T35" fmla="*/ 107 h 167"/>
                  <a:gd name="T36" fmla="*/ 268 w 329"/>
                  <a:gd name="T37" fmla="*/ 107 h 167"/>
                  <a:gd name="T38" fmla="*/ 268 w 329"/>
                  <a:gd name="T39" fmla="*/ 112 h 167"/>
                  <a:gd name="T40" fmla="*/ 280 w 329"/>
                  <a:gd name="T41" fmla="*/ 120 h 167"/>
                  <a:gd name="T42" fmla="*/ 305 w 329"/>
                  <a:gd name="T43" fmla="*/ 120 h 167"/>
                  <a:gd name="T44" fmla="*/ 319 w 329"/>
                  <a:gd name="T45" fmla="*/ 105 h 167"/>
                  <a:gd name="T46" fmla="*/ 312 w 329"/>
                  <a:gd name="T47" fmla="*/ 91 h 167"/>
                  <a:gd name="T48" fmla="*/ 298 w 329"/>
                  <a:gd name="T49" fmla="*/ 81 h 167"/>
                  <a:gd name="T50" fmla="*/ 293 w 329"/>
                  <a:gd name="T51" fmla="*/ 85 h 167"/>
                  <a:gd name="T52" fmla="*/ 292 w 329"/>
                  <a:gd name="T53" fmla="*/ 78 h 167"/>
                  <a:gd name="T54" fmla="*/ 310 w 329"/>
                  <a:gd name="T55" fmla="*/ 81 h 167"/>
                  <a:gd name="T56" fmla="*/ 329 w 329"/>
                  <a:gd name="T57" fmla="*/ 113 h 167"/>
                  <a:gd name="T58" fmla="*/ 329 w 329"/>
                  <a:gd name="T59" fmla="*/ 122 h 167"/>
                  <a:gd name="T60" fmla="*/ 329 w 329"/>
                  <a:gd name="T61" fmla="*/ 125 h 167"/>
                  <a:gd name="T62" fmla="*/ 322 w 329"/>
                  <a:gd name="T63" fmla="*/ 123 h 167"/>
                  <a:gd name="T64" fmla="*/ 308 w 329"/>
                  <a:gd name="T65" fmla="*/ 132 h 167"/>
                  <a:gd name="T66" fmla="*/ 297 w 329"/>
                  <a:gd name="T67" fmla="*/ 135 h 167"/>
                  <a:gd name="T68" fmla="*/ 286 w 329"/>
                  <a:gd name="T69" fmla="*/ 147 h 167"/>
                  <a:gd name="T70" fmla="*/ 273 w 329"/>
                  <a:gd name="T71" fmla="*/ 157 h 167"/>
                  <a:gd name="T72" fmla="*/ 270 w 329"/>
                  <a:gd name="T73" fmla="*/ 134 h 167"/>
                  <a:gd name="T74" fmla="*/ 259 w 329"/>
                  <a:gd name="T75" fmla="*/ 130 h 167"/>
                  <a:gd name="T76" fmla="*/ 258 w 329"/>
                  <a:gd name="T77" fmla="*/ 152 h 167"/>
                  <a:gd name="T78" fmla="*/ 258 w 329"/>
                  <a:gd name="T79" fmla="*/ 145 h 167"/>
                  <a:gd name="T80" fmla="*/ 246 w 329"/>
                  <a:gd name="T81" fmla="*/ 151 h 167"/>
                  <a:gd name="T82" fmla="*/ 246 w 329"/>
                  <a:gd name="T83" fmla="*/ 159 h 167"/>
                  <a:gd name="T84" fmla="*/ 232 w 329"/>
                  <a:gd name="T85" fmla="*/ 167 h 167"/>
                  <a:gd name="T86" fmla="*/ 229 w 329"/>
                  <a:gd name="T87" fmla="*/ 161 h 167"/>
                  <a:gd name="T88" fmla="*/ 227 w 329"/>
                  <a:gd name="T89" fmla="*/ 156 h 167"/>
                  <a:gd name="T90" fmla="*/ 200 w 329"/>
                  <a:gd name="T91" fmla="*/ 129 h 167"/>
                  <a:gd name="T92" fmla="*/ 154 w 329"/>
                  <a:gd name="T93" fmla="*/ 122 h 167"/>
                  <a:gd name="T94" fmla="*/ 66 w 329"/>
                  <a:gd name="T95" fmla="*/ 144 h 167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w 329"/>
                  <a:gd name="T145" fmla="*/ 0 h 167"/>
                  <a:gd name="T146" fmla="*/ 329 w 329"/>
                  <a:gd name="T147" fmla="*/ 167 h 167"/>
                </a:gdLst>
                <a:ahLst/>
                <a:cxnLst>
                  <a:cxn ang="T96">
                    <a:pos x="T0" y="T1"/>
                  </a:cxn>
                  <a:cxn ang="T97">
                    <a:pos x="T2" y="T3"/>
                  </a:cxn>
                  <a:cxn ang="T98">
                    <a:pos x="T4" y="T5"/>
                  </a:cxn>
                  <a:cxn ang="T99">
                    <a:pos x="T6" y="T7"/>
                  </a:cxn>
                  <a:cxn ang="T100">
                    <a:pos x="T8" y="T9"/>
                  </a:cxn>
                  <a:cxn ang="T101">
                    <a:pos x="T10" y="T11"/>
                  </a:cxn>
                  <a:cxn ang="T102">
                    <a:pos x="T12" y="T13"/>
                  </a:cxn>
                  <a:cxn ang="T103">
                    <a:pos x="T14" y="T15"/>
                  </a:cxn>
                  <a:cxn ang="T104">
                    <a:pos x="T16" y="T17"/>
                  </a:cxn>
                  <a:cxn ang="T105">
                    <a:pos x="T18" y="T19"/>
                  </a:cxn>
                  <a:cxn ang="T106">
                    <a:pos x="T20" y="T21"/>
                  </a:cxn>
                  <a:cxn ang="T107">
                    <a:pos x="T22" y="T23"/>
                  </a:cxn>
                  <a:cxn ang="T108">
                    <a:pos x="T24" y="T25"/>
                  </a:cxn>
                  <a:cxn ang="T109">
                    <a:pos x="T26" y="T27"/>
                  </a:cxn>
                  <a:cxn ang="T110">
                    <a:pos x="T28" y="T29"/>
                  </a:cxn>
                  <a:cxn ang="T111">
                    <a:pos x="T30" y="T31"/>
                  </a:cxn>
                  <a:cxn ang="T112">
                    <a:pos x="T32" y="T33"/>
                  </a:cxn>
                  <a:cxn ang="T113">
                    <a:pos x="T34" y="T35"/>
                  </a:cxn>
                  <a:cxn ang="T114">
                    <a:pos x="T36" y="T37"/>
                  </a:cxn>
                  <a:cxn ang="T115">
                    <a:pos x="T38" y="T39"/>
                  </a:cxn>
                  <a:cxn ang="T116">
                    <a:pos x="T40" y="T41"/>
                  </a:cxn>
                  <a:cxn ang="T117">
                    <a:pos x="T42" y="T43"/>
                  </a:cxn>
                  <a:cxn ang="T118">
                    <a:pos x="T44" y="T45"/>
                  </a:cxn>
                  <a:cxn ang="T119">
                    <a:pos x="T46" y="T47"/>
                  </a:cxn>
                  <a:cxn ang="T120">
                    <a:pos x="T48" y="T49"/>
                  </a:cxn>
                  <a:cxn ang="T121">
                    <a:pos x="T50" y="T51"/>
                  </a:cxn>
                  <a:cxn ang="T122">
                    <a:pos x="T52" y="T53"/>
                  </a:cxn>
                  <a:cxn ang="T123">
                    <a:pos x="T54" y="T55"/>
                  </a:cxn>
                  <a:cxn ang="T124">
                    <a:pos x="T56" y="T57"/>
                  </a:cxn>
                  <a:cxn ang="T125">
                    <a:pos x="T58" y="T59"/>
                  </a:cxn>
                  <a:cxn ang="T126">
                    <a:pos x="T60" y="T61"/>
                  </a:cxn>
                  <a:cxn ang="T127">
                    <a:pos x="T62" y="T63"/>
                  </a:cxn>
                  <a:cxn ang="T128">
                    <a:pos x="T64" y="T65"/>
                  </a:cxn>
                  <a:cxn ang="T129">
                    <a:pos x="T66" y="T67"/>
                  </a:cxn>
                  <a:cxn ang="T130">
                    <a:pos x="T68" y="T69"/>
                  </a:cxn>
                  <a:cxn ang="T131">
                    <a:pos x="T70" y="T71"/>
                  </a:cxn>
                  <a:cxn ang="T132">
                    <a:pos x="T72" y="T73"/>
                  </a:cxn>
                  <a:cxn ang="T133">
                    <a:pos x="T74" y="T75"/>
                  </a:cxn>
                  <a:cxn ang="T134">
                    <a:pos x="T76" y="T77"/>
                  </a:cxn>
                  <a:cxn ang="T135">
                    <a:pos x="T78" y="T79"/>
                  </a:cxn>
                  <a:cxn ang="T136">
                    <a:pos x="T80" y="T81"/>
                  </a:cxn>
                  <a:cxn ang="T137">
                    <a:pos x="T82" y="T83"/>
                  </a:cxn>
                  <a:cxn ang="T138">
                    <a:pos x="T84" y="T85"/>
                  </a:cxn>
                  <a:cxn ang="T139">
                    <a:pos x="T86" y="T87"/>
                  </a:cxn>
                  <a:cxn ang="T140">
                    <a:pos x="T88" y="T89"/>
                  </a:cxn>
                  <a:cxn ang="T141">
                    <a:pos x="T90" y="T91"/>
                  </a:cxn>
                  <a:cxn ang="T142">
                    <a:pos x="T92" y="T93"/>
                  </a:cxn>
                  <a:cxn ang="T143">
                    <a:pos x="T94" y="T95"/>
                  </a:cxn>
                </a:cxnLst>
                <a:rect l="T144" t="T145" r="T146" b="T147"/>
                <a:pathLst>
                  <a:path w="329" h="167">
                    <a:moveTo>
                      <a:pt x="6" y="157"/>
                    </a:moveTo>
                    <a:lnTo>
                      <a:pt x="0" y="157"/>
                    </a:lnTo>
                    <a:lnTo>
                      <a:pt x="2" y="71"/>
                    </a:lnTo>
                    <a:lnTo>
                      <a:pt x="2" y="69"/>
                    </a:lnTo>
                    <a:lnTo>
                      <a:pt x="6" y="69"/>
                    </a:lnTo>
                    <a:lnTo>
                      <a:pt x="9" y="69"/>
                    </a:lnTo>
                    <a:lnTo>
                      <a:pt x="12" y="68"/>
                    </a:lnTo>
                    <a:lnTo>
                      <a:pt x="17" y="68"/>
                    </a:lnTo>
                    <a:lnTo>
                      <a:pt x="24" y="66"/>
                    </a:lnTo>
                    <a:lnTo>
                      <a:pt x="29" y="64"/>
                    </a:lnTo>
                    <a:lnTo>
                      <a:pt x="36" y="63"/>
                    </a:lnTo>
                    <a:lnTo>
                      <a:pt x="43" y="61"/>
                    </a:lnTo>
                    <a:lnTo>
                      <a:pt x="48" y="59"/>
                    </a:lnTo>
                    <a:lnTo>
                      <a:pt x="55" y="57"/>
                    </a:lnTo>
                    <a:lnTo>
                      <a:pt x="60" y="56"/>
                    </a:lnTo>
                    <a:lnTo>
                      <a:pt x="63" y="56"/>
                    </a:lnTo>
                    <a:lnTo>
                      <a:pt x="66" y="54"/>
                    </a:lnTo>
                    <a:lnTo>
                      <a:pt x="68" y="54"/>
                    </a:lnTo>
                    <a:lnTo>
                      <a:pt x="70" y="54"/>
                    </a:lnTo>
                    <a:lnTo>
                      <a:pt x="171" y="32"/>
                    </a:lnTo>
                    <a:lnTo>
                      <a:pt x="178" y="25"/>
                    </a:lnTo>
                    <a:lnTo>
                      <a:pt x="180" y="25"/>
                    </a:lnTo>
                    <a:lnTo>
                      <a:pt x="180" y="22"/>
                    </a:lnTo>
                    <a:lnTo>
                      <a:pt x="182" y="20"/>
                    </a:lnTo>
                    <a:lnTo>
                      <a:pt x="183" y="19"/>
                    </a:lnTo>
                    <a:lnTo>
                      <a:pt x="187" y="12"/>
                    </a:lnTo>
                    <a:lnTo>
                      <a:pt x="192" y="7"/>
                    </a:lnTo>
                    <a:lnTo>
                      <a:pt x="197" y="3"/>
                    </a:lnTo>
                    <a:lnTo>
                      <a:pt x="202" y="0"/>
                    </a:lnTo>
                    <a:lnTo>
                      <a:pt x="205" y="0"/>
                    </a:lnTo>
                    <a:lnTo>
                      <a:pt x="209" y="0"/>
                    </a:lnTo>
                    <a:lnTo>
                      <a:pt x="210" y="0"/>
                    </a:lnTo>
                    <a:lnTo>
                      <a:pt x="212" y="0"/>
                    </a:lnTo>
                    <a:lnTo>
                      <a:pt x="210" y="0"/>
                    </a:lnTo>
                    <a:lnTo>
                      <a:pt x="210" y="2"/>
                    </a:lnTo>
                    <a:lnTo>
                      <a:pt x="210" y="3"/>
                    </a:lnTo>
                    <a:lnTo>
                      <a:pt x="212" y="7"/>
                    </a:lnTo>
                    <a:lnTo>
                      <a:pt x="214" y="10"/>
                    </a:lnTo>
                    <a:lnTo>
                      <a:pt x="215" y="13"/>
                    </a:lnTo>
                    <a:lnTo>
                      <a:pt x="220" y="17"/>
                    </a:lnTo>
                    <a:lnTo>
                      <a:pt x="226" y="22"/>
                    </a:lnTo>
                    <a:lnTo>
                      <a:pt x="227" y="22"/>
                    </a:lnTo>
                    <a:lnTo>
                      <a:pt x="231" y="22"/>
                    </a:lnTo>
                    <a:lnTo>
                      <a:pt x="232" y="24"/>
                    </a:lnTo>
                    <a:lnTo>
                      <a:pt x="234" y="24"/>
                    </a:lnTo>
                    <a:lnTo>
                      <a:pt x="232" y="27"/>
                    </a:lnTo>
                    <a:lnTo>
                      <a:pt x="229" y="30"/>
                    </a:lnTo>
                    <a:lnTo>
                      <a:pt x="220" y="35"/>
                    </a:lnTo>
                    <a:lnTo>
                      <a:pt x="220" y="37"/>
                    </a:lnTo>
                    <a:lnTo>
                      <a:pt x="220" y="41"/>
                    </a:lnTo>
                    <a:lnTo>
                      <a:pt x="220" y="46"/>
                    </a:lnTo>
                    <a:lnTo>
                      <a:pt x="219" y="47"/>
                    </a:lnTo>
                    <a:lnTo>
                      <a:pt x="217" y="52"/>
                    </a:lnTo>
                    <a:lnTo>
                      <a:pt x="214" y="57"/>
                    </a:lnTo>
                    <a:lnTo>
                      <a:pt x="212" y="64"/>
                    </a:lnTo>
                    <a:lnTo>
                      <a:pt x="212" y="69"/>
                    </a:lnTo>
                    <a:lnTo>
                      <a:pt x="214" y="73"/>
                    </a:lnTo>
                    <a:lnTo>
                      <a:pt x="219" y="73"/>
                    </a:lnTo>
                    <a:lnTo>
                      <a:pt x="227" y="71"/>
                    </a:lnTo>
                    <a:lnTo>
                      <a:pt x="234" y="73"/>
                    </a:lnTo>
                    <a:lnTo>
                      <a:pt x="242" y="78"/>
                    </a:lnTo>
                    <a:lnTo>
                      <a:pt x="248" y="86"/>
                    </a:lnTo>
                    <a:lnTo>
                      <a:pt x="253" y="86"/>
                    </a:lnTo>
                    <a:lnTo>
                      <a:pt x="253" y="88"/>
                    </a:lnTo>
                    <a:lnTo>
                      <a:pt x="254" y="91"/>
                    </a:lnTo>
                    <a:lnTo>
                      <a:pt x="254" y="95"/>
                    </a:lnTo>
                    <a:lnTo>
                      <a:pt x="256" y="100"/>
                    </a:lnTo>
                    <a:lnTo>
                      <a:pt x="258" y="103"/>
                    </a:lnTo>
                    <a:lnTo>
                      <a:pt x="259" y="107"/>
                    </a:lnTo>
                    <a:lnTo>
                      <a:pt x="261" y="107"/>
                    </a:lnTo>
                    <a:lnTo>
                      <a:pt x="264" y="105"/>
                    </a:lnTo>
                    <a:lnTo>
                      <a:pt x="266" y="105"/>
                    </a:lnTo>
                    <a:lnTo>
                      <a:pt x="268" y="107"/>
                    </a:lnTo>
                    <a:lnTo>
                      <a:pt x="268" y="108"/>
                    </a:lnTo>
                    <a:lnTo>
                      <a:pt x="268" y="110"/>
                    </a:lnTo>
                    <a:lnTo>
                      <a:pt x="268" y="112"/>
                    </a:lnTo>
                    <a:lnTo>
                      <a:pt x="270" y="113"/>
                    </a:lnTo>
                    <a:lnTo>
                      <a:pt x="271" y="115"/>
                    </a:lnTo>
                    <a:lnTo>
                      <a:pt x="275" y="118"/>
                    </a:lnTo>
                    <a:lnTo>
                      <a:pt x="280" y="120"/>
                    </a:lnTo>
                    <a:lnTo>
                      <a:pt x="288" y="122"/>
                    </a:lnTo>
                    <a:lnTo>
                      <a:pt x="298" y="122"/>
                    </a:lnTo>
                    <a:lnTo>
                      <a:pt x="302" y="120"/>
                    </a:lnTo>
                    <a:lnTo>
                      <a:pt x="305" y="120"/>
                    </a:lnTo>
                    <a:lnTo>
                      <a:pt x="308" y="117"/>
                    </a:lnTo>
                    <a:lnTo>
                      <a:pt x="314" y="113"/>
                    </a:lnTo>
                    <a:lnTo>
                      <a:pt x="317" y="110"/>
                    </a:lnTo>
                    <a:lnTo>
                      <a:pt x="319" y="105"/>
                    </a:lnTo>
                    <a:lnTo>
                      <a:pt x="319" y="101"/>
                    </a:lnTo>
                    <a:lnTo>
                      <a:pt x="315" y="96"/>
                    </a:lnTo>
                    <a:lnTo>
                      <a:pt x="314" y="95"/>
                    </a:lnTo>
                    <a:lnTo>
                      <a:pt x="312" y="91"/>
                    </a:lnTo>
                    <a:lnTo>
                      <a:pt x="308" y="90"/>
                    </a:lnTo>
                    <a:lnTo>
                      <a:pt x="305" y="85"/>
                    </a:lnTo>
                    <a:lnTo>
                      <a:pt x="302" y="83"/>
                    </a:lnTo>
                    <a:lnTo>
                      <a:pt x="298" y="81"/>
                    </a:lnTo>
                    <a:lnTo>
                      <a:pt x="297" y="81"/>
                    </a:lnTo>
                    <a:lnTo>
                      <a:pt x="293" y="85"/>
                    </a:lnTo>
                    <a:lnTo>
                      <a:pt x="292" y="86"/>
                    </a:lnTo>
                    <a:lnTo>
                      <a:pt x="292" y="78"/>
                    </a:lnTo>
                    <a:lnTo>
                      <a:pt x="295" y="76"/>
                    </a:lnTo>
                    <a:lnTo>
                      <a:pt x="298" y="76"/>
                    </a:lnTo>
                    <a:lnTo>
                      <a:pt x="305" y="78"/>
                    </a:lnTo>
                    <a:lnTo>
                      <a:pt x="310" y="81"/>
                    </a:lnTo>
                    <a:lnTo>
                      <a:pt x="317" y="88"/>
                    </a:lnTo>
                    <a:lnTo>
                      <a:pt x="324" y="98"/>
                    </a:lnTo>
                    <a:lnTo>
                      <a:pt x="329" y="113"/>
                    </a:lnTo>
                    <a:lnTo>
                      <a:pt x="329" y="115"/>
                    </a:lnTo>
                    <a:lnTo>
                      <a:pt x="329" y="117"/>
                    </a:lnTo>
                    <a:lnTo>
                      <a:pt x="329" y="120"/>
                    </a:lnTo>
                    <a:lnTo>
                      <a:pt x="329" y="122"/>
                    </a:lnTo>
                    <a:lnTo>
                      <a:pt x="329" y="123"/>
                    </a:lnTo>
                    <a:lnTo>
                      <a:pt x="329" y="125"/>
                    </a:lnTo>
                    <a:lnTo>
                      <a:pt x="327" y="125"/>
                    </a:lnTo>
                    <a:lnTo>
                      <a:pt x="325" y="123"/>
                    </a:lnTo>
                    <a:lnTo>
                      <a:pt x="324" y="123"/>
                    </a:lnTo>
                    <a:lnTo>
                      <a:pt x="322" y="123"/>
                    </a:lnTo>
                    <a:lnTo>
                      <a:pt x="319" y="125"/>
                    </a:lnTo>
                    <a:lnTo>
                      <a:pt x="314" y="127"/>
                    </a:lnTo>
                    <a:lnTo>
                      <a:pt x="310" y="130"/>
                    </a:lnTo>
                    <a:lnTo>
                      <a:pt x="308" y="132"/>
                    </a:lnTo>
                    <a:lnTo>
                      <a:pt x="307" y="132"/>
                    </a:lnTo>
                    <a:lnTo>
                      <a:pt x="303" y="132"/>
                    </a:lnTo>
                    <a:lnTo>
                      <a:pt x="300" y="134"/>
                    </a:lnTo>
                    <a:lnTo>
                      <a:pt x="297" y="135"/>
                    </a:lnTo>
                    <a:lnTo>
                      <a:pt x="293" y="139"/>
                    </a:lnTo>
                    <a:lnTo>
                      <a:pt x="290" y="142"/>
                    </a:lnTo>
                    <a:lnTo>
                      <a:pt x="286" y="145"/>
                    </a:lnTo>
                    <a:lnTo>
                      <a:pt x="286" y="147"/>
                    </a:lnTo>
                    <a:lnTo>
                      <a:pt x="285" y="147"/>
                    </a:lnTo>
                    <a:lnTo>
                      <a:pt x="283" y="147"/>
                    </a:lnTo>
                    <a:lnTo>
                      <a:pt x="283" y="149"/>
                    </a:lnTo>
                    <a:lnTo>
                      <a:pt x="273" y="157"/>
                    </a:lnTo>
                    <a:lnTo>
                      <a:pt x="268" y="154"/>
                    </a:lnTo>
                    <a:lnTo>
                      <a:pt x="270" y="140"/>
                    </a:lnTo>
                    <a:lnTo>
                      <a:pt x="270" y="137"/>
                    </a:lnTo>
                    <a:lnTo>
                      <a:pt x="270" y="134"/>
                    </a:lnTo>
                    <a:lnTo>
                      <a:pt x="268" y="132"/>
                    </a:lnTo>
                    <a:lnTo>
                      <a:pt x="264" y="129"/>
                    </a:lnTo>
                    <a:lnTo>
                      <a:pt x="263" y="129"/>
                    </a:lnTo>
                    <a:lnTo>
                      <a:pt x="259" y="130"/>
                    </a:lnTo>
                    <a:lnTo>
                      <a:pt x="258" y="135"/>
                    </a:lnTo>
                    <a:lnTo>
                      <a:pt x="258" y="142"/>
                    </a:lnTo>
                    <a:lnTo>
                      <a:pt x="258" y="151"/>
                    </a:lnTo>
                    <a:lnTo>
                      <a:pt x="258" y="152"/>
                    </a:lnTo>
                    <a:lnTo>
                      <a:pt x="258" y="154"/>
                    </a:lnTo>
                    <a:lnTo>
                      <a:pt x="258" y="152"/>
                    </a:lnTo>
                    <a:lnTo>
                      <a:pt x="258" y="149"/>
                    </a:lnTo>
                    <a:lnTo>
                      <a:pt x="258" y="145"/>
                    </a:lnTo>
                    <a:lnTo>
                      <a:pt x="258" y="144"/>
                    </a:lnTo>
                    <a:lnTo>
                      <a:pt x="258" y="142"/>
                    </a:lnTo>
                    <a:lnTo>
                      <a:pt x="249" y="151"/>
                    </a:lnTo>
                    <a:lnTo>
                      <a:pt x="246" y="151"/>
                    </a:lnTo>
                    <a:lnTo>
                      <a:pt x="246" y="152"/>
                    </a:lnTo>
                    <a:lnTo>
                      <a:pt x="246" y="156"/>
                    </a:lnTo>
                    <a:lnTo>
                      <a:pt x="246" y="159"/>
                    </a:lnTo>
                    <a:lnTo>
                      <a:pt x="244" y="162"/>
                    </a:lnTo>
                    <a:lnTo>
                      <a:pt x="241" y="166"/>
                    </a:lnTo>
                    <a:lnTo>
                      <a:pt x="237" y="167"/>
                    </a:lnTo>
                    <a:lnTo>
                      <a:pt x="232" y="167"/>
                    </a:lnTo>
                    <a:lnTo>
                      <a:pt x="231" y="167"/>
                    </a:lnTo>
                    <a:lnTo>
                      <a:pt x="231" y="166"/>
                    </a:lnTo>
                    <a:lnTo>
                      <a:pt x="231" y="164"/>
                    </a:lnTo>
                    <a:lnTo>
                      <a:pt x="229" y="161"/>
                    </a:lnTo>
                    <a:lnTo>
                      <a:pt x="227" y="159"/>
                    </a:lnTo>
                    <a:lnTo>
                      <a:pt x="227" y="157"/>
                    </a:lnTo>
                    <a:lnTo>
                      <a:pt x="227" y="156"/>
                    </a:lnTo>
                    <a:lnTo>
                      <a:pt x="220" y="151"/>
                    </a:lnTo>
                    <a:lnTo>
                      <a:pt x="212" y="145"/>
                    </a:lnTo>
                    <a:lnTo>
                      <a:pt x="205" y="144"/>
                    </a:lnTo>
                    <a:lnTo>
                      <a:pt x="200" y="129"/>
                    </a:lnTo>
                    <a:lnTo>
                      <a:pt x="193" y="129"/>
                    </a:lnTo>
                    <a:lnTo>
                      <a:pt x="188" y="115"/>
                    </a:lnTo>
                    <a:lnTo>
                      <a:pt x="154" y="123"/>
                    </a:lnTo>
                    <a:lnTo>
                      <a:pt x="154" y="122"/>
                    </a:lnTo>
                    <a:lnTo>
                      <a:pt x="70" y="144"/>
                    </a:lnTo>
                    <a:lnTo>
                      <a:pt x="72" y="147"/>
                    </a:lnTo>
                    <a:lnTo>
                      <a:pt x="66" y="149"/>
                    </a:lnTo>
                    <a:lnTo>
                      <a:pt x="66" y="144"/>
                    </a:lnTo>
                    <a:lnTo>
                      <a:pt x="6" y="157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788" name="Freeform 189"/>
            <p:cNvSpPr>
              <a:spLocks/>
            </p:cNvSpPr>
            <p:nvPr/>
          </p:nvSpPr>
          <p:spPr bwMode="auto">
            <a:xfrm>
              <a:off x="4725" y="1711"/>
              <a:ext cx="165" cy="162"/>
            </a:xfrm>
            <a:custGeom>
              <a:avLst/>
              <a:gdLst>
                <a:gd name="T0" fmla="*/ 114 w 169"/>
                <a:gd name="T1" fmla="*/ 57 h 167"/>
                <a:gd name="T2" fmla="*/ 112 w 169"/>
                <a:gd name="T3" fmla="*/ 58 h 167"/>
                <a:gd name="T4" fmla="*/ 110 w 169"/>
                <a:gd name="T5" fmla="*/ 59 h 167"/>
                <a:gd name="T6" fmla="*/ 105 w 169"/>
                <a:gd name="T7" fmla="*/ 60 h 167"/>
                <a:gd name="T8" fmla="*/ 101 w 169"/>
                <a:gd name="T9" fmla="*/ 63 h 167"/>
                <a:gd name="T10" fmla="*/ 97 w 169"/>
                <a:gd name="T11" fmla="*/ 65 h 167"/>
                <a:gd name="T12" fmla="*/ 93 w 169"/>
                <a:gd name="T13" fmla="*/ 66 h 167"/>
                <a:gd name="T14" fmla="*/ 90 w 169"/>
                <a:gd name="T15" fmla="*/ 68 h 167"/>
                <a:gd name="T16" fmla="*/ 89 w 169"/>
                <a:gd name="T17" fmla="*/ 68 h 167"/>
                <a:gd name="T18" fmla="*/ 82 w 169"/>
                <a:gd name="T19" fmla="*/ 71 h 167"/>
                <a:gd name="T20" fmla="*/ 75 w 169"/>
                <a:gd name="T21" fmla="*/ 73 h 167"/>
                <a:gd name="T22" fmla="*/ 66 w 169"/>
                <a:gd name="T23" fmla="*/ 76 h 167"/>
                <a:gd name="T24" fmla="*/ 60 w 169"/>
                <a:gd name="T25" fmla="*/ 77 h 167"/>
                <a:gd name="T26" fmla="*/ 57 w 169"/>
                <a:gd name="T27" fmla="*/ 77 h 167"/>
                <a:gd name="T28" fmla="*/ 54 w 169"/>
                <a:gd name="T29" fmla="*/ 79 h 167"/>
                <a:gd name="T30" fmla="*/ 53 w 169"/>
                <a:gd name="T31" fmla="*/ 79 h 167"/>
                <a:gd name="T32" fmla="*/ 53 w 169"/>
                <a:gd name="T33" fmla="*/ 79 h 167"/>
                <a:gd name="T34" fmla="*/ 30 w 169"/>
                <a:gd name="T35" fmla="*/ 93 h 167"/>
                <a:gd name="T36" fmla="*/ 28 w 169"/>
                <a:gd name="T37" fmla="*/ 93 h 167"/>
                <a:gd name="T38" fmla="*/ 20 w 169"/>
                <a:gd name="T39" fmla="*/ 106 h 167"/>
                <a:gd name="T40" fmla="*/ 13 w 169"/>
                <a:gd name="T41" fmla="*/ 109 h 167"/>
                <a:gd name="T42" fmla="*/ 13 w 169"/>
                <a:gd name="T43" fmla="*/ 109 h 167"/>
                <a:gd name="T44" fmla="*/ 6 w 169"/>
                <a:gd name="T45" fmla="*/ 102 h 167"/>
                <a:gd name="T46" fmla="*/ 20 w 169"/>
                <a:gd name="T47" fmla="*/ 91 h 167"/>
                <a:gd name="T48" fmla="*/ 13 w 169"/>
                <a:gd name="T49" fmla="*/ 84 h 167"/>
                <a:gd name="T50" fmla="*/ 0 w 169"/>
                <a:gd name="T51" fmla="*/ 21 h 167"/>
                <a:gd name="T52" fmla="*/ 46 w 169"/>
                <a:gd name="T53" fmla="*/ 16 h 167"/>
                <a:gd name="T54" fmla="*/ 46 w 169"/>
                <a:gd name="T55" fmla="*/ 16 h 167"/>
                <a:gd name="T56" fmla="*/ 50 w 169"/>
                <a:gd name="T57" fmla="*/ 16 h 167"/>
                <a:gd name="T58" fmla="*/ 49 w 169"/>
                <a:gd name="T59" fmla="*/ 16 h 167"/>
                <a:gd name="T60" fmla="*/ 105 w 169"/>
                <a:gd name="T61" fmla="*/ 0 h 167"/>
                <a:gd name="T62" fmla="*/ 105 w 169"/>
                <a:gd name="T63" fmla="*/ 1 h 167"/>
                <a:gd name="T64" fmla="*/ 121 w 169"/>
                <a:gd name="T65" fmla="*/ 47 h 167"/>
                <a:gd name="T66" fmla="*/ 117 w 169"/>
                <a:gd name="T67" fmla="*/ 49 h 167"/>
                <a:gd name="T68" fmla="*/ 117 w 169"/>
                <a:gd name="T69" fmla="*/ 49 h 167"/>
                <a:gd name="T70" fmla="*/ 117 w 169"/>
                <a:gd name="T71" fmla="*/ 50 h 167"/>
                <a:gd name="T72" fmla="*/ 117 w 169"/>
                <a:gd name="T73" fmla="*/ 51 h 167"/>
                <a:gd name="T74" fmla="*/ 117 w 169"/>
                <a:gd name="T75" fmla="*/ 53 h 167"/>
                <a:gd name="T76" fmla="*/ 117 w 169"/>
                <a:gd name="T77" fmla="*/ 55 h 167"/>
                <a:gd name="T78" fmla="*/ 117 w 169"/>
                <a:gd name="T79" fmla="*/ 57 h 167"/>
                <a:gd name="T80" fmla="*/ 117 w 169"/>
                <a:gd name="T81" fmla="*/ 57 h 167"/>
                <a:gd name="T82" fmla="*/ 118 w 169"/>
                <a:gd name="T83" fmla="*/ 58 h 167"/>
                <a:gd name="T84" fmla="*/ 114 w 169"/>
                <a:gd name="T85" fmla="*/ 57 h 167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169"/>
                <a:gd name="T130" fmla="*/ 0 h 167"/>
                <a:gd name="T131" fmla="*/ 169 w 169"/>
                <a:gd name="T132" fmla="*/ 167 h 167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169" h="167">
                  <a:moveTo>
                    <a:pt x="159" y="86"/>
                  </a:moveTo>
                  <a:lnTo>
                    <a:pt x="157" y="88"/>
                  </a:lnTo>
                  <a:lnTo>
                    <a:pt x="154" y="89"/>
                  </a:lnTo>
                  <a:lnTo>
                    <a:pt x="148" y="91"/>
                  </a:lnTo>
                  <a:lnTo>
                    <a:pt x="142" y="95"/>
                  </a:lnTo>
                  <a:lnTo>
                    <a:pt x="135" y="98"/>
                  </a:lnTo>
                  <a:lnTo>
                    <a:pt x="130" y="100"/>
                  </a:lnTo>
                  <a:lnTo>
                    <a:pt x="125" y="103"/>
                  </a:lnTo>
                  <a:lnTo>
                    <a:pt x="123" y="103"/>
                  </a:lnTo>
                  <a:lnTo>
                    <a:pt x="113" y="108"/>
                  </a:lnTo>
                  <a:lnTo>
                    <a:pt x="103" y="111"/>
                  </a:lnTo>
                  <a:lnTo>
                    <a:pt x="94" y="115"/>
                  </a:lnTo>
                  <a:lnTo>
                    <a:pt x="86" y="117"/>
                  </a:lnTo>
                  <a:lnTo>
                    <a:pt x="79" y="118"/>
                  </a:lnTo>
                  <a:lnTo>
                    <a:pt x="74" y="120"/>
                  </a:lnTo>
                  <a:lnTo>
                    <a:pt x="72" y="120"/>
                  </a:lnTo>
                  <a:lnTo>
                    <a:pt x="71" y="120"/>
                  </a:lnTo>
                  <a:lnTo>
                    <a:pt x="44" y="142"/>
                  </a:lnTo>
                  <a:lnTo>
                    <a:pt x="42" y="142"/>
                  </a:lnTo>
                  <a:lnTo>
                    <a:pt x="20" y="162"/>
                  </a:lnTo>
                  <a:lnTo>
                    <a:pt x="13" y="167"/>
                  </a:lnTo>
                  <a:lnTo>
                    <a:pt x="6" y="155"/>
                  </a:lnTo>
                  <a:lnTo>
                    <a:pt x="20" y="139"/>
                  </a:lnTo>
                  <a:lnTo>
                    <a:pt x="13" y="130"/>
                  </a:lnTo>
                  <a:lnTo>
                    <a:pt x="0" y="35"/>
                  </a:lnTo>
                  <a:lnTo>
                    <a:pt x="60" y="22"/>
                  </a:lnTo>
                  <a:lnTo>
                    <a:pt x="60" y="27"/>
                  </a:lnTo>
                  <a:lnTo>
                    <a:pt x="66" y="25"/>
                  </a:lnTo>
                  <a:lnTo>
                    <a:pt x="64" y="22"/>
                  </a:lnTo>
                  <a:lnTo>
                    <a:pt x="148" y="0"/>
                  </a:lnTo>
                  <a:lnTo>
                    <a:pt x="148" y="1"/>
                  </a:lnTo>
                  <a:lnTo>
                    <a:pt x="169" y="73"/>
                  </a:lnTo>
                  <a:lnTo>
                    <a:pt x="164" y="76"/>
                  </a:lnTo>
                  <a:lnTo>
                    <a:pt x="164" y="78"/>
                  </a:lnTo>
                  <a:lnTo>
                    <a:pt x="164" y="79"/>
                  </a:lnTo>
                  <a:lnTo>
                    <a:pt x="164" y="81"/>
                  </a:lnTo>
                  <a:lnTo>
                    <a:pt x="164" y="83"/>
                  </a:lnTo>
                  <a:lnTo>
                    <a:pt x="164" y="86"/>
                  </a:lnTo>
                  <a:lnTo>
                    <a:pt x="165" y="88"/>
                  </a:lnTo>
                  <a:lnTo>
                    <a:pt x="159" y="86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89" name="Freeform 190"/>
            <p:cNvSpPr>
              <a:spLocks/>
            </p:cNvSpPr>
            <p:nvPr/>
          </p:nvSpPr>
          <p:spPr bwMode="auto">
            <a:xfrm>
              <a:off x="4869" y="1704"/>
              <a:ext cx="76" cy="93"/>
            </a:xfrm>
            <a:custGeom>
              <a:avLst/>
              <a:gdLst>
                <a:gd name="T0" fmla="*/ 19 w 78"/>
                <a:gd name="T1" fmla="*/ 61 h 95"/>
                <a:gd name="T2" fmla="*/ 16 w 78"/>
                <a:gd name="T3" fmla="*/ 63 h 95"/>
                <a:gd name="T4" fmla="*/ 16 w 78"/>
                <a:gd name="T5" fmla="*/ 63 h 95"/>
                <a:gd name="T6" fmla="*/ 16 w 78"/>
                <a:gd name="T7" fmla="*/ 63 h 95"/>
                <a:gd name="T8" fmla="*/ 16 w 78"/>
                <a:gd name="T9" fmla="*/ 64 h 95"/>
                <a:gd name="T10" fmla="*/ 16 w 78"/>
                <a:gd name="T11" fmla="*/ 64 h 95"/>
                <a:gd name="T12" fmla="*/ 16 w 78"/>
                <a:gd name="T13" fmla="*/ 65 h 95"/>
                <a:gd name="T14" fmla="*/ 16 w 78"/>
                <a:gd name="T15" fmla="*/ 66 h 95"/>
                <a:gd name="T16" fmla="*/ 16 w 78"/>
                <a:gd name="T17" fmla="*/ 68 h 95"/>
                <a:gd name="T18" fmla="*/ 16 w 78"/>
                <a:gd name="T19" fmla="*/ 68 h 95"/>
                <a:gd name="T20" fmla="*/ 17 w 78"/>
                <a:gd name="T21" fmla="*/ 69 h 95"/>
                <a:gd name="T22" fmla="*/ 17 w 78"/>
                <a:gd name="T23" fmla="*/ 69 h 95"/>
                <a:gd name="T24" fmla="*/ 19 w 78"/>
                <a:gd name="T25" fmla="*/ 69 h 95"/>
                <a:gd name="T26" fmla="*/ 19 w 78"/>
                <a:gd name="T27" fmla="*/ 68 h 95"/>
                <a:gd name="T28" fmla="*/ 19 w 78"/>
                <a:gd name="T29" fmla="*/ 66 h 95"/>
                <a:gd name="T30" fmla="*/ 22 w 78"/>
                <a:gd name="T31" fmla="*/ 64 h 95"/>
                <a:gd name="T32" fmla="*/ 25 w 78"/>
                <a:gd name="T33" fmla="*/ 63 h 95"/>
                <a:gd name="T34" fmla="*/ 27 w 78"/>
                <a:gd name="T35" fmla="*/ 61 h 95"/>
                <a:gd name="T36" fmla="*/ 29 w 78"/>
                <a:gd name="T37" fmla="*/ 60 h 95"/>
                <a:gd name="T38" fmla="*/ 30 w 78"/>
                <a:gd name="T39" fmla="*/ 59 h 95"/>
                <a:gd name="T40" fmla="*/ 36 w 78"/>
                <a:gd name="T41" fmla="*/ 59 h 95"/>
                <a:gd name="T42" fmla="*/ 36 w 78"/>
                <a:gd name="T43" fmla="*/ 50 h 95"/>
                <a:gd name="T44" fmla="*/ 25 w 78"/>
                <a:gd name="T45" fmla="*/ 23 h 95"/>
                <a:gd name="T46" fmla="*/ 34 w 78"/>
                <a:gd name="T47" fmla="*/ 23 h 95"/>
                <a:gd name="T48" fmla="*/ 41 w 78"/>
                <a:gd name="T49" fmla="*/ 23 h 95"/>
                <a:gd name="T50" fmla="*/ 44 w 78"/>
                <a:gd name="T51" fmla="*/ 23 h 95"/>
                <a:gd name="T52" fmla="*/ 44 w 78"/>
                <a:gd name="T53" fmla="*/ 23 h 95"/>
                <a:gd name="T54" fmla="*/ 45 w 78"/>
                <a:gd name="T55" fmla="*/ 23 h 95"/>
                <a:gd name="T56" fmla="*/ 45 w 78"/>
                <a:gd name="T57" fmla="*/ 23 h 95"/>
                <a:gd name="T58" fmla="*/ 47 w 78"/>
                <a:gd name="T59" fmla="*/ 25 h 95"/>
                <a:gd name="T60" fmla="*/ 48 w 78"/>
                <a:gd name="T61" fmla="*/ 28 h 95"/>
                <a:gd name="T62" fmla="*/ 48 w 78"/>
                <a:gd name="T63" fmla="*/ 28 h 95"/>
                <a:gd name="T64" fmla="*/ 49 w 78"/>
                <a:gd name="T65" fmla="*/ 38 h 95"/>
                <a:gd name="T66" fmla="*/ 51 w 78"/>
                <a:gd name="T67" fmla="*/ 44 h 95"/>
                <a:gd name="T68" fmla="*/ 51 w 78"/>
                <a:gd name="T69" fmla="*/ 47 h 95"/>
                <a:gd name="T70" fmla="*/ 52 w 78"/>
                <a:gd name="T71" fmla="*/ 45 h 95"/>
                <a:gd name="T72" fmla="*/ 53 w 78"/>
                <a:gd name="T73" fmla="*/ 44 h 95"/>
                <a:gd name="T74" fmla="*/ 53 w 78"/>
                <a:gd name="T75" fmla="*/ 40 h 95"/>
                <a:gd name="T76" fmla="*/ 54 w 78"/>
                <a:gd name="T77" fmla="*/ 38 h 95"/>
                <a:gd name="T78" fmla="*/ 54 w 78"/>
                <a:gd name="T79" fmla="*/ 37 h 95"/>
                <a:gd name="T80" fmla="*/ 54 w 78"/>
                <a:gd name="T81" fmla="*/ 38 h 95"/>
                <a:gd name="T82" fmla="*/ 54 w 78"/>
                <a:gd name="T83" fmla="*/ 38 h 95"/>
                <a:gd name="T84" fmla="*/ 53 w 78"/>
                <a:gd name="T85" fmla="*/ 38 h 95"/>
                <a:gd name="T86" fmla="*/ 53 w 78"/>
                <a:gd name="T87" fmla="*/ 37 h 95"/>
                <a:gd name="T88" fmla="*/ 53 w 78"/>
                <a:gd name="T89" fmla="*/ 35 h 95"/>
                <a:gd name="T90" fmla="*/ 52 w 78"/>
                <a:gd name="T91" fmla="*/ 32 h 95"/>
                <a:gd name="T92" fmla="*/ 51 w 78"/>
                <a:gd name="T93" fmla="*/ 30 h 95"/>
                <a:gd name="T94" fmla="*/ 51 w 78"/>
                <a:gd name="T95" fmla="*/ 28 h 95"/>
                <a:gd name="T96" fmla="*/ 51 w 78"/>
                <a:gd name="T97" fmla="*/ 27 h 95"/>
                <a:gd name="T98" fmla="*/ 51 w 78"/>
                <a:gd name="T99" fmla="*/ 27 h 95"/>
                <a:gd name="T100" fmla="*/ 48 w 78"/>
                <a:gd name="T101" fmla="*/ 23 h 95"/>
                <a:gd name="T102" fmla="*/ 44 w 78"/>
                <a:gd name="T103" fmla="*/ 23 h 95"/>
                <a:gd name="T104" fmla="*/ 37 w 78"/>
                <a:gd name="T105" fmla="*/ 23 h 95"/>
                <a:gd name="T106" fmla="*/ 32 w 78"/>
                <a:gd name="T107" fmla="*/ 14 h 95"/>
                <a:gd name="T108" fmla="*/ 25 w 78"/>
                <a:gd name="T109" fmla="*/ 14 h 95"/>
                <a:gd name="T110" fmla="*/ 20 w 78"/>
                <a:gd name="T111" fmla="*/ 0 h 95"/>
                <a:gd name="T112" fmla="*/ 0 w 78"/>
                <a:gd name="T113" fmla="*/ 8 h 95"/>
                <a:gd name="T114" fmla="*/ 19 w 78"/>
                <a:gd name="T115" fmla="*/ 61 h 95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78"/>
                <a:gd name="T175" fmla="*/ 0 h 95"/>
                <a:gd name="T176" fmla="*/ 78 w 78"/>
                <a:gd name="T177" fmla="*/ 95 h 95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78" h="95">
                  <a:moveTo>
                    <a:pt x="21" y="80"/>
                  </a:moveTo>
                  <a:lnTo>
                    <a:pt x="16" y="83"/>
                  </a:lnTo>
                  <a:lnTo>
                    <a:pt x="16" y="85"/>
                  </a:lnTo>
                  <a:lnTo>
                    <a:pt x="16" y="86"/>
                  </a:lnTo>
                  <a:lnTo>
                    <a:pt x="16" y="88"/>
                  </a:lnTo>
                  <a:lnTo>
                    <a:pt x="16" y="90"/>
                  </a:lnTo>
                  <a:lnTo>
                    <a:pt x="16" y="93"/>
                  </a:lnTo>
                  <a:lnTo>
                    <a:pt x="17" y="95"/>
                  </a:lnTo>
                  <a:lnTo>
                    <a:pt x="22" y="95"/>
                  </a:lnTo>
                  <a:lnTo>
                    <a:pt x="28" y="93"/>
                  </a:lnTo>
                  <a:lnTo>
                    <a:pt x="31" y="90"/>
                  </a:lnTo>
                  <a:lnTo>
                    <a:pt x="36" y="86"/>
                  </a:lnTo>
                  <a:lnTo>
                    <a:pt x="39" y="83"/>
                  </a:lnTo>
                  <a:lnTo>
                    <a:pt x="41" y="80"/>
                  </a:lnTo>
                  <a:lnTo>
                    <a:pt x="43" y="78"/>
                  </a:lnTo>
                  <a:lnTo>
                    <a:pt x="44" y="76"/>
                  </a:lnTo>
                  <a:lnTo>
                    <a:pt x="50" y="76"/>
                  </a:lnTo>
                  <a:lnTo>
                    <a:pt x="50" y="64"/>
                  </a:lnTo>
                  <a:lnTo>
                    <a:pt x="39" y="30"/>
                  </a:lnTo>
                  <a:lnTo>
                    <a:pt x="48" y="29"/>
                  </a:lnTo>
                  <a:lnTo>
                    <a:pt x="55" y="36"/>
                  </a:lnTo>
                  <a:lnTo>
                    <a:pt x="58" y="36"/>
                  </a:lnTo>
                  <a:lnTo>
                    <a:pt x="60" y="36"/>
                  </a:lnTo>
                  <a:lnTo>
                    <a:pt x="61" y="37"/>
                  </a:lnTo>
                  <a:lnTo>
                    <a:pt x="65" y="39"/>
                  </a:lnTo>
                  <a:lnTo>
                    <a:pt x="66" y="42"/>
                  </a:lnTo>
                  <a:lnTo>
                    <a:pt x="68" y="52"/>
                  </a:lnTo>
                  <a:lnTo>
                    <a:pt x="72" y="58"/>
                  </a:lnTo>
                  <a:lnTo>
                    <a:pt x="73" y="61"/>
                  </a:lnTo>
                  <a:lnTo>
                    <a:pt x="75" y="59"/>
                  </a:lnTo>
                  <a:lnTo>
                    <a:pt x="77" y="58"/>
                  </a:lnTo>
                  <a:lnTo>
                    <a:pt x="77" y="54"/>
                  </a:lnTo>
                  <a:lnTo>
                    <a:pt x="78" y="52"/>
                  </a:lnTo>
                  <a:lnTo>
                    <a:pt x="78" y="51"/>
                  </a:lnTo>
                  <a:lnTo>
                    <a:pt x="78" y="52"/>
                  </a:lnTo>
                  <a:lnTo>
                    <a:pt x="77" y="52"/>
                  </a:lnTo>
                  <a:lnTo>
                    <a:pt x="77" y="51"/>
                  </a:lnTo>
                  <a:lnTo>
                    <a:pt x="77" y="49"/>
                  </a:lnTo>
                  <a:lnTo>
                    <a:pt x="75" y="46"/>
                  </a:lnTo>
                  <a:lnTo>
                    <a:pt x="73" y="44"/>
                  </a:lnTo>
                  <a:lnTo>
                    <a:pt x="73" y="42"/>
                  </a:lnTo>
                  <a:lnTo>
                    <a:pt x="73" y="41"/>
                  </a:lnTo>
                  <a:lnTo>
                    <a:pt x="66" y="36"/>
                  </a:lnTo>
                  <a:lnTo>
                    <a:pt x="58" y="30"/>
                  </a:lnTo>
                  <a:lnTo>
                    <a:pt x="51" y="29"/>
                  </a:lnTo>
                  <a:lnTo>
                    <a:pt x="46" y="14"/>
                  </a:lnTo>
                  <a:lnTo>
                    <a:pt x="39" y="14"/>
                  </a:lnTo>
                  <a:lnTo>
                    <a:pt x="34" y="0"/>
                  </a:lnTo>
                  <a:lnTo>
                    <a:pt x="0" y="8"/>
                  </a:lnTo>
                  <a:lnTo>
                    <a:pt x="21" y="80"/>
                  </a:lnTo>
                </a:path>
              </a:pathLst>
            </a:custGeom>
            <a:solidFill>
              <a:srgbClr val="C00000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</p:grpSp>
      <p:grpSp>
        <p:nvGrpSpPr>
          <p:cNvPr id="918" name="Group 5" descr="Map of the US showing the three Public Reporting States in 2004. "/>
          <p:cNvGrpSpPr>
            <a:grpSpLocks noChangeAspect="1"/>
          </p:cNvGrpSpPr>
          <p:nvPr/>
        </p:nvGrpSpPr>
        <p:grpSpPr bwMode="auto">
          <a:xfrm>
            <a:off x="5090173" y="4594379"/>
            <a:ext cx="2171700" cy="1461681"/>
            <a:chOff x="192" y="850"/>
            <a:chExt cx="4988" cy="3134"/>
          </a:xfrm>
        </p:grpSpPr>
        <p:sp>
          <p:nvSpPr>
            <p:cNvPr id="919" name="Freeform 9"/>
            <p:cNvSpPr>
              <a:spLocks/>
            </p:cNvSpPr>
            <p:nvPr/>
          </p:nvSpPr>
          <p:spPr bwMode="auto">
            <a:xfrm>
              <a:off x="4479" y="2181"/>
              <a:ext cx="22" cy="24"/>
            </a:xfrm>
            <a:custGeom>
              <a:avLst/>
              <a:gdLst>
                <a:gd name="T0" fmla="*/ 0 w 22"/>
                <a:gd name="T1" fmla="*/ 7 h 25"/>
                <a:gd name="T2" fmla="*/ 9 w 22"/>
                <a:gd name="T3" fmla="*/ 0 h 25"/>
                <a:gd name="T4" fmla="*/ 22 w 22"/>
                <a:gd name="T5" fmla="*/ 10 h 25"/>
                <a:gd name="T6" fmla="*/ 12 w 22"/>
                <a:gd name="T7" fmla="*/ 12 h 25"/>
                <a:gd name="T8" fmla="*/ 12 w 22"/>
                <a:gd name="T9" fmla="*/ 12 h 25"/>
                <a:gd name="T10" fmla="*/ 12 w 22"/>
                <a:gd name="T11" fmla="*/ 12 h 25"/>
                <a:gd name="T12" fmla="*/ 12 w 22"/>
                <a:gd name="T13" fmla="*/ 12 h 25"/>
                <a:gd name="T14" fmla="*/ 12 w 22"/>
                <a:gd name="T15" fmla="*/ 12 h 25"/>
                <a:gd name="T16" fmla="*/ 11 w 22"/>
                <a:gd name="T17" fmla="*/ 12 h 25"/>
                <a:gd name="T18" fmla="*/ 9 w 22"/>
                <a:gd name="T19" fmla="*/ 12 h 25"/>
                <a:gd name="T20" fmla="*/ 7 w 22"/>
                <a:gd name="T21" fmla="*/ 12 h 25"/>
                <a:gd name="T22" fmla="*/ 2 w 22"/>
                <a:gd name="T23" fmla="*/ 8 h 25"/>
                <a:gd name="T24" fmla="*/ 2 w 22"/>
                <a:gd name="T25" fmla="*/ 8 h 25"/>
                <a:gd name="T26" fmla="*/ 0 w 22"/>
                <a:gd name="T27" fmla="*/ 8 h 25"/>
                <a:gd name="T28" fmla="*/ 0 w 22"/>
                <a:gd name="T29" fmla="*/ 7 h 25"/>
                <a:gd name="T30" fmla="*/ 0 w 22"/>
                <a:gd name="T31" fmla="*/ 7 h 25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w 22"/>
                <a:gd name="T49" fmla="*/ 0 h 25"/>
                <a:gd name="T50" fmla="*/ 22 w 22"/>
                <a:gd name="T51" fmla="*/ 25 h 25"/>
              </a:gdLst>
              <a:ahLst/>
              <a:cxnLst>
                <a:cxn ang="T32">
                  <a:pos x="T0" y="T1"/>
                </a:cxn>
                <a:cxn ang="T33">
                  <a:pos x="T2" y="T3"/>
                </a:cxn>
                <a:cxn ang="T34">
                  <a:pos x="T4" y="T5"/>
                </a:cxn>
                <a:cxn ang="T35">
                  <a:pos x="T6" y="T7"/>
                </a:cxn>
                <a:cxn ang="T36">
                  <a:pos x="T8" y="T9"/>
                </a:cxn>
                <a:cxn ang="T37">
                  <a:pos x="T10" y="T11"/>
                </a:cxn>
                <a:cxn ang="T38">
                  <a:pos x="T12" y="T13"/>
                </a:cxn>
                <a:cxn ang="T39">
                  <a:pos x="T14" y="T15"/>
                </a:cxn>
                <a:cxn ang="T40">
                  <a:pos x="T16" y="T17"/>
                </a:cxn>
                <a:cxn ang="T41">
                  <a:pos x="T18" y="T19"/>
                </a:cxn>
                <a:cxn ang="T42">
                  <a:pos x="T20" y="T21"/>
                </a:cxn>
                <a:cxn ang="T43">
                  <a:pos x="T22" y="T23"/>
                </a:cxn>
                <a:cxn ang="T44">
                  <a:pos x="T24" y="T25"/>
                </a:cxn>
                <a:cxn ang="T45">
                  <a:pos x="T26" y="T27"/>
                </a:cxn>
                <a:cxn ang="T46">
                  <a:pos x="T28" y="T29"/>
                </a:cxn>
                <a:cxn ang="T47">
                  <a:pos x="T30" y="T31"/>
                </a:cxn>
              </a:cxnLst>
              <a:rect l="T48" t="T49" r="T50" b="T51"/>
              <a:pathLst>
                <a:path w="22" h="25">
                  <a:moveTo>
                    <a:pt x="0" y="7"/>
                  </a:moveTo>
                  <a:lnTo>
                    <a:pt x="9" y="0"/>
                  </a:lnTo>
                  <a:lnTo>
                    <a:pt x="22" y="10"/>
                  </a:lnTo>
                  <a:lnTo>
                    <a:pt x="12" y="25"/>
                  </a:lnTo>
                  <a:lnTo>
                    <a:pt x="12" y="23"/>
                  </a:lnTo>
                  <a:lnTo>
                    <a:pt x="12" y="22"/>
                  </a:lnTo>
                  <a:lnTo>
                    <a:pt x="12" y="20"/>
                  </a:lnTo>
                  <a:lnTo>
                    <a:pt x="12" y="18"/>
                  </a:lnTo>
                  <a:lnTo>
                    <a:pt x="11" y="17"/>
                  </a:lnTo>
                  <a:lnTo>
                    <a:pt x="9" y="13"/>
                  </a:lnTo>
                  <a:lnTo>
                    <a:pt x="7" y="12"/>
                  </a:lnTo>
                  <a:lnTo>
                    <a:pt x="2" y="8"/>
                  </a:lnTo>
                  <a:lnTo>
                    <a:pt x="0" y="8"/>
                  </a:lnTo>
                  <a:lnTo>
                    <a:pt x="0" y="7"/>
                  </a:lnTo>
                  <a:close/>
                </a:path>
              </a:pathLst>
            </a:custGeom>
            <a:solidFill>
              <a:sysClr val="windowText" lastClr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920" name="Group 10"/>
            <p:cNvGrpSpPr>
              <a:grpSpLocks/>
            </p:cNvGrpSpPr>
            <p:nvPr/>
          </p:nvGrpSpPr>
          <p:grpSpPr bwMode="auto">
            <a:xfrm>
              <a:off x="4431" y="2166"/>
              <a:ext cx="169" cy="106"/>
              <a:chOff x="4655" y="1801"/>
              <a:chExt cx="172" cy="109"/>
            </a:xfrm>
          </p:grpSpPr>
          <p:sp>
            <p:nvSpPr>
              <p:cNvPr id="1098" name="Freeform 11"/>
              <p:cNvSpPr>
                <a:spLocks/>
              </p:cNvSpPr>
              <p:nvPr/>
            </p:nvSpPr>
            <p:spPr bwMode="auto">
              <a:xfrm>
                <a:off x="4725" y="1801"/>
                <a:ext cx="22" cy="25"/>
              </a:xfrm>
              <a:custGeom>
                <a:avLst/>
                <a:gdLst>
                  <a:gd name="T0" fmla="*/ 0 w 22"/>
                  <a:gd name="T1" fmla="*/ 7 h 25"/>
                  <a:gd name="T2" fmla="*/ 9 w 22"/>
                  <a:gd name="T3" fmla="*/ 0 h 25"/>
                  <a:gd name="T4" fmla="*/ 22 w 22"/>
                  <a:gd name="T5" fmla="*/ 10 h 25"/>
                  <a:gd name="T6" fmla="*/ 12 w 22"/>
                  <a:gd name="T7" fmla="*/ 25 h 25"/>
                  <a:gd name="T8" fmla="*/ 12 w 22"/>
                  <a:gd name="T9" fmla="*/ 25 h 25"/>
                  <a:gd name="T10" fmla="*/ 12 w 22"/>
                  <a:gd name="T11" fmla="*/ 23 h 25"/>
                  <a:gd name="T12" fmla="*/ 12 w 22"/>
                  <a:gd name="T13" fmla="*/ 22 h 25"/>
                  <a:gd name="T14" fmla="*/ 12 w 22"/>
                  <a:gd name="T15" fmla="*/ 20 h 25"/>
                  <a:gd name="T16" fmla="*/ 12 w 22"/>
                  <a:gd name="T17" fmla="*/ 18 h 25"/>
                  <a:gd name="T18" fmla="*/ 11 w 22"/>
                  <a:gd name="T19" fmla="*/ 17 h 25"/>
                  <a:gd name="T20" fmla="*/ 9 w 22"/>
                  <a:gd name="T21" fmla="*/ 13 h 25"/>
                  <a:gd name="T22" fmla="*/ 7 w 22"/>
                  <a:gd name="T23" fmla="*/ 12 h 25"/>
                  <a:gd name="T24" fmla="*/ 2 w 22"/>
                  <a:gd name="T25" fmla="*/ 8 h 25"/>
                  <a:gd name="T26" fmla="*/ 2 w 22"/>
                  <a:gd name="T27" fmla="*/ 8 h 25"/>
                  <a:gd name="T28" fmla="*/ 2 w 22"/>
                  <a:gd name="T29" fmla="*/ 8 h 25"/>
                  <a:gd name="T30" fmla="*/ 0 w 22"/>
                  <a:gd name="T31" fmla="*/ 8 h 25"/>
                  <a:gd name="T32" fmla="*/ 0 w 22"/>
                  <a:gd name="T33" fmla="*/ 7 h 25"/>
                  <a:gd name="T34" fmla="*/ 0 w 22"/>
                  <a:gd name="T35" fmla="*/ 7 h 25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w 22"/>
                  <a:gd name="T55" fmla="*/ 0 h 25"/>
                  <a:gd name="T56" fmla="*/ 22 w 22"/>
                  <a:gd name="T57" fmla="*/ 25 h 25"/>
                </a:gdLst>
                <a:ahLst/>
                <a:cxnLst>
                  <a:cxn ang="T36">
                    <a:pos x="T0" y="T1"/>
                  </a:cxn>
                  <a:cxn ang="T37">
                    <a:pos x="T2" y="T3"/>
                  </a:cxn>
                  <a:cxn ang="T38">
                    <a:pos x="T4" y="T5"/>
                  </a:cxn>
                  <a:cxn ang="T39">
                    <a:pos x="T6" y="T7"/>
                  </a:cxn>
                  <a:cxn ang="T40">
                    <a:pos x="T8" y="T9"/>
                  </a:cxn>
                  <a:cxn ang="T41">
                    <a:pos x="T10" y="T11"/>
                  </a:cxn>
                  <a:cxn ang="T42">
                    <a:pos x="T12" y="T13"/>
                  </a:cxn>
                  <a:cxn ang="T43">
                    <a:pos x="T14" y="T15"/>
                  </a:cxn>
                  <a:cxn ang="T44">
                    <a:pos x="T16" y="T17"/>
                  </a:cxn>
                  <a:cxn ang="T45">
                    <a:pos x="T18" y="T19"/>
                  </a:cxn>
                  <a:cxn ang="T46">
                    <a:pos x="T20" y="T21"/>
                  </a:cxn>
                  <a:cxn ang="T47">
                    <a:pos x="T22" y="T23"/>
                  </a:cxn>
                  <a:cxn ang="T48">
                    <a:pos x="T24" y="T25"/>
                  </a:cxn>
                  <a:cxn ang="T49">
                    <a:pos x="T26" y="T27"/>
                  </a:cxn>
                  <a:cxn ang="T50">
                    <a:pos x="T28" y="T29"/>
                  </a:cxn>
                  <a:cxn ang="T51">
                    <a:pos x="T30" y="T31"/>
                  </a:cxn>
                  <a:cxn ang="T52">
                    <a:pos x="T32" y="T33"/>
                  </a:cxn>
                  <a:cxn ang="T53">
                    <a:pos x="T34" y="T35"/>
                  </a:cxn>
                </a:cxnLst>
                <a:rect l="T54" t="T55" r="T56" b="T57"/>
                <a:pathLst>
                  <a:path w="22" h="25">
                    <a:moveTo>
                      <a:pt x="0" y="7"/>
                    </a:moveTo>
                    <a:lnTo>
                      <a:pt x="9" y="0"/>
                    </a:lnTo>
                    <a:lnTo>
                      <a:pt x="22" y="10"/>
                    </a:lnTo>
                    <a:lnTo>
                      <a:pt x="12" y="25"/>
                    </a:lnTo>
                    <a:lnTo>
                      <a:pt x="12" y="23"/>
                    </a:lnTo>
                    <a:lnTo>
                      <a:pt x="12" y="22"/>
                    </a:lnTo>
                    <a:lnTo>
                      <a:pt x="12" y="20"/>
                    </a:lnTo>
                    <a:lnTo>
                      <a:pt x="12" y="18"/>
                    </a:lnTo>
                    <a:lnTo>
                      <a:pt x="11" y="17"/>
                    </a:lnTo>
                    <a:lnTo>
                      <a:pt x="9" y="13"/>
                    </a:lnTo>
                    <a:lnTo>
                      <a:pt x="7" y="12"/>
                    </a:lnTo>
                    <a:lnTo>
                      <a:pt x="2" y="8"/>
                    </a:lnTo>
                    <a:lnTo>
                      <a:pt x="0" y="8"/>
                    </a:lnTo>
                    <a:lnTo>
                      <a:pt x="0" y="7"/>
                    </a:lnTo>
                  </a:path>
                </a:pathLst>
              </a:custGeom>
              <a:solidFill>
                <a:sysClr val="windowText" lastClr="000000"/>
              </a:solidFill>
              <a:ln w="3175">
                <a:solidFill>
                  <a:srgbClr val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99" name="Rectangle 12"/>
              <p:cNvSpPr>
                <a:spLocks noChangeArrowheads="1"/>
              </p:cNvSpPr>
              <p:nvPr/>
            </p:nvSpPr>
            <p:spPr bwMode="auto">
              <a:xfrm>
                <a:off x="4655" y="1804"/>
                <a:ext cx="172" cy="106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wrap="none" lIns="0" tIns="0" rIns="0" bIns="0">
                <a:spAutoFit/>
              </a:bodyPr>
              <a:lstStyle/>
              <a:p>
                <a:pPr defTabSz="571486">
                  <a:defRPr/>
                </a:pPr>
                <a:r>
                  <a:rPr lang="en-US" sz="313" b="1" kern="0" dirty="0">
                    <a:solidFill>
                      <a:srgbClr val="FFFFFF"/>
                    </a:solidFill>
                    <a:latin typeface="Helvetica" pitchFamily="34" charset="0"/>
                  </a:rPr>
                  <a:t>DC*</a:t>
                </a:r>
                <a:endParaRPr lang="en-US" sz="313" b="1" kern="0" dirty="0">
                  <a:solidFill>
                    <a:srgbClr val="FFFFFF"/>
                  </a:solidFill>
                  <a:latin typeface="Times New Roman" pitchFamily="18" charset="0"/>
                </a:endParaRPr>
              </a:p>
            </p:txBody>
          </p:sp>
        </p:grpSp>
        <p:sp>
          <p:nvSpPr>
            <p:cNvPr id="921" name="Freeform 13"/>
            <p:cNvSpPr>
              <a:spLocks/>
            </p:cNvSpPr>
            <p:nvPr/>
          </p:nvSpPr>
          <p:spPr bwMode="auto">
            <a:xfrm>
              <a:off x="3980" y="2710"/>
              <a:ext cx="478" cy="363"/>
            </a:xfrm>
            <a:custGeom>
              <a:avLst/>
              <a:gdLst>
                <a:gd name="T0" fmla="*/ 178 w 492"/>
                <a:gd name="T1" fmla="*/ 243 h 374"/>
                <a:gd name="T2" fmla="*/ 178 w 492"/>
                <a:gd name="T3" fmla="*/ 240 h 374"/>
                <a:gd name="T4" fmla="*/ 178 w 492"/>
                <a:gd name="T5" fmla="*/ 239 h 374"/>
                <a:gd name="T6" fmla="*/ 171 w 492"/>
                <a:gd name="T7" fmla="*/ 217 h 374"/>
                <a:gd name="T8" fmla="*/ 157 w 492"/>
                <a:gd name="T9" fmla="*/ 207 h 374"/>
                <a:gd name="T10" fmla="*/ 153 w 492"/>
                <a:gd name="T11" fmla="*/ 192 h 374"/>
                <a:gd name="T12" fmla="*/ 142 w 492"/>
                <a:gd name="T13" fmla="*/ 177 h 374"/>
                <a:gd name="T14" fmla="*/ 130 w 492"/>
                <a:gd name="T15" fmla="*/ 173 h 374"/>
                <a:gd name="T16" fmla="*/ 126 w 492"/>
                <a:gd name="T17" fmla="*/ 171 h 374"/>
                <a:gd name="T18" fmla="*/ 116 w 492"/>
                <a:gd name="T19" fmla="*/ 162 h 374"/>
                <a:gd name="T20" fmla="*/ 111 w 492"/>
                <a:gd name="T21" fmla="*/ 153 h 374"/>
                <a:gd name="T22" fmla="*/ 104 w 492"/>
                <a:gd name="T23" fmla="*/ 141 h 374"/>
                <a:gd name="T24" fmla="*/ 95 w 492"/>
                <a:gd name="T25" fmla="*/ 139 h 374"/>
                <a:gd name="T26" fmla="*/ 91 w 492"/>
                <a:gd name="T27" fmla="*/ 137 h 374"/>
                <a:gd name="T28" fmla="*/ 86 w 492"/>
                <a:gd name="T29" fmla="*/ 132 h 374"/>
                <a:gd name="T30" fmla="*/ 81 w 492"/>
                <a:gd name="T31" fmla="*/ 121 h 374"/>
                <a:gd name="T32" fmla="*/ 75 w 492"/>
                <a:gd name="T33" fmla="*/ 120 h 374"/>
                <a:gd name="T34" fmla="*/ 68 w 492"/>
                <a:gd name="T35" fmla="*/ 119 h 374"/>
                <a:gd name="T36" fmla="*/ 61 w 492"/>
                <a:gd name="T37" fmla="*/ 111 h 374"/>
                <a:gd name="T38" fmla="*/ 55 w 492"/>
                <a:gd name="T39" fmla="*/ 104 h 374"/>
                <a:gd name="T40" fmla="*/ 47 w 492"/>
                <a:gd name="T41" fmla="*/ 96 h 374"/>
                <a:gd name="T42" fmla="*/ 40 w 492"/>
                <a:gd name="T43" fmla="*/ 82 h 374"/>
                <a:gd name="T44" fmla="*/ 38 w 492"/>
                <a:gd name="T45" fmla="*/ 75 h 374"/>
                <a:gd name="T46" fmla="*/ 33 w 492"/>
                <a:gd name="T47" fmla="*/ 74 h 374"/>
                <a:gd name="T48" fmla="*/ 18 w 492"/>
                <a:gd name="T49" fmla="*/ 72 h 374"/>
                <a:gd name="T50" fmla="*/ 17 w 492"/>
                <a:gd name="T51" fmla="*/ 69 h 374"/>
                <a:gd name="T52" fmla="*/ 17 w 492"/>
                <a:gd name="T53" fmla="*/ 67 h 374"/>
                <a:gd name="T54" fmla="*/ 0 w 492"/>
                <a:gd name="T55" fmla="*/ 56 h 374"/>
                <a:gd name="T56" fmla="*/ 13 w 492"/>
                <a:gd name="T57" fmla="*/ 39 h 374"/>
                <a:gd name="T58" fmla="*/ 17 w 492"/>
                <a:gd name="T59" fmla="*/ 37 h 374"/>
                <a:gd name="T60" fmla="*/ 17 w 492"/>
                <a:gd name="T61" fmla="*/ 35 h 374"/>
                <a:gd name="T62" fmla="*/ 21 w 492"/>
                <a:gd name="T63" fmla="*/ 25 h 374"/>
                <a:gd name="T64" fmla="*/ 38 w 492"/>
                <a:gd name="T65" fmla="*/ 17 h 374"/>
                <a:gd name="T66" fmla="*/ 50 w 492"/>
                <a:gd name="T67" fmla="*/ 17 h 374"/>
                <a:gd name="T68" fmla="*/ 71 w 492"/>
                <a:gd name="T69" fmla="*/ 10 h 374"/>
                <a:gd name="T70" fmla="*/ 139 w 492"/>
                <a:gd name="T71" fmla="*/ 1 h 374"/>
                <a:gd name="T72" fmla="*/ 149 w 492"/>
                <a:gd name="T73" fmla="*/ 0 h 374"/>
                <a:gd name="T74" fmla="*/ 162 w 492"/>
                <a:gd name="T75" fmla="*/ 12 h 374"/>
                <a:gd name="T76" fmla="*/ 242 w 492"/>
                <a:gd name="T77" fmla="*/ 17 h 374"/>
                <a:gd name="T78" fmla="*/ 328 w 492"/>
                <a:gd name="T79" fmla="*/ 77 h 374"/>
                <a:gd name="T80" fmla="*/ 323 w 492"/>
                <a:gd name="T81" fmla="*/ 81 h 374"/>
                <a:gd name="T82" fmla="*/ 315 w 492"/>
                <a:gd name="T83" fmla="*/ 87 h 374"/>
                <a:gd name="T84" fmla="*/ 306 w 492"/>
                <a:gd name="T85" fmla="*/ 100 h 374"/>
                <a:gd name="T86" fmla="*/ 298 w 492"/>
                <a:gd name="T87" fmla="*/ 114 h 374"/>
                <a:gd name="T88" fmla="*/ 293 w 492"/>
                <a:gd name="T89" fmla="*/ 126 h 374"/>
                <a:gd name="T90" fmla="*/ 290 w 492"/>
                <a:gd name="T91" fmla="*/ 123 h 374"/>
                <a:gd name="T92" fmla="*/ 288 w 492"/>
                <a:gd name="T93" fmla="*/ 126 h 374"/>
                <a:gd name="T94" fmla="*/ 289 w 492"/>
                <a:gd name="T95" fmla="*/ 132 h 374"/>
                <a:gd name="T96" fmla="*/ 294 w 492"/>
                <a:gd name="T97" fmla="*/ 134 h 374"/>
                <a:gd name="T98" fmla="*/ 295 w 492"/>
                <a:gd name="T99" fmla="*/ 139 h 374"/>
                <a:gd name="T100" fmla="*/ 292 w 492"/>
                <a:gd name="T101" fmla="*/ 145 h 374"/>
                <a:gd name="T102" fmla="*/ 286 w 492"/>
                <a:gd name="T103" fmla="*/ 148 h 374"/>
                <a:gd name="T104" fmla="*/ 276 w 492"/>
                <a:gd name="T105" fmla="*/ 154 h 374"/>
                <a:gd name="T106" fmla="*/ 266 w 492"/>
                <a:gd name="T107" fmla="*/ 171 h 374"/>
                <a:gd name="T108" fmla="*/ 263 w 492"/>
                <a:gd name="T109" fmla="*/ 173 h 374"/>
                <a:gd name="T110" fmla="*/ 259 w 492"/>
                <a:gd name="T111" fmla="*/ 177 h 374"/>
                <a:gd name="T112" fmla="*/ 251 w 492"/>
                <a:gd name="T113" fmla="*/ 179 h 374"/>
                <a:gd name="T114" fmla="*/ 240 w 492"/>
                <a:gd name="T115" fmla="*/ 196 h 374"/>
                <a:gd name="T116" fmla="*/ 236 w 492"/>
                <a:gd name="T117" fmla="*/ 201 h 374"/>
                <a:gd name="T118" fmla="*/ 214 w 492"/>
                <a:gd name="T119" fmla="*/ 207 h 374"/>
                <a:gd name="T120" fmla="*/ 194 w 492"/>
                <a:gd name="T121" fmla="*/ 221 h 374"/>
                <a:gd name="T122" fmla="*/ 187 w 492"/>
                <a:gd name="T123" fmla="*/ 245 h 374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w 492"/>
                <a:gd name="T187" fmla="*/ 0 h 374"/>
                <a:gd name="T188" fmla="*/ 492 w 492"/>
                <a:gd name="T189" fmla="*/ 374 h 374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T186" t="T187" r="T188" b="T189"/>
              <a:pathLst>
                <a:path w="492" h="374">
                  <a:moveTo>
                    <a:pt x="269" y="374"/>
                  </a:moveTo>
                  <a:lnTo>
                    <a:pt x="269" y="372"/>
                  </a:lnTo>
                  <a:lnTo>
                    <a:pt x="267" y="370"/>
                  </a:lnTo>
                  <a:lnTo>
                    <a:pt x="267" y="369"/>
                  </a:lnTo>
                  <a:lnTo>
                    <a:pt x="267" y="367"/>
                  </a:lnTo>
                  <a:lnTo>
                    <a:pt x="267" y="365"/>
                  </a:lnTo>
                  <a:lnTo>
                    <a:pt x="267" y="364"/>
                  </a:lnTo>
                  <a:lnTo>
                    <a:pt x="267" y="362"/>
                  </a:lnTo>
                  <a:lnTo>
                    <a:pt x="266" y="348"/>
                  </a:lnTo>
                  <a:lnTo>
                    <a:pt x="261" y="338"/>
                  </a:lnTo>
                  <a:lnTo>
                    <a:pt x="255" y="330"/>
                  </a:lnTo>
                  <a:lnTo>
                    <a:pt x="249" y="321"/>
                  </a:lnTo>
                  <a:lnTo>
                    <a:pt x="242" y="316"/>
                  </a:lnTo>
                  <a:lnTo>
                    <a:pt x="235" y="313"/>
                  </a:lnTo>
                  <a:lnTo>
                    <a:pt x="232" y="309"/>
                  </a:lnTo>
                  <a:lnTo>
                    <a:pt x="230" y="308"/>
                  </a:lnTo>
                  <a:lnTo>
                    <a:pt x="228" y="292"/>
                  </a:lnTo>
                  <a:lnTo>
                    <a:pt x="225" y="282"/>
                  </a:lnTo>
                  <a:lnTo>
                    <a:pt x="218" y="274"/>
                  </a:lnTo>
                  <a:lnTo>
                    <a:pt x="211" y="269"/>
                  </a:lnTo>
                  <a:lnTo>
                    <a:pt x="205" y="265"/>
                  </a:lnTo>
                  <a:lnTo>
                    <a:pt x="200" y="264"/>
                  </a:lnTo>
                  <a:lnTo>
                    <a:pt x="195" y="262"/>
                  </a:lnTo>
                  <a:lnTo>
                    <a:pt x="193" y="262"/>
                  </a:lnTo>
                  <a:lnTo>
                    <a:pt x="193" y="260"/>
                  </a:lnTo>
                  <a:lnTo>
                    <a:pt x="189" y="259"/>
                  </a:lnTo>
                  <a:lnTo>
                    <a:pt x="184" y="254"/>
                  </a:lnTo>
                  <a:lnTo>
                    <a:pt x="179" y="250"/>
                  </a:lnTo>
                  <a:lnTo>
                    <a:pt x="174" y="245"/>
                  </a:lnTo>
                  <a:lnTo>
                    <a:pt x="171" y="240"/>
                  </a:lnTo>
                  <a:lnTo>
                    <a:pt x="167" y="237"/>
                  </a:lnTo>
                  <a:lnTo>
                    <a:pt x="166" y="233"/>
                  </a:lnTo>
                  <a:lnTo>
                    <a:pt x="162" y="225"/>
                  </a:lnTo>
                  <a:lnTo>
                    <a:pt x="157" y="218"/>
                  </a:lnTo>
                  <a:lnTo>
                    <a:pt x="154" y="213"/>
                  </a:lnTo>
                  <a:lnTo>
                    <a:pt x="149" y="211"/>
                  </a:lnTo>
                  <a:lnTo>
                    <a:pt x="145" y="210"/>
                  </a:lnTo>
                  <a:lnTo>
                    <a:pt x="142" y="210"/>
                  </a:lnTo>
                  <a:lnTo>
                    <a:pt x="139" y="210"/>
                  </a:lnTo>
                  <a:lnTo>
                    <a:pt x="137" y="208"/>
                  </a:lnTo>
                  <a:lnTo>
                    <a:pt x="135" y="204"/>
                  </a:lnTo>
                  <a:lnTo>
                    <a:pt x="132" y="203"/>
                  </a:lnTo>
                  <a:lnTo>
                    <a:pt x="130" y="199"/>
                  </a:lnTo>
                  <a:lnTo>
                    <a:pt x="127" y="193"/>
                  </a:lnTo>
                  <a:lnTo>
                    <a:pt x="123" y="188"/>
                  </a:lnTo>
                  <a:lnTo>
                    <a:pt x="120" y="184"/>
                  </a:lnTo>
                  <a:lnTo>
                    <a:pt x="117" y="182"/>
                  </a:lnTo>
                  <a:lnTo>
                    <a:pt x="113" y="181"/>
                  </a:lnTo>
                  <a:lnTo>
                    <a:pt x="112" y="182"/>
                  </a:lnTo>
                  <a:lnTo>
                    <a:pt x="108" y="182"/>
                  </a:lnTo>
                  <a:lnTo>
                    <a:pt x="101" y="181"/>
                  </a:lnTo>
                  <a:lnTo>
                    <a:pt x="96" y="179"/>
                  </a:lnTo>
                  <a:lnTo>
                    <a:pt x="93" y="174"/>
                  </a:lnTo>
                  <a:lnTo>
                    <a:pt x="90" y="169"/>
                  </a:lnTo>
                  <a:lnTo>
                    <a:pt x="86" y="164"/>
                  </a:lnTo>
                  <a:lnTo>
                    <a:pt x="85" y="160"/>
                  </a:lnTo>
                  <a:lnTo>
                    <a:pt x="83" y="157"/>
                  </a:lnTo>
                  <a:lnTo>
                    <a:pt x="83" y="155"/>
                  </a:lnTo>
                  <a:lnTo>
                    <a:pt x="78" y="152"/>
                  </a:lnTo>
                  <a:lnTo>
                    <a:pt x="71" y="145"/>
                  </a:lnTo>
                  <a:lnTo>
                    <a:pt x="66" y="138"/>
                  </a:lnTo>
                  <a:lnTo>
                    <a:pt x="61" y="132"/>
                  </a:lnTo>
                  <a:lnTo>
                    <a:pt x="57" y="125"/>
                  </a:lnTo>
                  <a:lnTo>
                    <a:pt x="56" y="118"/>
                  </a:lnTo>
                  <a:lnTo>
                    <a:pt x="52" y="115"/>
                  </a:lnTo>
                  <a:lnTo>
                    <a:pt x="52" y="113"/>
                  </a:lnTo>
                  <a:lnTo>
                    <a:pt x="52" y="111"/>
                  </a:lnTo>
                  <a:lnTo>
                    <a:pt x="49" y="111"/>
                  </a:lnTo>
                  <a:lnTo>
                    <a:pt x="47" y="111"/>
                  </a:lnTo>
                  <a:lnTo>
                    <a:pt x="46" y="110"/>
                  </a:lnTo>
                  <a:lnTo>
                    <a:pt x="39" y="110"/>
                  </a:lnTo>
                  <a:lnTo>
                    <a:pt x="32" y="108"/>
                  </a:lnTo>
                  <a:lnTo>
                    <a:pt x="27" y="106"/>
                  </a:lnTo>
                  <a:lnTo>
                    <a:pt x="24" y="105"/>
                  </a:lnTo>
                  <a:lnTo>
                    <a:pt x="20" y="103"/>
                  </a:lnTo>
                  <a:lnTo>
                    <a:pt x="19" y="101"/>
                  </a:lnTo>
                  <a:lnTo>
                    <a:pt x="17" y="100"/>
                  </a:lnTo>
                  <a:lnTo>
                    <a:pt x="5" y="98"/>
                  </a:lnTo>
                  <a:lnTo>
                    <a:pt x="0" y="93"/>
                  </a:lnTo>
                  <a:lnTo>
                    <a:pt x="0" y="84"/>
                  </a:lnTo>
                  <a:lnTo>
                    <a:pt x="2" y="74"/>
                  </a:lnTo>
                  <a:lnTo>
                    <a:pt x="7" y="66"/>
                  </a:lnTo>
                  <a:lnTo>
                    <a:pt x="13" y="57"/>
                  </a:lnTo>
                  <a:lnTo>
                    <a:pt x="17" y="52"/>
                  </a:lnTo>
                  <a:lnTo>
                    <a:pt x="19" y="50"/>
                  </a:lnTo>
                  <a:lnTo>
                    <a:pt x="20" y="52"/>
                  </a:lnTo>
                  <a:lnTo>
                    <a:pt x="22" y="50"/>
                  </a:lnTo>
                  <a:lnTo>
                    <a:pt x="24" y="49"/>
                  </a:lnTo>
                  <a:lnTo>
                    <a:pt x="27" y="45"/>
                  </a:lnTo>
                  <a:lnTo>
                    <a:pt x="30" y="42"/>
                  </a:lnTo>
                  <a:lnTo>
                    <a:pt x="35" y="39"/>
                  </a:lnTo>
                  <a:lnTo>
                    <a:pt x="41" y="35"/>
                  </a:lnTo>
                  <a:lnTo>
                    <a:pt x="47" y="32"/>
                  </a:lnTo>
                  <a:lnTo>
                    <a:pt x="52" y="28"/>
                  </a:lnTo>
                  <a:lnTo>
                    <a:pt x="61" y="23"/>
                  </a:lnTo>
                  <a:lnTo>
                    <a:pt x="68" y="20"/>
                  </a:lnTo>
                  <a:lnTo>
                    <a:pt x="76" y="17"/>
                  </a:lnTo>
                  <a:lnTo>
                    <a:pt x="85" y="15"/>
                  </a:lnTo>
                  <a:lnTo>
                    <a:pt x="95" y="13"/>
                  </a:lnTo>
                  <a:lnTo>
                    <a:pt x="105" y="10"/>
                  </a:lnTo>
                  <a:lnTo>
                    <a:pt x="113" y="10"/>
                  </a:lnTo>
                  <a:lnTo>
                    <a:pt x="206" y="1"/>
                  </a:lnTo>
                  <a:lnTo>
                    <a:pt x="208" y="1"/>
                  </a:lnTo>
                  <a:lnTo>
                    <a:pt x="210" y="0"/>
                  </a:lnTo>
                  <a:lnTo>
                    <a:pt x="215" y="0"/>
                  </a:lnTo>
                  <a:lnTo>
                    <a:pt x="222" y="0"/>
                  </a:lnTo>
                  <a:lnTo>
                    <a:pt x="228" y="1"/>
                  </a:lnTo>
                  <a:lnTo>
                    <a:pt x="235" y="5"/>
                  </a:lnTo>
                  <a:lnTo>
                    <a:pt x="242" y="12"/>
                  </a:lnTo>
                  <a:lnTo>
                    <a:pt x="250" y="23"/>
                  </a:lnTo>
                  <a:lnTo>
                    <a:pt x="254" y="37"/>
                  </a:lnTo>
                  <a:lnTo>
                    <a:pt x="362" y="20"/>
                  </a:lnTo>
                  <a:lnTo>
                    <a:pt x="492" y="115"/>
                  </a:lnTo>
                  <a:lnTo>
                    <a:pt x="491" y="115"/>
                  </a:lnTo>
                  <a:lnTo>
                    <a:pt x="489" y="118"/>
                  </a:lnTo>
                  <a:lnTo>
                    <a:pt x="486" y="120"/>
                  </a:lnTo>
                  <a:lnTo>
                    <a:pt x="484" y="122"/>
                  </a:lnTo>
                  <a:lnTo>
                    <a:pt x="481" y="125"/>
                  </a:lnTo>
                  <a:lnTo>
                    <a:pt x="475" y="130"/>
                  </a:lnTo>
                  <a:lnTo>
                    <a:pt x="472" y="133"/>
                  </a:lnTo>
                  <a:lnTo>
                    <a:pt x="467" y="140"/>
                  </a:lnTo>
                  <a:lnTo>
                    <a:pt x="464" y="145"/>
                  </a:lnTo>
                  <a:lnTo>
                    <a:pt x="459" y="150"/>
                  </a:lnTo>
                  <a:lnTo>
                    <a:pt x="455" y="159"/>
                  </a:lnTo>
                  <a:lnTo>
                    <a:pt x="450" y="166"/>
                  </a:lnTo>
                  <a:lnTo>
                    <a:pt x="447" y="174"/>
                  </a:lnTo>
                  <a:lnTo>
                    <a:pt x="443" y="182"/>
                  </a:lnTo>
                  <a:lnTo>
                    <a:pt x="440" y="191"/>
                  </a:lnTo>
                  <a:lnTo>
                    <a:pt x="437" y="189"/>
                  </a:lnTo>
                  <a:lnTo>
                    <a:pt x="435" y="188"/>
                  </a:lnTo>
                  <a:lnTo>
                    <a:pt x="435" y="186"/>
                  </a:lnTo>
                  <a:lnTo>
                    <a:pt x="433" y="186"/>
                  </a:lnTo>
                  <a:lnTo>
                    <a:pt x="433" y="188"/>
                  </a:lnTo>
                  <a:lnTo>
                    <a:pt x="431" y="191"/>
                  </a:lnTo>
                  <a:lnTo>
                    <a:pt x="431" y="194"/>
                  </a:lnTo>
                  <a:lnTo>
                    <a:pt x="431" y="198"/>
                  </a:lnTo>
                  <a:lnTo>
                    <a:pt x="433" y="199"/>
                  </a:lnTo>
                  <a:lnTo>
                    <a:pt x="435" y="201"/>
                  </a:lnTo>
                  <a:lnTo>
                    <a:pt x="440" y="203"/>
                  </a:lnTo>
                  <a:lnTo>
                    <a:pt x="442" y="203"/>
                  </a:lnTo>
                  <a:lnTo>
                    <a:pt x="442" y="204"/>
                  </a:lnTo>
                  <a:lnTo>
                    <a:pt x="443" y="206"/>
                  </a:lnTo>
                  <a:lnTo>
                    <a:pt x="443" y="210"/>
                  </a:lnTo>
                  <a:lnTo>
                    <a:pt x="443" y="213"/>
                  </a:lnTo>
                  <a:lnTo>
                    <a:pt x="440" y="216"/>
                  </a:lnTo>
                  <a:lnTo>
                    <a:pt x="437" y="221"/>
                  </a:lnTo>
                  <a:lnTo>
                    <a:pt x="431" y="225"/>
                  </a:lnTo>
                  <a:lnTo>
                    <a:pt x="430" y="225"/>
                  </a:lnTo>
                  <a:lnTo>
                    <a:pt x="428" y="225"/>
                  </a:lnTo>
                  <a:lnTo>
                    <a:pt x="423" y="228"/>
                  </a:lnTo>
                  <a:lnTo>
                    <a:pt x="418" y="230"/>
                  </a:lnTo>
                  <a:lnTo>
                    <a:pt x="413" y="235"/>
                  </a:lnTo>
                  <a:lnTo>
                    <a:pt x="408" y="240"/>
                  </a:lnTo>
                  <a:lnTo>
                    <a:pt x="403" y="248"/>
                  </a:lnTo>
                  <a:lnTo>
                    <a:pt x="398" y="259"/>
                  </a:lnTo>
                  <a:lnTo>
                    <a:pt x="396" y="260"/>
                  </a:lnTo>
                  <a:lnTo>
                    <a:pt x="394" y="262"/>
                  </a:lnTo>
                  <a:lnTo>
                    <a:pt x="393" y="265"/>
                  </a:lnTo>
                  <a:lnTo>
                    <a:pt x="391" y="267"/>
                  </a:lnTo>
                  <a:lnTo>
                    <a:pt x="389" y="269"/>
                  </a:lnTo>
                  <a:lnTo>
                    <a:pt x="387" y="270"/>
                  </a:lnTo>
                  <a:lnTo>
                    <a:pt x="376" y="272"/>
                  </a:lnTo>
                  <a:lnTo>
                    <a:pt x="376" y="277"/>
                  </a:lnTo>
                  <a:lnTo>
                    <a:pt x="384" y="279"/>
                  </a:lnTo>
                  <a:lnTo>
                    <a:pt x="359" y="299"/>
                  </a:lnTo>
                  <a:lnTo>
                    <a:pt x="354" y="291"/>
                  </a:lnTo>
                  <a:lnTo>
                    <a:pt x="349" y="299"/>
                  </a:lnTo>
                  <a:lnTo>
                    <a:pt x="354" y="304"/>
                  </a:lnTo>
                  <a:lnTo>
                    <a:pt x="343" y="316"/>
                  </a:lnTo>
                  <a:lnTo>
                    <a:pt x="335" y="314"/>
                  </a:lnTo>
                  <a:lnTo>
                    <a:pt x="320" y="314"/>
                  </a:lnTo>
                  <a:lnTo>
                    <a:pt x="305" y="316"/>
                  </a:lnTo>
                  <a:lnTo>
                    <a:pt x="296" y="320"/>
                  </a:lnTo>
                  <a:lnTo>
                    <a:pt x="291" y="336"/>
                  </a:lnTo>
                  <a:lnTo>
                    <a:pt x="303" y="348"/>
                  </a:lnTo>
                  <a:lnTo>
                    <a:pt x="289" y="374"/>
                  </a:lnTo>
                  <a:lnTo>
                    <a:pt x="281" y="372"/>
                  </a:lnTo>
                  <a:lnTo>
                    <a:pt x="269" y="374"/>
                  </a:lnTo>
                  <a:close/>
                </a:path>
              </a:pathLst>
            </a:custGeom>
            <a:solidFill>
              <a:srgbClr val="0033CC"/>
            </a:solidFill>
            <a:ln w="9525">
              <a:solidFill>
                <a:sysClr val="window" lastClr="FFFFFF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22" name="Freeform 14"/>
            <p:cNvSpPr>
              <a:spLocks/>
            </p:cNvSpPr>
            <p:nvPr/>
          </p:nvSpPr>
          <p:spPr bwMode="auto">
            <a:xfrm>
              <a:off x="4869" y="1704"/>
              <a:ext cx="76" cy="93"/>
            </a:xfrm>
            <a:custGeom>
              <a:avLst/>
              <a:gdLst>
                <a:gd name="T0" fmla="*/ 19 w 78"/>
                <a:gd name="T1" fmla="*/ 61 h 95"/>
                <a:gd name="T2" fmla="*/ 16 w 78"/>
                <a:gd name="T3" fmla="*/ 63 h 95"/>
                <a:gd name="T4" fmla="*/ 16 w 78"/>
                <a:gd name="T5" fmla="*/ 63 h 95"/>
                <a:gd name="T6" fmla="*/ 16 w 78"/>
                <a:gd name="T7" fmla="*/ 64 h 95"/>
                <a:gd name="T8" fmla="*/ 16 w 78"/>
                <a:gd name="T9" fmla="*/ 64 h 95"/>
                <a:gd name="T10" fmla="*/ 16 w 78"/>
                <a:gd name="T11" fmla="*/ 65 h 95"/>
                <a:gd name="T12" fmla="*/ 16 w 78"/>
                <a:gd name="T13" fmla="*/ 66 h 95"/>
                <a:gd name="T14" fmla="*/ 16 w 78"/>
                <a:gd name="T15" fmla="*/ 68 h 95"/>
                <a:gd name="T16" fmla="*/ 16 w 78"/>
                <a:gd name="T17" fmla="*/ 68 h 95"/>
                <a:gd name="T18" fmla="*/ 17 w 78"/>
                <a:gd name="T19" fmla="*/ 69 h 95"/>
                <a:gd name="T20" fmla="*/ 19 w 78"/>
                <a:gd name="T21" fmla="*/ 69 h 95"/>
                <a:gd name="T22" fmla="*/ 19 w 78"/>
                <a:gd name="T23" fmla="*/ 68 h 95"/>
                <a:gd name="T24" fmla="*/ 19 w 78"/>
                <a:gd name="T25" fmla="*/ 66 h 95"/>
                <a:gd name="T26" fmla="*/ 22 w 78"/>
                <a:gd name="T27" fmla="*/ 64 h 95"/>
                <a:gd name="T28" fmla="*/ 25 w 78"/>
                <a:gd name="T29" fmla="*/ 63 h 95"/>
                <a:gd name="T30" fmla="*/ 27 w 78"/>
                <a:gd name="T31" fmla="*/ 61 h 95"/>
                <a:gd name="T32" fmla="*/ 29 w 78"/>
                <a:gd name="T33" fmla="*/ 60 h 95"/>
                <a:gd name="T34" fmla="*/ 30 w 78"/>
                <a:gd name="T35" fmla="*/ 59 h 95"/>
                <a:gd name="T36" fmla="*/ 36 w 78"/>
                <a:gd name="T37" fmla="*/ 59 h 95"/>
                <a:gd name="T38" fmla="*/ 36 w 78"/>
                <a:gd name="T39" fmla="*/ 50 h 95"/>
                <a:gd name="T40" fmla="*/ 25 w 78"/>
                <a:gd name="T41" fmla="*/ 23 h 95"/>
                <a:gd name="T42" fmla="*/ 34 w 78"/>
                <a:gd name="T43" fmla="*/ 23 h 95"/>
                <a:gd name="T44" fmla="*/ 41 w 78"/>
                <a:gd name="T45" fmla="*/ 23 h 95"/>
                <a:gd name="T46" fmla="*/ 44 w 78"/>
                <a:gd name="T47" fmla="*/ 23 h 95"/>
                <a:gd name="T48" fmla="*/ 45 w 78"/>
                <a:gd name="T49" fmla="*/ 23 h 95"/>
                <a:gd name="T50" fmla="*/ 45 w 78"/>
                <a:gd name="T51" fmla="*/ 23 h 95"/>
                <a:gd name="T52" fmla="*/ 47 w 78"/>
                <a:gd name="T53" fmla="*/ 25 h 95"/>
                <a:gd name="T54" fmla="*/ 48 w 78"/>
                <a:gd name="T55" fmla="*/ 28 h 95"/>
                <a:gd name="T56" fmla="*/ 49 w 78"/>
                <a:gd name="T57" fmla="*/ 38 h 95"/>
                <a:gd name="T58" fmla="*/ 51 w 78"/>
                <a:gd name="T59" fmla="*/ 44 h 95"/>
                <a:gd name="T60" fmla="*/ 51 w 78"/>
                <a:gd name="T61" fmla="*/ 47 h 95"/>
                <a:gd name="T62" fmla="*/ 52 w 78"/>
                <a:gd name="T63" fmla="*/ 45 h 95"/>
                <a:gd name="T64" fmla="*/ 53 w 78"/>
                <a:gd name="T65" fmla="*/ 44 h 95"/>
                <a:gd name="T66" fmla="*/ 53 w 78"/>
                <a:gd name="T67" fmla="*/ 40 h 95"/>
                <a:gd name="T68" fmla="*/ 54 w 78"/>
                <a:gd name="T69" fmla="*/ 38 h 95"/>
                <a:gd name="T70" fmla="*/ 54 w 78"/>
                <a:gd name="T71" fmla="*/ 37 h 95"/>
                <a:gd name="T72" fmla="*/ 54 w 78"/>
                <a:gd name="T73" fmla="*/ 38 h 95"/>
                <a:gd name="T74" fmla="*/ 53 w 78"/>
                <a:gd name="T75" fmla="*/ 38 h 95"/>
                <a:gd name="T76" fmla="*/ 53 w 78"/>
                <a:gd name="T77" fmla="*/ 37 h 95"/>
                <a:gd name="T78" fmla="*/ 53 w 78"/>
                <a:gd name="T79" fmla="*/ 35 h 95"/>
                <a:gd name="T80" fmla="*/ 52 w 78"/>
                <a:gd name="T81" fmla="*/ 32 h 95"/>
                <a:gd name="T82" fmla="*/ 51 w 78"/>
                <a:gd name="T83" fmla="*/ 30 h 95"/>
                <a:gd name="T84" fmla="*/ 51 w 78"/>
                <a:gd name="T85" fmla="*/ 28 h 95"/>
                <a:gd name="T86" fmla="*/ 51 w 78"/>
                <a:gd name="T87" fmla="*/ 27 h 95"/>
                <a:gd name="T88" fmla="*/ 51 w 78"/>
                <a:gd name="T89" fmla="*/ 27 h 95"/>
                <a:gd name="T90" fmla="*/ 48 w 78"/>
                <a:gd name="T91" fmla="*/ 23 h 95"/>
                <a:gd name="T92" fmla="*/ 44 w 78"/>
                <a:gd name="T93" fmla="*/ 23 h 95"/>
                <a:gd name="T94" fmla="*/ 37 w 78"/>
                <a:gd name="T95" fmla="*/ 23 h 95"/>
                <a:gd name="T96" fmla="*/ 32 w 78"/>
                <a:gd name="T97" fmla="*/ 14 h 95"/>
                <a:gd name="T98" fmla="*/ 25 w 78"/>
                <a:gd name="T99" fmla="*/ 14 h 95"/>
                <a:gd name="T100" fmla="*/ 20 w 78"/>
                <a:gd name="T101" fmla="*/ 0 h 95"/>
                <a:gd name="T102" fmla="*/ 0 w 78"/>
                <a:gd name="T103" fmla="*/ 8 h 95"/>
                <a:gd name="T104" fmla="*/ 19 w 78"/>
                <a:gd name="T105" fmla="*/ 61 h 95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w 78"/>
                <a:gd name="T160" fmla="*/ 0 h 95"/>
                <a:gd name="T161" fmla="*/ 78 w 78"/>
                <a:gd name="T162" fmla="*/ 95 h 95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T159" t="T160" r="T161" b="T162"/>
              <a:pathLst>
                <a:path w="78" h="95">
                  <a:moveTo>
                    <a:pt x="21" y="80"/>
                  </a:moveTo>
                  <a:lnTo>
                    <a:pt x="16" y="83"/>
                  </a:lnTo>
                  <a:lnTo>
                    <a:pt x="16" y="85"/>
                  </a:lnTo>
                  <a:lnTo>
                    <a:pt x="16" y="86"/>
                  </a:lnTo>
                  <a:lnTo>
                    <a:pt x="16" y="88"/>
                  </a:lnTo>
                  <a:lnTo>
                    <a:pt x="16" y="90"/>
                  </a:lnTo>
                  <a:lnTo>
                    <a:pt x="16" y="93"/>
                  </a:lnTo>
                  <a:lnTo>
                    <a:pt x="17" y="95"/>
                  </a:lnTo>
                  <a:lnTo>
                    <a:pt x="22" y="95"/>
                  </a:lnTo>
                  <a:lnTo>
                    <a:pt x="28" y="93"/>
                  </a:lnTo>
                  <a:lnTo>
                    <a:pt x="31" y="90"/>
                  </a:lnTo>
                  <a:lnTo>
                    <a:pt x="36" y="86"/>
                  </a:lnTo>
                  <a:lnTo>
                    <a:pt x="39" y="83"/>
                  </a:lnTo>
                  <a:lnTo>
                    <a:pt x="41" y="80"/>
                  </a:lnTo>
                  <a:lnTo>
                    <a:pt x="43" y="78"/>
                  </a:lnTo>
                  <a:lnTo>
                    <a:pt x="44" y="76"/>
                  </a:lnTo>
                  <a:lnTo>
                    <a:pt x="50" y="76"/>
                  </a:lnTo>
                  <a:lnTo>
                    <a:pt x="50" y="64"/>
                  </a:lnTo>
                  <a:lnTo>
                    <a:pt x="39" y="30"/>
                  </a:lnTo>
                  <a:lnTo>
                    <a:pt x="48" y="29"/>
                  </a:lnTo>
                  <a:lnTo>
                    <a:pt x="55" y="36"/>
                  </a:lnTo>
                  <a:lnTo>
                    <a:pt x="58" y="36"/>
                  </a:lnTo>
                  <a:lnTo>
                    <a:pt x="60" y="36"/>
                  </a:lnTo>
                  <a:lnTo>
                    <a:pt x="61" y="37"/>
                  </a:lnTo>
                  <a:lnTo>
                    <a:pt x="65" y="39"/>
                  </a:lnTo>
                  <a:lnTo>
                    <a:pt x="66" y="42"/>
                  </a:lnTo>
                  <a:lnTo>
                    <a:pt x="68" y="52"/>
                  </a:lnTo>
                  <a:lnTo>
                    <a:pt x="72" y="58"/>
                  </a:lnTo>
                  <a:lnTo>
                    <a:pt x="73" y="61"/>
                  </a:lnTo>
                  <a:lnTo>
                    <a:pt x="75" y="59"/>
                  </a:lnTo>
                  <a:lnTo>
                    <a:pt x="77" y="58"/>
                  </a:lnTo>
                  <a:lnTo>
                    <a:pt x="77" y="54"/>
                  </a:lnTo>
                  <a:lnTo>
                    <a:pt x="78" y="52"/>
                  </a:lnTo>
                  <a:lnTo>
                    <a:pt x="78" y="51"/>
                  </a:lnTo>
                  <a:lnTo>
                    <a:pt x="78" y="52"/>
                  </a:lnTo>
                  <a:lnTo>
                    <a:pt x="77" y="52"/>
                  </a:lnTo>
                  <a:lnTo>
                    <a:pt x="77" y="51"/>
                  </a:lnTo>
                  <a:lnTo>
                    <a:pt x="77" y="49"/>
                  </a:lnTo>
                  <a:lnTo>
                    <a:pt x="75" y="46"/>
                  </a:lnTo>
                  <a:lnTo>
                    <a:pt x="73" y="44"/>
                  </a:lnTo>
                  <a:lnTo>
                    <a:pt x="73" y="42"/>
                  </a:lnTo>
                  <a:lnTo>
                    <a:pt x="73" y="41"/>
                  </a:lnTo>
                  <a:lnTo>
                    <a:pt x="66" y="36"/>
                  </a:lnTo>
                  <a:lnTo>
                    <a:pt x="58" y="30"/>
                  </a:lnTo>
                  <a:lnTo>
                    <a:pt x="51" y="29"/>
                  </a:lnTo>
                  <a:lnTo>
                    <a:pt x="46" y="14"/>
                  </a:lnTo>
                  <a:lnTo>
                    <a:pt x="39" y="14"/>
                  </a:lnTo>
                  <a:lnTo>
                    <a:pt x="34" y="0"/>
                  </a:lnTo>
                  <a:lnTo>
                    <a:pt x="0" y="8"/>
                  </a:lnTo>
                  <a:lnTo>
                    <a:pt x="21" y="80"/>
                  </a:lnTo>
                  <a:close/>
                </a:path>
              </a:pathLst>
            </a:custGeom>
            <a:solidFill>
              <a:srgbClr val="00FF00"/>
            </a:solidFill>
            <a:ln w="9525">
              <a:solidFill>
                <a:sysClr val="window" lastClr="FFFFFF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923" name="Group 15"/>
            <p:cNvGrpSpPr>
              <a:grpSpLocks/>
            </p:cNvGrpSpPr>
            <p:nvPr/>
          </p:nvGrpSpPr>
          <p:grpSpPr bwMode="auto">
            <a:xfrm>
              <a:off x="2752" y="1791"/>
              <a:ext cx="1909" cy="2193"/>
              <a:chOff x="2691" y="1840"/>
              <a:chExt cx="1909" cy="2193"/>
            </a:xfrm>
          </p:grpSpPr>
          <p:grpSp>
            <p:nvGrpSpPr>
              <p:cNvPr id="1064" name="Group 16"/>
              <p:cNvGrpSpPr>
                <a:grpSpLocks/>
              </p:cNvGrpSpPr>
              <p:nvPr/>
            </p:nvGrpSpPr>
            <p:grpSpPr bwMode="auto">
              <a:xfrm>
                <a:off x="3537" y="3290"/>
                <a:ext cx="873" cy="743"/>
                <a:chOff x="3822" y="2894"/>
                <a:chExt cx="897" cy="765"/>
              </a:xfrm>
            </p:grpSpPr>
            <p:sp>
              <p:nvSpPr>
                <p:cNvPr id="1070" name="Freeform 17"/>
                <p:cNvSpPr>
                  <a:spLocks/>
                </p:cNvSpPr>
                <p:nvPr/>
              </p:nvSpPr>
              <p:spPr bwMode="auto">
                <a:xfrm>
                  <a:off x="3822" y="2894"/>
                  <a:ext cx="890" cy="684"/>
                </a:xfrm>
                <a:custGeom>
                  <a:avLst/>
                  <a:gdLst>
                    <a:gd name="T0" fmla="*/ 641 w 890"/>
                    <a:gd name="T1" fmla="*/ 49 h 684"/>
                    <a:gd name="T2" fmla="*/ 641 w 890"/>
                    <a:gd name="T3" fmla="*/ 69 h 684"/>
                    <a:gd name="T4" fmla="*/ 682 w 890"/>
                    <a:gd name="T5" fmla="*/ 112 h 684"/>
                    <a:gd name="T6" fmla="*/ 717 w 890"/>
                    <a:gd name="T7" fmla="*/ 161 h 684"/>
                    <a:gd name="T8" fmla="*/ 732 w 890"/>
                    <a:gd name="T9" fmla="*/ 190 h 684"/>
                    <a:gd name="T10" fmla="*/ 721 w 890"/>
                    <a:gd name="T11" fmla="*/ 183 h 684"/>
                    <a:gd name="T12" fmla="*/ 758 w 890"/>
                    <a:gd name="T13" fmla="*/ 235 h 684"/>
                    <a:gd name="T14" fmla="*/ 773 w 890"/>
                    <a:gd name="T15" fmla="*/ 279 h 684"/>
                    <a:gd name="T16" fmla="*/ 832 w 890"/>
                    <a:gd name="T17" fmla="*/ 381 h 684"/>
                    <a:gd name="T18" fmla="*/ 856 w 890"/>
                    <a:gd name="T19" fmla="*/ 420 h 684"/>
                    <a:gd name="T20" fmla="*/ 875 w 890"/>
                    <a:gd name="T21" fmla="*/ 450 h 684"/>
                    <a:gd name="T22" fmla="*/ 888 w 890"/>
                    <a:gd name="T23" fmla="*/ 479 h 684"/>
                    <a:gd name="T24" fmla="*/ 890 w 890"/>
                    <a:gd name="T25" fmla="*/ 564 h 684"/>
                    <a:gd name="T26" fmla="*/ 876 w 890"/>
                    <a:gd name="T27" fmla="*/ 609 h 684"/>
                    <a:gd name="T28" fmla="*/ 878 w 890"/>
                    <a:gd name="T29" fmla="*/ 641 h 684"/>
                    <a:gd name="T30" fmla="*/ 842 w 890"/>
                    <a:gd name="T31" fmla="*/ 674 h 684"/>
                    <a:gd name="T32" fmla="*/ 800 w 890"/>
                    <a:gd name="T33" fmla="*/ 684 h 684"/>
                    <a:gd name="T34" fmla="*/ 798 w 890"/>
                    <a:gd name="T35" fmla="*/ 668 h 684"/>
                    <a:gd name="T36" fmla="*/ 807 w 890"/>
                    <a:gd name="T37" fmla="*/ 635 h 684"/>
                    <a:gd name="T38" fmla="*/ 797 w 890"/>
                    <a:gd name="T39" fmla="*/ 653 h 684"/>
                    <a:gd name="T40" fmla="*/ 749 w 890"/>
                    <a:gd name="T41" fmla="*/ 606 h 684"/>
                    <a:gd name="T42" fmla="*/ 714 w 890"/>
                    <a:gd name="T43" fmla="*/ 597 h 684"/>
                    <a:gd name="T44" fmla="*/ 697 w 890"/>
                    <a:gd name="T45" fmla="*/ 564 h 684"/>
                    <a:gd name="T46" fmla="*/ 661 w 890"/>
                    <a:gd name="T47" fmla="*/ 498 h 684"/>
                    <a:gd name="T48" fmla="*/ 633 w 890"/>
                    <a:gd name="T49" fmla="*/ 472 h 684"/>
                    <a:gd name="T50" fmla="*/ 631 w 890"/>
                    <a:gd name="T51" fmla="*/ 491 h 684"/>
                    <a:gd name="T52" fmla="*/ 584 w 890"/>
                    <a:gd name="T53" fmla="*/ 425 h 684"/>
                    <a:gd name="T54" fmla="*/ 587 w 890"/>
                    <a:gd name="T55" fmla="*/ 408 h 684"/>
                    <a:gd name="T56" fmla="*/ 578 w 890"/>
                    <a:gd name="T57" fmla="*/ 359 h 684"/>
                    <a:gd name="T58" fmla="*/ 575 w 890"/>
                    <a:gd name="T59" fmla="*/ 399 h 684"/>
                    <a:gd name="T60" fmla="*/ 556 w 890"/>
                    <a:gd name="T61" fmla="*/ 374 h 684"/>
                    <a:gd name="T62" fmla="*/ 562 w 890"/>
                    <a:gd name="T63" fmla="*/ 316 h 684"/>
                    <a:gd name="T64" fmla="*/ 560 w 890"/>
                    <a:gd name="T65" fmla="*/ 267 h 684"/>
                    <a:gd name="T66" fmla="*/ 555 w 890"/>
                    <a:gd name="T67" fmla="*/ 247 h 684"/>
                    <a:gd name="T68" fmla="*/ 521 w 890"/>
                    <a:gd name="T69" fmla="*/ 222 h 684"/>
                    <a:gd name="T70" fmla="*/ 467 w 890"/>
                    <a:gd name="T71" fmla="*/ 179 h 684"/>
                    <a:gd name="T72" fmla="*/ 424 w 890"/>
                    <a:gd name="T73" fmla="*/ 139 h 684"/>
                    <a:gd name="T74" fmla="*/ 355 w 890"/>
                    <a:gd name="T75" fmla="*/ 132 h 684"/>
                    <a:gd name="T76" fmla="*/ 320 w 890"/>
                    <a:gd name="T77" fmla="*/ 164 h 684"/>
                    <a:gd name="T78" fmla="*/ 308 w 890"/>
                    <a:gd name="T79" fmla="*/ 168 h 684"/>
                    <a:gd name="T80" fmla="*/ 277 w 890"/>
                    <a:gd name="T81" fmla="*/ 181 h 684"/>
                    <a:gd name="T82" fmla="*/ 245 w 890"/>
                    <a:gd name="T83" fmla="*/ 179 h 684"/>
                    <a:gd name="T84" fmla="*/ 238 w 890"/>
                    <a:gd name="T85" fmla="*/ 142 h 684"/>
                    <a:gd name="T86" fmla="*/ 206 w 890"/>
                    <a:gd name="T87" fmla="*/ 125 h 684"/>
                    <a:gd name="T88" fmla="*/ 172 w 890"/>
                    <a:gd name="T89" fmla="*/ 118 h 684"/>
                    <a:gd name="T90" fmla="*/ 127 w 890"/>
                    <a:gd name="T91" fmla="*/ 113 h 684"/>
                    <a:gd name="T92" fmla="*/ 157 w 890"/>
                    <a:gd name="T93" fmla="*/ 110 h 684"/>
                    <a:gd name="T94" fmla="*/ 101 w 890"/>
                    <a:gd name="T95" fmla="*/ 113 h 684"/>
                    <a:gd name="T96" fmla="*/ 52 w 890"/>
                    <a:gd name="T97" fmla="*/ 125 h 684"/>
                    <a:gd name="T98" fmla="*/ 67 w 890"/>
                    <a:gd name="T99" fmla="*/ 105 h 684"/>
                    <a:gd name="T100" fmla="*/ 51 w 890"/>
                    <a:gd name="T101" fmla="*/ 113 h 684"/>
                    <a:gd name="T102" fmla="*/ 22 w 890"/>
                    <a:gd name="T103" fmla="*/ 137 h 684"/>
                    <a:gd name="T104" fmla="*/ 23 w 890"/>
                    <a:gd name="T105" fmla="*/ 117 h 684"/>
                    <a:gd name="T106" fmla="*/ 25 w 890"/>
                    <a:gd name="T107" fmla="*/ 93 h 684"/>
                    <a:gd name="T108" fmla="*/ 572 w 890"/>
                    <a:gd name="T109" fmla="*/ 37 h 684"/>
                    <a:gd name="T110" fmla="*/ 594 w 890"/>
                    <a:gd name="T111" fmla="*/ 30 h 684"/>
                    <a:gd name="T112" fmla="*/ 616 w 890"/>
                    <a:gd name="T113" fmla="*/ 5 h 684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w 890"/>
                    <a:gd name="T172" fmla="*/ 0 h 684"/>
                    <a:gd name="T173" fmla="*/ 890 w 890"/>
                    <a:gd name="T174" fmla="*/ 684 h 684"/>
                  </a:gdLst>
                  <a:ahLst/>
                  <a:cxnLst>
                    <a:cxn ang="T114">
                      <a:pos x="T0" y="T1"/>
                    </a:cxn>
                    <a:cxn ang="T115">
                      <a:pos x="T2" y="T3"/>
                    </a:cxn>
                    <a:cxn ang="T116">
                      <a:pos x="T4" y="T5"/>
                    </a:cxn>
                    <a:cxn ang="T117">
                      <a:pos x="T6" y="T7"/>
                    </a:cxn>
                    <a:cxn ang="T118">
                      <a:pos x="T8" y="T9"/>
                    </a:cxn>
                    <a:cxn ang="T119">
                      <a:pos x="T10" y="T11"/>
                    </a:cxn>
                    <a:cxn ang="T120">
                      <a:pos x="T12" y="T13"/>
                    </a:cxn>
                    <a:cxn ang="T121">
                      <a:pos x="T14" y="T15"/>
                    </a:cxn>
                    <a:cxn ang="T122">
                      <a:pos x="T16" y="T17"/>
                    </a:cxn>
                    <a:cxn ang="T123">
                      <a:pos x="T18" y="T19"/>
                    </a:cxn>
                    <a:cxn ang="T124">
                      <a:pos x="T20" y="T21"/>
                    </a:cxn>
                    <a:cxn ang="T125">
                      <a:pos x="T22" y="T23"/>
                    </a:cxn>
                    <a:cxn ang="T126">
                      <a:pos x="T24" y="T25"/>
                    </a:cxn>
                    <a:cxn ang="T127">
                      <a:pos x="T26" y="T27"/>
                    </a:cxn>
                    <a:cxn ang="T128">
                      <a:pos x="T28" y="T29"/>
                    </a:cxn>
                    <a:cxn ang="T129">
                      <a:pos x="T30" y="T31"/>
                    </a:cxn>
                    <a:cxn ang="T130">
                      <a:pos x="T32" y="T33"/>
                    </a:cxn>
                    <a:cxn ang="T131">
                      <a:pos x="T34" y="T35"/>
                    </a:cxn>
                    <a:cxn ang="T132">
                      <a:pos x="T36" y="T37"/>
                    </a:cxn>
                    <a:cxn ang="T133">
                      <a:pos x="T38" y="T39"/>
                    </a:cxn>
                    <a:cxn ang="T134">
                      <a:pos x="T40" y="T41"/>
                    </a:cxn>
                    <a:cxn ang="T135">
                      <a:pos x="T42" y="T43"/>
                    </a:cxn>
                    <a:cxn ang="T136">
                      <a:pos x="T44" y="T45"/>
                    </a:cxn>
                    <a:cxn ang="T137">
                      <a:pos x="T46" y="T47"/>
                    </a:cxn>
                    <a:cxn ang="T138">
                      <a:pos x="T48" y="T49"/>
                    </a:cxn>
                    <a:cxn ang="T139">
                      <a:pos x="T50" y="T51"/>
                    </a:cxn>
                    <a:cxn ang="T140">
                      <a:pos x="T52" y="T53"/>
                    </a:cxn>
                    <a:cxn ang="T141">
                      <a:pos x="T54" y="T55"/>
                    </a:cxn>
                    <a:cxn ang="T142">
                      <a:pos x="T56" y="T57"/>
                    </a:cxn>
                    <a:cxn ang="T143">
                      <a:pos x="T58" y="T59"/>
                    </a:cxn>
                    <a:cxn ang="T144">
                      <a:pos x="T60" y="T61"/>
                    </a:cxn>
                    <a:cxn ang="T145">
                      <a:pos x="T62" y="T63"/>
                    </a:cxn>
                    <a:cxn ang="T146">
                      <a:pos x="T64" y="T65"/>
                    </a:cxn>
                    <a:cxn ang="T147">
                      <a:pos x="T66" y="T67"/>
                    </a:cxn>
                    <a:cxn ang="T148">
                      <a:pos x="T68" y="T69"/>
                    </a:cxn>
                    <a:cxn ang="T149">
                      <a:pos x="T70" y="T71"/>
                    </a:cxn>
                    <a:cxn ang="T150">
                      <a:pos x="T72" y="T73"/>
                    </a:cxn>
                    <a:cxn ang="T151">
                      <a:pos x="T74" y="T75"/>
                    </a:cxn>
                    <a:cxn ang="T152">
                      <a:pos x="T76" y="T77"/>
                    </a:cxn>
                    <a:cxn ang="T153">
                      <a:pos x="T78" y="T79"/>
                    </a:cxn>
                    <a:cxn ang="T154">
                      <a:pos x="T80" y="T81"/>
                    </a:cxn>
                    <a:cxn ang="T155">
                      <a:pos x="T82" y="T83"/>
                    </a:cxn>
                    <a:cxn ang="T156">
                      <a:pos x="T84" y="T85"/>
                    </a:cxn>
                    <a:cxn ang="T157">
                      <a:pos x="T86" y="T87"/>
                    </a:cxn>
                    <a:cxn ang="T158">
                      <a:pos x="T88" y="T89"/>
                    </a:cxn>
                    <a:cxn ang="T159">
                      <a:pos x="T90" y="T91"/>
                    </a:cxn>
                    <a:cxn ang="T160">
                      <a:pos x="T92" y="T93"/>
                    </a:cxn>
                    <a:cxn ang="T161">
                      <a:pos x="T94" y="T95"/>
                    </a:cxn>
                    <a:cxn ang="T162">
                      <a:pos x="T96" y="T97"/>
                    </a:cxn>
                    <a:cxn ang="T163">
                      <a:pos x="T98" y="T99"/>
                    </a:cxn>
                    <a:cxn ang="T164">
                      <a:pos x="T100" y="T101"/>
                    </a:cxn>
                    <a:cxn ang="T165">
                      <a:pos x="T102" y="T103"/>
                    </a:cxn>
                    <a:cxn ang="T166">
                      <a:pos x="T104" y="T105"/>
                    </a:cxn>
                    <a:cxn ang="T167">
                      <a:pos x="T106" y="T107"/>
                    </a:cxn>
                    <a:cxn ang="T168">
                      <a:pos x="T108" y="T109"/>
                    </a:cxn>
                    <a:cxn ang="T169">
                      <a:pos x="T110" y="T111"/>
                    </a:cxn>
                    <a:cxn ang="T170">
                      <a:pos x="T112" y="T113"/>
                    </a:cxn>
                  </a:cxnLst>
                  <a:rect l="T171" t="T172" r="T173" b="T174"/>
                  <a:pathLst>
                    <a:path w="890" h="684">
                      <a:moveTo>
                        <a:pt x="650" y="14"/>
                      </a:moveTo>
                      <a:lnTo>
                        <a:pt x="650" y="32"/>
                      </a:lnTo>
                      <a:lnTo>
                        <a:pt x="655" y="32"/>
                      </a:lnTo>
                      <a:lnTo>
                        <a:pt x="656" y="42"/>
                      </a:lnTo>
                      <a:lnTo>
                        <a:pt x="655" y="42"/>
                      </a:lnTo>
                      <a:lnTo>
                        <a:pt x="653" y="44"/>
                      </a:lnTo>
                      <a:lnTo>
                        <a:pt x="651" y="44"/>
                      </a:lnTo>
                      <a:lnTo>
                        <a:pt x="648" y="46"/>
                      </a:lnTo>
                      <a:lnTo>
                        <a:pt x="643" y="46"/>
                      </a:lnTo>
                      <a:lnTo>
                        <a:pt x="641" y="49"/>
                      </a:lnTo>
                      <a:lnTo>
                        <a:pt x="638" y="52"/>
                      </a:lnTo>
                      <a:lnTo>
                        <a:pt x="636" y="58"/>
                      </a:lnTo>
                      <a:lnTo>
                        <a:pt x="636" y="63"/>
                      </a:lnTo>
                      <a:lnTo>
                        <a:pt x="636" y="68"/>
                      </a:lnTo>
                      <a:lnTo>
                        <a:pt x="636" y="69"/>
                      </a:lnTo>
                      <a:lnTo>
                        <a:pt x="636" y="71"/>
                      </a:lnTo>
                      <a:lnTo>
                        <a:pt x="638" y="71"/>
                      </a:lnTo>
                      <a:lnTo>
                        <a:pt x="641" y="71"/>
                      </a:lnTo>
                      <a:lnTo>
                        <a:pt x="641" y="69"/>
                      </a:lnTo>
                      <a:lnTo>
                        <a:pt x="643" y="61"/>
                      </a:lnTo>
                      <a:lnTo>
                        <a:pt x="644" y="54"/>
                      </a:lnTo>
                      <a:lnTo>
                        <a:pt x="648" y="51"/>
                      </a:lnTo>
                      <a:lnTo>
                        <a:pt x="651" y="47"/>
                      </a:lnTo>
                      <a:lnTo>
                        <a:pt x="656" y="47"/>
                      </a:lnTo>
                      <a:lnTo>
                        <a:pt x="660" y="47"/>
                      </a:lnTo>
                      <a:lnTo>
                        <a:pt x="661" y="47"/>
                      </a:lnTo>
                      <a:lnTo>
                        <a:pt x="663" y="49"/>
                      </a:lnTo>
                      <a:lnTo>
                        <a:pt x="683" y="95"/>
                      </a:lnTo>
                      <a:lnTo>
                        <a:pt x="682" y="112"/>
                      </a:lnTo>
                      <a:lnTo>
                        <a:pt x="692" y="132"/>
                      </a:lnTo>
                      <a:lnTo>
                        <a:pt x="697" y="127"/>
                      </a:lnTo>
                      <a:lnTo>
                        <a:pt x="699" y="129"/>
                      </a:lnTo>
                      <a:lnTo>
                        <a:pt x="700" y="132"/>
                      </a:lnTo>
                      <a:lnTo>
                        <a:pt x="704" y="137"/>
                      </a:lnTo>
                      <a:lnTo>
                        <a:pt x="707" y="144"/>
                      </a:lnTo>
                      <a:lnTo>
                        <a:pt x="710" y="149"/>
                      </a:lnTo>
                      <a:lnTo>
                        <a:pt x="714" y="154"/>
                      </a:lnTo>
                      <a:lnTo>
                        <a:pt x="716" y="159"/>
                      </a:lnTo>
                      <a:lnTo>
                        <a:pt x="717" y="161"/>
                      </a:lnTo>
                      <a:lnTo>
                        <a:pt x="726" y="174"/>
                      </a:lnTo>
                      <a:lnTo>
                        <a:pt x="732" y="184"/>
                      </a:lnTo>
                      <a:lnTo>
                        <a:pt x="738" y="191"/>
                      </a:lnTo>
                      <a:lnTo>
                        <a:pt x="741" y="196"/>
                      </a:lnTo>
                      <a:lnTo>
                        <a:pt x="741" y="200"/>
                      </a:lnTo>
                      <a:lnTo>
                        <a:pt x="738" y="196"/>
                      </a:lnTo>
                      <a:lnTo>
                        <a:pt x="736" y="193"/>
                      </a:lnTo>
                      <a:lnTo>
                        <a:pt x="732" y="190"/>
                      </a:lnTo>
                      <a:lnTo>
                        <a:pt x="729" y="186"/>
                      </a:lnTo>
                      <a:lnTo>
                        <a:pt x="726" y="181"/>
                      </a:lnTo>
                      <a:lnTo>
                        <a:pt x="722" y="178"/>
                      </a:lnTo>
                      <a:lnTo>
                        <a:pt x="721" y="174"/>
                      </a:lnTo>
                      <a:lnTo>
                        <a:pt x="719" y="173"/>
                      </a:lnTo>
                      <a:lnTo>
                        <a:pt x="714" y="174"/>
                      </a:lnTo>
                      <a:lnTo>
                        <a:pt x="716" y="174"/>
                      </a:lnTo>
                      <a:lnTo>
                        <a:pt x="717" y="178"/>
                      </a:lnTo>
                      <a:lnTo>
                        <a:pt x="721" y="183"/>
                      </a:lnTo>
                      <a:lnTo>
                        <a:pt x="724" y="188"/>
                      </a:lnTo>
                      <a:lnTo>
                        <a:pt x="729" y="195"/>
                      </a:lnTo>
                      <a:lnTo>
                        <a:pt x="732" y="200"/>
                      </a:lnTo>
                      <a:lnTo>
                        <a:pt x="734" y="203"/>
                      </a:lnTo>
                      <a:lnTo>
                        <a:pt x="736" y="205"/>
                      </a:lnTo>
                      <a:lnTo>
                        <a:pt x="748" y="217"/>
                      </a:lnTo>
                      <a:lnTo>
                        <a:pt x="754" y="225"/>
                      </a:lnTo>
                      <a:lnTo>
                        <a:pt x="760" y="232"/>
                      </a:lnTo>
                      <a:lnTo>
                        <a:pt x="760" y="235"/>
                      </a:lnTo>
                      <a:lnTo>
                        <a:pt x="758" y="235"/>
                      </a:lnTo>
                      <a:lnTo>
                        <a:pt x="756" y="235"/>
                      </a:lnTo>
                      <a:lnTo>
                        <a:pt x="754" y="235"/>
                      </a:lnTo>
                      <a:lnTo>
                        <a:pt x="753" y="235"/>
                      </a:lnTo>
                      <a:lnTo>
                        <a:pt x="754" y="235"/>
                      </a:lnTo>
                      <a:lnTo>
                        <a:pt x="760" y="250"/>
                      </a:lnTo>
                      <a:lnTo>
                        <a:pt x="766" y="266"/>
                      </a:lnTo>
                      <a:lnTo>
                        <a:pt x="773" y="279"/>
                      </a:lnTo>
                      <a:lnTo>
                        <a:pt x="780" y="293"/>
                      </a:lnTo>
                      <a:lnTo>
                        <a:pt x="787" y="305"/>
                      </a:lnTo>
                      <a:lnTo>
                        <a:pt x="793" y="318"/>
                      </a:lnTo>
                      <a:lnTo>
                        <a:pt x="800" y="328"/>
                      </a:lnTo>
                      <a:lnTo>
                        <a:pt x="805" y="338"/>
                      </a:lnTo>
                      <a:lnTo>
                        <a:pt x="812" y="349"/>
                      </a:lnTo>
                      <a:lnTo>
                        <a:pt x="817" y="357"/>
                      </a:lnTo>
                      <a:lnTo>
                        <a:pt x="822" y="366"/>
                      </a:lnTo>
                      <a:lnTo>
                        <a:pt x="827" y="374"/>
                      </a:lnTo>
                      <a:lnTo>
                        <a:pt x="832" y="381"/>
                      </a:lnTo>
                      <a:lnTo>
                        <a:pt x="836" y="386"/>
                      </a:lnTo>
                      <a:lnTo>
                        <a:pt x="837" y="391"/>
                      </a:lnTo>
                      <a:lnTo>
                        <a:pt x="839" y="394"/>
                      </a:lnTo>
                      <a:lnTo>
                        <a:pt x="842" y="398"/>
                      </a:lnTo>
                      <a:lnTo>
                        <a:pt x="846" y="403"/>
                      </a:lnTo>
                      <a:lnTo>
                        <a:pt x="849" y="406"/>
                      </a:lnTo>
                      <a:lnTo>
                        <a:pt x="851" y="411"/>
                      </a:lnTo>
                      <a:lnTo>
                        <a:pt x="853" y="415"/>
                      </a:lnTo>
                      <a:lnTo>
                        <a:pt x="854" y="418"/>
                      </a:lnTo>
                      <a:lnTo>
                        <a:pt x="856" y="420"/>
                      </a:lnTo>
                      <a:lnTo>
                        <a:pt x="858" y="420"/>
                      </a:lnTo>
                      <a:lnTo>
                        <a:pt x="863" y="425"/>
                      </a:lnTo>
                      <a:lnTo>
                        <a:pt x="868" y="428"/>
                      </a:lnTo>
                      <a:lnTo>
                        <a:pt x="870" y="432"/>
                      </a:lnTo>
                      <a:lnTo>
                        <a:pt x="871" y="435"/>
                      </a:lnTo>
                      <a:lnTo>
                        <a:pt x="871" y="438"/>
                      </a:lnTo>
                      <a:lnTo>
                        <a:pt x="870" y="442"/>
                      </a:lnTo>
                      <a:lnTo>
                        <a:pt x="870" y="443"/>
                      </a:lnTo>
                      <a:lnTo>
                        <a:pt x="870" y="445"/>
                      </a:lnTo>
                      <a:lnTo>
                        <a:pt x="875" y="450"/>
                      </a:lnTo>
                      <a:lnTo>
                        <a:pt x="878" y="454"/>
                      </a:lnTo>
                      <a:lnTo>
                        <a:pt x="880" y="457"/>
                      </a:lnTo>
                      <a:lnTo>
                        <a:pt x="880" y="460"/>
                      </a:lnTo>
                      <a:lnTo>
                        <a:pt x="880" y="462"/>
                      </a:lnTo>
                      <a:lnTo>
                        <a:pt x="880" y="464"/>
                      </a:lnTo>
                      <a:lnTo>
                        <a:pt x="878" y="464"/>
                      </a:lnTo>
                      <a:lnTo>
                        <a:pt x="888" y="474"/>
                      </a:lnTo>
                      <a:lnTo>
                        <a:pt x="888" y="476"/>
                      </a:lnTo>
                      <a:lnTo>
                        <a:pt x="888" y="479"/>
                      </a:lnTo>
                      <a:lnTo>
                        <a:pt x="890" y="484"/>
                      </a:lnTo>
                      <a:lnTo>
                        <a:pt x="890" y="491"/>
                      </a:lnTo>
                      <a:lnTo>
                        <a:pt x="890" y="498"/>
                      </a:lnTo>
                      <a:lnTo>
                        <a:pt x="890" y="508"/>
                      </a:lnTo>
                      <a:lnTo>
                        <a:pt x="890" y="518"/>
                      </a:lnTo>
                      <a:lnTo>
                        <a:pt x="890" y="526"/>
                      </a:lnTo>
                      <a:lnTo>
                        <a:pt x="890" y="536"/>
                      </a:lnTo>
                      <a:lnTo>
                        <a:pt x="890" y="547"/>
                      </a:lnTo>
                      <a:lnTo>
                        <a:pt x="890" y="555"/>
                      </a:lnTo>
                      <a:lnTo>
                        <a:pt x="890" y="564"/>
                      </a:lnTo>
                      <a:lnTo>
                        <a:pt x="890" y="570"/>
                      </a:lnTo>
                      <a:lnTo>
                        <a:pt x="890" y="575"/>
                      </a:lnTo>
                      <a:lnTo>
                        <a:pt x="890" y="580"/>
                      </a:lnTo>
                      <a:lnTo>
                        <a:pt x="886" y="586"/>
                      </a:lnTo>
                      <a:lnTo>
                        <a:pt x="883" y="589"/>
                      </a:lnTo>
                      <a:lnTo>
                        <a:pt x="881" y="594"/>
                      </a:lnTo>
                      <a:lnTo>
                        <a:pt x="880" y="599"/>
                      </a:lnTo>
                      <a:lnTo>
                        <a:pt x="878" y="604"/>
                      </a:lnTo>
                      <a:lnTo>
                        <a:pt x="876" y="609"/>
                      </a:lnTo>
                      <a:lnTo>
                        <a:pt x="876" y="614"/>
                      </a:lnTo>
                      <a:lnTo>
                        <a:pt x="876" y="619"/>
                      </a:lnTo>
                      <a:lnTo>
                        <a:pt x="876" y="623"/>
                      </a:lnTo>
                      <a:lnTo>
                        <a:pt x="876" y="628"/>
                      </a:lnTo>
                      <a:lnTo>
                        <a:pt x="876" y="631"/>
                      </a:lnTo>
                      <a:lnTo>
                        <a:pt x="876" y="635"/>
                      </a:lnTo>
                      <a:lnTo>
                        <a:pt x="876" y="638"/>
                      </a:lnTo>
                      <a:lnTo>
                        <a:pt x="876" y="640"/>
                      </a:lnTo>
                      <a:lnTo>
                        <a:pt x="878" y="641"/>
                      </a:lnTo>
                      <a:lnTo>
                        <a:pt x="876" y="650"/>
                      </a:lnTo>
                      <a:lnTo>
                        <a:pt x="875" y="657"/>
                      </a:lnTo>
                      <a:lnTo>
                        <a:pt x="871" y="660"/>
                      </a:lnTo>
                      <a:lnTo>
                        <a:pt x="868" y="662"/>
                      </a:lnTo>
                      <a:lnTo>
                        <a:pt x="864" y="663"/>
                      </a:lnTo>
                      <a:lnTo>
                        <a:pt x="861" y="663"/>
                      </a:lnTo>
                      <a:lnTo>
                        <a:pt x="858" y="663"/>
                      </a:lnTo>
                      <a:lnTo>
                        <a:pt x="856" y="663"/>
                      </a:lnTo>
                      <a:lnTo>
                        <a:pt x="849" y="668"/>
                      </a:lnTo>
                      <a:lnTo>
                        <a:pt x="842" y="674"/>
                      </a:lnTo>
                      <a:lnTo>
                        <a:pt x="837" y="675"/>
                      </a:lnTo>
                      <a:lnTo>
                        <a:pt x="834" y="675"/>
                      </a:lnTo>
                      <a:lnTo>
                        <a:pt x="831" y="675"/>
                      </a:lnTo>
                      <a:lnTo>
                        <a:pt x="827" y="674"/>
                      </a:lnTo>
                      <a:lnTo>
                        <a:pt x="826" y="674"/>
                      </a:lnTo>
                      <a:lnTo>
                        <a:pt x="817" y="680"/>
                      </a:lnTo>
                      <a:lnTo>
                        <a:pt x="810" y="684"/>
                      </a:lnTo>
                      <a:lnTo>
                        <a:pt x="805" y="684"/>
                      </a:lnTo>
                      <a:lnTo>
                        <a:pt x="800" y="684"/>
                      </a:lnTo>
                      <a:lnTo>
                        <a:pt x="797" y="684"/>
                      </a:lnTo>
                      <a:lnTo>
                        <a:pt x="793" y="680"/>
                      </a:lnTo>
                      <a:lnTo>
                        <a:pt x="792" y="680"/>
                      </a:lnTo>
                      <a:lnTo>
                        <a:pt x="792" y="679"/>
                      </a:lnTo>
                      <a:lnTo>
                        <a:pt x="787" y="670"/>
                      </a:lnTo>
                      <a:lnTo>
                        <a:pt x="787" y="667"/>
                      </a:lnTo>
                      <a:lnTo>
                        <a:pt x="788" y="663"/>
                      </a:lnTo>
                      <a:lnTo>
                        <a:pt x="790" y="665"/>
                      </a:lnTo>
                      <a:lnTo>
                        <a:pt x="795" y="667"/>
                      </a:lnTo>
                      <a:lnTo>
                        <a:pt x="798" y="668"/>
                      </a:lnTo>
                      <a:lnTo>
                        <a:pt x="802" y="670"/>
                      </a:lnTo>
                      <a:lnTo>
                        <a:pt x="802" y="672"/>
                      </a:lnTo>
                      <a:lnTo>
                        <a:pt x="820" y="665"/>
                      </a:lnTo>
                      <a:lnTo>
                        <a:pt x="810" y="653"/>
                      </a:lnTo>
                      <a:lnTo>
                        <a:pt x="812" y="652"/>
                      </a:lnTo>
                      <a:lnTo>
                        <a:pt x="814" y="650"/>
                      </a:lnTo>
                      <a:lnTo>
                        <a:pt x="815" y="648"/>
                      </a:lnTo>
                      <a:lnTo>
                        <a:pt x="810" y="640"/>
                      </a:lnTo>
                      <a:lnTo>
                        <a:pt x="807" y="635"/>
                      </a:lnTo>
                      <a:lnTo>
                        <a:pt x="804" y="633"/>
                      </a:lnTo>
                      <a:lnTo>
                        <a:pt x="802" y="631"/>
                      </a:lnTo>
                      <a:lnTo>
                        <a:pt x="800" y="633"/>
                      </a:lnTo>
                      <a:lnTo>
                        <a:pt x="798" y="635"/>
                      </a:lnTo>
                      <a:lnTo>
                        <a:pt x="798" y="636"/>
                      </a:lnTo>
                      <a:lnTo>
                        <a:pt x="798" y="638"/>
                      </a:lnTo>
                      <a:lnTo>
                        <a:pt x="802" y="645"/>
                      </a:lnTo>
                      <a:lnTo>
                        <a:pt x="802" y="650"/>
                      </a:lnTo>
                      <a:lnTo>
                        <a:pt x="800" y="652"/>
                      </a:lnTo>
                      <a:lnTo>
                        <a:pt x="797" y="653"/>
                      </a:lnTo>
                      <a:lnTo>
                        <a:pt x="793" y="653"/>
                      </a:lnTo>
                      <a:lnTo>
                        <a:pt x="790" y="653"/>
                      </a:lnTo>
                      <a:lnTo>
                        <a:pt x="788" y="652"/>
                      </a:lnTo>
                      <a:lnTo>
                        <a:pt x="787" y="652"/>
                      </a:lnTo>
                      <a:lnTo>
                        <a:pt x="780" y="640"/>
                      </a:lnTo>
                      <a:lnTo>
                        <a:pt x="775" y="630"/>
                      </a:lnTo>
                      <a:lnTo>
                        <a:pt x="768" y="621"/>
                      </a:lnTo>
                      <a:lnTo>
                        <a:pt x="763" y="614"/>
                      </a:lnTo>
                      <a:lnTo>
                        <a:pt x="756" y="609"/>
                      </a:lnTo>
                      <a:lnTo>
                        <a:pt x="749" y="606"/>
                      </a:lnTo>
                      <a:lnTo>
                        <a:pt x="744" y="602"/>
                      </a:lnTo>
                      <a:lnTo>
                        <a:pt x="739" y="599"/>
                      </a:lnTo>
                      <a:lnTo>
                        <a:pt x="734" y="597"/>
                      </a:lnTo>
                      <a:lnTo>
                        <a:pt x="729" y="597"/>
                      </a:lnTo>
                      <a:lnTo>
                        <a:pt x="724" y="597"/>
                      </a:lnTo>
                      <a:lnTo>
                        <a:pt x="721" y="597"/>
                      </a:lnTo>
                      <a:lnTo>
                        <a:pt x="719" y="597"/>
                      </a:lnTo>
                      <a:lnTo>
                        <a:pt x="716" y="597"/>
                      </a:lnTo>
                      <a:lnTo>
                        <a:pt x="714" y="597"/>
                      </a:lnTo>
                      <a:lnTo>
                        <a:pt x="714" y="599"/>
                      </a:lnTo>
                      <a:lnTo>
                        <a:pt x="712" y="597"/>
                      </a:lnTo>
                      <a:lnTo>
                        <a:pt x="710" y="594"/>
                      </a:lnTo>
                      <a:lnTo>
                        <a:pt x="707" y="592"/>
                      </a:lnTo>
                      <a:lnTo>
                        <a:pt x="705" y="589"/>
                      </a:lnTo>
                      <a:lnTo>
                        <a:pt x="704" y="586"/>
                      </a:lnTo>
                      <a:lnTo>
                        <a:pt x="702" y="584"/>
                      </a:lnTo>
                      <a:lnTo>
                        <a:pt x="700" y="580"/>
                      </a:lnTo>
                      <a:lnTo>
                        <a:pt x="697" y="564"/>
                      </a:lnTo>
                      <a:lnTo>
                        <a:pt x="692" y="550"/>
                      </a:lnTo>
                      <a:lnTo>
                        <a:pt x="687" y="542"/>
                      </a:lnTo>
                      <a:lnTo>
                        <a:pt x="683" y="536"/>
                      </a:lnTo>
                      <a:lnTo>
                        <a:pt x="680" y="535"/>
                      </a:lnTo>
                      <a:lnTo>
                        <a:pt x="677" y="535"/>
                      </a:lnTo>
                      <a:lnTo>
                        <a:pt x="675" y="535"/>
                      </a:lnTo>
                      <a:lnTo>
                        <a:pt x="666" y="526"/>
                      </a:lnTo>
                      <a:lnTo>
                        <a:pt x="661" y="514"/>
                      </a:lnTo>
                      <a:lnTo>
                        <a:pt x="661" y="498"/>
                      </a:lnTo>
                      <a:lnTo>
                        <a:pt x="653" y="486"/>
                      </a:lnTo>
                      <a:lnTo>
                        <a:pt x="661" y="472"/>
                      </a:lnTo>
                      <a:lnTo>
                        <a:pt x="646" y="481"/>
                      </a:lnTo>
                      <a:lnTo>
                        <a:pt x="646" y="479"/>
                      </a:lnTo>
                      <a:lnTo>
                        <a:pt x="644" y="479"/>
                      </a:lnTo>
                      <a:lnTo>
                        <a:pt x="641" y="477"/>
                      </a:lnTo>
                      <a:lnTo>
                        <a:pt x="639" y="476"/>
                      </a:lnTo>
                      <a:lnTo>
                        <a:pt x="636" y="474"/>
                      </a:lnTo>
                      <a:lnTo>
                        <a:pt x="634" y="474"/>
                      </a:lnTo>
                      <a:lnTo>
                        <a:pt x="633" y="472"/>
                      </a:lnTo>
                      <a:lnTo>
                        <a:pt x="633" y="474"/>
                      </a:lnTo>
                      <a:lnTo>
                        <a:pt x="638" y="482"/>
                      </a:lnTo>
                      <a:lnTo>
                        <a:pt x="643" y="489"/>
                      </a:lnTo>
                      <a:lnTo>
                        <a:pt x="644" y="494"/>
                      </a:lnTo>
                      <a:lnTo>
                        <a:pt x="644" y="498"/>
                      </a:lnTo>
                      <a:lnTo>
                        <a:pt x="643" y="498"/>
                      </a:lnTo>
                      <a:lnTo>
                        <a:pt x="641" y="498"/>
                      </a:lnTo>
                      <a:lnTo>
                        <a:pt x="638" y="496"/>
                      </a:lnTo>
                      <a:lnTo>
                        <a:pt x="636" y="494"/>
                      </a:lnTo>
                      <a:lnTo>
                        <a:pt x="631" y="491"/>
                      </a:lnTo>
                      <a:lnTo>
                        <a:pt x="628" y="487"/>
                      </a:lnTo>
                      <a:lnTo>
                        <a:pt x="622" y="484"/>
                      </a:lnTo>
                      <a:lnTo>
                        <a:pt x="619" y="481"/>
                      </a:lnTo>
                      <a:lnTo>
                        <a:pt x="616" y="477"/>
                      </a:lnTo>
                      <a:lnTo>
                        <a:pt x="612" y="474"/>
                      </a:lnTo>
                      <a:lnTo>
                        <a:pt x="611" y="472"/>
                      </a:lnTo>
                      <a:lnTo>
                        <a:pt x="607" y="457"/>
                      </a:lnTo>
                      <a:lnTo>
                        <a:pt x="582" y="425"/>
                      </a:lnTo>
                      <a:lnTo>
                        <a:pt x="584" y="425"/>
                      </a:lnTo>
                      <a:lnTo>
                        <a:pt x="585" y="423"/>
                      </a:lnTo>
                      <a:lnTo>
                        <a:pt x="587" y="423"/>
                      </a:lnTo>
                      <a:lnTo>
                        <a:pt x="589" y="421"/>
                      </a:lnTo>
                      <a:lnTo>
                        <a:pt x="590" y="421"/>
                      </a:lnTo>
                      <a:lnTo>
                        <a:pt x="592" y="420"/>
                      </a:lnTo>
                      <a:lnTo>
                        <a:pt x="594" y="420"/>
                      </a:lnTo>
                      <a:lnTo>
                        <a:pt x="589" y="418"/>
                      </a:lnTo>
                      <a:lnTo>
                        <a:pt x="587" y="413"/>
                      </a:lnTo>
                      <a:lnTo>
                        <a:pt x="587" y="408"/>
                      </a:lnTo>
                      <a:lnTo>
                        <a:pt x="587" y="401"/>
                      </a:lnTo>
                      <a:lnTo>
                        <a:pt x="589" y="394"/>
                      </a:lnTo>
                      <a:lnTo>
                        <a:pt x="590" y="388"/>
                      </a:lnTo>
                      <a:lnTo>
                        <a:pt x="590" y="382"/>
                      </a:lnTo>
                      <a:lnTo>
                        <a:pt x="590" y="379"/>
                      </a:lnTo>
                      <a:lnTo>
                        <a:pt x="587" y="371"/>
                      </a:lnTo>
                      <a:lnTo>
                        <a:pt x="585" y="364"/>
                      </a:lnTo>
                      <a:lnTo>
                        <a:pt x="582" y="360"/>
                      </a:lnTo>
                      <a:lnTo>
                        <a:pt x="580" y="359"/>
                      </a:lnTo>
                      <a:lnTo>
                        <a:pt x="578" y="359"/>
                      </a:lnTo>
                      <a:lnTo>
                        <a:pt x="577" y="360"/>
                      </a:lnTo>
                      <a:lnTo>
                        <a:pt x="577" y="364"/>
                      </a:lnTo>
                      <a:lnTo>
                        <a:pt x="575" y="367"/>
                      </a:lnTo>
                      <a:lnTo>
                        <a:pt x="575" y="372"/>
                      </a:lnTo>
                      <a:lnTo>
                        <a:pt x="575" y="377"/>
                      </a:lnTo>
                      <a:lnTo>
                        <a:pt x="575" y="382"/>
                      </a:lnTo>
                      <a:lnTo>
                        <a:pt x="575" y="388"/>
                      </a:lnTo>
                      <a:lnTo>
                        <a:pt x="575" y="393"/>
                      </a:lnTo>
                      <a:lnTo>
                        <a:pt x="575" y="396"/>
                      </a:lnTo>
                      <a:lnTo>
                        <a:pt x="575" y="399"/>
                      </a:lnTo>
                      <a:lnTo>
                        <a:pt x="572" y="398"/>
                      </a:lnTo>
                      <a:lnTo>
                        <a:pt x="568" y="394"/>
                      </a:lnTo>
                      <a:lnTo>
                        <a:pt x="565" y="391"/>
                      </a:lnTo>
                      <a:lnTo>
                        <a:pt x="560" y="388"/>
                      </a:lnTo>
                      <a:lnTo>
                        <a:pt x="558" y="384"/>
                      </a:lnTo>
                      <a:lnTo>
                        <a:pt x="555" y="382"/>
                      </a:lnTo>
                      <a:lnTo>
                        <a:pt x="555" y="381"/>
                      </a:lnTo>
                      <a:lnTo>
                        <a:pt x="556" y="374"/>
                      </a:lnTo>
                      <a:lnTo>
                        <a:pt x="558" y="366"/>
                      </a:lnTo>
                      <a:lnTo>
                        <a:pt x="558" y="359"/>
                      </a:lnTo>
                      <a:lnTo>
                        <a:pt x="558" y="352"/>
                      </a:lnTo>
                      <a:lnTo>
                        <a:pt x="556" y="345"/>
                      </a:lnTo>
                      <a:lnTo>
                        <a:pt x="556" y="340"/>
                      </a:lnTo>
                      <a:lnTo>
                        <a:pt x="555" y="337"/>
                      </a:lnTo>
                      <a:lnTo>
                        <a:pt x="555" y="335"/>
                      </a:lnTo>
                      <a:lnTo>
                        <a:pt x="558" y="328"/>
                      </a:lnTo>
                      <a:lnTo>
                        <a:pt x="560" y="323"/>
                      </a:lnTo>
                      <a:lnTo>
                        <a:pt x="562" y="316"/>
                      </a:lnTo>
                      <a:lnTo>
                        <a:pt x="562" y="311"/>
                      </a:lnTo>
                      <a:lnTo>
                        <a:pt x="563" y="305"/>
                      </a:lnTo>
                      <a:lnTo>
                        <a:pt x="563" y="300"/>
                      </a:lnTo>
                      <a:lnTo>
                        <a:pt x="563" y="293"/>
                      </a:lnTo>
                      <a:lnTo>
                        <a:pt x="563" y="288"/>
                      </a:lnTo>
                      <a:lnTo>
                        <a:pt x="562" y="283"/>
                      </a:lnTo>
                      <a:lnTo>
                        <a:pt x="562" y="278"/>
                      </a:lnTo>
                      <a:lnTo>
                        <a:pt x="560" y="274"/>
                      </a:lnTo>
                      <a:lnTo>
                        <a:pt x="560" y="269"/>
                      </a:lnTo>
                      <a:lnTo>
                        <a:pt x="560" y="267"/>
                      </a:lnTo>
                      <a:lnTo>
                        <a:pt x="558" y="264"/>
                      </a:lnTo>
                      <a:lnTo>
                        <a:pt x="558" y="262"/>
                      </a:lnTo>
                      <a:lnTo>
                        <a:pt x="558" y="261"/>
                      </a:lnTo>
                      <a:lnTo>
                        <a:pt x="558" y="257"/>
                      </a:lnTo>
                      <a:lnTo>
                        <a:pt x="558" y="256"/>
                      </a:lnTo>
                      <a:lnTo>
                        <a:pt x="556" y="252"/>
                      </a:lnTo>
                      <a:lnTo>
                        <a:pt x="556" y="249"/>
                      </a:lnTo>
                      <a:lnTo>
                        <a:pt x="555" y="247"/>
                      </a:lnTo>
                      <a:lnTo>
                        <a:pt x="551" y="245"/>
                      </a:lnTo>
                      <a:lnTo>
                        <a:pt x="548" y="242"/>
                      </a:lnTo>
                      <a:lnTo>
                        <a:pt x="545" y="239"/>
                      </a:lnTo>
                      <a:lnTo>
                        <a:pt x="541" y="232"/>
                      </a:lnTo>
                      <a:lnTo>
                        <a:pt x="538" y="227"/>
                      </a:lnTo>
                      <a:lnTo>
                        <a:pt x="534" y="223"/>
                      </a:lnTo>
                      <a:lnTo>
                        <a:pt x="533" y="220"/>
                      </a:lnTo>
                      <a:lnTo>
                        <a:pt x="533" y="218"/>
                      </a:lnTo>
                      <a:lnTo>
                        <a:pt x="521" y="222"/>
                      </a:lnTo>
                      <a:lnTo>
                        <a:pt x="514" y="222"/>
                      </a:lnTo>
                      <a:lnTo>
                        <a:pt x="509" y="222"/>
                      </a:lnTo>
                      <a:lnTo>
                        <a:pt x="507" y="220"/>
                      </a:lnTo>
                      <a:lnTo>
                        <a:pt x="506" y="217"/>
                      </a:lnTo>
                      <a:lnTo>
                        <a:pt x="506" y="215"/>
                      </a:lnTo>
                      <a:lnTo>
                        <a:pt x="507" y="215"/>
                      </a:lnTo>
                      <a:lnTo>
                        <a:pt x="507" y="213"/>
                      </a:lnTo>
                      <a:lnTo>
                        <a:pt x="497" y="206"/>
                      </a:lnTo>
                      <a:lnTo>
                        <a:pt x="484" y="191"/>
                      </a:lnTo>
                      <a:lnTo>
                        <a:pt x="467" y="179"/>
                      </a:lnTo>
                      <a:lnTo>
                        <a:pt x="465" y="179"/>
                      </a:lnTo>
                      <a:lnTo>
                        <a:pt x="463" y="176"/>
                      </a:lnTo>
                      <a:lnTo>
                        <a:pt x="458" y="173"/>
                      </a:lnTo>
                      <a:lnTo>
                        <a:pt x="455" y="168"/>
                      </a:lnTo>
                      <a:lnTo>
                        <a:pt x="450" y="162"/>
                      </a:lnTo>
                      <a:lnTo>
                        <a:pt x="446" y="157"/>
                      </a:lnTo>
                      <a:lnTo>
                        <a:pt x="445" y="154"/>
                      </a:lnTo>
                      <a:lnTo>
                        <a:pt x="443" y="152"/>
                      </a:lnTo>
                      <a:lnTo>
                        <a:pt x="433" y="144"/>
                      </a:lnTo>
                      <a:lnTo>
                        <a:pt x="424" y="139"/>
                      </a:lnTo>
                      <a:lnTo>
                        <a:pt x="418" y="132"/>
                      </a:lnTo>
                      <a:lnTo>
                        <a:pt x="411" y="129"/>
                      </a:lnTo>
                      <a:lnTo>
                        <a:pt x="404" y="125"/>
                      </a:lnTo>
                      <a:lnTo>
                        <a:pt x="399" y="124"/>
                      </a:lnTo>
                      <a:lnTo>
                        <a:pt x="396" y="124"/>
                      </a:lnTo>
                      <a:lnTo>
                        <a:pt x="394" y="122"/>
                      </a:lnTo>
                      <a:lnTo>
                        <a:pt x="377" y="122"/>
                      </a:lnTo>
                      <a:lnTo>
                        <a:pt x="367" y="122"/>
                      </a:lnTo>
                      <a:lnTo>
                        <a:pt x="360" y="127"/>
                      </a:lnTo>
                      <a:lnTo>
                        <a:pt x="355" y="132"/>
                      </a:lnTo>
                      <a:lnTo>
                        <a:pt x="355" y="139"/>
                      </a:lnTo>
                      <a:lnTo>
                        <a:pt x="355" y="144"/>
                      </a:lnTo>
                      <a:lnTo>
                        <a:pt x="357" y="147"/>
                      </a:lnTo>
                      <a:lnTo>
                        <a:pt x="357" y="149"/>
                      </a:lnTo>
                      <a:lnTo>
                        <a:pt x="350" y="147"/>
                      </a:lnTo>
                      <a:lnTo>
                        <a:pt x="342" y="149"/>
                      </a:lnTo>
                      <a:lnTo>
                        <a:pt x="335" y="152"/>
                      </a:lnTo>
                      <a:lnTo>
                        <a:pt x="330" y="156"/>
                      </a:lnTo>
                      <a:lnTo>
                        <a:pt x="325" y="161"/>
                      </a:lnTo>
                      <a:lnTo>
                        <a:pt x="320" y="164"/>
                      </a:lnTo>
                      <a:lnTo>
                        <a:pt x="316" y="168"/>
                      </a:lnTo>
                      <a:lnTo>
                        <a:pt x="316" y="169"/>
                      </a:lnTo>
                      <a:lnTo>
                        <a:pt x="309" y="176"/>
                      </a:lnTo>
                      <a:lnTo>
                        <a:pt x="306" y="178"/>
                      </a:lnTo>
                      <a:lnTo>
                        <a:pt x="304" y="178"/>
                      </a:lnTo>
                      <a:lnTo>
                        <a:pt x="304" y="176"/>
                      </a:lnTo>
                      <a:lnTo>
                        <a:pt x="304" y="174"/>
                      </a:lnTo>
                      <a:lnTo>
                        <a:pt x="306" y="171"/>
                      </a:lnTo>
                      <a:lnTo>
                        <a:pt x="308" y="169"/>
                      </a:lnTo>
                      <a:lnTo>
                        <a:pt x="308" y="168"/>
                      </a:lnTo>
                      <a:lnTo>
                        <a:pt x="306" y="168"/>
                      </a:lnTo>
                      <a:lnTo>
                        <a:pt x="306" y="169"/>
                      </a:lnTo>
                      <a:lnTo>
                        <a:pt x="303" y="173"/>
                      </a:lnTo>
                      <a:lnTo>
                        <a:pt x="299" y="174"/>
                      </a:lnTo>
                      <a:lnTo>
                        <a:pt x="298" y="178"/>
                      </a:lnTo>
                      <a:lnTo>
                        <a:pt x="294" y="179"/>
                      </a:lnTo>
                      <a:lnTo>
                        <a:pt x="293" y="181"/>
                      </a:lnTo>
                      <a:lnTo>
                        <a:pt x="291" y="183"/>
                      </a:lnTo>
                      <a:lnTo>
                        <a:pt x="284" y="181"/>
                      </a:lnTo>
                      <a:lnTo>
                        <a:pt x="277" y="181"/>
                      </a:lnTo>
                      <a:lnTo>
                        <a:pt x="271" y="183"/>
                      </a:lnTo>
                      <a:lnTo>
                        <a:pt x="265" y="186"/>
                      </a:lnTo>
                      <a:lnTo>
                        <a:pt x="260" y="188"/>
                      </a:lnTo>
                      <a:lnTo>
                        <a:pt x="257" y="190"/>
                      </a:lnTo>
                      <a:lnTo>
                        <a:pt x="254" y="191"/>
                      </a:lnTo>
                      <a:lnTo>
                        <a:pt x="247" y="184"/>
                      </a:lnTo>
                      <a:lnTo>
                        <a:pt x="243" y="179"/>
                      </a:lnTo>
                      <a:lnTo>
                        <a:pt x="245" y="179"/>
                      </a:lnTo>
                      <a:lnTo>
                        <a:pt x="249" y="181"/>
                      </a:lnTo>
                      <a:lnTo>
                        <a:pt x="252" y="184"/>
                      </a:lnTo>
                      <a:lnTo>
                        <a:pt x="255" y="186"/>
                      </a:lnTo>
                      <a:lnTo>
                        <a:pt x="257" y="186"/>
                      </a:lnTo>
                      <a:lnTo>
                        <a:pt x="257" y="176"/>
                      </a:lnTo>
                      <a:lnTo>
                        <a:pt x="247" y="162"/>
                      </a:lnTo>
                      <a:lnTo>
                        <a:pt x="218" y="140"/>
                      </a:lnTo>
                      <a:lnTo>
                        <a:pt x="232" y="142"/>
                      </a:lnTo>
                      <a:lnTo>
                        <a:pt x="238" y="144"/>
                      </a:lnTo>
                      <a:lnTo>
                        <a:pt x="238" y="142"/>
                      </a:lnTo>
                      <a:lnTo>
                        <a:pt x="235" y="140"/>
                      </a:lnTo>
                      <a:lnTo>
                        <a:pt x="230" y="137"/>
                      </a:lnTo>
                      <a:lnTo>
                        <a:pt x="223" y="135"/>
                      </a:lnTo>
                      <a:lnTo>
                        <a:pt x="218" y="132"/>
                      </a:lnTo>
                      <a:lnTo>
                        <a:pt x="216" y="132"/>
                      </a:lnTo>
                      <a:lnTo>
                        <a:pt x="223" y="117"/>
                      </a:lnTo>
                      <a:lnTo>
                        <a:pt x="205" y="120"/>
                      </a:lnTo>
                      <a:lnTo>
                        <a:pt x="205" y="122"/>
                      </a:lnTo>
                      <a:lnTo>
                        <a:pt x="206" y="125"/>
                      </a:lnTo>
                      <a:lnTo>
                        <a:pt x="206" y="127"/>
                      </a:lnTo>
                      <a:lnTo>
                        <a:pt x="206" y="130"/>
                      </a:lnTo>
                      <a:lnTo>
                        <a:pt x="208" y="134"/>
                      </a:lnTo>
                      <a:lnTo>
                        <a:pt x="208" y="135"/>
                      </a:lnTo>
                      <a:lnTo>
                        <a:pt x="201" y="130"/>
                      </a:lnTo>
                      <a:lnTo>
                        <a:pt x="193" y="127"/>
                      </a:lnTo>
                      <a:lnTo>
                        <a:pt x="186" y="124"/>
                      </a:lnTo>
                      <a:lnTo>
                        <a:pt x="179" y="122"/>
                      </a:lnTo>
                      <a:lnTo>
                        <a:pt x="172" y="118"/>
                      </a:lnTo>
                      <a:lnTo>
                        <a:pt x="164" y="117"/>
                      </a:lnTo>
                      <a:lnTo>
                        <a:pt x="159" y="115"/>
                      </a:lnTo>
                      <a:lnTo>
                        <a:pt x="152" y="115"/>
                      </a:lnTo>
                      <a:lnTo>
                        <a:pt x="147" y="113"/>
                      </a:lnTo>
                      <a:lnTo>
                        <a:pt x="142" y="113"/>
                      </a:lnTo>
                      <a:lnTo>
                        <a:pt x="137" y="113"/>
                      </a:lnTo>
                      <a:lnTo>
                        <a:pt x="133" y="113"/>
                      </a:lnTo>
                      <a:lnTo>
                        <a:pt x="130" y="113"/>
                      </a:lnTo>
                      <a:lnTo>
                        <a:pt x="128" y="113"/>
                      </a:lnTo>
                      <a:lnTo>
                        <a:pt x="127" y="113"/>
                      </a:lnTo>
                      <a:lnTo>
                        <a:pt x="128" y="113"/>
                      </a:lnTo>
                      <a:lnTo>
                        <a:pt x="130" y="112"/>
                      </a:lnTo>
                      <a:lnTo>
                        <a:pt x="133" y="112"/>
                      </a:lnTo>
                      <a:lnTo>
                        <a:pt x="137" y="112"/>
                      </a:lnTo>
                      <a:lnTo>
                        <a:pt x="140" y="110"/>
                      </a:lnTo>
                      <a:lnTo>
                        <a:pt x="142" y="110"/>
                      </a:lnTo>
                      <a:lnTo>
                        <a:pt x="144" y="110"/>
                      </a:lnTo>
                      <a:lnTo>
                        <a:pt x="157" y="110"/>
                      </a:lnTo>
                      <a:lnTo>
                        <a:pt x="164" y="108"/>
                      </a:lnTo>
                      <a:lnTo>
                        <a:pt x="162" y="105"/>
                      </a:lnTo>
                      <a:lnTo>
                        <a:pt x="155" y="105"/>
                      </a:lnTo>
                      <a:lnTo>
                        <a:pt x="149" y="103"/>
                      </a:lnTo>
                      <a:lnTo>
                        <a:pt x="145" y="102"/>
                      </a:lnTo>
                      <a:lnTo>
                        <a:pt x="142" y="102"/>
                      </a:lnTo>
                      <a:lnTo>
                        <a:pt x="111" y="108"/>
                      </a:lnTo>
                      <a:lnTo>
                        <a:pt x="101" y="113"/>
                      </a:lnTo>
                      <a:lnTo>
                        <a:pt x="98" y="115"/>
                      </a:lnTo>
                      <a:lnTo>
                        <a:pt x="95" y="115"/>
                      </a:lnTo>
                      <a:lnTo>
                        <a:pt x="89" y="115"/>
                      </a:lnTo>
                      <a:lnTo>
                        <a:pt x="86" y="115"/>
                      </a:lnTo>
                      <a:lnTo>
                        <a:pt x="81" y="115"/>
                      </a:lnTo>
                      <a:lnTo>
                        <a:pt x="79" y="117"/>
                      </a:lnTo>
                      <a:lnTo>
                        <a:pt x="78" y="117"/>
                      </a:lnTo>
                      <a:lnTo>
                        <a:pt x="64" y="122"/>
                      </a:lnTo>
                      <a:lnTo>
                        <a:pt x="56" y="125"/>
                      </a:lnTo>
                      <a:lnTo>
                        <a:pt x="52" y="125"/>
                      </a:lnTo>
                      <a:lnTo>
                        <a:pt x="54" y="124"/>
                      </a:lnTo>
                      <a:lnTo>
                        <a:pt x="57" y="122"/>
                      </a:lnTo>
                      <a:lnTo>
                        <a:pt x="62" y="118"/>
                      </a:lnTo>
                      <a:lnTo>
                        <a:pt x="66" y="117"/>
                      </a:lnTo>
                      <a:lnTo>
                        <a:pt x="67" y="115"/>
                      </a:lnTo>
                      <a:lnTo>
                        <a:pt x="73" y="110"/>
                      </a:lnTo>
                      <a:lnTo>
                        <a:pt x="74" y="107"/>
                      </a:lnTo>
                      <a:lnTo>
                        <a:pt x="74" y="105"/>
                      </a:lnTo>
                      <a:lnTo>
                        <a:pt x="71" y="105"/>
                      </a:lnTo>
                      <a:lnTo>
                        <a:pt x="67" y="105"/>
                      </a:lnTo>
                      <a:lnTo>
                        <a:pt x="64" y="107"/>
                      </a:lnTo>
                      <a:lnTo>
                        <a:pt x="61" y="107"/>
                      </a:lnTo>
                      <a:lnTo>
                        <a:pt x="59" y="107"/>
                      </a:lnTo>
                      <a:lnTo>
                        <a:pt x="51" y="100"/>
                      </a:lnTo>
                      <a:lnTo>
                        <a:pt x="45" y="96"/>
                      </a:lnTo>
                      <a:lnTo>
                        <a:pt x="44" y="98"/>
                      </a:lnTo>
                      <a:lnTo>
                        <a:pt x="44" y="102"/>
                      </a:lnTo>
                      <a:lnTo>
                        <a:pt x="45" y="105"/>
                      </a:lnTo>
                      <a:lnTo>
                        <a:pt x="49" y="110"/>
                      </a:lnTo>
                      <a:lnTo>
                        <a:pt x="51" y="113"/>
                      </a:lnTo>
                      <a:lnTo>
                        <a:pt x="51" y="115"/>
                      </a:lnTo>
                      <a:lnTo>
                        <a:pt x="44" y="122"/>
                      </a:lnTo>
                      <a:lnTo>
                        <a:pt x="37" y="130"/>
                      </a:lnTo>
                      <a:lnTo>
                        <a:pt x="35" y="132"/>
                      </a:lnTo>
                      <a:lnTo>
                        <a:pt x="32" y="132"/>
                      </a:lnTo>
                      <a:lnTo>
                        <a:pt x="29" y="134"/>
                      </a:lnTo>
                      <a:lnTo>
                        <a:pt x="27" y="135"/>
                      </a:lnTo>
                      <a:lnTo>
                        <a:pt x="23" y="137"/>
                      </a:lnTo>
                      <a:lnTo>
                        <a:pt x="22" y="137"/>
                      </a:lnTo>
                      <a:lnTo>
                        <a:pt x="27" y="130"/>
                      </a:lnTo>
                      <a:lnTo>
                        <a:pt x="29" y="127"/>
                      </a:lnTo>
                      <a:lnTo>
                        <a:pt x="30" y="122"/>
                      </a:lnTo>
                      <a:lnTo>
                        <a:pt x="29" y="120"/>
                      </a:lnTo>
                      <a:lnTo>
                        <a:pt x="27" y="117"/>
                      </a:lnTo>
                      <a:lnTo>
                        <a:pt x="25" y="117"/>
                      </a:lnTo>
                      <a:lnTo>
                        <a:pt x="23" y="115"/>
                      </a:lnTo>
                      <a:lnTo>
                        <a:pt x="23" y="117"/>
                      </a:lnTo>
                      <a:lnTo>
                        <a:pt x="23" y="115"/>
                      </a:lnTo>
                      <a:lnTo>
                        <a:pt x="23" y="113"/>
                      </a:lnTo>
                      <a:lnTo>
                        <a:pt x="23" y="112"/>
                      </a:lnTo>
                      <a:lnTo>
                        <a:pt x="22" y="108"/>
                      </a:lnTo>
                      <a:lnTo>
                        <a:pt x="22" y="107"/>
                      </a:lnTo>
                      <a:lnTo>
                        <a:pt x="22" y="105"/>
                      </a:lnTo>
                      <a:lnTo>
                        <a:pt x="25" y="100"/>
                      </a:lnTo>
                      <a:lnTo>
                        <a:pt x="25" y="93"/>
                      </a:lnTo>
                      <a:lnTo>
                        <a:pt x="22" y="88"/>
                      </a:lnTo>
                      <a:lnTo>
                        <a:pt x="17" y="83"/>
                      </a:lnTo>
                      <a:lnTo>
                        <a:pt x="12" y="80"/>
                      </a:lnTo>
                      <a:lnTo>
                        <a:pt x="7" y="74"/>
                      </a:lnTo>
                      <a:lnTo>
                        <a:pt x="3" y="73"/>
                      </a:lnTo>
                      <a:lnTo>
                        <a:pt x="1" y="73"/>
                      </a:lnTo>
                      <a:lnTo>
                        <a:pt x="0" y="51"/>
                      </a:lnTo>
                      <a:lnTo>
                        <a:pt x="276" y="24"/>
                      </a:lnTo>
                      <a:lnTo>
                        <a:pt x="293" y="56"/>
                      </a:lnTo>
                      <a:lnTo>
                        <a:pt x="572" y="37"/>
                      </a:lnTo>
                      <a:lnTo>
                        <a:pt x="582" y="59"/>
                      </a:lnTo>
                      <a:lnTo>
                        <a:pt x="597" y="59"/>
                      </a:lnTo>
                      <a:lnTo>
                        <a:pt x="597" y="58"/>
                      </a:lnTo>
                      <a:lnTo>
                        <a:pt x="595" y="54"/>
                      </a:lnTo>
                      <a:lnTo>
                        <a:pt x="595" y="51"/>
                      </a:lnTo>
                      <a:lnTo>
                        <a:pt x="595" y="46"/>
                      </a:lnTo>
                      <a:lnTo>
                        <a:pt x="594" y="41"/>
                      </a:lnTo>
                      <a:lnTo>
                        <a:pt x="594" y="36"/>
                      </a:lnTo>
                      <a:lnTo>
                        <a:pt x="594" y="32"/>
                      </a:lnTo>
                      <a:lnTo>
                        <a:pt x="594" y="30"/>
                      </a:lnTo>
                      <a:lnTo>
                        <a:pt x="589" y="22"/>
                      </a:lnTo>
                      <a:lnTo>
                        <a:pt x="589" y="14"/>
                      </a:lnTo>
                      <a:lnTo>
                        <a:pt x="589" y="8"/>
                      </a:lnTo>
                      <a:lnTo>
                        <a:pt x="592" y="5"/>
                      </a:lnTo>
                      <a:lnTo>
                        <a:pt x="595" y="2"/>
                      </a:lnTo>
                      <a:lnTo>
                        <a:pt x="597" y="0"/>
                      </a:lnTo>
                      <a:lnTo>
                        <a:pt x="600" y="0"/>
                      </a:lnTo>
                      <a:lnTo>
                        <a:pt x="602" y="0"/>
                      </a:lnTo>
                      <a:lnTo>
                        <a:pt x="607" y="3"/>
                      </a:lnTo>
                      <a:lnTo>
                        <a:pt x="616" y="5"/>
                      </a:lnTo>
                      <a:lnTo>
                        <a:pt x="622" y="7"/>
                      </a:lnTo>
                      <a:lnTo>
                        <a:pt x="629" y="8"/>
                      </a:lnTo>
                      <a:lnTo>
                        <a:pt x="636" y="8"/>
                      </a:lnTo>
                      <a:lnTo>
                        <a:pt x="639" y="8"/>
                      </a:lnTo>
                      <a:lnTo>
                        <a:pt x="643" y="8"/>
                      </a:lnTo>
                      <a:lnTo>
                        <a:pt x="644" y="8"/>
                      </a:lnTo>
                      <a:lnTo>
                        <a:pt x="650" y="14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71" name="Freeform 18"/>
                <p:cNvSpPr>
                  <a:spLocks/>
                </p:cNvSpPr>
                <p:nvPr/>
              </p:nvSpPr>
              <p:spPr bwMode="auto">
                <a:xfrm>
                  <a:off x="3822" y="2894"/>
                  <a:ext cx="890" cy="684"/>
                </a:xfrm>
                <a:custGeom>
                  <a:avLst/>
                  <a:gdLst>
                    <a:gd name="T0" fmla="*/ 648 w 890"/>
                    <a:gd name="T1" fmla="*/ 46 h 684"/>
                    <a:gd name="T2" fmla="*/ 636 w 890"/>
                    <a:gd name="T3" fmla="*/ 71 h 684"/>
                    <a:gd name="T4" fmla="*/ 660 w 890"/>
                    <a:gd name="T5" fmla="*/ 47 h 684"/>
                    <a:gd name="T6" fmla="*/ 704 w 890"/>
                    <a:gd name="T7" fmla="*/ 137 h 684"/>
                    <a:gd name="T8" fmla="*/ 741 w 890"/>
                    <a:gd name="T9" fmla="*/ 196 h 684"/>
                    <a:gd name="T10" fmla="*/ 721 w 890"/>
                    <a:gd name="T11" fmla="*/ 174 h 684"/>
                    <a:gd name="T12" fmla="*/ 732 w 890"/>
                    <a:gd name="T13" fmla="*/ 200 h 684"/>
                    <a:gd name="T14" fmla="*/ 754 w 890"/>
                    <a:gd name="T15" fmla="*/ 235 h 684"/>
                    <a:gd name="T16" fmla="*/ 773 w 890"/>
                    <a:gd name="T17" fmla="*/ 279 h 684"/>
                    <a:gd name="T18" fmla="*/ 832 w 890"/>
                    <a:gd name="T19" fmla="*/ 381 h 684"/>
                    <a:gd name="T20" fmla="*/ 854 w 890"/>
                    <a:gd name="T21" fmla="*/ 418 h 684"/>
                    <a:gd name="T22" fmla="*/ 870 w 890"/>
                    <a:gd name="T23" fmla="*/ 443 h 684"/>
                    <a:gd name="T24" fmla="*/ 878 w 890"/>
                    <a:gd name="T25" fmla="*/ 464 h 684"/>
                    <a:gd name="T26" fmla="*/ 890 w 890"/>
                    <a:gd name="T27" fmla="*/ 526 h 684"/>
                    <a:gd name="T28" fmla="*/ 886 w 890"/>
                    <a:gd name="T29" fmla="*/ 586 h 684"/>
                    <a:gd name="T30" fmla="*/ 876 w 890"/>
                    <a:gd name="T31" fmla="*/ 631 h 684"/>
                    <a:gd name="T32" fmla="*/ 868 w 890"/>
                    <a:gd name="T33" fmla="*/ 662 h 684"/>
                    <a:gd name="T34" fmla="*/ 831 w 890"/>
                    <a:gd name="T35" fmla="*/ 675 h 684"/>
                    <a:gd name="T36" fmla="*/ 793 w 890"/>
                    <a:gd name="T37" fmla="*/ 680 h 684"/>
                    <a:gd name="T38" fmla="*/ 802 w 890"/>
                    <a:gd name="T39" fmla="*/ 670 h 684"/>
                    <a:gd name="T40" fmla="*/ 810 w 890"/>
                    <a:gd name="T41" fmla="*/ 640 h 684"/>
                    <a:gd name="T42" fmla="*/ 802 w 890"/>
                    <a:gd name="T43" fmla="*/ 650 h 684"/>
                    <a:gd name="T44" fmla="*/ 768 w 890"/>
                    <a:gd name="T45" fmla="*/ 621 h 684"/>
                    <a:gd name="T46" fmla="*/ 719 w 890"/>
                    <a:gd name="T47" fmla="*/ 597 h 684"/>
                    <a:gd name="T48" fmla="*/ 705 w 890"/>
                    <a:gd name="T49" fmla="*/ 589 h 684"/>
                    <a:gd name="T50" fmla="*/ 677 w 890"/>
                    <a:gd name="T51" fmla="*/ 535 h 684"/>
                    <a:gd name="T52" fmla="*/ 646 w 890"/>
                    <a:gd name="T53" fmla="*/ 479 h 684"/>
                    <a:gd name="T54" fmla="*/ 643 w 890"/>
                    <a:gd name="T55" fmla="*/ 489 h 684"/>
                    <a:gd name="T56" fmla="*/ 619 w 890"/>
                    <a:gd name="T57" fmla="*/ 481 h 684"/>
                    <a:gd name="T58" fmla="*/ 587 w 890"/>
                    <a:gd name="T59" fmla="*/ 423 h 684"/>
                    <a:gd name="T60" fmla="*/ 587 w 890"/>
                    <a:gd name="T61" fmla="*/ 401 h 684"/>
                    <a:gd name="T62" fmla="*/ 578 w 890"/>
                    <a:gd name="T63" fmla="*/ 359 h 684"/>
                    <a:gd name="T64" fmla="*/ 575 w 890"/>
                    <a:gd name="T65" fmla="*/ 399 h 684"/>
                    <a:gd name="T66" fmla="*/ 555 w 890"/>
                    <a:gd name="T67" fmla="*/ 381 h 684"/>
                    <a:gd name="T68" fmla="*/ 555 w 890"/>
                    <a:gd name="T69" fmla="*/ 335 h 684"/>
                    <a:gd name="T70" fmla="*/ 562 w 890"/>
                    <a:gd name="T71" fmla="*/ 278 h 684"/>
                    <a:gd name="T72" fmla="*/ 558 w 890"/>
                    <a:gd name="T73" fmla="*/ 257 h 684"/>
                    <a:gd name="T74" fmla="*/ 541 w 890"/>
                    <a:gd name="T75" fmla="*/ 232 h 684"/>
                    <a:gd name="T76" fmla="*/ 506 w 890"/>
                    <a:gd name="T77" fmla="*/ 217 h 684"/>
                    <a:gd name="T78" fmla="*/ 458 w 890"/>
                    <a:gd name="T79" fmla="*/ 173 h 684"/>
                    <a:gd name="T80" fmla="*/ 411 w 890"/>
                    <a:gd name="T81" fmla="*/ 129 h 684"/>
                    <a:gd name="T82" fmla="*/ 355 w 890"/>
                    <a:gd name="T83" fmla="*/ 139 h 684"/>
                    <a:gd name="T84" fmla="*/ 320 w 890"/>
                    <a:gd name="T85" fmla="*/ 164 h 684"/>
                    <a:gd name="T86" fmla="*/ 308 w 890"/>
                    <a:gd name="T87" fmla="*/ 169 h 684"/>
                    <a:gd name="T88" fmla="*/ 291 w 890"/>
                    <a:gd name="T89" fmla="*/ 183 h 684"/>
                    <a:gd name="T90" fmla="*/ 254 w 890"/>
                    <a:gd name="T91" fmla="*/ 191 h 684"/>
                    <a:gd name="T92" fmla="*/ 247 w 890"/>
                    <a:gd name="T93" fmla="*/ 162 h 684"/>
                    <a:gd name="T94" fmla="*/ 216 w 890"/>
                    <a:gd name="T95" fmla="*/ 132 h 684"/>
                    <a:gd name="T96" fmla="*/ 208 w 890"/>
                    <a:gd name="T97" fmla="*/ 135 h 684"/>
                    <a:gd name="T98" fmla="*/ 152 w 890"/>
                    <a:gd name="T99" fmla="*/ 115 h 684"/>
                    <a:gd name="T100" fmla="*/ 127 w 890"/>
                    <a:gd name="T101" fmla="*/ 113 h 684"/>
                    <a:gd name="T102" fmla="*/ 164 w 890"/>
                    <a:gd name="T103" fmla="*/ 108 h 684"/>
                    <a:gd name="T104" fmla="*/ 101 w 890"/>
                    <a:gd name="T105" fmla="*/ 113 h 684"/>
                    <a:gd name="T106" fmla="*/ 56 w 890"/>
                    <a:gd name="T107" fmla="*/ 125 h 684"/>
                    <a:gd name="T108" fmla="*/ 74 w 890"/>
                    <a:gd name="T109" fmla="*/ 105 h 684"/>
                    <a:gd name="T110" fmla="*/ 44 w 890"/>
                    <a:gd name="T111" fmla="*/ 102 h 684"/>
                    <a:gd name="T112" fmla="*/ 32 w 890"/>
                    <a:gd name="T113" fmla="*/ 132 h 684"/>
                    <a:gd name="T114" fmla="*/ 29 w 890"/>
                    <a:gd name="T115" fmla="*/ 120 h 684"/>
                    <a:gd name="T116" fmla="*/ 23 w 890"/>
                    <a:gd name="T117" fmla="*/ 112 h 684"/>
                    <a:gd name="T118" fmla="*/ 12 w 890"/>
                    <a:gd name="T119" fmla="*/ 80 h 684"/>
                    <a:gd name="T120" fmla="*/ 597 w 890"/>
                    <a:gd name="T121" fmla="*/ 59 h 684"/>
                    <a:gd name="T122" fmla="*/ 589 w 890"/>
                    <a:gd name="T123" fmla="*/ 22 h 684"/>
                    <a:gd name="T124" fmla="*/ 616 w 890"/>
                    <a:gd name="T125" fmla="*/ 5 h 684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60000 65536"/>
                    <a:gd name="T187" fmla="*/ 0 60000 65536"/>
                    <a:gd name="T188" fmla="*/ 0 60000 65536"/>
                    <a:gd name="T189" fmla="*/ 0 w 890"/>
                    <a:gd name="T190" fmla="*/ 0 h 684"/>
                    <a:gd name="T191" fmla="*/ 890 w 890"/>
                    <a:gd name="T192" fmla="*/ 684 h 684"/>
                  </a:gdLst>
                  <a:ahLst/>
                  <a:cxnLst>
                    <a:cxn ang="T126">
                      <a:pos x="T0" y="T1"/>
                    </a:cxn>
                    <a:cxn ang="T127">
                      <a:pos x="T2" y="T3"/>
                    </a:cxn>
                    <a:cxn ang="T128">
                      <a:pos x="T4" y="T5"/>
                    </a:cxn>
                    <a:cxn ang="T129">
                      <a:pos x="T6" y="T7"/>
                    </a:cxn>
                    <a:cxn ang="T130">
                      <a:pos x="T8" y="T9"/>
                    </a:cxn>
                    <a:cxn ang="T131">
                      <a:pos x="T10" y="T11"/>
                    </a:cxn>
                    <a:cxn ang="T132">
                      <a:pos x="T12" y="T13"/>
                    </a:cxn>
                    <a:cxn ang="T133">
                      <a:pos x="T14" y="T15"/>
                    </a:cxn>
                    <a:cxn ang="T134">
                      <a:pos x="T16" y="T17"/>
                    </a:cxn>
                    <a:cxn ang="T135">
                      <a:pos x="T18" y="T19"/>
                    </a:cxn>
                    <a:cxn ang="T136">
                      <a:pos x="T20" y="T21"/>
                    </a:cxn>
                    <a:cxn ang="T137">
                      <a:pos x="T22" y="T23"/>
                    </a:cxn>
                    <a:cxn ang="T138">
                      <a:pos x="T24" y="T25"/>
                    </a:cxn>
                    <a:cxn ang="T139">
                      <a:pos x="T26" y="T27"/>
                    </a:cxn>
                    <a:cxn ang="T140">
                      <a:pos x="T28" y="T29"/>
                    </a:cxn>
                    <a:cxn ang="T141">
                      <a:pos x="T30" y="T31"/>
                    </a:cxn>
                    <a:cxn ang="T142">
                      <a:pos x="T32" y="T33"/>
                    </a:cxn>
                    <a:cxn ang="T143">
                      <a:pos x="T34" y="T35"/>
                    </a:cxn>
                    <a:cxn ang="T144">
                      <a:pos x="T36" y="T37"/>
                    </a:cxn>
                    <a:cxn ang="T145">
                      <a:pos x="T38" y="T39"/>
                    </a:cxn>
                    <a:cxn ang="T146">
                      <a:pos x="T40" y="T41"/>
                    </a:cxn>
                    <a:cxn ang="T147">
                      <a:pos x="T42" y="T43"/>
                    </a:cxn>
                    <a:cxn ang="T148">
                      <a:pos x="T44" y="T45"/>
                    </a:cxn>
                    <a:cxn ang="T149">
                      <a:pos x="T46" y="T47"/>
                    </a:cxn>
                    <a:cxn ang="T150">
                      <a:pos x="T48" y="T49"/>
                    </a:cxn>
                    <a:cxn ang="T151">
                      <a:pos x="T50" y="T51"/>
                    </a:cxn>
                    <a:cxn ang="T152">
                      <a:pos x="T52" y="T53"/>
                    </a:cxn>
                    <a:cxn ang="T153">
                      <a:pos x="T54" y="T55"/>
                    </a:cxn>
                    <a:cxn ang="T154">
                      <a:pos x="T56" y="T57"/>
                    </a:cxn>
                    <a:cxn ang="T155">
                      <a:pos x="T58" y="T59"/>
                    </a:cxn>
                    <a:cxn ang="T156">
                      <a:pos x="T60" y="T61"/>
                    </a:cxn>
                    <a:cxn ang="T157">
                      <a:pos x="T62" y="T63"/>
                    </a:cxn>
                    <a:cxn ang="T158">
                      <a:pos x="T64" y="T65"/>
                    </a:cxn>
                    <a:cxn ang="T159">
                      <a:pos x="T66" y="T67"/>
                    </a:cxn>
                    <a:cxn ang="T160">
                      <a:pos x="T68" y="T69"/>
                    </a:cxn>
                    <a:cxn ang="T161">
                      <a:pos x="T70" y="T71"/>
                    </a:cxn>
                    <a:cxn ang="T162">
                      <a:pos x="T72" y="T73"/>
                    </a:cxn>
                    <a:cxn ang="T163">
                      <a:pos x="T74" y="T75"/>
                    </a:cxn>
                    <a:cxn ang="T164">
                      <a:pos x="T76" y="T77"/>
                    </a:cxn>
                    <a:cxn ang="T165">
                      <a:pos x="T78" y="T79"/>
                    </a:cxn>
                    <a:cxn ang="T166">
                      <a:pos x="T80" y="T81"/>
                    </a:cxn>
                    <a:cxn ang="T167">
                      <a:pos x="T82" y="T83"/>
                    </a:cxn>
                    <a:cxn ang="T168">
                      <a:pos x="T84" y="T85"/>
                    </a:cxn>
                    <a:cxn ang="T169">
                      <a:pos x="T86" y="T87"/>
                    </a:cxn>
                    <a:cxn ang="T170">
                      <a:pos x="T88" y="T89"/>
                    </a:cxn>
                    <a:cxn ang="T171">
                      <a:pos x="T90" y="T91"/>
                    </a:cxn>
                    <a:cxn ang="T172">
                      <a:pos x="T92" y="T93"/>
                    </a:cxn>
                    <a:cxn ang="T173">
                      <a:pos x="T94" y="T95"/>
                    </a:cxn>
                    <a:cxn ang="T174">
                      <a:pos x="T96" y="T97"/>
                    </a:cxn>
                    <a:cxn ang="T175">
                      <a:pos x="T98" y="T99"/>
                    </a:cxn>
                    <a:cxn ang="T176">
                      <a:pos x="T100" y="T101"/>
                    </a:cxn>
                    <a:cxn ang="T177">
                      <a:pos x="T102" y="T103"/>
                    </a:cxn>
                    <a:cxn ang="T178">
                      <a:pos x="T104" y="T105"/>
                    </a:cxn>
                    <a:cxn ang="T179">
                      <a:pos x="T106" y="T107"/>
                    </a:cxn>
                    <a:cxn ang="T180">
                      <a:pos x="T108" y="T109"/>
                    </a:cxn>
                    <a:cxn ang="T181">
                      <a:pos x="T110" y="T111"/>
                    </a:cxn>
                    <a:cxn ang="T182">
                      <a:pos x="T112" y="T113"/>
                    </a:cxn>
                    <a:cxn ang="T183">
                      <a:pos x="T114" y="T115"/>
                    </a:cxn>
                    <a:cxn ang="T184">
                      <a:pos x="T116" y="T117"/>
                    </a:cxn>
                    <a:cxn ang="T185">
                      <a:pos x="T118" y="T119"/>
                    </a:cxn>
                    <a:cxn ang="T186">
                      <a:pos x="T120" y="T121"/>
                    </a:cxn>
                    <a:cxn ang="T187">
                      <a:pos x="T122" y="T123"/>
                    </a:cxn>
                    <a:cxn ang="T188">
                      <a:pos x="T124" y="T125"/>
                    </a:cxn>
                  </a:cxnLst>
                  <a:rect l="T189" t="T190" r="T191" b="T192"/>
                  <a:pathLst>
                    <a:path w="890" h="684">
                      <a:moveTo>
                        <a:pt x="650" y="14"/>
                      </a:moveTo>
                      <a:lnTo>
                        <a:pt x="650" y="32"/>
                      </a:lnTo>
                      <a:lnTo>
                        <a:pt x="655" y="32"/>
                      </a:lnTo>
                      <a:lnTo>
                        <a:pt x="656" y="42"/>
                      </a:lnTo>
                      <a:lnTo>
                        <a:pt x="655" y="42"/>
                      </a:lnTo>
                      <a:lnTo>
                        <a:pt x="653" y="44"/>
                      </a:lnTo>
                      <a:lnTo>
                        <a:pt x="651" y="44"/>
                      </a:lnTo>
                      <a:lnTo>
                        <a:pt x="648" y="46"/>
                      </a:lnTo>
                      <a:lnTo>
                        <a:pt x="643" y="46"/>
                      </a:lnTo>
                      <a:lnTo>
                        <a:pt x="641" y="49"/>
                      </a:lnTo>
                      <a:lnTo>
                        <a:pt x="638" y="52"/>
                      </a:lnTo>
                      <a:lnTo>
                        <a:pt x="636" y="58"/>
                      </a:lnTo>
                      <a:lnTo>
                        <a:pt x="636" y="63"/>
                      </a:lnTo>
                      <a:lnTo>
                        <a:pt x="636" y="68"/>
                      </a:lnTo>
                      <a:lnTo>
                        <a:pt x="636" y="69"/>
                      </a:lnTo>
                      <a:lnTo>
                        <a:pt x="636" y="71"/>
                      </a:lnTo>
                      <a:lnTo>
                        <a:pt x="638" y="71"/>
                      </a:lnTo>
                      <a:lnTo>
                        <a:pt x="641" y="71"/>
                      </a:lnTo>
                      <a:lnTo>
                        <a:pt x="641" y="69"/>
                      </a:lnTo>
                      <a:lnTo>
                        <a:pt x="643" y="61"/>
                      </a:lnTo>
                      <a:lnTo>
                        <a:pt x="644" y="54"/>
                      </a:lnTo>
                      <a:lnTo>
                        <a:pt x="648" y="51"/>
                      </a:lnTo>
                      <a:lnTo>
                        <a:pt x="651" y="47"/>
                      </a:lnTo>
                      <a:lnTo>
                        <a:pt x="656" y="47"/>
                      </a:lnTo>
                      <a:lnTo>
                        <a:pt x="660" y="47"/>
                      </a:lnTo>
                      <a:lnTo>
                        <a:pt x="661" y="47"/>
                      </a:lnTo>
                      <a:lnTo>
                        <a:pt x="663" y="49"/>
                      </a:lnTo>
                      <a:lnTo>
                        <a:pt x="683" y="95"/>
                      </a:lnTo>
                      <a:lnTo>
                        <a:pt x="682" y="112"/>
                      </a:lnTo>
                      <a:lnTo>
                        <a:pt x="692" y="132"/>
                      </a:lnTo>
                      <a:lnTo>
                        <a:pt x="697" y="127"/>
                      </a:lnTo>
                      <a:lnTo>
                        <a:pt x="699" y="129"/>
                      </a:lnTo>
                      <a:lnTo>
                        <a:pt x="700" y="132"/>
                      </a:lnTo>
                      <a:lnTo>
                        <a:pt x="704" y="137"/>
                      </a:lnTo>
                      <a:lnTo>
                        <a:pt x="707" y="144"/>
                      </a:lnTo>
                      <a:lnTo>
                        <a:pt x="710" y="149"/>
                      </a:lnTo>
                      <a:lnTo>
                        <a:pt x="714" y="154"/>
                      </a:lnTo>
                      <a:lnTo>
                        <a:pt x="716" y="159"/>
                      </a:lnTo>
                      <a:lnTo>
                        <a:pt x="717" y="161"/>
                      </a:lnTo>
                      <a:lnTo>
                        <a:pt x="726" y="174"/>
                      </a:lnTo>
                      <a:lnTo>
                        <a:pt x="732" y="184"/>
                      </a:lnTo>
                      <a:lnTo>
                        <a:pt x="738" y="191"/>
                      </a:lnTo>
                      <a:lnTo>
                        <a:pt x="741" y="196"/>
                      </a:lnTo>
                      <a:lnTo>
                        <a:pt x="741" y="200"/>
                      </a:lnTo>
                      <a:lnTo>
                        <a:pt x="738" y="196"/>
                      </a:lnTo>
                      <a:lnTo>
                        <a:pt x="736" y="193"/>
                      </a:lnTo>
                      <a:lnTo>
                        <a:pt x="732" y="190"/>
                      </a:lnTo>
                      <a:lnTo>
                        <a:pt x="729" y="186"/>
                      </a:lnTo>
                      <a:lnTo>
                        <a:pt x="726" y="181"/>
                      </a:lnTo>
                      <a:lnTo>
                        <a:pt x="722" y="178"/>
                      </a:lnTo>
                      <a:lnTo>
                        <a:pt x="721" y="174"/>
                      </a:lnTo>
                      <a:lnTo>
                        <a:pt x="719" y="173"/>
                      </a:lnTo>
                      <a:lnTo>
                        <a:pt x="714" y="174"/>
                      </a:lnTo>
                      <a:lnTo>
                        <a:pt x="716" y="174"/>
                      </a:lnTo>
                      <a:lnTo>
                        <a:pt x="717" y="178"/>
                      </a:lnTo>
                      <a:lnTo>
                        <a:pt x="721" y="183"/>
                      </a:lnTo>
                      <a:lnTo>
                        <a:pt x="724" y="188"/>
                      </a:lnTo>
                      <a:lnTo>
                        <a:pt x="729" y="195"/>
                      </a:lnTo>
                      <a:lnTo>
                        <a:pt x="732" y="200"/>
                      </a:lnTo>
                      <a:lnTo>
                        <a:pt x="734" y="203"/>
                      </a:lnTo>
                      <a:lnTo>
                        <a:pt x="736" y="205"/>
                      </a:lnTo>
                      <a:lnTo>
                        <a:pt x="748" y="217"/>
                      </a:lnTo>
                      <a:lnTo>
                        <a:pt x="754" y="225"/>
                      </a:lnTo>
                      <a:lnTo>
                        <a:pt x="760" y="232"/>
                      </a:lnTo>
                      <a:lnTo>
                        <a:pt x="760" y="235"/>
                      </a:lnTo>
                      <a:lnTo>
                        <a:pt x="758" y="235"/>
                      </a:lnTo>
                      <a:lnTo>
                        <a:pt x="756" y="235"/>
                      </a:lnTo>
                      <a:lnTo>
                        <a:pt x="754" y="235"/>
                      </a:lnTo>
                      <a:lnTo>
                        <a:pt x="753" y="235"/>
                      </a:lnTo>
                      <a:lnTo>
                        <a:pt x="754" y="235"/>
                      </a:lnTo>
                      <a:lnTo>
                        <a:pt x="760" y="250"/>
                      </a:lnTo>
                      <a:lnTo>
                        <a:pt x="766" y="266"/>
                      </a:lnTo>
                      <a:lnTo>
                        <a:pt x="773" y="279"/>
                      </a:lnTo>
                      <a:lnTo>
                        <a:pt x="780" y="293"/>
                      </a:lnTo>
                      <a:lnTo>
                        <a:pt x="787" y="305"/>
                      </a:lnTo>
                      <a:lnTo>
                        <a:pt x="793" y="318"/>
                      </a:lnTo>
                      <a:lnTo>
                        <a:pt x="800" y="328"/>
                      </a:lnTo>
                      <a:lnTo>
                        <a:pt x="805" y="338"/>
                      </a:lnTo>
                      <a:lnTo>
                        <a:pt x="812" y="349"/>
                      </a:lnTo>
                      <a:lnTo>
                        <a:pt x="817" y="357"/>
                      </a:lnTo>
                      <a:lnTo>
                        <a:pt x="822" y="366"/>
                      </a:lnTo>
                      <a:lnTo>
                        <a:pt x="827" y="374"/>
                      </a:lnTo>
                      <a:lnTo>
                        <a:pt x="832" y="381"/>
                      </a:lnTo>
                      <a:lnTo>
                        <a:pt x="836" y="386"/>
                      </a:lnTo>
                      <a:lnTo>
                        <a:pt x="837" y="391"/>
                      </a:lnTo>
                      <a:lnTo>
                        <a:pt x="839" y="394"/>
                      </a:lnTo>
                      <a:lnTo>
                        <a:pt x="842" y="398"/>
                      </a:lnTo>
                      <a:lnTo>
                        <a:pt x="846" y="403"/>
                      </a:lnTo>
                      <a:lnTo>
                        <a:pt x="849" y="406"/>
                      </a:lnTo>
                      <a:lnTo>
                        <a:pt x="851" y="411"/>
                      </a:lnTo>
                      <a:lnTo>
                        <a:pt x="853" y="415"/>
                      </a:lnTo>
                      <a:lnTo>
                        <a:pt x="854" y="418"/>
                      </a:lnTo>
                      <a:lnTo>
                        <a:pt x="856" y="420"/>
                      </a:lnTo>
                      <a:lnTo>
                        <a:pt x="858" y="420"/>
                      </a:lnTo>
                      <a:lnTo>
                        <a:pt x="863" y="425"/>
                      </a:lnTo>
                      <a:lnTo>
                        <a:pt x="868" y="428"/>
                      </a:lnTo>
                      <a:lnTo>
                        <a:pt x="870" y="432"/>
                      </a:lnTo>
                      <a:lnTo>
                        <a:pt x="871" y="435"/>
                      </a:lnTo>
                      <a:lnTo>
                        <a:pt x="871" y="438"/>
                      </a:lnTo>
                      <a:lnTo>
                        <a:pt x="870" y="442"/>
                      </a:lnTo>
                      <a:lnTo>
                        <a:pt x="870" y="443"/>
                      </a:lnTo>
                      <a:lnTo>
                        <a:pt x="870" y="445"/>
                      </a:lnTo>
                      <a:lnTo>
                        <a:pt x="875" y="450"/>
                      </a:lnTo>
                      <a:lnTo>
                        <a:pt x="878" y="454"/>
                      </a:lnTo>
                      <a:lnTo>
                        <a:pt x="880" y="457"/>
                      </a:lnTo>
                      <a:lnTo>
                        <a:pt x="880" y="460"/>
                      </a:lnTo>
                      <a:lnTo>
                        <a:pt x="880" y="462"/>
                      </a:lnTo>
                      <a:lnTo>
                        <a:pt x="880" y="464"/>
                      </a:lnTo>
                      <a:lnTo>
                        <a:pt x="878" y="464"/>
                      </a:lnTo>
                      <a:lnTo>
                        <a:pt x="888" y="474"/>
                      </a:lnTo>
                      <a:lnTo>
                        <a:pt x="888" y="476"/>
                      </a:lnTo>
                      <a:lnTo>
                        <a:pt x="888" y="479"/>
                      </a:lnTo>
                      <a:lnTo>
                        <a:pt x="890" y="484"/>
                      </a:lnTo>
                      <a:lnTo>
                        <a:pt x="890" y="491"/>
                      </a:lnTo>
                      <a:lnTo>
                        <a:pt x="890" y="498"/>
                      </a:lnTo>
                      <a:lnTo>
                        <a:pt x="890" y="508"/>
                      </a:lnTo>
                      <a:lnTo>
                        <a:pt x="890" y="518"/>
                      </a:lnTo>
                      <a:lnTo>
                        <a:pt x="890" y="526"/>
                      </a:lnTo>
                      <a:lnTo>
                        <a:pt x="890" y="536"/>
                      </a:lnTo>
                      <a:lnTo>
                        <a:pt x="890" y="547"/>
                      </a:lnTo>
                      <a:lnTo>
                        <a:pt x="890" y="555"/>
                      </a:lnTo>
                      <a:lnTo>
                        <a:pt x="890" y="564"/>
                      </a:lnTo>
                      <a:lnTo>
                        <a:pt x="890" y="570"/>
                      </a:lnTo>
                      <a:lnTo>
                        <a:pt x="890" y="575"/>
                      </a:lnTo>
                      <a:lnTo>
                        <a:pt x="890" y="580"/>
                      </a:lnTo>
                      <a:lnTo>
                        <a:pt x="886" y="586"/>
                      </a:lnTo>
                      <a:lnTo>
                        <a:pt x="883" y="589"/>
                      </a:lnTo>
                      <a:lnTo>
                        <a:pt x="881" y="594"/>
                      </a:lnTo>
                      <a:lnTo>
                        <a:pt x="880" y="599"/>
                      </a:lnTo>
                      <a:lnTo>
                        <a:pt x="878" y="604"/>
                      </a:lnTo>
                      <a:lnTo>
                        <a:pt x="876" y="609"/>
                      </a:lnTo>
                      <a:lnTo>
                        <a:pt x="876" y="614"/>
                      </a:lnTo>
                      <a:lnTo>
                        <a:pt x="876" y="619"/>
                      </a:lnTo>
                      <a:lnTo>
                        <a:pt x="876" y="623"/>
                      </a:lnTo>
                      <a:lnTo>
                        <a:pt x="876" y="628"/>
                      </a:lnTo>
                      <a:lnTo>
                        <a:pt x="876" y="631"/>
                      </a:lnTo>
                      <a:lnTo>
                        <a:pt x="876" y="635"/>
                      </a:lnTo>
                      <a:lnTo>
                        <a:pt x="876" y="638"/>
                      </a:lnTo>
                      <a:lnTo>
                        <a:pt x="876" y="640"/>
                      </a:lnTo>
                      <a:lnTo>
                        <a:pt x="878" y="641"/>
                      </a:lnTo>
                      <a:lnTo>
                        <a:pt x="876" y="650"/>
                      </a:lnTo>
                      <a:lnTo>
                        <a:pt x="875" y="657"/>
                      </a:lnTo>
                      <a:lnTo>
                        <a:pt x="871" y="660"/>
                      </a:lnTo>
                      <a:lnTo>
                        <a:pt x="868" y="662"/>
                      </a:lnTo>
                      <a:lnTo>
                        <a:pt x="864" y="663"/>
                      </a:lnTo>
                      <a:lnTo>
                        <a:pt x="861" y="663"/>
                      </a:lnTo>
                      <a:lnTo>
                        <a:pt x="858" y="663"/>
                      </a:lnTo>
                      <a:lnTo>
                        <a:pt x="856" y="663"/>
                      </a:lnTo>
                      <a:lnTo>
                        <a:pt x="849" y="668"/>
                      </a:lnTo>
                      <a:lnTo>
                        <a:pt x="842" y="674"/>
                      </a:lnTo>
                      <a:lnTo>
                        <a:pt x="837" y="675"/>
                      </a:lnTo>
                      <a:lnTo>
                        <a:pt x="834" y="675"/>
                      </a:lnTo>
                      <a:lnTo>
                        <a:pt x="831" y="675"/>
                      </a:lnTo>
                      <a:lnTo>
                        <a:pt x="827" y="674"/>
                      </a:lnTo>
                      <a:lnTo>
                        <a:pt x="826" y="674"/>
                      </a:lnTo>
                      <a:lnTo>
                        <a:pt x="817" y="680"/>
                      </a:lnTo>
                      <a:lnTo>
                        <a:pt x="810" y="684"/>
                      </a:lnTo>
                      <a:lnTo>
                        <a:pt x="805" y="684"/>
                      </a:lnTo>
                      <a:lnTo>
                        <a:pt x="800" y="684"/>
                      </a:lnTo>
                      <a:lnTo>
                        <a:pt x="797" y="684"/>
                      </a:lnTo>
                      <a:lnTo>
                        <a:pt x="793" y="680"/>
                      </a:lnTo>
                      <a:lnTo>
                        <a:pt x="792" y="680"/>
                      </a:lnTo>
                      <a:lnTo>
                        <a:pt x="792" y="679"/>
                      </a:lnTo>
                      <a:lnTo>
                        <a:pt x="787" y="670"/>
                      </a:lnTo>
                      <a:lnTo>
                        <a:pt x="787" y="667"/>
                      </a:lnTo>
                      <a:lnTo>
                        <a:pt x="788" y="663"/>
                      </a:lnTo>
                      <a:lnTo>
                        <a:pt x="790" y="665"/>
                      </a:lnTo>
                      <a:lnTo>
                        <a:pt x="795" y="667"/>
                      </a:lnTo>
                      <a:lnTo>
                        <a:pt x="798" y="668"/>
                      </a:lnTo>
                      <a:lnTo>
                        <a:pt x="802" y="670"/>
                      </a:lnTo>
                      <a:lnTo>
                        <a:pt x="802" y="672"/>
                      </a:lnTo>
                      <a:lnTo>
                        <a:pt x="820" y="665"/>
                      </a:lnTo>
                      <a:lnTo>
                        <a:pt x="810" y="653"/>
                      </a:lnTo>
                      <a:lnTo>
                        <a:pt x="812" y="652"/>
                      </a:lnTo>
                      <a:lnTo>
                        <a:pt x="814" y="650"/>
                      </a:lnTo>
                      <a:lnTo>
                        <a:pt x="815" y="648"/>
                      </a:lnTo>
                      <a:lnTo>
                        <a:pt x="810" y="640"/>
                      </a:lnTo>
                      <a:lnTo>
                        <a:pt x="807" y="635"/>
                      </a:lnTo>
                      <a:lnTo>
                        <a:pt x="804" y="633"/>
                      </a:lnTo>
                      <a:lnTo>
                        <a:pt x="802" y="631"/>
                      </a:lnTo>
                      <a:lnTo>
                        <a:pt x="800" y="633"/>
                      </a:lnTo>
                      <a:lnTo>
                        <a:pt x="798" y="635"/>
                      </a:lnTo>
                      <a:lnTo>
                        <a:pt x="798" y="636"/>
                      </a:lnTo>
                      <a:lnTo>
                        <a:pt x="798" y="638"/>
                      </a:lnTo>
                      <a:lnTo>
                        <a:pt x="802" y="645"/>
                      </a:lnTo>
                      <a:lnTo>
                        <a:pt x="802" y="650"/>
                      </a:lnTo>
                      <a:lnTo>
                        <a:pt x="800" y="652"/>
                      </a:lnTo>
                      <a:lnTo>
                        <a:pt x="797" y="653"/>
                      </a:lnTo>
                      <a:lnTo>
                        <a:pt x="793" y="653"/>
                      </a:lnTo>
                      <a:lnTo>
                        <a:pt x="790" y="653"/>
                      </a:lnTo>
                      <a:lnTo>
                        <a:pt x="788" y="652"/>
                      </a:lnTo>
                      <a:lnTo>
                        <a:pt x="787" y="652"/>
                      </a:lnTo>
                      <a:lnTo>
                        <a:pt x="780" y="640"/>
                      </a:lnTo>
                      <a:lnTo>
                        <a:pt x="775" y="630"/>
                      </a:lnTo>
                      <a:lnTo>
                        <a:pt x="768" y="621"/>
                      </a:lnTo>
                      <a:lnTo>
                        <a:pt x="763" y="614"/>
                      </a:lnTo>
                      <a:lnTo>
                        <a:pt x="756" y="609"/>
                      </a:lnTo>
                      <a:lnTo>
                        <a:pt x="749" y="606"/>
                      </a:lnTo>
                      <a:lnTo>
                        <a:pt x="744" y="602"/>
                      </a:lnTo>
                      <a:lnTo>
                        <a:pt x="739" y="599"/>
                      </a:lnTo>
                      <a:lnTo>
                        <a:pt x="734" y="597"/>
                      </a:lnTo>
                      <a:lnTo>
                        <a:pt x="729" y="597"/>
                      </a:lnTo>
                      <a:lnTo>
                        <a:pt x="724" y="597"/>
                      </a:lnTo>
                      <a:lnTo>
                        <a:pt x="721" y="597"/>
                      </a:lnTo>
                      <a:lnTo>
                        <a:pt x="719" y="597"/>
                      </a:lnTo>
                      <a:lnTo>
                        <a:pt x="716" y="597"/>
                      </a:lnTo>
                      <a:lnTo>
                        <a:pt x="714" y="597"/>
                      </a:lnTo>
                      <a:lnTo>
                        <a:pt x="714" y="599"/>
                      </a:lnTo>
                      <a:lnTo>
                        <a:pt x="712" y="597"/>
                      </a:lnTo>
                      <a:lnTo>
                        <a:pt x="710" y="594"/>
                      </a:lnTo>
                      <a:lnTo>
                        <a:pt x="707" y="592"/>
                      </a:lnTo>
                      <a:lnTo>
                        <a:pt x="705" y="589"/>
                      </a:lnTo>
                      <a:lnTo>
                        <a:pt x="704" y="586"/>
                      </a:lnTo>
                      <a:lnTo>
                        <a:pt x="702" y="584"/>
                      </a:lnTo>
                      <a:lnTo>
                        <a:pt x="700" y="580"/>
                      </a:lnTo>
                      <a:lnTo>
                        <a:pt x="697" y="564"/>
                      </a:lnTo>
                      <a:lnTo>
                        <a:pt x="692" y="550"/>
                      </a:lnTo>
                      <a:lnTo>
                        <a:pt x="687" y="542"/>
                      </a:lnTo>
                      <a:lnTo>
                        <a:pt x="683" y="536"/>
                      </a:lnTo>
                      <a:lnTo>
                        <a:pt x="680" y="535"/>
                      </a:lnTo>
                      <a:lnTo>
                        <a:pt x="677" y="535"/>
                      </a:lnTo>
                      <a:lnTo>
                        <a:pt x="675" y="535"/>
                      </a:lnTo>
                      <a:lnTo>
                        <a:pt x="666" y="526"/>
                      </a:lnTo>
                      <a:lnTo>
                        <a:pt x="661" y="514"/>
                      </a:lnTo>
                      <a:lnTo>
                        <a:pt x="661" y="498"/>
                      </a:lnTo>
                      <a:lnTo>
                        <a:pt x="653" y="486"/>
                      </a:lnTo>
                      <a:lnTo>
                        <a:pt x="661" y="472"/>
                      </a:lnTo>
                      <a:lnTo>
                        <a:pt x="646" y="481"/>
                      </a:lnTo>
                      <a:lnTo>
                        <a:pt x="646" y="479"/>
                      </a:lnTo>
                      <a:lnTo>
                        <a:pt x="644" y="479"/>
                      </a:lnTo>
                      <a:lnTo>
                        <a:pt x="641" y="477"/>
                      </a:lnTo>
                      <a:lnTo>
                        <a:pt x="639" y="476"/>
                      </a:lnTo>
                      <a:lnTo>
                        <a:pt x="636" y="474"/>
                      </a:lnTo>
                      <a:lnTo>
                        <a:pt x="634" y="474"/>
                      </a:lnTo>
                      <a:lnTo>
                        <a:pt x="633" y="472"/>
                      </a:lnTo>
                      <a:lnTo>
                        <a:pt x="633" y="474"/>
                      </a:lnTo>
                      <a:lnTo>
                        <a:pt x="638" y="482"/>
                      </a:lnTo>
                      <a:lnTo>
                        <a:pt x="643" y="489"/>
                      </a:lnTo>
                      <a:lnTo>
                        <a:pt x="644" y="494"/>
                      </a:lnTo>
                      <a:lnTo>
                        <a:pt x="644" y="498"/>
                      </a:lnTo>
                      <a:lnTo>
                        <a:pt x="643" y="498"/>
                      </a:lnTo>
                      <a:lnTo>
                        <a:pt x="641" y="498"/>
                      </a:lnTo>
                      <a:lnTo>
                        <a:pt x="638" y="496"/>
                      </a:lnTo>
                      <a:lnTo>
                        <a:pt x="636" y="494"/>
                      </a:lnTo>
                      <a:lnTo>
                        <a:pt x="631" y="491"/>
                      </a:lnTo>
                      <a:lnTo>
                        <a:pt x="628" y="487"/>
                      </a:lnTo>
                      <a:lnTo>
                        <a:pt x="622" y="484"/>
                      </a:lnTo>
                      <a:lnTo>
                        <a:pt x="619" y="481"/>
                      </a:lnTo>
                      <a:lnTo>
                        <a:pt x="616" y="477"/>
                      </a:lnTo>
                      <a:lnTo>
                        <a:pt x="612" y="474"/>
                      </a:lnTo>
                      <a:lnTo>
                        <a:pt x="611" y="472"/>
                      </a:lnTo>
                      <a:lnTo>
                        <a:pt x="607" y="457"/>
                      </a:lnTo>
                      <a:lnTo>
                        <a:pt x="582" y="425"/>
                      </a:lnTo>
                      <a:lnTo>
                        <a:pt x="584" y="425"/>
                      </a:lnTo>
                      <a:lnTo>
                        <a:pt x="585" y="423"/>
                      </a:lnTo>
                      <a:lnTo>
                        <a:pt x="587" y="423"/>
                      </a:lnTo>
                      <a:lnTo>
                        <a:pt x="589" y="421"/>
                      </a:lnTo>
                      <a:lnTo>
                        <a:pt x="590" y="421"/>
                      </a:lnTo>
                      <a:lnTo>
                        <a:pt x="592" y="420"/>
                      </a:lnTo>
                      <a:lnTo>
                        <a:pt x="594" y="420"/>
                      </a:lnTo>
                      <a:lnTo>
                        <a:pt x="589" y="418"/>
                      </a:lnTo>
                      <a:lnTo>
                        <a:pt x="587" y="413"/>
                      </a:lnTo>
                      <a:lnTo>
                        <a:pt x="587" y="408"/>
                      </a:lnTo>
                      <a:lnTo>
                        <a:pt x="587" y="401"/>
                      </a:lnTo>
                      <a:lnTo>
                        <a:pt x="589" y="394"/>
                      </a:lnTo>
                      <a:lnTo>
                        <a:pt x="590" y="388"/>
                      </a:lnTo>
                      <a:lnTo>
                        <a:pt x="590" y="382"/>
                      </a:lnTo>
                      <a:lnTo>
                        <a:pt x="590" y="379"/>
                      </a:lnTo>
                      <a:lnTo>
                        <a:pt x="587" y="371"/>
                      </a:lnTo>
                      <a:lnTo>
                        <a:pt x="585" y="364"/>
                      </a:lnTo>
                      <a:lnTo>
                        <a:pt x="582" y="360"/>
                      </a:lnTo>
                      <a:lnTo>
                        <a:pt x="580" y="359"/>
                      </a:lnTo>
                      <a:lnTo>
                        <a:pt x="578" y="359"/>
                      </a:lnTo>
                      <a:lnTo>
                        <a:pt x="577" y="360"/>
                      </a:lnTo>
                      <a:lnTo>
                        <a:pt x="577" y="364"/>
                      </a:lnTo>
                      <a:lnTo>
                        <a:pt x="575" y="367"/>
                      </a:lnTo>
                      <a:lnTo>
                        <a:pt x="575" y="372"/>
                      </a:lnTo>
                      <a:lnTo>
                        <a:pt x="575" y="377"/>
                      </a:lnTo>
                      <a:lnTo>
                        <a:pt x="575" y="382"/>
                      </a:lnTo>
                      <a:lnTo>
                        <a:pt x="575" y="388"/>
                      </a:lnTo>
                      <a:lnTo>
                        <a:pt x="575" y="393"/>
                      </a:lnTo>
                      <a:lnTo>
                        <a:pt x="575" y="396"/>
                      </a:lnTo>
                      <a:lnTo>
                        <a:pt x="575" y="399"/>
                      </a:lnTo>
                      <a:lnTo>
                        <a:pt x="572" y="398"/>
                      </a:lnTo>
                      <a:lnTo>
                        <a:pt x="568" y="394"/>
                      </a:lnTo>
                      <a:lnTo>
                        <a:pt x="565" y="391"/>
                      </a:lnTo>
                      <a:lnTo>
                        <a:pt x="560" y="388"/>
                      </a:lnTo>
                      <a:lnTo>
                        <a:pt x="558" y="384"/>
                      </a:lnTo>
                      <a:lnTo>
                        <a:pt x="555" y="382"/>
                      </a:lnTo>
                      <a:lnTo>
                        <a:pt x="555" y="381"/>
                      </a:lnTo>
                      <a:lnTo>
                        <a:pt x="556" y="374"/>
                      </a:lnTo>
                      <a:lnTo>
                        <a:pt x="558" y="366"/>
                      </a:lnTo>
                      <a:lnTo>
                        <a:pt x="558" y="359"/>
                      </a:lnTo>
                      <a:lnTo>
                        <a:pt x="558" y="352"/>
                      </a:lnTo>
                      <a:lnTo>
                        <a:pt x="556" y="345"/>
                      </a:lnTo>
                      <a:lnTo>
                        <a:pt x="556" y="340"/>
                      </a:lnTo>
                      <a:lnTo>
                        <a:pt x="555" y="337"/>
                      </a:lnTo>
                      <a:lnTo>
                        <a:pt x="555" y="335"/>
                      </a:lnTo>
                      <a:lnTo>
                        <a:pt x="558" y="328"/>
                      </a:lnTo>
                      <a:lnTo>
                        <a:pt x="560" y="323"/>
                      </a:lnTo>
                      <a:lnTo>
                        <a:pt x="562" y="316"/>
                      </a:lnTo>
                      <a:lnTo>
                        <a:pt x="562" y="311"/>
                      </a:lnTo>
                      <a:lnTo>
                        <a:pt x="563" y="305"/>
                      </a:lnTo>
                      <a:lnTo>
                        <a:pt x="563" y="300"/>
                      </a:lnTo>
                      <a:lnTo>
                        <a:pt x="563" y="293"/>
                      </a:lnTo>
                      <a:lnTo>
                        <a:pt x="563" y="288"/>
                      </a:lnTo>
                      <a:lnTo>
                        <a:pt x="562" y="283"/>
                      </a:lnTo>
                      <a:lnTo>
                        <a:pt x="562" y="278"/>
                      </a:lnTo>
                      <a:lnTo>
                        <a:pt x="560" y="274"/>
                      </a:lnTo>
                      <a:lnTo>
                        <a:pt x="560" y="269"/>
                      </a:lnTo>
                      <a:lnTo>
                        <a:pt x="560" y="267"/>
                      </a:lnTo>
                      <a:lnTo>
                        <a:pt x="558" y="264"/>
                      </a:lnTo>
                      <a:lnTo>
                        <a:pt x="558" y="262"/>
                      </a:lnTo>
                      <a:lnTo>
                        <a:pt x="558" y="261"/>
                      </a:lnTo>
                      <a:lnTo>
                        <a:pt x="558" y="257"/>
                      </a:lnTo>
                      <a:lnTo>
                        <a:pt x="558" y="256"/>
                      </a:lnTo>
                      <a:lnTo>
                        <a:pt x="556" y="252"/>
                      </a:lnTo>
                      <a:lnTo>
                        <a:pt x="556" y="249"/>
                      </a:lnTo>
                      <a:lnTo>
                        <a:pt x="555" y="247"/>
                      </a:lnTo>
                      <a:lnTo>
                        <a:pt x="551" y="245"/>
                      </a:lnTo>
                      <a:lnTo>
                        <a:pt x="548" y="242"/>
                      </a:lnTo>
                      <a:lnTo>
                        <a:pt x="545" y="239"/>
                      </a:lnTo>
                      <a:lnTo>
                        <a:pt x="541" y="232"/>
                      </a:lnTo>
                      <a:lnTo>
                        <a:pt x="538" y="227"/>
                      </a:lnTo>
                      <a:lnTo>
                        <a:pt x="534" y="223"/>
                      </a:lnTo>
                      <a:lnTo>
                        <a:pt x="533" y="220"/>
                      </a:lnTo>
                      <a:lnTo>
                        <a:pt x="533" y="218"/>
                      </a:lnTo>
                      <a:lnTo>
                        <a:pt x="521" y="222"/>
                      </a:lnTo>
                      <a:lnTo>
                        <a:pt x="514" y="222"/>
                      </a:lnTo>
                      <a:lnTo>
                        <a:pt x="509" y="222"/>
                      </a:lnTo>
                      <a:lnTo>
                        <a:pt x="507" y="220"/>
                      </a:lnTo>
                      <a:lnTo>
                        <a:pt x="506" y="217"/>
                      </a:lnTo>
                      <a:lnTo>
                        <a:pt x="506" y="215"/>
                      </a:lnTo>
                      <a:lnTo>
                        <a:pt x="507" y="215"/>
                      </a:lnTo>
                      <a:lnTo>
                        <a:pt x="507" y="213"/>
                      </a:lnTo>
                      <a:lnTo>
                        <a:pt x="497" y="206"/>
                      </a:lnTo>
                      <a:lnTo>
                        <a:pt x="484" y="191"/>
                      </a:lnTo>
                      <a:lnTo>
                        <a:pt x="467" y="179"/>
                      </a:lnTo>
                      <a:lnTo>
                        <a:pt x="465" y="179"/>
                      </a:lnTo>
                      <a:lnTo>
                        <a:pt x="463" y="176"/>
                      </a:lnTo>
                      <a:lnTo>
                        <a:pt x="458" y="173"/>
                      </a:lnTo>
                      <a:lnTo>
                        <a:pt x="455" y="168"/>
                      </a:lnTo>
                      <a:lnTo>
                        <a:pt x="450" y="162"/>
                      </a:lnTo>
                      <a:lnTo>
                        <a:pt x="446" y="157"/>
                      </a:lnTo>
                      <a:lnTo>
                        <a:pt x="445" y="154"/>
                      </a:lnTo>
                      <a:lnTo>
                        <a:pt x="443" y="152"/>
                      </a:lnTo>
                      <a:lnTo>
                        <a:pt x="433" y="144"/>
                      </a:lnTo>
                      <a:lnTo>
                        <a:pt x="424" y="139"/>
                      </a:lnTo>
                      <a:lnTo>
                        <a:pt x="418" y="132"/>
                      </a:lnTo>
                      <a:lnTo>
                        <a:pt x="411" y="129"/>
                      </a:lnTo>
                      <a:lnTo>
                        <a:pt x="404" y="125"/>
                      </a:lnTo>
                      <a:lnTo>
                        <a:pt x="399" y="124"/>
                      </a:lnTo>
                      <a:lnTo>
                        <a:pt x="396" y="124"/>
                      </a:lnTo>
                      <a:lnTo>
                        <a:pt x="394" y="122"/>
                      </a:lnTo>
                      <a:lnTo>
                        <a:pt x="377" y="122"/>
                      </a:lnTo>
                      <a:lnTo>
                        <a:pt x="367" y="122"/>
                      </a:lnTo>
                      <a:lnTo>
                        <a:pt x="360" y="127"/>
                      </a:lnTo>
                      <a:lnTo>
                        <a:pt x="355" y="132"/>
                      </a:lnTo>
                      <a:lnTo>
                        <a:pt x="355" y="139"/>
                      </a:lnTo>
                      <a:lnTo>
                        <a:pt x="355" y="144"/>
                      </a:lnTo>
                      <a:lnTo>
                        <a:pt x="357" y="147"/>
                      </a:lnTo>
                      <a:lnTo>
                        <a:pt x="357" y="149"/>
                      </a:lnTo>
                      <a:lnTo>
                        <a:pt x="350" y="147"/>
                      </a:lnTo>
                      <a:lnTo>
                        <a:pt x="342" y="149"/>
                      </a:lnTo>
                      <a:lnTo>
                        <a:pt x="335" y="152"/>
                      </a:lnTo>
                      <a:lnTo>
                        <a:pt x="330" y="156"/>
                      </a:lnTo>
                      <a:lnTo>
                        <a:pt x="325" y="161"/>
                      </a:lnTo>
                      <a:lnTo>
                        <a:pt x="320" y="164"/>
                      </a:lnTo>
                      <a:lnTo>
                        <a:pt x="316" y="168"/>
                      </a:lnTo>
                      <a:lnTo>
                        <a:pt x="316" y="169"/>
                      </a:lnTo>
                      <a:lnTo>
                        <a:pt x="309" y="176"/>
                      </a:lnTo>
                      <a:lnTo>
                        <a:pt x="306" y="178"/>
                      </a:lnTo>
                      <a:lnTo>
                        <a:pt x="304" y="178"/>
                      </a:lnTo>
                      <a:lnTo>
                        <a:pt x="304" y="176"/>
                      </a:lnTo>
                      <a:lnTo>
                        <a:pt x="304" y="174"/>
                      </a:lnTo>
                      <a:lnTo>
                        <a:pt x="306" y="171"/>
                      </a:lnTo>
                      <a:lnTo>
                        <a:pt x="308" y="169"/>
                      </a:lnTo>
                      <a:lnTo>
                        <a:pt x="308" y="168"/>
                      </a:lnTo>
                      <a:lnTo>
                        <a:pt x="306" y="168"/>
                      </a:lnTo>
                      <a:lnTo>
                        <a:pt x="306" y="169"/>
                      </a:lnTo>
                      <a:lnTo>
                        <a:pt x="303" y="173"/>
                      </a:lnTo>
                      <a:lnTo>
                        <a:pt x="299" y="174"/>
                      </a:lnTo>
                      <a:lnTo>
                        <a:pt x="298" y="178"/>
                      </a:lnTo>
                      <a:lnTo>
                        <a:pt x="294" y="179"/>
                      </a:lnTo>
                      <a:lnTo>
                        <a:pt x="293" y="181"/>
                      </a:lnTo>
                      <a:lnTo>
                        <a:pt x="291" y="183"/>
                      </a:lnTo>
                      <a:lnTo>
                        <a:pt x="284" y="181"/>
                      </a:lnTo>
                      <a:lnTo>
                        <a:pt x="277" y="181"/>
                      </a:lnTo>
                      <a:lnTo>
                        <a:pt x="271" y="183"/>
                      </a:lnTo>
                      <a:lnTo>
                        <a:pt x="265" y="186"/>
                      </a:lnTo>
                      <a:lnTo>
                        <a:pt x="260" y="188"/>
                      </a:lnTo>
                      <a:lnTo>
                        <a:pt x="257" y="190"/>
                      </a:lnTo>
                      <a:lnTo>
                        <a:pt x="254" y="191"/>
                      </a:lnTo>
                      <a:lnTo>
                        <a:pt x="247" y="184"/>
                      </a:lnTo>
                      <a:lnTo>
                        <a:pt x="243" y="179"/>
                      </a:lnTo>
                      <a:lnTo>
                        <a:pt x="245" y="179"/>
                      </a:lnTo>
                      <a:lnTo>
                        <a:pt x="249" y="181"/>
                      </a:lnTo>
                      <a:lnTo>
                        <a:pt x="252" y="184"/>
                      </a:lnTo>
                      <a:lnTo>
                        <a:pt x="255" y="186"/>
                      </a:lnTo>
                      <a:lnTo>
                        <a:pt x="257" y="186"/>
                      </a:lnTo>
                      <a:lnTo>
                        <a:pt x="257" y="176"/>
                      </a:lnTo>
                      <a:lnTo>
                        <a:pt x="247" y="162"/>
                      </a:lnTo>
                      <a:lnTo>
                        <a:pt x="218" y="140"/>
                      </a:lnTo>
                      <a:lnTo>
                        <a:pt x="232" y="142"/>
                      </a:lnTo>
                      <a:lnTo>
                        <a:pt x="238" y="144"/>
                      </a:lnTo>
                      <a:lnTo>
                        <a:pt x="238" y="142"/>
                      </a:lnTo>
                      <a:lnTo>
                        <a:pt x="235" y="140"/>
                      </a:lnTo>
                      <a:lnTo>
                        <a:pt x="230" y="137"/>
                      </a:lnTo>
                      <a:lnTo>
                        <a:pt x="223" y="135"/>
                      </a:lnTo>
                      <a:lnTo>
                        <a:pt x="218" y="132"/>
                      </a:lnTo>
                      <a:lnTo>
                        <a:pt x="216" y="132"/>
                      </a:lnTo>
                      <a:lnTo>
                        <a:pt x="223" y="117"/>
                      </a:lnTo>
                      <a:lnTo>
                        <a:pt x="205" y="120"/>
                      </a:lnTo>
                      <a:lnTo>
                        <a:pt x="205" y="122"/>
                      </a:lnTo>
                      <a:lnTo>
                        <a:pt x="206" y="125"/>
                      </a:lnTo>
                      <a:lnTo>
                        <a:pt x="206" y="127"/>
                      </a:lnTo>
                      <a:lnTo>
                        <a:pt x="206" y="130"/>
                      </a:lnTo>
                      <a:lnTo>
                        <a:pt x="208" y="134"/>
                      </a:lnTo>
                      <a:lnTo>
                        <a:pt x="208" y="135"/>
                      </a:lnTo>
                      <a:lnTo>
                        <a:pt x="201" y="130"/>
                      </a:lnTo>
                      <a:lnTo>
                        <a:pt x="193" y="127"/>
                      </a:lnTo>
                      <a:lnTo>
                        <a:pt x="186" y="124"/>
                      </a:lnTo>
                      <a:lnTo>
                        <a:pt x="179" y="122"/>
                      </a:lnTo>
                      <a:lnTo>
                        <a:pt x="172" y="118"/>
                      </a:lnTo>
                      <a:lnTo>
                        <a:pt x="164" y="117"/>
                      </a:lnTo>
                      <a:lnTo>
                        <a:pt x="159" y="115"/>
                      </a:lnTo>
                      <a:lnTo>
                        <a:pt x="152" y="115"/>
                      </a:lnTo>
                      <a:lnTo>
                        <a:pt x="147" y="113"/>
                      </a:lnTo>
                      <a:lnTo>
                        <a:pt x="142" y="113"/>
                      </a:lnTo>
                      <a:lnTo>
                        <a:pt x="137" y="113"/>
                      </a:lnTo>
                      <a:lnTo>
                        <a:pt x="133" y="113"/>
                      </a:lnTo>
                      <a:lnTo>
                        <a:pt x="130" y="113"/>
                      </a:lnTo>
                      <a:lnTo>
                        <a:pt x="128" y="113"/>
                      </a:lnTo>
                      <a:lnTo>
                        <a:pt x="127" y="113"/>
                      </a:lnTo>
                      <a:lnTo>
                        <a:pt x="128" y="113"/>
                      </a:lnTo>
                      <a:lnTo>
                        <a:pt x="130" y="112"/>
                      </a:lnTo>
                      <a:lnTo>
                        <a:pt x="133" y="112"/>
                      </a:lnTo>
                      <a:lnTo>
                        <a:pt x="137" y="112"/>
                      </a:lnTo>
                      <a:lnTo>
                        <a:pt x="140" y="110"/>
                      </a:lnTo>
                      <a:lnTo>
                        <a:pt x="142" y="110"/>
                      </a:lnTo>
                      <a:lnTo>
                        <a:pt x="144" y="110"/>
                      </a:lnTo>
                      <a:lnTo>
                        <a:pt x="157" y="110"/>
                      </a:lnTo>
                      <a:lnTo>
                        <a:pt x="164" y="108"/>
                      </a:lnTo>
                      <a:lnTo>
                        <a:pt x="162" y="105"/>
                      </a:lnTo>
                      <a:lnTo>
                        <a:pt x="155" y="105"/>
                      </a:lnTo>
                      <a:lnTo>
                        <a:pt x="149" y="103"/>
                      </a:lnTo>
                      <a:lnTo>
                        <a:pt x="145" y="102"/>
                      </a:lnTo>
                      <a:lnTo>
                        <a:pt x="142" y="102"/>
                      </a:lnTo>
                      <a:lnTo>
                        <a:pt x="111" y="108"/>
                      </a:lnTo>
                      <a:lnTo>
                        <a:pt x="101" y="113"/>
                      </a:lnTo>
                      <a:lnTo>
                        <a:pt x="98" y="115"/>
                      </a:lnTo>
                      <a:lnTo>
                        <a:pt x="95" y="115"/>
                      </a:lnTo>
                      <a:lnTo>
                        <a:pt x="89" y="115"/>
                      </a:lnTo>
                      <a:lnTo>
                        <a:pt x="86" y="115"/>
                      </a:lnTo>
                      <a:lnTo>
                        <a:pt x="81" y="115"/>
                      </a:lnTo>
                      <a:lnTo>
                        <a:pt x="79" y="117"/>
                      </a:lnTo>
                      <a:lnTo>
                        <a:pt x="78" y="117"/>
                      </a:lnTo>
                      <a:lnTo>
                        <a:pt x="64" y="122"/>
                      </a:lnTo>
                      <a:lnTo>
                        <a:pt x="56" y="125"/>
                      </a:lnTo>
                      <a:lnTo>
                        <a:pt x="52" y="125"/>
                      </a:lnTo>
                      <a:lnTo>
                        <a:pt x="54" y="124"/>
                      </a:lnTo>
                      <a:lnTo>
                        <a:pt x="57" y="122"/>
                      </a:lnTo>
                      <a:lnTo>
                        <a:pt x="62" y="118"/>
                      </a:lnTo>
                      <a:lnTo>
                        <a:pt x="66" y="117"/>
                      </a:lnTo>
                      <a:lnTo>
                        <a:pt x="67" y="115"/>
                      </a:lnTo>
                      <a:lnTo>
                        <a:pt x="73" y="110"/>
                      </a:lnTo>
                      <a:lnTo>
                        <a:pt x="74" y="107"/>
                      </a:lnTo>
                      <a:lnTo>
                        <a:pt x="74" y="105"/>
                      </a:lnTo>
                      <a:lnTo>
                        <a:pt x="71" y="105"/>
                      </a:lnTo>
                      <a:lnTo>
                        <a:pt x="67" y="105"/>
                      </a:lnTo>
                      <a:lnTo>
                        <a:pt x="64" y="107"/>
                      </a:lnTo>
                      <a:lnTo>
                        <a:pt x="61" y="107"/>
                      </a:lnTo>
                      <a:lnTo>
                        <a:pt x="59" y="107"/>
                      </a:lnTo>
                      <a:lnTo>
                        <a:pt x="51" y="100"/>
                      </a:lnTo>
                      <a:lnTo>
                        <a:pt x="45" y="96"/>
                      </a:lnTo>
                      <a:lnTo>
                        <a:pt x="44" y="98"/>
                      </a:lnTo>
                      <a:lnTo>
                        <a:pt x="44" y="102"/>
                      </a:lnTo>
                      <a:lnTo>
                        <a:pt x="45" y="105"/>
                      </a:lnTo>
                      <a:lnTo>
                        <a:pt x="49" y="110"/>
                      </a:lnTo>
                      <a:lnTo>
                        <a:pt x="51" y="113"/>
                      </a:lnTo>
                      <a:lnTo>
                        <a:pt x="51" y="115"/>
                      </a:lnTo>
                      <a:lnTo>
                        <a:pt x="44" y="122"/>
                      </a:lnTo>
                      <a:lnTo>
                        <a:pt x="37" y="130"/>
                      </a:lnTo>
                      <a:lnTo>
                        <a:pt x="35" y="132"/>
                      </a:lnTo>
                      <a:lnTo>
                        <a:pt x="32" y="132"/>
                      </a:lnTo>
                      <a:lnTo>
                        <a:pt x="29" y="134"/>
                      </a:lnTo>
                      <a:lnTo>
                        <a:pt x="27" y="135"/>
                      </a:lnTo>
                      <a:lnTo>
                        <a:pt x="23" y="137"/>
                      </a:lnTo>
                      <a:lnTo>
                        <a:pt x="22" y="137"/>
                      </a:lnTo>
                      <a:lnTo>
                        <a:pt x="27" y="130"/>
                      </a:lnTo>
                      <a:lnTo>
                        <a:pt x="29" y="127"/>
                      </a:lnTo>
                      <a:lnTo>
                        <a:pt x="30" y="122"/>
                      </a:lnTo>
                      <a:lnTo>
                        <a:pt x="29" y="120"/>
                      </a:lnTo>
                      <a:lnTo>
                        <a:pt x="27" y="117"/>
                      </a:lnTo>
                      <a:lnTo>
                        <a:pt x="25" y="117"/>
                      </a:lnTo>
                      <a:lnTo>
                        <a:pt x="23" y="115"/>
                      </a:lnTo>
                      <a:lnTo>
                        <a:pt x="23" y="117"/>
                      </a:lnTo>
                      <a:lnTo>
                        <a:pt x="23" y="115"/>
                      </a:lnTo>
                      <a:lnTo>
                        <a:pt x="23" y="113"/>
                      </a:lnTo>
                      <a:lnTo>
                        <a:pt x="23" y="112"/>
                      </a:lnTo>
                      <a:lnTo>
                        <a:pt x="22" y="108"/>
                      </a:lnTo>
                      <a:lnTo>
                        <a:pt x="22" y="107"/>
                      </a:lnTo>
                      <a:lnTo>
                        <a:pt x="22" y="105"/>
                      </a:lnTo>
                      <a:lnTo>
                        <a:pt x="25" y="100"/>
                      </a:lnTo>
                      <a:lnTo>
                        <a:pt x="25" y="93"/>
                      </a:lnTo>
                      <a:lnTo>
                        <a:pt x="22" y="88"/>
                      </a:lnTo>
                      <a:lnTo>
                        <a:pt x="17" y="83"/>
                      </a:lnTo>
                      <a:lnTo>
                        <a:pt x="12" y="80"/>
                      </a:lnTo>
                      <a:lnTo>
                        <a:pt x="7" y="74"/>
                      </a:lnTo>
                      <a:lnTo>
                        <a:pt x="3" y="73"/>
                      </a:lnTo>
                      <a:lnTo>
                        <a:pt x="1" y="73"/>
                      </a:lnTo>
                      <a:lnTo>
                        <a:pt x="0" y="51"/>
                      </a:lnTo>
                      <a:lnTo>
                        <a:pt x="276" y="24"/>
                      </a:lnTo>
                      <a:lnTo>
                        <a:pt x="293" y="56"/>
                      </a:lnTo>
                      <a:lnTo>
                        <a:pt x="572" y="37"/>
                      </a:lnTo>
                      <a:lnTo>
                        <a:pt x="582" y="59"/>
                      </a:lnTo>
                      <a:lnTo>
                        <a:pt x="597" y="59"/>
                      </a:lnTo>
                      <a:lnTo>
                        <a:pt x="597" y="58"/>
                      </a:lnTo>
                      <a:lnTo>
                        <a:pt x="595" y="54"/>
                      </a:lnTo>
                      <a:lnTo>
                        <a:pt x="595" y="51"/>
                      </a:lnTo>
                      <a:lnTo>
                        <a:pt x="595" y="46"/>
                      </a:lnTo>
                      <a:lnTo>
                        <a:pt x="594" y="41"/>
                      </a:lnTo>
                      <a:lnTo>
                        <a:pt x="594" y="36"/>
                      </a:lnTo>
                      <a:lnTo>
                        <a:pt x="594" y="32"/>
                      </a:lnTo>
                      <a:lnTo>
                        <a:pt x="594" y="30"/>
                      </a:lnTo>
                      <a:lnTo>
                        <a:pt x="589" y="22"/>
                      </a:lnTo>
                      <a:lnTo>
                        <a:pt x="589" y="14"/>
                      </a:lnTo>
                      <a:lnTo>
                        <a:pt x="589" y="8"/>
                      </a:lnTo>
                      <a:lnTo>
                        <a:pt x="592" y="5"/>
                      </a:lnTo>
                      <a:lnTo>
                        <a:pt x="595" y="2"/>
                      </a:lnTo>
                      <a:lnTo>
                        <a:pt x="597" y="0"/>
                      </a:lnTo>
                      <a:lnTo>
                        <a:pt x="600" y="0"/>
                      </a:lnTo>
                      <a:lnTo>
                        <a:pt x="602" y="0"/>
                      </a:lnTo>
                      <a:lnTo>
                        <a:pt x="607" y="3"/>
                      </a:lnTo>
                      <a:lnTo>
                        <a:pt x="616" y="5"/>
                      </a:lnTo>
                      <a:lnTo>
                        <a:pt x="622" y="7"/>
                      </a:lnTo>
                      <a:lnTo>
                        <a:pt x="629" y="8"/>
                      </a:lnTo>
                      <a:lnTo>
                        <a:pt x="636" y="8"/>
                      </a:lnTo>
                      <a:lnTo>
                        <a:pt x="639" y="8"/>
                      </a:lnTo>
                      <a:lnTo>
                        <a:pt x="643" y="8"/>
                      </a:lnTo>
                      <a:lnTo>
                        <a:pt x="644" y="8"/>
                      </a:lnTo>
                      <a:lnTo>
                        <a:pt x="650" y="14"/>
                      </a:lnTo>
                    </a:path>
                  </a:pathLst>
                </a:custGeom>
                <a:solidFill>
                  <a:srgbClr val="C0000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72" name="Freeform 19"/>
                <p:cNvSpPr>
                  <a:spLocks/>
                </p:cNvSpPr>
                <p:nvPr/>
              </p:nvSpPr>
              <p:spPr bwMode="auto">
                <a:xfrm>
                  <a:off x="4568" y="3099"/>
                  <a:ext cx="95" cy="174"/>
                </a:xfrm>
                <a:custGeom>
                  <a:avLst/>
                  <a:gdLst>
                    <a:gd name="T0" fmla="*/ 34 w 95"/>
                    <a:gd name="T1" fmla="*/ 32 h 174"/>
                    <a:gd name="T2" fmla="*/ 0 w 95"/>
                    <a:gd name="T3" fmla="*/ 0 h 174"/>
                    <a:gd name="T4" fmla="*/ 2 w 95"/>
                    <a:gd name="T5" fmla="*/ 7 h 174"/>
                    <a:gd name="T6" fmla="*/ 29 w 95"/>
                    <a:gd name="T7" fmla="*/ 37 h 174"/>
                    <a:gd name="T8" fmla="*/ 27 w 95"/>
                    <a:gd name="T9" fmla="*/ 40 h 174"/>
                    <a:gd name="T10" fmla="*/ 25 w 95"/>
                    <a:gd name="T11" fmla="*/ 40 h 174"/>
                    <a:gd name="T12" fmla="*/ 24 w 95"/>
                    <a:gd name="T13" fmla="*/ 39 h 174"/>
                    <a:gd name="T14" fmla="*/ 20 w 95"/>
                    <a:gd name="T15" fmla="*/ 39 h 174"/>
                    <a:gd name="T16" fmla="*/ 17 w 95"/>
                    <a:gd name="T17" fmla="*/ 37 h 174"/>
                    <a:gd name="T18" fmla="*/ 15 w 95"/>
                    <a:gd name="T19" fmla="*/ 37 h 174"/>
                    <a:gd name="T20" fmla="*/ 15 w 95"/>
                    <a:gd name="T21" fmla="*/ 39 h 174"/>
                    <a:gd name="T22" fmla="*/ 17 w 95"/>
                    <a:gd name="T23" fmla="*/ 42 h 174"/>
                    <a:gd name="T24" fmla="*/ 24 w 95"/>
                    <a:gd name="T25" fmla="*/ 49 h 174"/>
                    <a:gd name="T26" fmla="*/ 25 w 95"/>
                    <a:gd name="T27" fmla="*/ 49 h 174"/>
                    <a:gd name="T28" fmla="*/ 29 w 95"/>
                    <a:gd name="T29" fmla="*/ 49 h 174"/>
                    <a:gd name="T30" fmla="*/ 32 w 95"/>
                    <a:gd name="T31" fmla="*/ 47 h 174"/>
                    <a:gd name="T32" fmla="*/ 34 w 95"/>
                    <a:gd name="T33" fmla="*/ 45 h 174"/>
                    <a:gd name="T34" fmla="*/ 34 w 95"/>
                    <a:gd name="T35" fmla="*/ 45 h 174"/>
                    <a:gd name="T36" fmla="*/ 36 w 95"/>
                    <a:gd name="T37" fmla="*/ 45 h 174"/>
                    <a:gd name="T38" fmla="*/ 37 w 95"/>
                    <a:gd name="T39" fmla="*/ 47 h 174"/>
                    <a:gd name="T40" fmla="*/ 39 w 95"/>
                    <a:gd name="T41" fmla="*/ 49 h 174"/>
                    <a:gd name="T42" fmla="*/ 41 w 95"/>
                    <a:gd name="T43" fmla="*/ 54 h 174"/>
                    <a:gd name="T44" fmla="*/ 41 w 95"/>
                    <a:gd name="T45" fmla="*/ 61 h 174"/>
                    <a:gd name="T46" fmla="*/ 42 w 95"/>
                    <a:gd name="T47" fmla="*/ 73 h 174"/>
                    <a:gd name="T48" fmla="*/ 42 w 95"/>
                    <a:gd name="T49" fmla="*/ 89 h 174"/>
                    <a:gd name="T50" fmla="*/ 42 w 95"/>
                    <a:gd name="T51" fmla="*/ 91 h 174"/>
                    <a:gd name="T52" fmla="*/ 44 w 95"/>
                    <a:gd name="T53" fmla="*/ 93 h 174"/>
                    <a:gd name="T54" fmla="*/ 46 w 95"/>
                    <a:gd name="T55" fmla="*/ 96 h 174"/>
                    <a:gd name="T56" fmla="*/ 47 w 95"/>
                    <a:gd name="T57" fmla="*/ 101 h 174"/>
                    <a:gd name="T58" fmla="*/ 47 w 95"/>
                    <a:gd name="T59" fmla="*/ 105 h 174"/>
                    <a:gd name="T60" fmla="*/ 49 w 95"/>
                    <a:gd name="T61" fmla="*/ 108 h 174"/>
                    <a:gd name="T62" fmla="*/ 51 w 95"/>
                    <a:gd name="T63" fmla="*/ 110 h 174"/>
                    <a:gd name="T64" fmla="*/ 51 w 95"/>
                    <a:gd name="T65" fmla="*/ 111 h 174"/>
                    <a:gd name="T66" fmla="*/ 69 w 95"/>
                    <a:gd name="T67" fmla="*/ 135 h 174"/>
                    <a:gd name="T68" fmla="*/ 88 w 95"/>
                    <a:gd name="T69" fmla="*/ 174 h 174"/>
                    <a:gd name="T70" fmla="*/ 95 w 95"/>
                    <a:gd name="T71" fmla="*/ 171 h 174"/>
                    <a:gd name="T72" fmla="*/ 73 w 95"/>
                    <a:gd name="T73" fmla="*/ 133 h 174"/>
                    <a:gd name="T74" fmla="*/ 73 w 95"/>
                    <a:gd name="T75" fmla="*/ 132 h 174"/>
                    <a:gd name="T76" fmla="*/ 71 w 95"/>
                    <a:gd name="T77" fmla="*/ 132 h 174"/>
                    <a:gd name="T78" fmla="*/ 69 w 95"/>
                    <a:gd name="T79" fmla="*/ 130 h 174"/>
                    <a:gd name="T80" fmla="*/ 68 w 95"/>
                    <a:gd name="T81" fmla="*/ 127 h 174"/>
                    <a:gd name="T82" fmla="*/ 66 w 95"/>
                    <a:gd name="T83" fmla="*/ 123 h 174"/>
                    <a:gd name="T84" fmla="*/ 63 w 95"/>
                    <a:gd name="T85" fmla="*/ 120 h 174"/>
                    <a:gd name="T86" fmla="*/ 61 w 95"/>
                    <a:gd name="T87" fmla="*/ 117 h 174"/>
                    <a:gd name="T88" fmla="*/ 58 w 95"/>
                    <a:gd name="T89" fmla="*/ 111 h 174"/>
                    <a:gd name="T90" fmla="*/ 56 w 95"/>
                    <a:gd name="T91" fmla="*/ 106 h 174"/>
                    <a:gd name="T92" fmla="*/ 52 w 95"/>
                    <a:gd name="T93" fmla="*/ 101 h 174"/>
                    <a:gd name="T94" fmla="*/ 51 w 95"/>
                    <a:gd name="T95" fmla="*/ 96 h 174"/>
                    <a:gd name="T96" fmla="*/ 49 w 95"/>
                    <a:gd name="T97" fmla="*/ 89 h 174"/>
                    <a:gd name="T98" fmla="*/ 47 w 95"/>
                    <a:gd name="T99" fmla="*/ 83 h 174"/>
                    <a:gd name="T100" fmla="*/ 47 w 95"/>
                    <a:gd name="T101" fmla="*/ 78 h 174"/>
                    <a:gd name="T102" fmla="*/ 47 w 95"/>
                    <a:gd name="T103" fmla="*/ 71 h 174"/>
                    <a:gd name="T104" fmla="*/ 49 w 95"/>
                    <a:gd name="T105" fmla="*/ 64 h 174"/>
                    <a:gd name="T106" fmla="*/ 49 w 95"/>
                    <a:gd name="T107" fmla="*/ 62 h 174"/>
                    <a:gd name="T108" fmla="*/ 49 w 95"/>
                    <a:gd name="T109" fmla="*/ 61 h 174"/>
                    <a:gd name="T110" fmla="*/ 47 w 95"/>
                    <a:gd name="T111" fmla="*/ 57 h 174"/>
                    <a:gd name="T112" fmla="*/ 47 w 95"/>
                    <a:gd name="T113" fmla="*/ 54 h 174"/>
                    <a:gd name="T114" fmla="*/ 46 w 95"/>
                    <a:gd name="T115" fmla="*/ 52 h 174"/>
                    <a:gd name="T116" fmla="*/ 46 w 95"/>
                    <a:gd name="T117" fmla="*/ 49 h 174"/>
                    <a:gd name="T118" fmla="*/ 44 w 95"/>
                    <a:gd name="T119" fmla="*/ 47 h 174"/>
                    <a:gd name="T120" fmla="*/ 44 w 95"/>
                    <a:gd name="T121" fmla="*/ 47 h 174"/>
                    <a:gd name="T122" fmla="*/ 39 w 95"/>
                    <a:gd name="T123" fmla="*/ 39 h 174"/>
                    <a:gd name="T124" fmla="*/ 34 w 95"/>
                    <a:gd name="T125" fmla="*/ 32 h 174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60000 65536"/>
                    <a:gd name="T187" fmla="*/ 0 60000 65536"/>
                    <a:gd name="T188" fmla="*/ 0 60000 65536"/>
                    <a:gd name="T189" fmla="*/ 0 w 95"/>
                    <a:gd name="T190" fmla="*/ 0 h 174"/>
                    <a:gd name="T191" fmla="*/ 95 w 95"/>
                    <a:gd name="T192" fmla="*/ 174 h 174"/>
                  </a:gdLst>
                  <a:ahLst/>
                  <a:cxnLst>
                    <a:cxn ang="T126">
                      <a:pos x="T0" y="T1"/>
                    </a:cxn>
                    <a:cxn ang="T127">
                      <a:pos x="T2" y="T3"/>
                    </a:cxn>
                    <a:cxn ang="T128">
                      <a:pos x="T4" y="T5"/>
                    </a:cxn>
                    <a:cxn ang="T129">
                      <a:pos x="T6" y="T7"/>
                    </a:cxn>
                    <a:cxn ang="T130">
                      <a:pos x="T8" y="T9"/>
                    </a:cxn>
                    <a:cxn ang="T131">
                      <a:pos x="T10" y="T11"/>
                    </a:cxn>
                    <a:cxn ang="T132">
                      <a:pos x="T12" y="T13"/>
                    </a:cxn>
                    <a:cxn ang="T133">
                      <a:pos x="T14" y="T15"/>
                    </a:cxn>
                    <a:cxn ang="T134">
                      <a:pos x="T16" y="T17"/>
                    </a:cxn>
                    <a:cxn ang="T135">
                      <a:pos x="T18" y="T19"/>
                    </a:cxn>
                    <a:cxn ang="T136">
                      <a:pos x="T20" y="T21"/>
                    </a:cxn>
                    <a:cxn ang="T137">
                      <a:pos x="T22" y="T23"/>
                    </a:cxn>
                    <a:cxn ang="T138">
                      <a:pos x="T24" y="T25"/>
                    </a:cxn>
                    <a:cxn ang="T139">
                      <a:pos x="T26" y="T27"/>
                    </a:cxn>
                    <a:cxn ang="T140">
                      <a:pos x="T28" y="T29"/>
                    </a:cxn>
                    <a:cxn ang="T141">
                      <a:pos x="T30" y="T31"/>
                    </a:cxn>
                    <a:cxn ang="T142">
                      <a:pos x="T32" y="T33"/>
                    </a:cxn>
                    <a:cxn ang="T143">
                      <a:pos x="T34" y="T35"/>
                    </a:cxn>
                    <a:cxn ang="T144">
                      <a:pos x="T36" y="T37"/>
                    </a:cxn>
                    <a:cxn ang="T145">
                      <a:pos x="T38" y="T39"/>
                    </a:cxn>
                    <a:cxn ang="T146">
                      <a:pos x="T40" y="T41"/>
                    </a:cxn>
                    <a:cxn ang="T147">
                      <a:pos x="T42" y="T43"/>
                    </a:cxn>
                    <a:cxn ang="T148">
                      <a:pos x="T44" y="T45"/>
                    </a:cxn>
                    <a:cxn ang="T149">
                      <a:pos x="T46" y="T47"/>
                    </a:cxn>
                    <a:cxn ang="T150">
                      <a:pos x="T48" y="T49"/>
                    </a:cxn>
                    <a:cxn ang="T151">
                      <a:pos x="T50" y="T51"/>
                    </a:cxn>
                    <a:cxn ang="T152">
                      <a:pos x="T52" y="T53"/>
                    </a:cxn>
                    <a:cxn ang="T153">
                      <a:pos x="T54" y="T55"/>
                    </a:cxn>
                    <a:cxn ang="T154">
                      <a:pos x="T56" y="T57"/>
                    </a:cxn>
                    <a:cxn ang="T155">
                      <a:pos x="T58" y="T59"/>
                    </a:cxn>
                    <a:cxn ang="T156">
                      <a:pos x="T60" y="T61"/>
                    </a:cxn>
                    <a:cxn ang="T157">
                      <a:pos x="T62" y="T63"/>
                    </a:cxn>
                    <a:cxn ang="T158">
                      <a:pos x="T64" y="T65"/>
                    </a:cxn>
                    <a:cxn ang="T159">
                      <a:pos x="T66" y="T67"/>
                    </a:cxn>
                    <a:cxn ang="T160">
                      <a:pos x="T68" y="T69"/>
                    </a:cxn>
                    <a:cxn ang="T161">
                      <a:pos x="T70" y="T71"/>
                    </a:cxn>
                    <a:cxn ang="T162">
                      <a:pos x="T72" y="T73"/>
                    </a:cxn>
                    <a:cxn ang="T163">
                      <a:pos x="T74" y="T75"/>
                    </a:cxn>
                    <a:cxn ang="T164">
                      <a:pos x="T76" y="T77"/>
                    </a:cxn>
                    <a:cxn ang="T165">
                      <a:pos x="T78" y="T79"/>
                    </a:cxn>
                    <a:cxn ang="T166">
                      <a:pos x="T80" y="T81"/>
                    </a:cxn>
                    <a:cxn ang="T167">
                      <a:pos x="T82" y="T83"/>
                    </a:cxn>
                    <a:cxn ang="T168">
                      <a:pos x="T84" y="T85"/>
                    </a:cxn>
                    <a:cxn ang="T169">
                      <a:pos x="T86" y="T87"/>
                    </a:cxn>
                    <a:cxn ang="T170">
                      <a:pos x="T88" y="T89"/>
                    </a:cxn>
                    <a:cxn ang="T171">
                      <a:pos x="T90" y="T91"/>
                    </a:cxn>
                    <a:cxn ang="T172">
                      <a:pos x="T92" y="T93"/>
                    </a:cxn>
                    <a:cxn ang="T173">
                      <a:pos x="T94" y="T95"/>
                    </a:cxn>
                    <a:cxn ang="T174">
                      <a:pos x="T96" y="T97"/>
                    </a:cxn>
                    <a:cxn ang="T175">
                      <a:pos x="T98" y="T99"/>
                    </a:cxn>
                    <a:cxn ang="T176">
                      <a:pos x="T100" y="T101"/>
                    </a:cxn>
                    <a:cxn ang="T177">
                      <a:pos x="T102" y="T103"/>
                    </a:cxn>
                    <a:cxn ang="T178">
                      <a:pos x="T104" y="T105"/>
                    </a:cxn>
                    <a:cxn ang="T179">
                      <a:pos x="T106" y="T107"/>
                    </a:cxn>
                    <a:cxn ang="T180">
                      <a:pos x="T108" y="T109"/>
                    </a:cxn>
                    <a:cxn ang="T181">
                      <a:pos x="T110" y="T111"/>
                    </a:cxn>
                    <a:cxn ang="T182">
                      <a:pos x="T112" y="T113"/>
                    </a:cxn>
                    <a:cxn ang="T183">
                      <a:pos x="T114" y="T115"/>
                    </a:cxn>
                    <a:cxn ang="T184">
                      <a:pos x="T116" y="T117"/>
                    </a:cxn>
                    <a:cxn ang="T185">
                      <a:pos x="T118" y="T119"/>
                    </a:cxn>
                    <a:cxn ang="T186">
                      <a:pos x="T120" y="T121"/>
                    </a:cxn>
                    <a:cxn ang="T187">
                      <a:pos x="T122" y="T123"/>
                    </a:cxn>
                    <a:cxn ang="T188">
                      <a:pos x="T124" y="T125"/>
                    </a:cxn>
                  </a:cxnLst>
                  <a:rect l="T189" t="T190" r="T191" b="T192"/>
                  <a:pathLst>
                    <a:path w="95" h="174">
                      <a:moveTo>
                        <a:pt x="34" y="32"/>
                      </a:moveTo>
                      <a:lnTo>
                        <a:pt x="0" y="0"/>
                      </a:lnTo>
                      <a:lnTo>
                        <a:pt x="2" y="7"/>
                      </a:lnTo>
                      <a:lnTo>
                        <a:pt x="29" y="37"/>
                      </a:lnTo>
                      <a:lnTo>
                        <a:pt x="27" y="40"/>
                      </a:lnTo>
                      <a:lnTo>
                        <a:pt x="25" y="40"/>
                      </a:lnTo>
                      <a:lnTo>
                        <a:pt x="24" y="39"/>
                      </a:lnTo>
                      <a:lnTo>
                        <a:pt x="20" y="39"/>
                      </a:lnTo>
                      <a:lnTo>
                        <a:pt x="17" y="37"/>
                      </a:lnTo>
                      <a:lnTo>
                        <a:pt x="15" y="37"/>
                      </a:lnTo>
                      <a:lnTo>
                        <a:pt x="15" y="39"/>
                      </a:lnTo>
                      <a:lnTo>
                        <a:pt x="17" y="42"/>
                      </a:lnTo>
                      <a:lnTo>
                        <a:pt x="24" y="49"/>
                      </a:lnTo>
                      <a:lnTo>
                        <a:pt x="25" y="49"/>
                      </a:lnTo>
                      <a:lnTo>
                        <a:pt x="29" y="49"/>
                      </a:lnTo>
                      <a:lnTo>
                        <a:pt x="32" y="47"/>
                      </a:lnTo>
                      <a:lnTo>
                        <a:pt x="34" y="45"/>
                      </a:lnTo>
                      <a:lnTo>
                        <a:pt x="36" y="45"/>
                      </a:lnTo>
                      <a:lnTo>
                        <a:pt x="37" y="47"/>
                      </a:lnTo>
                      <a:lnTo>
                        <a:pt x="39" y="49"/>
                      </a:lnTo>
                      <a:lnTo>
                        <a:pt x="41" y="54"/>
                      </a:lnTo>
                      <a:lnTo>
                        <a:pt x="41" y="61"/>
                      </a:lnTo>
                      <a:lnTo>
                        <a:pt x="42" y="73"/>
                      </a:lnTo>
                      <a:lnTo>
                        <a:pt x="42" y="89"/>
                      </a:lnTo>
                      <a:lnTo>
                        <a:pt x="42" y="91"/>
                      </a:lnTo>
                      <a:lnTo>
                        <a:pt x="44" y="93"/>
                      </a:lnTo>
                      <a:lnTo>
                        <a:pt x="46" y="96"/>
                      </a:lnTo>
                      <a:lnTo>
                        <a:pt x="47" y="101"/>
                      </a:lnTo>
                      <a:lnTo>
                        <a:pt x="47" y="105"/>
                      </a:lnTo>
                      <a:lnTo>
                        <a:pt x="49" y="108"/>
                      </a:lnTo>
                      <a:lnTo>
                        <a:pt x="51" y="110"/>
                      </a:lnTo>
                      <a:lnTo>
                        <a:pt x="51" y="111"/>
                      </a:lnTo>
                      <a:lnTo>
                        <a:pt x="69" y="135"/>
                      </a:lnTo>
                      <a:lnTo>
                        <a:pt x="88" y="174"/>
                      </a:lnTo>
                      <a:lnTo>
                        <a:pt x="95" y="171"/>
                      </a:lnTo>
                      <a:lnTo>
                        <a:pt x="73" y="133"/>
                      </a:lnTo>
                      <a:lnTo>
                        <a:pt x="73" y="132"/>
                      </a:lnTo>
                      <a:lnTo>
                        <a:pt x="71" y="132"/>
                      </a:lnTo>
                      <a:lnTo>
                        <a:pt x="69" y="130"/>
                      </a:lnTo>
                      <a:lnTo>
                        <a:pt x="68" y="127"/>
                      </a:lnTo>
                      <a:lnTo>
                        <a:pt x="66" y="123"/>
                      </a:lnTo>
                      <a:lnTo>
                        <a:pt x="63" y="120"/>
                      </a:lnTo>
                      <a:lnTo>
                        <a:pt x="61" y="117"/>
                      </a:lnTo>
                      <a:lnTo>
                        <a:pt x="58" y="111"/>
                      </a:lnTo>
                      <a:lnTo>
                        <a:pt x="56" y="106"/>
                      </a:lnTo>
                      <a:lnTo>
                        <a:pt x="52" y="101"/>
                      </a:lnTo>
                      <a:lnTo>
                        <a:pt x="51" y="96"/>
                      </a:lnTo>
                      <a:lnTo>
                        <a:pt x="49" y="89"/>
                      </a:lnTo>
                      <a:lnTo>
                        <a:pt x="47" y="83"/>
                      </a:lnTo>
                      <a:lnTo>
                        <a:pt x="47" y="78"/>
                      </a:lnTo>
                      <a:lnTo>
                        <a:pt x="47" y="71"/>
                      </a:lnTo>
                      <a:lnTo>
                        <a:pt x="49" y="64"/>
                      </a:lnTo>
                      <a:lnTo>
                        <a:pt x="49" y="62"/>
                      </a:lnTo>
                      <a:lnTo>
                        <a:pt x="49" y="61"/>
                      </a:lnTo>
                      <a:lnTo>
                        <a:pt x="47" y="57"/>
                      </a:lnTo>
                      <a:lnTo>
                        <a:pt x="47" y="54"/>
                      </a:lnTo>
                      <a:lnTo>
                        <a:pt x="46" y="52"/>
                      </a:lnTo>
                      <a:lnTo>
                        <a:pt x="46" y="49"/>
                      </a:lnTo>
                      <a:lnTo>
                        <a:pt x="44" y="47"/>
                      </a:lnTo>
                      <a:lnTo>
                        <a:pt x="39" y="39"/>
                      </a:lnTo>
                      <a:lnTo>
                        <a:pt x="34" y="32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73" name="Freeform 20"/>
                <p:cNvSpPr>
                  <a:spLocks/>
                </p:cNvSpPr>
                <p:nvPr/>
              </p:nvSpPr>
              <p:spPr bwMode="auto">
                <a:xfrm>
                  <a:off x="4568" y="3099"/>
                  <a:ext cx="95" cy="174"/>
                </a:xfrm>
                <a:custGeom>
                  <a:avLst/>
                  <a:gdLst>
                    <a:gd name="T0" fmla="*/ 0 w 95"/>
                    <a:gd name="T1" fmla="*/ 0 h 174"/>
                    <a:gd name="T2" fmla="*/ 29 w 95"/>
                    <a:gd name="T3" fmla="*/ 37 h 174"/>
                    <a:gd name="T4" fmla="*/ 27 w 95"/>
                    <a:gd name="T5" fmla="*/ 40 h 174"/>
                    <a:gd name="T6" fmla="*/ 24 w 95"/>
                    <a:gd name="T7" fmla="*/ 39 h 174"/>
                    <a:gd name="T8" fmla="*/ 17 w 95"/>
                    <a:gd name="T9" fmla="*/ 37 h 174"/>
                    <a:gd name="T10" fmla="*/ 15 w 95"/>
                    <a:gd name="T11" fmla="*/ 39 h 174"/>
                    <a:gd name="T12" fmla="*/ 24 w 95"/>
                    <a:gd name="T13" fmla="*/ 49 h 174"/>
                    <a:gd name="T14" fmla="*/ 25 w 95"/>
                    <a:gd name="T15" fmla="*/ 49 h 174"/>
                    <a:gd name="T16" fmla="*/ 32 w 95"/>
                    <a:gd name="T17" fmla="*/ 47 h 174"/>
                    <a:gd name="T18" fmla="*/ 34 w 95"/>
                    <a:gd name="T19" fmla="*/ 45 h 174"/>
                    <a:gd name="T20" fmla="*/ 36 w 95"/>
                    <a:gd name="T21" fmla="*/ 45 h 174"/>
                    <a:gd name="T22" fmla="*/ 39 w 95"/>
                    <a:gd name="T23" fmla="*/ 49 h 174"/>
                    <a:gd name="T24" fmla="*/ 41 w 95"/>
                    <a:gd name="T25" fmla="*/ 61 h 174"/>
                    <a:gd name="T26" fmla="*/ 42 w 95"/>
                    <a:gd name="T27" fmla="*/ 89 h 174"/>
                    <a:gd name="T28" fmla="*/ 42 w 95"/>
                    <a:gd name="T29" fmla="*/ 91 h 174"/>
                    <a:gd name="T30" fmla="*/ 46 w 95"/>
                    <a:gd name="T31" fmla="*/ 96 h 174"/>
                    <a:gd name="T32" fmla="*/ 47 w 95"/>
                    <a:gd name="T33" fmla="*/ 105 h 174"/>
                    <a:gd name="T34" fmla="*/ 51 w 95"/>
                    <a:gd name="T35" fmla="*/ 110 h 174"/>
                    <a:gd name="T36" fmla="*/ 69 w 95"/>
                    <a:gd name="T37" fmla="*/ 135 h 174"/>
                    <a:gd name="T38" fmla="*/ 95 w 95"/>
                    <a:gd name="T39" fmla="*/ 171 h 174"/>
                    <a:gd name="T40" fmla="*/ 73 w 95"/>
                    <a:gd name="T41" fmla="*/ 133 h 174"/>
                    <a:gd name="T42" fmla="*/ 71 w 95"/>
                    <a:gd name="T43" fmla="*/ 132 h 174"/>
                    <a:gd name="T44" fmla="*/ 68 w 95"/>
                    <a:gd name="T45" fmla="*/ 127 h 174"/>
                    <a:gd name="T46" fmla="*/ 63 w 95"/>
                    <a:gd name="T47" fmla="*/ 120 h 174"/>
                    <a:gd name="T48" fmla="*/ 58 w 95"/>
                    <a:gd name="T49" fmla="*/ 111 h 174"/>
                    <a:gd name="T50" fmla="*/ 52 w 95"/>
                    <a:gd name="T51" fmla="*/ 101 h 174"/>
                    <a:gd name="T52" fmla="*/ 49 w 95"/>
                    <a:gd name="T53" fmla="*/ 89 h 174"/>
                    <a:gd name="T54" fmla="*/ 47 w 95"/>
                    <a:gd name="T55" fmla="*/ 78 h 174"/>
                    <a:gd name="T56" fmla="*/ 49 w 95"/>
                    <a:gd name="T57" fmla="*/ 64 h 174"/>
                    <a:gd name="T58" fmla="*/ 49 w 95"/>
                    <a:gd name="T59" fmla="*/ 62 h 174"/>
                    <a:gd name="T60" fmla="*/ 47 w 95"/>
                    <a:gd name="T61" fmla="*/ 57 h 174"/>
                    <a:gd name="T62" fmla="*/ 46 w 95"/>
                    <a:gd name="T63" fmla="*/ 52 h 174"/>
                    <a:gd name="T64" fmla="*/ 44 w 95"/>
                    <a:gd name="T65" fmla="*/ 47 h 174"/>
                    <a:gd name="T66" fmla="*/ 39 w 95"/>
                    <a:gd name="T67" fmla="*/ 39 h 174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w 95"/>
                    <a:gd name="T103" fmla="*/ 0 h 174"/>
                    <a:gd name="T104" fmla="*/ 95 w 95"/>
                    <a:gd name="T105" fmla="*/ 174 h 174"/>
                  </a:gdLst>
                  <a:ahLst/>
                  <a:cxnLst>
                    <a:cxn ang="T68">
                      <a:pos x="T0" y="T1"/>
                    </a:cxn>
                    <a:cxn ang="T69">
                      <a:pos x="T2" y="T3"/>
                    </a:cxn>
                    <a:cxn ang="T70">
                      <a:pos x="T4" y="T5"/>
                    </a:cxn>
                    <a:cxn ang="T71">
                      <a:pos x="T6" y="T7"/>
                    </a:cxn>
                    <a:cxn ang="T72">
                      <a:pos x="T8" y="T9"/>
                    </a:cxn>
                    <a:cxn ang="T73">
                      <a:pos x="T10" y="T11"/>
                    </a:cxn>
                    <a:cxn ang="T74">
                      <a:pos x="T12" y="T13"/>
                    </a:cxn>
                    <a:cxn ang="T75">
                      <a:pos x="T14" y="T15"/>
                    </a:cxn>
                    <a:cxn ang="T76">
                      <a:pos x="T16" y="T17"/>
                    </a:cxn>
                    <a:cxn ang="T77">
                      <a:pos x="T18" y="T19"/>
                    </a:cxn>
                    <a:cxn ang="T78">
                      <a:pos x="T20" y="T21"/>
                    </a:cxn>
                    <a:cxn ang="T79">
                      <a:pos x="T22" y="T23"/>
                    </a:cxn>
                    <a:cxn ang="T80">
                      <a:pos x="T24" y="T25"/>
                    </a:cxn>
                    <a:cxn ang="T81">
                      <a:pos x="T26" y="T27"/>
                    </a:cxn>
                    <a:cxn ang="T82">
                      <a:pos x="T28" y="T29"/>
                    </a:cxn>
                    <a:cxn ang="T83">
                      <a:pos x="T30" y="T31"/>
                    </a:cxn>
                    <a:cxn ang="T84">
                      <a:pos x="T32" y="T33"/>
                    </a:cxn>
                    <a:cxn ang="T85">
                      <a:pos x="T34" y="T35"/>
                    </a:cxn>
                    <a:cxn ang="T86">
                      <a:pos x="T36" y="T37"/>
                    </a:cxn>
                    <a:cxn ang="T87">
                      <a:pos x="T38" y="T39"/>
                    </a:cxn>
                    <a:cxn ang="T88">
                      <a:pos x="T40" y="T41"/>
                    </a:cxn>
                    <a:cxn ang="T89">
                      <a:pos x="T42" y="T43"/>
                    </a:cxn>
                    <a:cxn ang="T90">
                      <a:pos x="T44" y="T45"/>
                    </a:cxn>
                    <a:cxn ang="T91">
                      <a:pos x="T46" y="T47"/>
                    </a:cxn>
                    <a:cxn ang="T92">
                      <a:pos x="T48" y="T49"/>
                    </a:cxn>
                    <a:cxn ang="T93">
                      <a:pos x="T50" y="T51"/>
                    </a:cxn>
                    <a:cxn ang="T94">
                      <a:pos x="T52" y="T53"/>
                    </a:cxn>
                    <a:cxn ang="T95">
                      <a:pos x="T54" y="T55"/>
                    </a:cxn>
                    <a:cxn ang="T96">
                      <a:pos x="T56" y="T57"/>
                    </a:cxn>
                    <a:cxn ang="T97">
                      <a:pos x="T58" y="T59"/>
                    </a:cxn>
                    <a:cxn ang="T98">
                      <a:pos x="T60" y="T61"/>
                    </a:cxn>
                    <a:cxn ang="T99">
                      <a:pos x="T62" y="T63"/>
                    </a:cxn>
                    <a:cxn ang="T100">
                      <a:pos x="T64" y="T65"/>
                    </a:cxn>
                    <a:cxn ang="T101">
                      <a:pos x="T66" y="T67"/>
                    </a:cxn>
                  </a:cxnLst>
                  <a:rect l="T102" t="T103" r="T104" b="T105"/>
                  <a:pathLst>
                    <a:path w="95" h="174">
                      <a:moveTo>
                        <a:pt x="34" y="32"/>
                      </a:moveTo>
                      <a:lnTo>
                        <a:pt x="0" y="0"/>
                      </a:lnTo>
                      <a:lnTo>
                        <a:pt x="2" y="7"/>
                      </a:lnTo>
                      <a:lnTo>
                        <a:pt x="29" y="37"/>
                      </a:lnTo>
                      <a:lnTo>
                        <a:pt x="27" y="40"/>
                      </a:lnTo>
                      <a:lnTo>
                        <a:pt x="25" y="40"/>
                      </a:lnTo>
                      <a:lnTo>
                        <a:pt x="24" y="39"/>
                      </a:lnTo>
                      <a:lnTo>
                        <a:pt x="20" y="39"/>
                      </a:lnTo>
                      <a:lnTo>
                        <a:pt x="17" y="37"/>
                      </a:lnTo>
                      <a:lnTo>
                        <a:pt x="15" y="37"/>
                      </a:lnTo>
                      <a:lnTo>
                        <a:pt x="15" y="39"/>
                      </a:lnTo>
                      <a:lnTo>
                        <a:pt x="17" y="42"/>
                      </a:lnTo>
                      <a:lnTo>
                        <a:pt x="24" y="49"/>
                      </a:lnTo>
                      <a:lnTo>
                        <a:pt x="25" y="49"/>
                      </a:lnTo>
                      <a:lnTo>
                        <a:pt x="29" y="49"/>
                      </a:lnTo>
                      <a:lnTo>
                        <a:pt x="32" y="47"/>
                      </a:lnTo>
                      <a:lnTo>
                        <a:pt x="34" y="45"/>
                      </a:lnTo>
                      <a:lnTo>
                        <a:pt x="36" y="45"/>
                      </a:lnTo>
                      <a:lnTo>
                        <a:pt x="37" y="47"/>
                      </a:lnTo>
                      <a:lnTo>
                        <a:pt x="39" y="49"/>
                      </a:lnTo>
                      <a:lnTo>
                        <a:pt x="41" y="54"/>
                      </a:lnTo>
                      <a:lnTo>
                        <a:pt x="41" y="61"/>
                      </a:lnTo>
                      <a:lnTo>
                        <a:pt x="42" y="73"/>
                      </a:lnTo>
                      <a:lnTo>
                        <a:pt x="42" y="89"/>
                      </a:lnTo>
                      <a:lnTo>
                        <a:pt x="42" y="91"/>
                      </a:lnTo>
                      <a:lnTo>
                        <a:pt x="44" y="93"/>
                      </a:lnTo>
                      <a:lnTo>
                        <a:pt x="46" y="96"/>
                      </a:lnTo>
                      <a:lnTo>
                        <a:pt x="47" y="101"/>
                      </a:lnTo>
                      <a:lnTo>
                        <a:pt x="47" y="105"/>
                      </a:lnTo>
                      <a:lnTo>
                        <a:pt x="49" y="108"/>
                      </a:lnTo>
                      <a:lnTo>
                        <a:pt x="51" y="110"/>
                      </a:lnTo>
                      <a:lnTo>
                        <a:pt x="51" y="111"/>
                      </a:lnTo>
                      <a:lnTo>
                        <a:pt x="69" y="135"/>
                      </a:lnTo>
                      <a:lnTo>
                        <a:pt x="88" y="174"/>
                      </a:lnTo>
                      <a:lnTo>
                        <a:pt x="95" y="171"/>
                      </a:lnTo>
                      <a:lnTo>
                        <a:pt x="73" y="133"/>
                      </a:lnTo>
                      <a:lnTo>
                        <a:pt x="73" y="132"/>
                      </a:lnTo>
                      <a:lnTo>
                        <a:pt x="71" y="132"/>
                      </a:lnTo>
                      <a:lnTo>
                        <a:pt x="69" y="130"/>
                      </a:lnTo>
                      <a:lnTo>
                        <a:pt x="68" y="127"/>
                      </a:lnTo>
                      <a:lnTo>
                        <a:pt x="66" y="123"/>
                      </a:lnTo>
                      <a:lnTo>
                        <a:pt x="63" y="120"/>
                      </a:lnTo>
                      <a:lnTo>
                        <a:pt x="61" y="117"/>
                      </a:lnTo>
                      <a:lnTo>
                        <a:pt x="58" y="111"/>
                      </a:lnTo>
                      <a:lnTo>
                        <a:pt x="56" y="106"/>
                      </a:lnTo>
                      <a:lnTo>
                        <a:pt x="52" y="101"/>
                      </a:lnTo>
                      <a:lnTo>
                        <a:pt x="51" y="96"/>
                      </a:lnTo>
                      <a:lnTo>
                        <a:pt x="49" y="89"/>
                      </a:lnTo>
                      <a:lnTo>
                        <a:pt x="47" y="83"/>
                      </a:lnTo>
                      <a:lnTo>
                        <a:pt x="47" y="78"/>
                      </a:lnTo>
                      <a:lnTo>
                        <a:pt x="47" y="71"/>
                      </a:lnTo>
                      <a:lnTo>
                        <a:pt x="49" y="64"/>
                      </a:lnTo>
                      <a:lnTo>
                        <a:pt x="49" y="62"/>
                      </a:lnTo>
                      <a:lnTo>
                        <a:pt x="49" y="61"/>
                      </a:lnTo>
                      <a:lnTo>
                        <a:pt x="47" y="57"/>
                      </a:lnTo>
                      <a:lnTo>
                        <a:pt x="47" y="54"/>
                      </a:lnTo>
                      <a:lnTo>
                        <a:pt x="46" y="52"/>
                      </a:lnTo>
                      <a:lnTo>
                        <a:pt x="46" y="49"/>
                      </a:lnTo>
                      <a:lnTo>
                        <a:pt x="44" y="47"/>
                      </a:lnTo>
                      <a:lnTo>
                        <a:pt x="39" y="39"/>
                      </a:lnTo>
                      <a:lnTo>
                        <a:pt x="34" y="32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74" name="Freeform 21"/>
                <p:cNvSpPr>
                  <a:spLocks/>
                </p:cNvSpPr>
                <p:nvPr/>
              </p:nvSpPr>
              <p:spPr bwMode="auto">
                <a:xfrm>
                  <a:off x="4595" y="3150"/>
                  <a:ext cx="12" cy="37"/>
                </a:xfrm>
                <a:custGeom>
                  <a:avLst/>
                  <a:gdLst>
                    <a:gd name="T0" fmla="*/ 10 w 12"/>
                    <a:gd name="T1" fmla="*/ 10 h 37"/>
                    <a:gd name="T2" fmla="*/ 10 w 12"/>
                    <a:gd name="T3" fmla="*/ 8 h 37"/>
                    <a:gd name="T4" fmla="*/ 9 w 12"/>
                    <a:gd name="T5" fmla="*/ 6 h 37"/>
                    <a:gd name="T6" fmla="*/ 9 w 12"/>
                    <a:gd name="T7" fmla="*/ 3 h 37"/>
                    <a:gd name="T8" fmla="*/ 9 w 12"/>
                    <a:gd name="T9" fmla="*/ 1 h 37"/>
                    <a:gd name="T10" fmla="*/ 7 w 12"/>
                    <a:gd name="T11" fmla="*/ 0 h 37"/>
                    <a:gd name="T12" fmla="*/ 5 w 12"/>
                    <a:gd name="T13" fmla="*/ 0 h 37"/>
                    <a:gd name="T14" fmla="*/ 2 w 12"/>
                    <a:gd name="T15" fmla="*/ 3 h 37"/>
                    <a:gd name="T16" fmla="*/ 0 w 12"/>
                    <a:gd name="T17" fmla="*/ 10 h 37"/>
                    <a:gd name="T18" fmla="*/ 0 w 12"/>
                    <a:gd name="T19" fmla="*/ 11 h 37"/>
                    <a:gd name="T20" fmla="*/ 0 w 12"/>
                    <a:gd name="T21" fmla="*/ 13 h 37"/>
                    <a:gd name="T22" fmla="*/ 2 w 12"/>
                    <a:gd name="T23" fmla="*/ 15 h 37"/>
                    <a:gd name="T24" fmla="*/ 2 w 12"/>
                    <a:gd name="T25" fmla="*/ 18 h 37"/>
                    <a:gd name="T26" fmla="*/ 3 w 12"/>
                    <a:gd name="T27" fmla="*/ 20 h 37"/>
                    <a:gd name="T28" fmla="*/ 3 w 12"/>
                    <a:gd name="T29" fmla="*/ 22 h 37"/>
                    <a:gd name="T30" fmla="*/ 5 w 12"/>
                    <a:gd name="T31" fmla="*/ 23 h 37"/>
                    <a:gd name="T32" fmla="*/ 5 w 12"/>
                    <a:gd name="T33" fmla="*/ 25 h 37"/>
                    <a:gd name="T34" fmla="*/ 12 w 12"/>
                    <a:gd name="T35" fmla="*/ 37 h 37"/>
                    <a:gd name="T36" fmla="*/ 10 w 12"/>
                    <a:gd name="T37" fmla="*/ 10 h 37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w 12"/>
                    <a:gd name="T58" fmla="*/ 0 h 37"/>
                    <a:gd name="T59" fmla="*/ 12 w 12"/>
                    <a:gd name="T60" fmla="*/ 37 h 37"/>
                  </a:gdLst>
                  <a:ahLst/>
                  <a:cxnLst>
                    <a:cxn ang="T38">
                      <a:pos x="T0" y="T1"/>
                    </a:cxn>
                    <a:cxn ang="T39">
                      <a:pos x="T2" y="T3"/>
                    </a:cxn>
                    <a:cxn ang="T40">
                      <a:pos x="T4" y="T5"/>
                    </a:cxn>
                    <a:cxn ang="T41">
                      <a:pos x="T6" y="T7"/>
                    </a:cxn>
                    <a:cxn ang="T42">
                      <a:pos x="T8" y="T9"/>
                    </a:cxn>
                    <a:cxn ang="T43">
                      <a:pos x="T10" y="T11"/>
                    </a:cxn>
                    <a:cxn ang="T44">
                      <a:pos x="T12" y="T13"/>
                    </a:cxn>
                    <a:cxn ang="T45">
                      <a:pos x="T14" y="T15"/>
                    </a:cxn>
                    <a:cxn ang="T46">
                      <a:pos x="T16" y="T17"/>
                    </a:cxn>
                    <a:cxn ang="T47">
                      <a:pos x="T18" y="T19"/>
                    </a:cxn>
                    <a:cxn ang="T48">
                      <a:pos x="T20" y="T21"/>
                    </a:cxn>
                    <a:cxn ang="T49">
                      <a:pos x="T22" y="T23"/>
                    </a:cxn>
                    <a:cxn ang="T50">
                      <a:pos x="T24" y="T25"/>
                    </a:cxn>
                    <a:cxn ang="T51">
                      <a:pos x="T26" y="T27"/>
                    </a:cxn>
                    <a:cxn ang="T52">
                      <a:pos x="T28" y="T29"/>
                    </a:cxn>
                    <a:cxn ang="T53">
                      <a:pos x="T30" y="T31"/>
                    </a:cxn>
                    <a:cxn ang="T54">
                      <a:pos x="T32" y="T33"/>
                    </a:cxn>
                    <a:cxn ang="T55">
                      <a:pos x="T34" y="T35"/>
                    </a:cxn>
                    <a:cxn ang="T56">
                      <a:pos x="T36" y="T37"/>
                    </a:cxn>
                  </a:cxnLst>
                  <a:rect l="T57" t="T58" r="T59" b="T60"/>
                  <a:pathLst>
                    <a:path w="12" h="37">
                      <a:moveTo>
                        <a:pt x="10" y="10"/>
                      </a:moveTo>
                      <a:lnTo>
                        <a:pt x="10" y="8"/>
                      </a:lnTo>
                      <a:lnTo>
                        <a:pt x="9" y="6"/>
                      </a:lnTo>
                      <a:lnTo>
                        <a:pt x="9" y="3"/>
                      </a:lnTo>
                      <a:lnTo>
                        <a:pt x="9" y="1"/>
                      </a:lnTo>
                      <a:lnTo>
                        <a:pt x="7" y="0"/>
                      </a:lnTo>
                      <a:lnTo>
                        <a:pt x="5" y="0"/>
                      </a:lnTo>
                      <a:lnTo>
                        <a:pt x="2" y="3"/>
                      </a:lnTo>
                      <a:lnTo>
                        <a:pt x="0" y="10"/>
                      </a:lnTo>
                      <a:lnTo>
                        <a:pt x="0" y="11"/>
                      </a:lnTo>
                      <a:lnTo>
                        <a:pt x="0" y="13"/>
                      </a:lnTo>
                      <a:lnTo>
                        <a:pt x="2" y="15"/>
                      </a:lnTo>
                      <a:lnTo>
                        <a:pt x="2" y="18"/>
                      </a:lnTo>
                      <a:lnTo>
                        <a:pt x="3" y="20"/>
                      </a:lnTo>
                      <a:lnTo>
                        <a:pt x="3" y="22"/>
                      </a:lnTo>
                      <a:lnTo>
                        <a:pt x="5" y="23"/>
                      </a:lnTo>
                      <a:lnTo>
                        <a:pt x="5" y="25"/>
                      </a:lnTo>
                      <a:lnTo>
                        <a:pt x="12" y="37"/>
                      </a:lnTo>
                      <a:lnTo>
                        <a:pt x="10" y="10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75" name="Freeform 22"/>
                <p:cNvSpPr>
                  <a:spLocks/>
                </p:cNvSpPr>
                <p:nvPr/>
              </p:nvSpPr>
              <p:spPr bwMode="auto">
                <a:xfrm>
                  <a:off x="4595" y="3150"/>
                  <a:ext cx="12" cy="37"/>
                </a:xfrm>
                <a:custGeom>
                  <a:avLst/>
                  <a:gdLst>
                    <a:gd name="T0" fmla="*/ 10 w 12"/>
                    <a:gd name="T1" fmla="*/ 10 h 37"/>
                    <a:gd name="T2" fmla="*/ 10 w 12"/>
                    <a:gd name="T3" fmla="*/ 10 h 37"/>
                    <a:gd name="T4" fmla="*/ 10 w 12"/>
                    <a:gd name="T5" fmla="*/ 8 h 37"/>
                    <a:gd name="T6" fmla="*/ 9 w 12"/>
                    <a:gd name="T7" fmla="*/ 6 h 37"/>
                    <a:gd name="T8" fmla="*/ 9 w 12"/>
                    <a:gd name="T9" fmla="*/ 3 h 37"/>
                    <a:gd name="T10" fmla="*/ 9 w 12"/>
                    <a:gd name="T11" fmla="*/ 1 h 37"/>
                    <a:gd name="T12" fmla="*/ 7 w 12"/>
                    <a:gd name="T13" fmla="*/ 0 h 37"/>
                    <a:gd name="T14" fmla="*/ 5 w 12"/>
                    <a:gd name="T15" fmla="*/ 0 h 37"/>
                    <a:gd name="T16" fmla="*/ 2 w 12"/>
                    <a:gd name="T17" fmla="*/ 3 h 37"/>
                    <a:gd name="T18" fmla="*/ 0 w 12"/>
                    <a:gd name="T19" fmla="*/ 10 h 37"/>
                    <a:gd name="T20" fmla="*/ 0 w 12"/>
                    <a:gd name="T21" fmla="*/ 10 h 37"/>
                    <a:gd name="T22" fmla="*/ 0 w 12"/>
                    <a:gd name="T23" fmla="*/ 11 h 37"/>
                    <a:gd name="T24" fmla="*/ 0 w 12"/>
                    <a:gd name="T25" fmla="*/ 13 h 37"/>
                    <a:gd name="T26" fmla="*/ 2 w 12"/>
                    <a:gd name="T27" fmla="*/ 15 h 37"/>
                    <a:gd name="T28" fmla="*/ 2 w 12"/>
                    <a:gd name="T29" fmla="*/ 18 h 37"/>
                    <a:gd name="T30" fmla="*/ 3 w 12"/>
                    <a:gd name="T31" fmla="*/ 20 h 37"/>
                    <a:gd name="T32" fmla="*/ 3 w 12"/>
                    <a:gd name="T33" fmla="*/ 22 h 37"/>
                    <a:gd name="T34" fmla="*/ 5 w 12"/>
                    <a:gd name="T35" fmla="*/ 23 h 37"/>
                    <a:gd name="T36" fmla="*/ 5 w 12"/>
                    <a:gd name="T37" fmla="*/ 25 h 37"/>
                    <a:gd name="T38" fmla="*/ 12 w 12"/>
                    <a:gd name="T39" fmla="*/ 37 h 37"/>
                    <a:gd name="T40" fmla="*/ 10 w 12"/>
                    <a:gd name="T41" fmla="*/ 10 h 37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2"/>
                    <a:gd name="T64" fmla="*/ 0 h 37"/>
                    <a:gd name="T65" fmla="*/ 12 w 12"/>
                    <a:gd name="T66" fmla="*/ 37 h 37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2" h="37">
                      <a:moveTo>
                        <a:pt x="10" y="10"/>
                      </a:moveTo>
                      <a:lnTo>
                        <a:pt x="10" y="10"/>
                      </a:lnTo>
                      <a:lnTo>
                        <a:pt x="10" y="8"/>
                      </a:lnTo>
                      <a:lnTo>
                        <a:pt x="9" y="6"/>
                      </a:lnTo>
                      <a:lnTo>
                        <a:pt x="9" y="3"/>
                      </a:lnTo>
                      <a:lnTo>
                        <a:pt x="9" y="1"/>
                      </a:lnTo>
                      <a:lnTo>
                        <a:pt x="7" y="0"/>
                      </a:lnTo>
                      <a:lnTo>
                        <a:pt x="5" y="0"/>
                      </a:lnTo>
                      <a:lnTo>
                        <a:pt x="2" y="3"/>
                      </a:lnTo>
                      <a:lnTo>
                        <a:pt x="0" y="10"/>
                      </a:lnTo>
                      <a:lnTo>
                        <a:pt x="0" y="11"/>
                      </a:lnTo>
                      <a:lnTo>
                        <a:pt x="0" y="13"/>
                      </a:lnTo>
                      <a:lnTo>
                        <a:pt x="2" y="15"/>
                      </a:lnTo>
                      <a:lnTo>
                        <a:pt x="2" y="18"/>
                      </a:lnTo>
                      <a:lnTo>
                        <a:pt x="3" y="20"/>
                      </a:lnTo>
                      <a:lnTo>
                        <a:pt x="3" y="22"/>
                      </a:lnTo>
                      <a:lnTo>
                        <a:pt x="5" y="23"/>
                      </a:lnTo>
                      <a:lnTo>
                        <a:pt x="5" y="25"/>
                      </a:lnTo>
                      <a:lnTo>
                        <a:pt x="12" y="37"/>
                      </a:lnTo>
                      <a:lnTo>
                        <a:pt x="10" y="10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76" name="Freeform 23"/>
                <p:cNvSpPr>
                  <a:spLocks/>
                </p:cNvSpPr>
                <p:nvPr/>
              </p:nvSpPr>
              <p:spPr bwMode="auto">
                <a:xfrm>
                  <a:off x="4673" y="3539"/>
                  <a:ext cx="35" cy="61"/>
                </a:xfrm>
                <a:custGeom>
                  <a:avLst/>
                  <a:gdLst>
                    <a:gd name="T0" fmla="*/ 35 w 35"/>
                    <a:gd name="T1" fmla="*/ 0 h 61"/>
                    <a:gd name="T2" fmla="*/ 35 w 35"/>
                    <a:gd name="T3" fmla="*/ 0 h 61"/>
                    <a:gd name="T4" fmla="*/ 35 w 35"/>
                    <a:gd name="T5" fmla="*/ 1 h 61"/>
                    <a:gd name="T6" fmla="*/ 35 w 35"/>
                    <a:gd name="T7" fmla="*/ 3 h 61"/>
                    <a:gd name="T8" fmla="*/ 35 w 35"/>
                    <a:gd name="T9" fmla="*/ 5 h 61"/>
                    <a:gd name="T10" fmla="*/ 34 w 35"/>
                    <a:gd name="T11" fmla="*/ 8 h 61"/>
                    <a:gd name="T12" fmla="*/ 34 w 35"/>
                    <a:gd name="T13" fmla="*/ 12 h 61"/>
                    <a:gd name="T14" fmla="*/ 32 w 35"/>
                    <a:gd name="T15" fmla="*/ 15 h 61"/>
                    <a:gd name="T16" fmla="*/ 30 w 35"/>
                    <a:gd name="T17" fmla="*/ 20 h 61"/>
                    <a:gd name="T18" fmla="*/ 29 w 35"/>
                    <a:gd name="T19" fmla="*/ 23 h 61"/>
                    <a:gd name="T20" fmla="*/ 27 w 35"/>
                    <a:gd name="T21" fmla="*/ 29 h 61"/>
                    <a:gd name="T22" fmla="*/ 24 w 35"/>
                    <a:gd name="T23" fmla="*/ 34 h 61"/>
                    <a:gd name="T24" fmla="*/ 20 w 35"/>
                    <a:gd name="T25" fmla="*/ 39 h 61"/>
                    <a:gd name="T26" fmla="*/ 17 w 35"/>
                    <a:gd name="T27" fmla="*/ 44 h 61"/>
                    <a:gd name="T28" fmla="*/ 12 w 35"/>
                    <a:gd name="T29" fmla="*/ 49 h 61"/>
                    <a:gd name="T30" fmla="*/ 7 w 35"/>
                    <a:gd name="T31" fmla="*/ 56 h 61"/>
                    <a:gd name="T32" fmla="*/ 2 w 35"/>
                    <a:gd name="T33" fmla="*/ 61 h 61"/>
                    <a:gd name="T34" fmla="*/ 0 w 35"/>
                    <a:gd name="T35" fmla="*/ 61 h 61"/>
                    <a:gd name="T36" fmla="*/ 0 w 35"/>
                    <a:gd name="T37" fmla="*/ 59 h 61"/>
                    <a:gd name="T38" fmla="*/ 0 w 35"/>
                    <a:gd name="T39" fmla="*/ 57 h 61"/>
                    <a:gd name="T40" fmla="*/ 0 w 35"/>
                    <a:gd name="T41" fmla="*/ 56 h 61"/>
                    <a:gd name="T42" fmla="*/ 19 w 35"/>
                    <a:gd name="T43" fmla="*/ 35 h 61"/>
                    <a:gd name="T44" fmla="*/ 19 w 35"/>
                    <a:gd name="T45" fmla="*/ 27 h 61"/>
                    <a:gd name="T46" fmla="*/ 19 w 35"/>
                    <a:gd name="T47" fmla="*/ 25 h 61"/>
                    <a:gd name="T48" fmla="*/ 20 w 35"/>
                    <a:gd name="T49" fmla="*/ 25 h 61"/>
                    <a:gd name="T50" fmla="*/ 22 w 35"/>
                    <a:gd name="T51" fmla="*/ 23 h 61"/>
                    <a:gd name="T52" fmla="*/ 24 w 35"/>
                    <a:gd name="T53" fmla="*/ 22 h 61"/>
                    <a:gd name="T54" fmla="*/ 25 w 35"/>
                    <a:gd name="T55" fmla="*/ 18 h 61"/>
                    <a:gd name="T56" fmla="*/ 27 w 35"/>
                    <a:gd name="T57" fmla="*/ 15 h 61"/>
                    <a:gd name="T58" fmla="*/ 29 w 35"/>
                    <a:gd name="T59" fmla="*/ 12 h 61"/>
                    <a:gd name="T60" fmla="*/ 29 w 35"/>
                    <a:gd name="T61" fmla="*/ 5 h 61"/>
                    <a:gd name="T62" fmla="*/ 30 w 35"/>
                    <a:gd name="T63" fmla="*/ 3 h 61"/>
                    <a:gd name="T64" fmla="*/ 32 w 35"/>
                    <a:gd name="T65" fmla="*/ 1 h 61"/>
                    <a:gd name="T66" fmla="*/ 34 w 35"/>
                    <a:gd name="T67" fmla="*/ 0 h 61"/>
                    <a:gd name="T68" fmla="*/ 35 w 35"/>
                    <a:gd name="T69" fmla="*/ 0 h 61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w 35"/>
                    <a:gd name="T106" fmla="*/ 0 h 61"/>
                    <a:gd name="T107" fmla="*/ 35 w 35"/>
                    <a:gd name="T108" fmla="*/ 61 h 61"/>
                  </a:gdLst>
                  <a:ahLst/>
                  <a:cxnLst>
                    <a:cxn ang="T70">
                      <a:pos x="T0" y="T1"/>
                    </a:cxn>
                    <a:cxn ang="T71">
                      <a:pos x="T2" y="T3"/>
                    </a:cxn>
                    <a:cxn ang="T72">
                      <a:pos x="T4" y="T5"/>
                    </a:cxn>
                    <a:cxn ang="T73">
                      <a:pos x="T6" y="T7"/>
                    </a:cxn>
                    <a:cxn ang="T74">
                      <a:pos x="T8" y="T9"/>
                    </a:cxn>
                    <a:cxn ang="T75">
                      <a:pos x="T10" y="T11"/>
                    </a:cxn>
                    <a:cxn ang="T76">
                      <a:pos x="T12" y="T13"/>
                    </a:cxn>
                    <a:cxn ang="T77">
                      <a:pos x="T14" y="T15"/>
                    </a:cxn>
                    <a:cxn ang="T78">
                      <a:pos x="T16" y="T17"/>
                    </a:cxn>
                    <a:cxn ang="T79">
                      <a:pos x="T18" y="T19"/>
                    </a:cxn>
                    <a:cxn ang="T80">
                      <a:pos x="T20" y="T21"/>
                    </a:cxn>
                    <a:cxn ang="T81">
                      <a:pos x="T22" y="T23"/>
                    </a:cxn>
                    <a:cxn ang="T82">
                      <a:pos x="T24" y="T25"/>
                    </a:cxn>
                    <a:cxn ang="T83">
                      <a:pos x="T26" y="T27"/>
                    </a:cxn>
                    <a:cxn ang="T84">
                      <a:pos x="T28" y="T29"/>
                    </a:cxn>
                    <a:cxn ang="T85">
                      <a:pos x="T30" y="T31"/>
                    </a:cxn>
                    <a:cxn ang="T86">
                      <a:pos x="T32" y="T33"/>
                    </a:cxn>
                    <a:cxn ang="T87">
                      <a:pos x="T34" y="T35"/>
                    </a:cxn>
                    <a:cxn ang="T88">
                      <a:pos x="T36" y="T37"/>
                    </a:cxn>
                    <a:cxn ang="T89">
                      <a:pos x="T38" y="T39"/>
                    </a:cxn>
                    <a:cxn ang="T90">
                      <a:pos x="T40" y="T41"/>
                    </a:cxn>
                    <a:cxn ang="T91">
                      <a:pos x="T42" y="T43"/>
                    </a:cxn>
                    <a:cxn ang="T92">
                      <a:pos x="T44" y="T45"/>
                    </a:cxn>
                    <a:cxn ang="T93">
                      <a:pos x="T46" y="T47"/>
                    </a:cxn>
                    <a:cxn ang="T94">
                      <a:pos x="T48" y="T49"/>
                    </a:cxn>
                    <a:cxn ang="T95">
                      <a:pos x="T50" y="T51"/>
                    </a:cxn>
                    <a:cxn ang="T96">
                      <a:pos x="T52" y="T53"/>
                    </a:cxn>
                    <a:cxn ang="T97">
                      <a:pos x="T54" y="T55"/>
                    </a:cxn>
                    <a:cxn ang="T98">
                      <a:pos x="T56" y="T57"/>
                    </a:cxn>
                    <a:cxn ang="T99">
                      <a:pos x="T58" y="T59"/>
                    </a:cxn>
                    <a:cxn ang="T100">
                      <a:pos x="T60" y="T61"/>
                    </a:cxn>
                    <a:cxn ang="T101">
                      <a:pos x="T62" y="T63"/>
                    </a:cxn>
                    <a:cxn ang="T102">
                      <a:pos x="T64" y="T65"/>
                    </a:cxn>
                    <a:cxn ang="T103">
                      <a:pos x="T66" y="T67"/>
                    </a:cxn>
                    <a:cxn ang="T104">
                      <a:pos x="T68" y="T69"/>
                    </a:cxn>
                  </a:cxnLst>
                  <a:rect l="T105" t="T106" r="T107" b="T108"/>
                  <a:pathLst>
                    <a:path w="35" h="61">
                      <a:moveTo>
                        <a:pt x="35" y="0"/>
                      </a:moveTo>
                      <a:lnTo>
                        <a:pt x="35" y="0"/>
                      </a:lnTo>
                      <a:lnTo>
                        <a:pt x="35" y="1"/>
                      </a:lnTo>
                      <a:lnTo>
                        <a:pt x="35" y="3"/>
                      </a:lnTo>
                      <a:lnTo>
                        <a:pt x="35" y="5"/>
                      </a:lnTo>
                      <a:lnTo>
                        <a:pt x="34" y="8"/>
                      </a:lnTo>
                      <a:lnTo>
                        <a:pt x="34" y="12"/>
                      </a:lnTo>
                      <a:lnTo>
                        <a:pt x="32" y="15"/>
                      </a:lnTo>
                      <a:lnTo>
                        <a:pt x="30" y="20"/>
                      </a:lnTo>
                      <a:lnTo>
                        <a:pt x="29" y="23"/>
                      </a:lnTo>
                      <a:lnTo>
                        <a:pt x="27" y="29"/>
                      </a:lnTo>
                      <a:lnTo>
                        <a:pt x="24" y="34"/>
                      </a:lnTo>
                      <a:lnTo>
                        <a:pt x="20" y="39"/>
                      </a:lnTo>
                      <a:lnTo>
                        <a:pt x="17" y="44"/>
                      </a:lnTo>
                      <a:lnTo>
                        <a:pt x="12" y="49"/>
                      </a:lnTo>
                      <a:lnTo>
                        <a:pt x="7" y="56"/>
                      </a:lnTo>
                      <a:lnTo>
                        <a:pt x="2" y="61"/>
                      </a:lnTo>
                      <a:lnTo>
                        <a:pt x="0" y="61"/>
                      </a:lnTo>
                      <a:lnTo>
                        <a:pt x="0" y="59"/>
                      </a:lnTo>
                      <a:lnTo>
                        <a:pt x="0" y="57"/>
                      </a:lnTo>
                      <a:lnTo>
                        <a:pt x="0" y="56"/>
                      </a:lnTo>
                      <a:lnTo>
                        <a:pt x="19" y="35"/>
                      </a:lnTo>
                      <a:lnTo>
                        <a:pt x="19" y="27"/>
                      </a:lnTo>
                      <a:lnTo>
                        <a:pt x="19" y="25"/>
                      </a:lnTo>
                      <a:lnTo>
                        <a:pt x="20" y="25"/>
                      </a:lnTo>
                      <a:lnTo>
                        <a:pt x="22" y="23"/>
                      </a:lnTo>
                      <a:lnTo>
                        <a:pt x="24" y="22"/>
                      </a:lnTo>
                      <a:lnTo>
                        <a:pt x="25" y="18"/>
                      </a:lnTo>
                      <a:lnTo>
                        <a:pt x="27" y="15"/>
                      </a:lnTo>
                      <a:lnTo>
                        <a:pt x="29" y="12"/>
                      </a:lnTo>
                      <a:lnTo>
                        <a:pt x="29" y="5"/>
                      </a:lnTo>
                      <a:lnTo>
                        <a:pt x="30" y="3"/>
                      </a:lnTo>
                      <a:lnTo>
                        <a:pt x="32" y="1"/>
                      </a:lnTo>
                      <a:lnTo>
                        <a:pt x="34" y="0"/>
                      </a:lnTo>
                      <a:lnTo>
                        <a:pt x="35" y="0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77" name="Freeform 24"/>
                <p:cNvSpPr>
                  <a:spLocks/>
                </p:cNvSpPr>
                <p:nvPr/>
              </p:nvSpPr>
              <p:spPr bwMode="auto">
                <a:xfrm>
                  <a:off x="4673" y="3539"/>
                  <a:ext cx="35" cy="61"/>
                </a:xfrm>
                <a:custGeom>
                  <a:avLst/>
                  <a:gdLst>
                    <a:gd name="T0" fmla="*/ 35 w 35"/>
                    <a:gd name="T1" fmla="*/ 0 h 61"/>
                    <a:gd name="T2" fmla="*/ 35 w 35"/>
                    <a:gd name="T3" fmla="*/ 0 h 61"/>
                    <a:gd name="T4" fmla="*/ 35 w 35"/>
                    <a:gd name="T5" fmla="*/ 0 h 61"/>
                    <a:gd name="T6" fmla="*/ 35 w 35"/>
                    <a:gd name="T7" fmla="*/ 1 h 61"/>
                    <a:gd name="T8" fmla="*/ 35 w 35"/>
                    <a:gd name="T9" fmla="*/ 3 h 61"/>
                    <a:gd name="T10" fmla="*/ 35 w 35"/>
                    <a:gd name="T11" fmla="*/ 5 h 61"/>
                    <a:gd name="T12" fmla="*/ 34 w 35"/>
                    <a:gd name="T13" fmla="*/ 8 h 61"/>
                    <a:gd name="T14" fmla="*/ 34 w 35"/>
                    <a:gd name="T15" fmla="*/ 12 h 61"/>
                    <a:gd name="T16" fmla="*/ 32 w 35"/>
                    <a:gd name="T17" fmla="*/ 15 h 61"/>
                    <a:gd name="T18" fmla="*/ 30 w 35"/>
                    <a:gd name="T19" fmla="*/ 20 h 61"/>
                    <a:gd name="T20" fmla="*/ 29 w 35"/>
                    <a:gd name="T21" fmla="*/ 23 h 61"/>
                    <a:gd name="T22" fmla="*/ 27 w 35"/>
                    <a:gd name="T23" fmla="*/ 29 h 61"/>
                    <a:gd name="T24" fmla="*/ 24 w 35"/>
                    <a:gd name="T25" fmla="*/ 34 h 61"/>
                    <a:gd name="T26" fmla="*/ 20 w 35"/>
                    <a:gd name="T27" fmla="*/ 39 h 61"/>
                    <a:gd name="T28" fmla="*/ 17 w 35"/>
                    <a:gd name="T29" fmla="*/ 44 h 61"/>
                    <a:gd name="T30" fmla="*/ 12 w 35"/>
                    <a:gd name="T31" fmla="*/ 49 h 61"/>
                    <a:gd name="T32" fmla="*/ 7 w 35"/>
                    <a:gd name="T33" fmla="*/ 56 h 61"/>
                    <a:gd name="T34" fmla="*/ 2 w 35"/>
                    <a:gd name="T35" fmla="*/ 61 h 61"/>
                    <a:gd name="T36" fmla="*/ 2 w 35"/>
                    <a:gd name="T37" fmla="*/ 61 h 61"/>
                    <a:gd name="T38" fmla="*/ 0 w 35"/>
                    <a:gd name="T39" fmla="*/ 61 h 61"/>
                    <a:gd name="T40" fmla="*/ 0 w 35"/>
                    <a:gd name="T41" fmla="*/ 59 h 61"/>
                    <a:gd name="T42" fmla="*/ 0 w 35"/>
                    <a:gd name="T43" fmla="*/ 57 h 61"/>
                    <a:gd name="T44" fmla="*/ 0 w 35"/>
                    <a:gd name="T45" fmla="*/ 56 h 61"/>
                    <a:gd name="T46" fmla="*/ 19 w 35"/>
                    <a:gd name="T47" fmla="*/ 35 h 61"/>
                    <a:gd name="T48" fmla="*/ 19 w 35"/>
                    <a:gd name="T49" fmla="*/ 27 h 61"/>
                    <a:gd name="T50" fmla="*/ 19 w 35"/>
                    <a:gd name="T51" fmla="*/ 27 h 61"/>
                    <a:gd name="T52" fmla="*/ 19 w 35"/>
                    <a:gd name="T53" fmla="*/ 25 h 61"/>
                    <a:gd name="T54" fmla="*/ 20 w 35"/>
                    <a:gd name="T55" fmla="*/ 25 h 61"/>
                    <a:gd name="T56" fmla="*/ 22 w 35"/>
                    <a:gd name="T57" fmla="*/ 23 h 61"/>
                    <a:gd name="T58" fmla="*/ 24 w 35"/>
                    <a:gd name="T59" fmla="*/ 22 h 61"/>
                    <a:gd name="T60" fmla="*/ 25 w 35"/>
                    <a:gd name="T61" fmla="*/ 18 h 61"/>
                    <a:gd name="T62" fmla="*/ 27 w 35"/>
                    <a:gd name="T63" fmla="*/ 15 h 61"/>
                    <a:gd name="T64" fmla="*/ 29 w 35"/>
                    <a:gd name="T65" fmla="*/ 12 h 61"/>
                    <a:gd name="T66" fmla="*/ 29 w 35"/>
                    <a:gd name="T67" fmla="*/ 5 h 61"/>
                    <a:gd name="T68" fmla="*/ 29 w 35"/>
                    <a:gd name="T69" fmla="*/ 5 h 61"/>
                    <a:gd name="T70" fmla="*/ 30 w 35"/>
                    <a:gd name="T71" fmla="*/ 3 h 61"/>
                    <a:gd name="T72" fmla="*/ 32 w 35"/>
                    <a:gd name="T73" fmla="*/ 1 h 61"/>
                    <a:gd name="T74" fmla="*/ 34 w 35"/>
                    <a:gd name="T75" fmla="*/ 0 h 61"/>
                    <a:gd name="T76" fmla="*/ 35 w 35"/>
                    <a:gd name="T77" fmla="*/ 0 h 61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w 35"/>
                    <a:gd name="T118" fmla="*/ 0 h 61"/>
                    <a:gd name="T119" fmla="*/ 35 w 35"/>
                    <a:gd name="T120" fmla="*/ 61 h 61"/>
                  </a:gdLst>
                  <a:ahLst/>
                  <a:cxnLst>
                    <a:cxn ang="T78">
                      <a:pos x="T0" y="T1"/>
                    </a:cxn>
                    <a:cxn ang="T79">
                      <a:pos x="T2" y="T3"/>
                    </a:cxn>
                    <a:cxn ang="T80">
                      <a:pos x="T4" y="T5"/>
                    </a:cxn>
                    <a:cxn ang="T81">
                      <a:pos x="T6" y="T7"/>
                    </a:cxn>
                    <a:cxn ang="T82">
                      <a:pos x="T8" y="T9"/>
                    </a:cxn>
                    <a:cxn ang="T83">
                      <a:pos x="T10" y="T11"/>
                    </a:cxn>
                    <a:cxn ang="T84">
                      <a:pos x="T12" y="T13"/>
                    </a:cxn>
                    <a:cxn ang="T85">
                      <a:pos x="T14" y="T15"/>
                    </a:cxn>
                    <a:cxn ang="T86">
                      <a:pos x="T16" y="T17"/>
                    </a:cxn>
                    <a:cxn ang="T87">
                      <a:pos x="T18" y="T19"/>
                    </a:cxn>
                    <a:cxn ang="T88">
                      <a:pos x="T20" y="T21"/>
                    </a:cxn>
                    <a:cxn ang="T89">
                      <a:pos x="T22" y="T23"/>
                    </a:cxn>
                    <a:cxn ang="T90">
                      <a:pos x="T24" y="T25"/>
                    </a:cxn>
                    <a:cxn ang="T91">
                      <a:pos x="T26" y="T27"/>
                    </a:cxn>
                    <a:cxn ang="T92">
                      <a:pos x="T28" y="T29"/>
                    </a:cxn>
                    <a:cxn ang="T93">
                      <a:pos x="T30" y="T31"/>
                    </a:cxn>
                    <a:cxn ang="T94">
                      <a:pos x="T32" y="T33"/>
                    </a:cxn>
                    <a:cxn ang="T95">
                      <a:pos x="T34" y="T35"/>
                    </a:cxn>
                    <a:cxn ang="T96">
                      <a:pos x="T36" y="T37"/>
                    </a:cxn>
                    <a:cxn ang="T97">
                      <a:pos x="T38" y="T39"/>
                    </a:cxn>
                    <a:cxn ang="T98">
                      <a:pos x="T40" y="T41"/>
                    </a:cxn>
                    <a:cxn ang="T99">
                      <a:pos x="T42" y="T43"/>
                    </a:cxn>
                    <a:cxn ang="T100">
                      <a:pos x="T44" y="T45"/>
                    </a:cxn>
                    <a:cxn ang="T101">
                      <a:pos x="T46" y="T47"/>
                    </a:cxn>
                    <a:cxn ang="T102">
                      <a:pos x="T48" y="T49"/>
                    </a:cxn>
                    <a:cxn ang="T103">
                      <a:pos x="T50" y="T51"/>
                    </a:cxn>
                    <a:cxn ang="T104">
                      <a:pos x="T52" y="T53"/>
                    </a:cxn>
                    <a:cxn ang="T105">
                      <a:pos x="T54" y="T55"/>
                    </a:cxn>
                    <a:cxn ang="T106">
                      <a:pos x="T56" y="T57"/>
                    </a:cxn>
                    <a:cxn ang="T107">
                      <a:pos x="T58" y="T59"/>
                    </a:cxn>
                    <a:cxn ang="T108">
                      <a:pos x="T60" y="T61"/>
                    </a:cxn>
                    <a:cxn ang="T109">
                      <a:pos x="T62" y="T63"/>
                    </a:cxn>
                    <a:cxn ang="T110">
                      <a:pos x="T64" y="T65"/>
                    </a:cxn>
                    <a:cxn ang="T111">
                      <a:pos x="T66" y="T67"/>
                    </a:cxn>
                    <a:cxn ang="T112">
                      <a:pos x="T68" y="T69"/>
                    </a:cxn>
                    <a:cxn ang="T113">
                      <a:pos x="T70" y="T71"/>
                    </a:cxn>
                    <a:cxn ang="T114">
                      <a:pos x="T72" y="T73"/>
                    </a:cxn>
                    <a:cxn ang="T115">
                      <a:pos x="T74" y="T75"/>
                    </a:cxn>
                    <a:cxn ang="T116">
                      <a:pos x="T76" y="T77"/>
                    </a:cxn>
                  </a:cxnLst>
                  <a:rect l="T117" t="T118" r="T119" b="T120"/>
                  <a:pathLst>
                    <a:path w="35" h="61">
                      <a:moveTo>
                        <a:pt x="35" y="0"/>
                      </a:moveTo>
                      <a:lnTo>
                        <a:pt x="35" y="0"/>
                      </a:lnTo>
                      <a:lnTo>
                        <a:pt x="35" y="1"/>
                      </a:lnTo>
                      <a:lnTo>
                        <a:pt x="35" y="3"/>
                      </a:lnTo>
                      <a:lnTo>
                        <a:pt x="35" y="5"/>
                      </a:lnTo>
                      <a:lnTo>
                        <a:pt x="34" y="8"/>
                      </a:lnTo>
                      <a:lnTo>
                        <a:pt x="34" y="12"/>
                      </a:lnTo>
                      <a:lnTo>
                        <a:pt x="32" y="15"/>
                      </a:lnTo>
                      <a:lnTo>
                        <a:pt x="30" y="20"/>
                      </a:lnTo>
                      <a:lnTo>
                        <a:pt x="29" y="23"/>
                      </a:lnTo>
                      <a:lnTo>
                        <a:pt x="27" y="29"/>
                      </a:lnTo>
                      <a:lnTo>
                        <a:pt x="24" y="34"/>
                      </a:lnTo>
                      <a:lnTo>
                        <a:pt x="20" y="39"/>
                      </a:lnTo>
                      <a:lnTo>
                        <a:pt x="17" y="44"/>
                      </a:lnTo>
                      <a:lnTo>
                        <a:pt x="12" y="49"/>
                      </a:lnTo>
                      <a:lnTo>
                        <a:pt x="7" y="56"/>
                      </a:lnTo>
                      <a:lnTo>
                        <a:pt x="2" y="61"/>
                      </a:lnTo>
                      <a:lnTo>
                        <a:pt x="0" y="61"/>
                      </a:lnTo>
                      <a:lnTo>
                        <a:pt x="0" y="59"/>
                      </a:lnTo>
                      <a:lnTo>
                        <a:pt x="0" y="57"/>
                      </a:lnTo>
                      <a:lnTo>
                        <a:pt x="0" y="56"/>
                      </a:lnTo>
                      <a:lnTo>
                        <a:pt x="19" y="35"/>
                      </a:lnTo>
                      <a:lnTo>
                        <a:pt x="19" y="27"/>
                      </a:lnTo>
                      <a:lnTo>
                        <a:pt x="19" y="25"/>
                      </a:lnTo>
                      <a:lnTo>
                        <a:pt x="20" y="25"/>
                      </a:lnTo>
                      <a:lnTo>
                        <a:pt x="22" y="23"/>
                      </a:lnTo>
                      <a:lnTo>
                        <a:pt x="24" y="22"/>
                      </a:lnTo>
                      <a:lnTo>
                        <a:pt x="25" y="18"/>
                      </a:lnTo>
                      <a:lnTo>
                        <a:pt x="27" y="15"/>
                      </a:lnTo>
                      <a:lnTo>
                        <a:pt x="29" y="12"/>
                      </a:lnTo>
                      <a:lnTo>
                        <a:pt x="29" y="5"/>
                      </a:lnTo>
                      <a:lnTo>
                        <a:pt x="30" y="3"/>
                      </a:lnTo>
                      <a:lnTo>
                        <a:pt x="32" y="1"/>
                      </a:lnTo>
                      <a:lnTo>
                        <a:pt x="34" y="0"/>
                      </a:lnTo>
                      <a:lnTo>
                        <a:pt x="35" y="0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78" name="Freeform 25"/>
                <p:cNvSpPr>
                  <a:spLocks/>
                </p:cNvSpPr>
                <p:nvPr/>
              </p:nvSpPr>
              <p:spPr bwMode="auto">
                <a:xfrm>
                  <a:off x="4710" y="3513"/>
                  <a:ext cx="7" cy="19"/>
                </a:xfrm>
                <a:custGeom>
                  <a:avLst/>
                  <a:gdLst>
                    <a:gd name="T0" fmla="*/ 0 w 7"/>
                    <a:gd name="T1" fmla="*/ 11 h 19"/>
                    <a:gd name="T2" fmla="*/ 2 w 7"/>
                    <a:gd name="T3" fmla="*/ 5 h 19"/>
                    <a:gd name="T4" fmla="*/ 2 w 7"/>
                    <a:gd name="T5" fmla="*/ 4 h 19"/>
                    <a:gd name="T6" fmla="*/ 2 w 7"/>
                    <a:gd name="T7" fmla="*/ 0 h 19"/>
                    <a:gd name="T8" fmla="*/ 4 w 7"/>
                    <a:gd name="T9" fmla="*/ 0 h 19"/>
                    <a:gd name="T10" fmla="*/ 5 w 7"/>
                    <a:gd name="T11" fmla="*/ 0 h 19"/>
                    <a:gd name="T12" fmla="*/ 7 w 7"/>
                    <a:gd name="T13" fmla="*/ 4 h 19"/>
                    <a:gd name="T14" fmla="*/ 7 w 7"/>
                    <a:gd name="T15" fmla="*/ 5 h 19"/>
                    <a:gd name="T16" fmla="*/ 7 w 7"/>
                    <a:gd name="T17" fmla="*/ 11 h 19"/>
                    <a:gd name="T18" fmla="*/ 7 w 7"/>
                    <a:gd name="T19" fmla="*/ 14 h 19"/>
                    <a:gd name="T20" fmla="*/ 7 w 7"/>
                    <a:gd name="T21" fmla="*/ 17 h 19"/>
                    <a:gd name="T22" fmla="*/ 5 w 7"/>
                    <a:gd name="T23" fmla="*/ 19 h 19"/>
                    <a:gd name="T24" fmla="*/ 4 w 7"/>
                    <a:gd name="T25" fmla="*/ 19 h 19"/>
                    <a:gd name="T26" fmla="*/ 2 w 7"/>
                    <a:gd name="T27" fmla="*/ 19 h 19"/>
                    <a:gd name="T28" fmla="*/ 2 w 7"/>
                    <a:gd name="T29" fmla="*/ 17 h 19"/>
                    <a:gd name="T30" fmla="*/ 2 w 7"/>
                    <a:gd name="T31" fmla="*/ 14 h 19"/>
                    <a:gd name="T32" fmla="*/ 0 w 7"/>
                    <a:gd name="T33" fmla="*/ 11 h 19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7"/>
                    <a:gd name="T52" fmla="*/ 0 h 19"/>
                    <a:gd name="T53" fmla="*/ 7 w 7"/>
                    <a:gd name="T54" fmla="*/ 19 h 19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7" h="19">
                      <a:moveTo>
                        <a:pt x="0" y="11"/>
                      </a:moveTo>
                      <a:lnTo>
                        <a:pt x="2" y="5"/>
                      </a:lnTo>
                      <a:lnTo>
                        <a:pt x="2" y="4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7" y="4"/>
                      </a:lnTo>
                      <a:lnTo>
                        <a:pt x="7" y="5"/>
                      </a:lnTo>
                      <a:lnTo>
                        <a:pt x="7" y="11"/>
                      </a:lnTo>
                      <a:lnTo>
                        <a:pt x="7" y="14"/>
                      </a:lnTo>
                      <a:lnTo>
                        <a:pt x="7" y="17"/>
                      </a:lnTo>
                      <a:lnTo>
                        <a:pt x="5" y="19"/>
                      </a:lnTo>
                      <a:lnTo>
                        <a:pt x="4" y="19"/>
                      </a:lnTo>
                      <a:lnTo>
                        <a:pt x="2" y="19"/>
                      </a:lnTo>
                      <a:lnTo>
                        <a:pt x="2" y="17"/>
                      </a:lnTo>
                      <a:lnTo>
                        <a:pt x="2" y="14"/>
                      </a:lnTo>
                      <a:lnTo>
                        <a:pt x="0" y="1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79" name="Freeform 26"/>
                <p:cNvSpPr>
                  <a:spLocks/>
                </p:cNvSpPr>
                <p:nvPr/>
              </p:nvSpPr>
              <p:spPr bwMode="auto">
                <a:xfrm>
                  <a:off x="4710" y="3513"/>
                  <a:ext cx="7" cy="19"/>
                </a:xfrm>
                <a:custGeom>
                  <a:avLst/>
                  <a:gdLst>
                    <a:gd name="T0" fmla="*/ 0 w 7"/>
                    <a:gd name="T1" fmla="*/ 11 h 19"/>
                    <a:gd name="T2" fmla="*/ 0 w 7"/>
                    <a:gd name="T3" fmla="*/ 11 h 19"/>
                    <a:gd name="T4" fmla="*/ 2 w 7"/>
                    <a:gd name="T5" fmla="*/ 5 h 19"/>
                    <a:gd name="T6" fmla="*/ 2 w 7"/>
                    <a:gd name="T7" fmla="*/ 4 h 19"/>
                    <a:gd name="T8" fmla="*/ 2 w 7"/>
                    <a:gd name="T9" fmla="*/ 0 h 19"/>
                    <a:gd name="T10" fmla="*/ 4 w 7"/>
                    <a:gd name="T11" fmla="*/ 0 h 19"/>
                    <a:gd name="T12" fmla="*/ 4 w 7"/>
                    <a:gd name="T13" fmla="*/ 0 h 19"/>
                    <a:gd name="T14" fmla="*/ 5 w 7"/>
                    <a:gd name="T15" fmla="*/ 0 h 19"/>
                    <a:gd name="T16" fmla="*/ 7 w 7"/>
                    <a:gd name="T17" fmla="*/ 4 h 19"/>
                    <a:gd name="T18" fmla="*/ 7 w 7"/>
                    <a:gd name="T19" fmla="*/ 5 h 19"/>
                    <a:gd name="T20" fmla="*/ 7 w 7"/>
                    <a:gd name="T21" fmla="*/ 11 h 19"/>
                    <a:gd name="T22" fmla="*/ 7 w 7"/>
                    <a:gd name="T23" fmla="*/ 11 h 19"/>
                    <a:gd name="T24" fmla="*/ 7 w 7"/>
                    <a:gd name="T25" fmla="*/ 14 h 19"/>
                    <a:gd name="T26" fmla="*/ 7 w 7"/>
                    <a:gd name="T27" fmla="*/ 17 h 19"/>
                    <a:gd name="T28" fmla="*/ 5 w 7"/>
                    <a:gd name="T29" fmla="*/ 19 h 19"/>
                    <a:gd name="T30" fmla="*/ 4 w 7"/>
                    <a:gd name="T31" fmla="*/ 19 h 19"/>
                    <a:gd name="T32" fmla="*/ 4 w 7"/>
                    <a:gd name="T33" fmla="*/ 19 h 19"/>
                    <a:gd name="T34" fmla="*/ 2 w 7"/>
                    <a:gd name="T35" fmla="*/ 19 h 19"/>
                    <a:gd name="T36" fmla="*/ 2 w 7"/>
                    <a:gd name="T37" fmla="*/ 17 h 19"/>
                    <a:gd name="T38" fmla="*/ 2 w 7"/>
                    <a:gd name="T39" fmla="*/ 14 h 19"/>
                    <a:gd name="T40" fmla="*/ 0 w 7"/>
                    <a:gd name="T41" fmla="*/ 11 h 19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7"/>
                    <a:gd name="T64" fmla="*/ 0 h 19"/>
                    <a:gd name="T65" fmla="*/ 7 w 7"/>
                    <a:gd name="T66" fmla="*/ 19 h 19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7" h="19">
                      <a:moveTo>
                        <a:pt x="0" y="11"/>
                      </a:moveTo>
                      <a:lnTo>
                        <a:pt x="0" y="11"/>
                      </a:lnTo>
                      <a:lnTo>
                        <a:pt x="2" y="5"/>
                      </a:lnTo>
                      <a:lnTo>
                        <a:pt x="2" y="4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7" y="4"/>
                      </a:lnTo>
                      <a:lnTo>
                        <a:pt x="7" y="5"/>
                      </a:lnTo>
                      <a:lnTo>
                        <a:pt x="7" y="11"/>
                      </a:lnTo>
                      <a:lnTo>
                        <a:pt x="7" y="14"/>
                      </a:lnTo>
                      <a:lnTo>
                        <a:pt x="7" y="17"/>
                      </a:lnTo>
                      <a:lnTo>
                        <a:pt x="5" y="19"/>
                      </a:lnTo>
                      <a:lnTo>
                        <a:pt x="4" y="19"/>
                      </a:lnTo>
                      <a:lnTo>
                        <a:pt x="2" y="19"/>
                      </a:lnTo>
                      <a:lnTo>
                        <a:pt x="2" y="17"/>
                      </a:lnTo>
                      <a:lnTo>
                        <a:pt x="2" y="14"/>
                      </a:lnTo>
                      <a:lnTo>
                        <a:pt x="0" y="1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80" name="Freeform 27"/>
                <p:cNvSpPr>
                  <a:spLocks/>
                </p:cNvSpPr>
                <p:nvPr/>
              </p:nvSpPr>
              <p:spPr bwMode="auto">
                <a:xfrm>
                  <a:off x="4714" y="3488"/>
                  <a:ext cx="5" cy="10"/>
                </a:xfrm>
                <a:custGeom>
                  <a:avLst/>
                  <a:gdLst>
                    <a:gd name="T0" fmla="*/ 0 w 5"/>
                    <a:gd name="T1" fmla="*/ 5 h 10"/>
                    <a:gd name="T2" fmla="*/ 0 w 5"/>
                    <a:gd name="T3" fmla="*/ 3 h 10"/>
                    <a:gd name="T4" fmla="*/ 0 w 5"/>
                    <a:gd name="T5" fmla="*/ 2 h 10"/>
                    <a:gd name="T6" fmla="*/ 1 w 5"/>
                    <a:gd name="T7" fmla="*/ 2 h 10"/>
                    <a:gd name="T8" fmla="*/ 1 w 5"/>
                    <a:gd name="T9" fmla="*/ 0 h 10"/>
                    <a:gd name="T10" fmla="*/ 3 w 5"/>
                    <a:gd name="T11" fmla="*/ 2 h 10"/>
                    <a:gd name="T12" fmla="*/ 3 w 5"/>
                    <a:gd name="T13" fmla="*/ 2 h 10"/>
                    <a:gd name="T14" fmla="*/ 3 w 5"/>
                    <a:gd name="T15" fmla="*/ 3 h 10"/>
                    <a:gd name="T16" fmla="*/ 5 w 5"/>
                    <a:gd name="T17" fmla="*/ 5 h 10"/>
                    <a:gd name="T18" fmla="*/ 3 w 5"/>
                    <a:gd name="T19" fmla="*/ 7 h 10"/>
                    <a:gd name="T20" fmla="*/ 3 w 5"/>
                    <a:gd name="T21" fmla="*/ 8 h 10"/>
                    <a:gd name="T22" fmla="*/ 3 w 5"/>
                    <a:gd name="T23" fmla="*/ 10 h 10"/>
                    <a:gd name="T24" fmla="*/ 1 w 5"/>
                    <a:gd name="T25" fmla="*/ 10 h 10"/>
                    <a:gd name="T26" fmla="*/ 1 w 5"/>
                    <a:gd name="T27" fmla="*/ 10 h 10"/>
                    <a:gd name="T28" fmla="*/ 0 w 5"/>
                    <a:gd name="T29" fmla="*/ 8 h 10"/>
                    <a:gd name="T30" fmla="*/ 0 w 5"/>
                    <a:gd name="T31" fmla="*/ 7 h 10"/>
                    <a:gd name="T32" fmla="*/ 0 w 5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5"/>
                    <a:gd name="T52" fmla="*/ 0 h 10"/>
                    <a:gd name="T53" fmla="*/ 5 w 5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5" h="10">
                      <a:moveTo>
                        <a:pt x="0" y="5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2"/>
                      </a:lnTo>
                      <a:lnTo>
                        <a:pt x="3" y="3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3" y="8"/>
                      </a:lnTo>
                      <a:lnTo>
                        <a:pt x="3" y="10"/>
                      </a:lnTo>
                      <a:lnTo>
                        <a:pt x="1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81" name="Freeform 28"/>
                <p:cNvSpPr>
                  <a:spLocks/>
                </p:cNvSpPr>
                <p:nvPr/>
              </p:nvSpPr>
              <p:spPr bwMode="auto">
                <a:xfrm>
                  <a:off x="4714" y="3488"/>
                  <a:ext cx="5" cy="10"/>
                </a:xfrm>
                <a:custGeom>
                  <a:avLst/>
                  <a:gdLst>
                    <a:gd name="T0" fmla="*/ 0 w 5"/>
                    <a:gd name="T1" fmla="*/ 5 h 10"/>
                    <a:gd name="T2" fmla="*/ 0 w 5"/>
                    <a:gd name="T3" fmla="*/ 5 h 10"/>
                    <a:gd name="T4" fmla="*/ 0 w 5"/>
                    <a:gd name="T5" fmla="*/ 3 h 10"/>
                    <a:gd name="T6" fmla="*/ 0 w 5"/>
                    <a:gd name="T7" fmla="*/ 2 h 10"/>
                    <a:gd name="T8" fmla="*/ 1 w 5"/>
                    <a:gd name="T9" fmla="*/ 2 h 10"/>
                    <a:gd name="T10" fmla="*/ 1 w 5"/>
                    <a:gd name="T11" fmla="*/ 0 h 10"/>
                    <a:gd name="T12" fmla="*/ 1 w 5"/>
                    <a:gd name="T13" fmla="*/ 0 h 10"/>
                    <a:gd name="T14" fmla="*/ 3 w 5"/>
                    <a:gd name="T15" fmla="*/ 2 h 10"/>
                    <a:gd name="T16" fmla="*/ 3 w 5"/>
                    <a:gd name="T17" fmla="*/ 2 h 10"/>
                    <a:gd name="T18" fmla="*/ 3 w 5"/>
                    <a:gd name="T19" fmla="*/ 3 h 10"/>
                    <a:gd name="T20" fmla="*/ 5 w 5"/>
                    <a:gd name="T21" fmla="*/ 5 h 10"/>
                    <a:gd name="T22" fmla="*/ 5 w 5"/>
                    <a:gd name="T23" fmla="*/ 5 h 10"/>
                    <a:gd name="T24" fmla="*/ 3 w 5"/>
                    <a:gd name="T25" fmla="*/ 7 h 10"/>
                    <a:gd name="T26" fmla="*/ 3 w 5"/>
                    <a:gd name="T27" fmla="*/ 8 h 10"/>
                    <a:gd name="T28" fmla="*/ 3 w 5"/>
                    <a:gd name="T29" fmla="*/ 10 h 10"/>
                    <a:gd name="T30" fmla="*/ 1 w 5"/>
                    <a:gd name="T31" fmla="*/ 10 h 10"/>
                    <a:gd name="T32" fmla="*/ 1 w 5"/>
                    <a:gd name="T33" fmla="*/ 10 h 10"/>
                    <a:gd name="T34" fmla="*/ 1 w 5"/>
                    <a:gd name="T35" fmla="*/ 10 h 10"/>
                    <a:gd name="T36" fmla="*/ 0 w 5"/>
                    <a:gd name="T37" fmla="*/ 8 h 10"/>
                    <a:gd name="T38" fmla="*/ 0 w 5"/>
                    <a:gd name="T39" fmla="*/ 7 h 10"/>
                    <a:gd name="T40" fmla="*/ 0 w 5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5"/>
                    <a:gd name="T64" fmla="*/ 0 h 10"/>
                    <a:gd name="T65" fmla="*/ 5 w 5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5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2"/>
                      </a:lnTo>
                      <a:lnTo>
                        <a:pt x="3" y="3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3" y="8"/>
                      </a:lnTo>
                      <a:lnTo>
                        <a:pt x="3" y="10"/>
                      </a:lnTo>
                      <a:lnTo>
                        <a:pt x="1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82" name="Freeform 29"/>
                <p:cNvSpPr>
                  <a:spLocks/>
                </p:cNvSpPr>
                <p:nvPr/>
              </p:nvSpPr>
              <p:spPr bwMode="auto">
                <a:xfrm>
                  <a:off x="4590" y="3632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2 w 8"/>
                    <a:gd name="T3" fmla="*/ 3 h 10"/>
                    <a:gd name="T4" fmla="*/ 2 w 8"/>
                    <a:gd name="T5" fmla="*/ 0 h 10"/>
                    <a:gd name="T6" fmla="*/ 3 w 8"/>
                    <a:gd name="T7" fmla="*/ 0 h 10"/>
                    <a:gd name="T8" fmla="*/ 5 w 8"/>
                    <a:gd name="T9" fmla="*/ 0 h 10"/>
                    <a:gd name="T10" fmla="*/ 5 w 8"/>
                    <a:gd name="T11" fmla="*/ 0 h 10"/>
                    <a:gd name="T12" fmla="*/ 7 w 8"/>
                    <a:gd name="T13" fmla="*/ 0 h 10"/>
                    <a:gd name="T14" fmla="*/ 8 w 8"/>
                    <a:gd name="T15" fmla="*/ 3 h 10"/>
                    <a:gd name="T16" fmla="*/ 8 w 8"/>
                    <a:gd name="T17" fmla="*/ 5 h 10"/>
                    <a:gd name="T18" fmla="*/ 8 w 8"/>
                    <a:gd name="T19" fmla="*/ 7 h 10"/>
                    <a:gd name="T20" fmla="*/ 7 w 8"/>
                    <a:gd name="T21" fmla="*/ 8 h 10"/>
                    <a:gd name="T22" fmla="*/ 5 w 8"/>
                    <a:gd name="T23" fmla="*/ 10 h 10"/>
                    <a:gd name="T24" fmla="*/ 5 w 8"/>
                    <a:gd name="T25" fmla="*/ 10 h 10"/>
                    <a:gd name="T26" fmla="*/ 3 w 8"/>
                    <a:gd name="T27" fmla="*/ 10 h 10"/>
                    <a:gd name="T28" fmla="*/ 2 w 8"/>
                    <a:gd name="T29" fmla="*/ 8 h 10"/>
                    <a:gd name="T30" fmla="*/ 2 w 8"/>
                    <a:gd name="T31" fmla="*/ 7 h 10"/>
                    <a:gd name="T32" fmla="*/ 0 w 8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10"/>
                    <a:gd name="T53" fmla="*/ 8 w 8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10">
                      <a:moveTo>
                        <a:pt x="0" y="5"/>
                      </a:moveTo>
                      <a:lnTo>
                        <a:pt x="2" y="3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8" y="3"/>
                      </a:lnTo>
                      <a:lnTo>
                        <a:pt x="8" y="5"/>
                      </a:lnTo>
                      <a:lnTo>
                        <a:pt x="8" y="7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8"/>
                      </a:lnTo>
                      <a:lnTo>
                        <a:pt x="2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83" name="Freeform 30"/>
                <p:cNvSpPr>
                  <a:spLocks/>
                </p:cNvSpPr>
                <p:nvPr/>
              </p:nvSpPr>
              <p:spPr bwMode="auto">
                <a:xfrm>
                  <a:off x="4590" y="3632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5 h 10"/>
                    <a:gd name="T4" fmla="*/ 2 w 8"/>
                    <a:gd name="T5" fmla="*/ 3 h 10"/>
                    <a:gd name="T6" fmla="*/ 2 w 8"/>
                    <a:gd name="T7" fmla="*/ 0 h 10"/>
                    <a:gd name="T8" fmla="*/ 3 w 8"/>
                    <a:gd name="T9" fmla="*/ 0 h 10"/>
                    <a:gd name="T10" fmla="*/ 5 w 8"/>
                    <a:gd name="T11" fmla="*/ 0 h 10"/>
                    <a:gd name="T12" fmla="*/ 5 w 8"/>
                    <a:gd name="T13" fmla="*/ 0 h 10"/>
                    <a:gd name="T14" fmla="*/ 5 w 8"/>
                    <a:gd name="T15" fmla="*/ 0 h 10"/>
                    <a:gd name="T16" fmla="*/ 7 w 8"/>
                    <a:gd name="T17" fmla="*/ 0 h 10"/>
                    <a:gd name="T18" fmla="*/ 8 w 8"/>
                    <a:gd name="T19" fmla="*/ 3 h 10"/>
                    <a:gd name="T20" fmla="*/ 8 w 8"/>
                    <a:gd name="T21" fmla="*/ 5 h 10"/>
                    <a:gd name="T22" fmla="*/ 8 w 8"/>
                    <a:gd name="T23" fmla="*/ 5 h 10"/>
                    <a:gd name="T24" fmla="*/ 8 w 8"/>
                    <a:gd name="T25" fmla="*/ 7 h 10"/>
                    <a:gd name="T26" fmla="*/ 7 w 8"/>
                    <a:gd name="T27" fmla="*/ 8 h 10"/>
                    <a:gd name="T28" fmla="*/ 5 w 8"/>
                    <a:gd name="T29" fmla="*/ 10 h 10"/>
                    <a:gd name="T30" fmla="*/ 5 w 8"/>
                    <a:gd name="T31" fmla="*/ 10 h 10"/>
                    <a:gd name="T32" fmla="*/ 5 w 8"/>
                    <a:gd name="T33" fmla="*/ 10 h 10"/>
                    <a:gd name="T34" fmla="*/ 3 w 8"/>
                    <a:gd name="T35" fmla="*/ 10 h 10"/>
                    <a:gd name="T36" fmla="*/ 2 w 8"/>
                    <a:gd name="T37" fmla="*/ 8 h 10"/>
                    <a:gd name="T38" fmla="*/ 2 w 8"/>
                    <a:gd name="T39" fmla="*/ 7 h 10"/>
                    <a:gd name="T40" fmla="*/ 0 w 8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10"/>
                    <a:gd name="T65" fmla="*/ 8 w 8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2" y="3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8" y="3"/>
                      </a:lnTo>
                      <a:lnTo>
                        <a:pt x="8" y="5"/>
                      </a:lnTo>
                      <a:lnTo>
                        <a:pt x="8" y="7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8"/>
                      </a:lnTo>
                      <a:lnTo>
                        <a:pt x="2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84" name="Freeform 31"/>
                <p:cNvSpPr>
                  <a:spLocks/>
                </p:cNvSpPr>
                <p:nvPr/>
              </p:nvSpPr>
              <p:spPr bwMode="auto">
                <a:xfrm>
                  <a:off x="4582" y="3637"/>
                  <a:ext cx="6" cy="8"/>
                </a:xfrm>
                <a:custGeom>
                  <a:avLst/>
                  <a:gdLst>
                    <a:gd name="T0" fmla="*/ 0 w 6"/>
                    <a:gd name="T1" fmla="*/ 3 h 8"/>
                    <a:gd name="T2" fmla="*/ 0 w 6"/>
                    <a:gd name="T3" fmla="*/ 3 h 8"/>
                    <a:gd name="T4" fmla="*/ 0 w 6"/>
                    <a:gd name="T5" fmla="*/ 2 h 8"/>
                    <a:gd name="T6" fmla="*/ 1 w 6"/>
                    <a:gd name="T7" fmla="*/ 0 h 8"/>
                    <a:gd name="T8" fmla="*/ 3 w 6"/>
                    <a:gd name="T9" fmla="*/ 0 h 8"/>
                    <a:gd name="T10" fmla="*/ 5 w 6"/>
                    <a:gd name="T11" fmla="*/ 0 h 8"/>
                    <a:gd name="T12" fmla="*/ 5 w 6"/>
                    <a:gd name="T13" fmla="*/ 2 h 8"/>
                    <a:gd name="T14" fmla="*/ 6 w 6"/>
                    <a:gd name="T15" fmla="*/ 3 h 8"/>
                    <a:gd name="T16" fmla="*/ 6 w 6"/>
                    <a:gd name="T17" fmla="*/ 3 h 8"/>
                    <a:gd name="T18" fmla="*/ 6 w 6"/>
                    <a:gd name="T19" fmla="*/ 5 h 8"/>
                    <a:gd name="T20" fmla="*/ 5 w 6"/>
                    <a:gd name="T21" fmla="*/ 7 h 8"/>
                    <a:gd name="T22" fmla="*/ 5 w 6"/>
                    <a:gd name="T23" fmla="*/ 7 h 8"/>
                    <a:gd name="T24" fmla="*/ 3 w 6"/>
                    <a:gd name="T25" fmla="*/ 8 h 8"/>
                    <a:gd name="T26" fmla="*/ 1 w 6"/>
                    <a:gd name="T27" fmla="*/ 7 h 8"/>
                    <a:gd name="T28" fmla="*/ 0 w 6"/>
                    <a:gd name="T29" fmla="*/ 7 h 8"/>
                    <a:gd name="T30" fmla="*/ 0 w 6"/>
                    <a:gd name="T31" fmla="*/ 5 h 8"/>
                    <a:gd name="T32" fmla="*/ 0 w 6"/>
                    <a:gd name="T33" fmla="*/ 3 h 8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6"/>
                    <a:gd name="T52" fmla="*/ 0 h 8"/>
                    <a:gd name="T53" fmla="*/ 6 w 6"/>
                    <a:gd name="T54" fmla="*/ 8 h 8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6" h="8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5" y="2"/>
                      </a:lnTo>
                      <a:lnTo>
                        <a:pt x="6" y="3"/>
                      </a:lnTo>
                      <a:lnTo>
                        <a:pt x="6" y="5"/>
                      </a:lnTo>
                      <a:lnTo>
                        <a:pt x="5" y="7"/>
                      </a:lnTo>
                      <a:lnTo>
                        <a:pt x="3" y="8"/>
                      </a:lnTo>
                      <a:lnTo>
                        <a:pt x="1" y="7"/>
                      </a:lnTo>
                      <a:lnTo>
                        <a:pt x="0" y="7"/>
                      </a:lnTo>
                      <a:lnTo>
                        <a:pt x="0" y="5"/>
                      </a:lnTo>
                      <a:lnTo>
                        <a:pt x="0" y="3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85" name="Freeform 32"/>
                <p:cNvSpPr>
                  <a:spLocks/>
                </p:cNvSpPr>
                <p:nvPr/>
              </p:nvSpPr>
              <p:spPr bwMode="auto">
                <a:xfrm>
                  <a:off x="4582" y="3637"/>
                  <a:ext cx="6" cy="8"/>
                </a:xfrm>
                <a:custGeom>
                  <a:avLst/>
                  <a:gdLst>
                    <a:gd name="T0" fmla="*/ 0 w 6"/>
                    <a:gd name="T1" fmla="*/ 3 h 8"/>
                    <a:gd name="T2" fmla="*/ 0 w 6"/>
                    <a:gd name="T3" fmla="*/ 3 h 8"/>
                    <a:gd name="T4" fmla="*/ 0 w 6"/>
                    <a:gd name="T5" fmla="*/ 3 h 8"/>
                    <a:gd name="T6" fmla="*/ 0 w 6"/>
                    <a:gd name="T7" fmla="*/ 2 h 8"/>
                    <a:gd name="T8" fmla="*/ 1 w 6"/>
                    <a:gd name="T9" fmla="*/ 0 h 8"/>
                    <a:gd name="T10" fmla="*/ 3 w 6"/>
                    <a:gd name="T11" fmla="*/ 0 h 8"/>
                    <a:gd name="T12" fmla="*/ 3 w 6"/>
                    <a:gd name="T13" fmla="*/ 0 h 8"/>
                    <a:gd name="T14" fmla="*/ 5 w 6"/>
                    <a:gd name="T15" fmla="*/ 0 h 8"/>
                    <a:gd name="T16" fmla="*/ 5 w 6"/>
                    <a:gd name="T17" fmla="*/ 2 h 8"/>
                    <a:gd name="T18" fmla="*/ 6 w 6"/>
                    <a:gd name="T19" fmla="*/ 3 h 8"/>
                    <a:gd name="T20" fmla="*/ 6 w 6"/>
                    <a:gd name="T21" fmla="*/ 3 h 8"/>
                    <a:gd name="T22" fmla="*/ 6 w 6"/>
                    <a:gd name="T23" fmla="*/ 3 h 8"/>
                    <a:gd name="T24" fmla="*/ 6 w 6"/>
                    <a:gd name="T25" fmla="*/ 5 h 8"/>
                    <a:gd name="T26" fmla="*/ 5 w 6"/>
                    <a:gd name="T27" fmla="*/ 7 h 8"/>
                    <a:gd name="T28" fmla="*/ 5 w 6"/>
                    <a:gd name="T29" fmla="*/ 7 h 8"/>
                    <a:gd name="T30" fmla="*/ 3 w 6"/>
                    <a:gd name="T31" fmla="*/ 8 h 8"/>
                    <a:gd name="T32" fmla="*/ 3 w 6"/>
                    <a:gd name="T33" fmla="*/ 8 h 8"/>
                    <a:gd name="T34" fmla="*/ 1 w 6"/>
                    <a:gd name="T35" fmla="*/ 7 h 8"/>
                    <a:gd name="T36" fmla="*/ 0 w 6"/>
                    <a:gd name="T37" fmla="*/ 7 h 8"/>
                    <a:gd name="T38" fmla="*/ 0 w 6"/>
                    <a:gd name="T39" fmla="*/ 5 h 8"/>
                    <a:gd name="T40" fmla="*/ 0 w 6"/>
                    <a:gd name="T41" fmla="*/ 3 h 8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6"/>
                    <a:gd name="T64" fmla="*/ 0 h 8"/>
                    <a:gd name="T65" fmla="*/ 6 w 6"/>
                    <a:gd name="T66" fmla="*/ 8 h 8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6" h="8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5" y="2"/>
                      </a:lnTo>
                      <a:lnTo>
                        <a:pt x="6" y="3"/>
                      </a:lnTo>
                      <a:lnTo>
                        <a:pt x="6" y="5"/>
                      </a:lnTo>
                      <a:lnTo>
                        <a:pt x="5" y="7"/>
                      </a:lnTo>
                      <a:lnTo>
                        <a:pt x="3" y="8"/>
                      </a:lnTo>
                      <a:lnTo>
                        <a:pt x="1" y="7"/>
                      </a:lnTo>
                      <a:lnTo>
                        <a:pt x="0" y="7"/>
                      </a:lnTo>
                      <a:lnTo>
                        <a:pt x="0" y="5"/>
                      </a:lnTo>
                      <a:lnTo>
                        <a:pt x="0" y="3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86" name="Freeform 33"/>
                <p:cNvSpPr>
                  <a:spLocks/>
                </p:cNvSpPr>
                <p:nvPr/>
              </p:nvSpPr>
              <p:spPr bwMode="auto">
                <a:xfrm>
                  <a:off x="4575" y="3644"/>
                  <a:ext cx="3" cy="5"/>
                </a:xfrm>
                <a:custGeom>
                  <a:avLst/>
                  <a:gdLst>
                    <a:gd name="T0" fmla="*/ 0 w 3"/>
                    <a:gd name="T1" fmla="*/ 1 h 5"/>
                    <a:gd name="T2" fmla="*/ 0 w 3"/>
                    <a:gd name="T3" fmla="*/ 1 h 5"/>
                    <a:gd name="T4" fmla="*/ 0 w 3"/>
                    <a:gd name="T5" fmla="*/ 0 h 5"/>
                    <a:gd name="T6" fmla="*/ 1 w 3"/>
                    <a:gd name="T7" fmla="*/ 0 h 5"/>
                    <a:gd name="T8" fmla="*/ 1 w 3"/>
                    <a:gd name="T9" fmla="*/ 0 h 5"/>
                    <a:gd name="T10" fmla="*/ 1 w 3"/>
                    <a:gd name="T11" fmla="*/ 0 h 5"/>
                    <a:gd name="T12" fmla="*/ 3 w 3"/>
                    <a:gd name="T13" fmla="*/ 0 h 5"/>
                    <a:gd name="T14" fmla="*/ 3 w 3"/>
                    <a:gd name="T15" fmla="*/ 1 h 5"/>
                    <a:gd name="T16" fmla="*/ 3 w 3"/>
                    <a:gd name="T17" fmla="*/ 1 h 5"/>
                    <a:gd name="T18" fmla="*/ 3 w 3"/>
                    <a:gd name="T19" fmla="*/ 3 h 5"/>
                    <a:gd name="T20" fmla="*/ 3 w 3"/>
                    <a:gd name="T21" fmla="*/ 5 h 5"/>
                    <a:gd name="T22" fmla="*/ 1 w 3"/>
                    <a:gd name="T23" fmla="*/ 5 h 5"/>
                    <a:gd name="T24" fmla="*/ 1 w 3"/>
                    <a:gd name="T25" fmla="*/ 5 h 5"/>
                    <a:gd name="T26" fmla="*/ 1 w 3"/>
                    <a:gd name="T27" fmla="*/ 5 h 5"/>
                    <a:gd name="T28" fmla="*/ 0 w 3"/>
                    <a:gd name="T29" fmla="*/ 5 h 5"/>
                    <a:gd name="T30" fmla="*/ 0 w 3"/>
                    <a:gd name="T31" fmla="*/ 3 h 5"/>
                    <a:gd name="T32" fmla="*/ 0 w 3"/>
                    <a:gd name="T33" fmla="*/ 1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3"/>
                    <a:gd name="T52" fmla="*/ 0 h 5"/>
                    <a:gd name="T53" fmla="*/ 3 w 3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3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3" y="1"/>
                      </a:lnTo>
                      <a:lnTo>
                        <a:pt x="3" y="3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87" name="Freeform 34"/>
                <p:cNvSpPr>
                  <a:spLocks/>
                </p:cNvSpPr>
                <p:nvPr/>
              </p:nvSpPr>
              <p:spPr bwMode="auto">
                <a:xfrm>
                  <a:off x="4575" y="3644"/>
                  <a:ext cx="3" cy="5"/>
                </a:xfrm>
                <a:custGeom>
                  <a:avLst/>
                  <a:gdLst>
                    <a:gd name="T0" fmla="*/ 0 w 3"/>
                    <a:gd name="T1" fmla="*/ 1 h 5"/>
                    <a:gd name="T2" fmla="*/ 0 w 3"/>
                    <a:gd name="T3" fmla="*/ 1 h 5"/>
                    <a:gd name="T4" fmla="*/ 0 w 3"/>
                    <a:gd name="T5" fmla="*/ 1 h 5"/>
                    <a:gd name="T6" fmla="*/ 0 w 3"/>
                    <a:gd name="T7" fmla="*/ 0 h 5"/>
                    <a:gd name="T8" fmla="*/ 1 w 3"/>
                    <a:gd name="T9" fmla="*/ 0 h 5"/>
                    <a:gd name="T10" fmla="*/ 1 w 3"/>
                    <a:gd name="T11" fmla="*/ 0 h 5"/>
                    <a:gd name="T12" fmla="*/ 1 w 3"/>
                    <a:gd name="T13" fmla="*/ 0 h 5"/>
                    <a:gd name="T14" fmla="*/ 1 w 3"/>
                    <a:gd name="T15" fmla="*/ 0 h 5"/>
                    <a:gd name="T16" fmla="*/ 3 w 3"/>
                    <a:gd name="T17" fmla="*/ 0 h 5"/>
                    <a:gd name="T18" fmla="*/ 3 w 3"/>
                    <a:gd name="T19" fmla="*/ 1 h 5"/>
                    <a:gd name="T20" fmla="*/ 3 w 3"/>
                    <a:gd name="T21" fmla="*/ 1 h 5"/>
                    <a:gd name="T22" fmla="*/ 3 w 3"/>
                    <a:gd name="T23" fmla="*/ 1 h 5"/>
                    <a:gd name="T24" fmla="*/ 3 w 3"/>
                    <a:gd name="T25" fmla="*/ 3 h 5"/>
                    <a:gd name="T26" fmla="*/ 3 w 3"/>
                    <a:gd name="T27" fmla="*/ 5 h 5"/>
                    <a:gd name="T28" fmla="*/ 1 w 3"/>
                    <a:gd name="T29" fmla="*/ 5 h 5"/>
                    <a:gd name="T30" fmla="*/ 1 w 3"/>
                    <a:gd name="T31" fmla="*/ 5 h 5"/>
                    <a:gd name="T32" fmla="*/ 1 w 3"/>
                    <a:gd name="T33" fmla="*/ 5 h 5"/>
                    <a:gd name="T34" fmla="*/ 1 w 3"/>
                    <a:gd name="T35" fmla="*/ 5 h 5"/>
                    <a:gd name="T36" fmla="*/ 0 w 3"/>
                    <a:gd name="T37" fmla="*/ 5 h 5"/>
                    <a:gd name="T38" fmla="*/ 0 w 3"/>
                    <a:gd name="T39" fmla="*/ 3 h 5"/>
                    <a:gd name="T40" fmla="*/ 0 w 3"/>
                    <a:gd name="T41" fmla="*/ 1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3"/>
                    <a:gd name="T64" fmla="*/ 0 h 5"/>
                    <a:gd name="T65" fmla="*/ 3 w 3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3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3" y="1"/>
                      </a:lnTo>
                      <a:lnTo>
                        <a:pt x="3" y="3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88" name="Freeform 35"/>
                <p:cNvSpPr>
                  <a:spLocks/>
                </p:cNvSpPr>
                <p:nvPr/>
              </p:nvSpPr>
              <p:spPr bwMode="auto">
                <a:xfrm>
                  <a:off x="4566" y="3649"/>
                  <a:ext cx="5" cy="5"/>
                </a:xfrm>
                <a:custGeom>
                  <a:avLst/>
                  <a:gdLst>
                    <a:gd name="T0" fmla="*/ 0 w 5"/>
                    <a:gd name="T1" fmla="*/ 3 h 5"/>
                    <a:gd name="T2" fmla="*/ 0 w 5"/>
                    <a:gd name="T3" fmla="*/ 1 h 5"/>
                    <a:gd name="T4" fmla="*/ 2 w 5"/>
                    <a:gd name="T5" fmla="*/ 0 h 5"/>
                    <a:gd name="T6" fmla="*/ 2 w 5"/>
                    <a:gd name="T7" fmla="*/ 0 h 5"/>
                    <a:gd name="T8" fmla="*/ 4 w 5"/>
                    <a:gd name="T9" fmla="*/ 0 h 5"/>
                    <a:gd name="T10" fmla="*/ 4 w 5"/>
                    <a:gd name="T11" fmla="*/ 0 h 5"/>
                    <a:gd name="T12" fmla="*/ 5 w 5"/>
                    <a:gd name="T13" fmla="*/ 0 h 5"/>
                    <a:gd name="T14" fmla="*/ 5 w 5"/>
                    <a:gd name="T15" fmla="*/ 1 h 5"/>
                    <a:gd name="T16" fmla="*/ 5 w 5"/>
                    <a:gd name="T17" fmla="*/ 3 h 5"/>
                    <a:gd name="T18" fmla="*/ 5 w 5"/>
                    <a:gd name="T19" fmla="*/ 3 h 5"/>
                    <a:gd name="T20" fmla="*/ 5 w 5"/>
                    <a:gd name="T21" fmla="*/ 5 h 5"/>
                    <a:gd name="T22" fmla="*/ 4 w 5"/>
                    <a:gd name="T23" fmla="*/ 5 h 5"/>
                    <a:gd name="T24" fmla="*/ 4 w 5"/>
                    <a:gd name="T25" fmla="*/ 5 h 5"/>
                    <a:gd name="T26" fmla="*/ 2 w 5"/>
                    <a:gd name="T27" fmla="*/ 5 h 5"/>
                    <a:gd name="T28" fmla="*/ 2 w 5"/>
                    <a:gd name="T29" fmla="*/ 5 h 5"/>
                    <a:gd name="T30" fmla="*/ 0 w 5"/>
                    <a:gd name="T31" fmla="*/ 3 h 5"/>
                    <a:gd name="T32" fmla="*/ 0 w 5"/>
                    <a:gd name="T33" fmla="*/ 3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5"/>
                    <a:gd name="T52" fmla="*/ 0 h 5"/>
                    <a:gd name="T53" fmla="*/ 5 w 5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5" h="5">
                      <a:moveTo>
                        <a:pt x="0" y="3"/>
                      </a:moveTo>
                      <a:lnTo>
                        <a:pt x="0" y="1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5" y="1"/>
                      </a:lnTo>
                      <a:lnTo>
                        <a:pt x="5" y="3"/>
                      </a:lnTo>
                      <a:lnTo>
                        <a:pt x="5" y="5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3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89" name="Freeform 36"/>
                <p:cNvSpPr>
                  <a:spLocks/>
                </p:cNvSpPr>
                <p:nvPr/>
              </p:nvSpPr>
              <p:spPr bwMode="auto">
                <a:xfrm>
                  <a:off x="4566" y="3649"/>
                  <a:ext cx="5" cy="5"/>
                </a:xfrm>
                <a:custGeom>
                  <a:avLst/>
                  <a:gdLst>
                    <a:gd name="T0" fmla="*/ 0 w 5"/>
                    <a:gd name="T1" fmla="*/ 3 h 5"/>
                    <a:gd name="T2" fmla="*/ 0 w 5"/>
                    <a:gd name="T3" fmla="*/ 3 h 5"/>
                    <a:gd name="T4" fmla="*/ 0 w 5"/>
                    <a:gd name="T5" fmla="*/ 1 h 5"/>
                    <a:gd name="T6" fmla="*/ 2 w 5"/>
                    <a:gd name="T7" fmla="*/ 0 h 5"/>
                    <a:gd name="T8" fmla="*/ 2 w 5"/>
                    <a:gd name="T9" fmla="*/ 0 h 5"/>
                    <a:gd name="T10" fmla="*/ 4 w 5"/>
                    <a:gd name="T11" fmla="*/ 0 h 5"/>
                    <a:gd name="T12" fmla="*/ 4 w 5"/>
                    <a:gd name="T13" fmla="*/ 0 h 5"/>
                    <a:gd name="T14" fmla="*/ 4 w 5"/>
                    <a:gd name="T15" fmla="*/ 0 h 5"/>
                    <a:gd name="T16" fmla="*/ 5 w 5"/>
                    <a:gd name="T17" fmla="*/ 0 h 5"/>
                    <a:gd name="T18" fmla="*/ 5 w 5"/>
                    <a:gd name="T19" fmla="*/ 1 h 5"/>
                    <a:gd name="T20" fmla="*/ 5 w 5"/>
                    <a:gd name="T21" fmla="*/ 3 h 5"/>
                    <a:gd name="T22" fmla="*/ 5 w 5"/>
                    <a:gd name="T23" fmla="*/ 3 h 5"/>
                    <a:gd name="T24" fmla="*/ 5 w 5"/>
                    <a:gd name="T25" fmla="*/ 3 h 5"/>
                    <a:gd name="T26" fmla="*/ 5 w 5"/>
                    <a:gd name="T27" fmla="*/ 5 h 5"/>
                    <a:gd name="T28" fmla="*/ 4 w 5"/>
                    <a:gd name="T29" fmla="*/ 5 h 5"/>
                    <a:gd name="T30" fmla="*/ 4 w 5"/>
                    <a:gd name="T31" fmla="*/ 5 h 5"/>
                    <a:gd name="T32" fmla="*/ 4 w 5"/>
                    <a:gd name="T33" fmla="*/ 5 h 5"/>
                    <a:gd name="T34" fmla="*/ 2 w 5"/>
                    <a:gd name="T35" fmla="*/ 5 h 5"/>
                    <a:gd name="T36" fmla="*/ 2 w 5"/>
                    <a:gd name="T37" fmla="*/ 5 h 5"/>
                    <a:gd name="T38" fmla="*/ 0 w 5"/>
                    <a:gd name="T39" fmla="*/ 3 h 5"/>
                    <a:gd name="T40" fmla="*/ 0 w 5"/>
                    <a:gd name="T41" fmla="*/ 3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5"/>
                    <a:gd name="T64" fmla="*/ 0 h 5"/>
                    <a:gd name="T65" fmla="*/ 5 w 5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5" h="5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5" y="1"/>
                      </a:lnTo>
                      <a:lnTo>
                        <a:pt x="5" y="3"/>
                      </a:lnTo>
                      <a:lnTo>
                        <a:pt x="5" y="5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3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90" name="Freeform 37"/>
                <p:cNvSpPr>
                  <a:spLocks/>
                </p:cNvSpPr>
                <p:nvPr/>
              </p:nvSpPr>
              <p:spPr bwMode="auto">
                <a:xfrm>
                  <a:off x="4560" y="3656"/>
                  <a:ext cx="5" cy="3"/>
                </a:xfrm>
                <a:custGeom>
                  <a:avLst/>
                  <a:gdLst>
                    <a:gd name="T0" fmla="*/ 0 w 5"/>
                    <a:gd name="T1" fmla="*/ 1 h 3"/>
                    <a:gd name="T2" fmla="*/ 0 w 5"/>
                    <a:gd name="T3" fmla="*/ 1 h 3"/>
                    <a:gd name="T4" fmla="*/ 0 w 5"/>
                    <a:gd name="T5" fmla="*/ 0 h 3"/>
                    <a:gd name="T6" fmla="*/ 1 w 5"/>
                    <a:gd name="T7" fmla="*/ 0 h 3"/>
                    <a:gd name="T8" fmla="*/ 1 w 5"/>
                    <a:gd name="T9" fmla="*/ 0 h 3"/>
                    <a:gd name="T10" fmla="*/ 3 w 5"/>
                    <a:gd name="T11" fmla="*/ 0 h 3"/>
                    <a:gd name="T12" fmla="*/ 3 w 5"/>
                    <a:gd name="T13" fmla="*/ 0 h 3"/>
                    <a:gd name="T14" fmla="*/ 5 w 5"/>
                    <a:gd name="T15" fmla="*/ 1 h 3"/>
                    <a:gd name="T16" fmla="*/ 5 w 5"/>
                    <a:gd name="T17" fmla="*/ 1 h 3"/>
                    <a:gd name="T18" fmla="*/ 5 w 5"/>
                    <a:gd name="T19" fmla="*/ 1 h 3"/>
                    <a:gd name="T20" fmla="*/ 3 w 5"/>
                    <a:gd name="T21" fmla="*/ 3 h 3"/>
                    <a:gd name="T22" fmla="*/ 3 w 5"/>
                    <a:gd name="T23" fmla="*/ 3 h 3"/>
                    <a:gd name="T24" fmla="*/ 1 w 5"/>
                    <a:gd name="T25" fmla="*/ 3 h 3"/>
                    <a:gd name="T26" fmla="*/ 1 w 5"/>
                    <a:gd name="T27" fmla="*/ 3 h 3"/>
                    <a:gd name="T28" fmla="*/ 0 w 5"/>
                    <a:gd name="T29" fmla="*/ 3 h 3"/>
                    <a:gd name="T30" fmla="*/ 0 w 5"/>
                    <a:gd name="T31" fmla="*/ 1 h 3"/>
                    <a:gd name="T32" fmla="*/ 0 w 5"/>
                    <a:gd name="T33" fmla="*/ 1 h 3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5"/>
                    <a:gd name="T52" fmla="*/ 0 h 3"/>
                    <a:gd name="T53" fmla="*/ 5 w 5"/>
                    <a:gd name="T54" fmla="*/ 3 h 3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5" h="3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1"/>
                      </a:lnTo>
                      <a:lnTo>
                        <a:pt x="3" y="3"/>
                      </a:lnTo>
                      <a:lnTo>
                        <a:pt x="1" y="3"/>
                      </a:lnTo>
                      <a:lnTo>
                        <a:pt x="0" y="3"/>
                      </a:lnTo>
                      <a:lnTo>
                        <a:pt x="0" y="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91" name="Freeform 38"/>
                <p:cNvSpPr>
                  <a:spLocks/>
                </p:cNvSpPr>
                <p:nvPr/>
              </p:nvSpPr>
              <p:spPr bwMode="auto">
                <a:xfrm>
                  <a:off x="4560" y="3656"/>
                  <a:ext cx="5" cy="3"/>
                </a:xfrm>
                <a:custGeom>
                  <a:avLst/>
                  <a:gdLst>
                    <a:gd name="T0" fmla="*/ 0 w 5"/>
                    <a:gd name="T1" fmla="*/ 1 h 3"/>
                    <a:gd name="T2" fmla="*/ 0 w 5"/>
                    <a:gd name="T3" fmla="*/ 1 h 3"/>
                    <a:gd name="T4" fmla="*/ 0 w 5"/>
                    <a:gd name="T5" fmla="*/ 1 h 3"/>
                    <a:gd name="T6" fmla="*/ 0 w 5"/>
                    <a:gd name="T7" fmla="*/ 0 h 3"/>
                    <a:gd name="T8" fmla="*/ 1 w 5"/>
                    <a:gd name="T9" fmla="*/ 0 h 3"/>
                    <a:gd name="T10" fmla="*/ 1 w 5"/>
                    <a:gd name="T11" fmla="*/ 0 h 3"/>
                    <a:gd name="T12" fmla="*/ 1 w 5"/>
                    <a:gd name="T13" fmla="*/ 0 h 3"/>
                    <a:gd name="T14" fmla="*/ 3 w 5"/>
                    <a:gd name="T15" fmla="*/ 0 h 3"/>
                    <a:gd name="T16" fmla="*/ 3 w 5"/>
                    <a:gd name="T17" fmla="*/ 0 h 3"/>
                    <a:gd name="T18" fmla="*/ 5 w 5"/>
                    <a:gd name="T19" fmla="*/ 1 h 3"/>
                    <a:gd name="T20" fmla="*/ 5 w 5"/>
                    <a:gd name="T21" fmla="*/ 1 h 3"/>
                    <a:gd name="T22" fmla="*/ 5 w 5"/>
                    <a:gd name="T23" fmla="*/ 1 h 3"/>
                    <a:gd name="T24" fmla="*/ 5 w 5"/>
                    <a:gd name="T25" fmla="*/ 1 h 3"/>
                    <a:gd name="T26" fmla="*/ 3 w 5"/>
                    <a:gd name="T27" fmla="*/ 3 h 3"/>
                    <a:gd name="T28" fmla="*/ 3 w 5"/>
                    <a:gd name="T29" fmla="*/ 3 h 3"/>
                    <a:gd name="T30" fmla="*/ 1 w 5"/>
                    <a:gd name="T31" fmla="*/ 3 h 3"/>
                    <a:gd name="T32" fmla="*/ 1 w 5"/>
                    <a:gd name="T33" fmla="*/ 3 h 3"/>
                    <a:gd name="T34" fmla="*/ 1 w 5"/>
                    <a:gd name="T35" fmla="*/ 3 h 3"/>
                    <a:gd name="T36" fmla="*/ 0 w 5"/>
                    <a:gd name="T37" fmla="*/ 3 h 3"/>
                    <a:gd name="T38" fmla="*/ 0 w 5"/>
                    <a:gd name="T39" fmla="*/ 1 h 3"/>
                    <a:gd name="T40" fmla="*/ 0 w 5"/>
                    <a:gd name="T41" fmla="*/ 1 h 3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5"/>
                    <a:gd name="T64" fmla="*/ 0 h 3"/>
                    <a:gd name="T65" fmla="*/ 5 w 5"/>
                    <a:gd name="T66" fmla="*/ 3 h 3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5" h="3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1"/>
                      </a:lnTo>
                      <a:lnTo>
                        <a:pt x="3" y="3"/>
                      </a:lnTo>
                      <a:lnTo>
                        <a:pt x="1" y="3"/>
                      </a:lnTo>
                      <a:lnTo>
                        <a:pt x="0" y="3"/>
                      </a:lnTo>
                      <a:lnTo>
                        <a:pt x="0" y="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92" name="Freeform 39"/>
                <p:cNvSpPr>
                  <a:spLocks/>
                </p:cNvSpPr>
                <p:nvPr/>
              </p:nvSpPr>
              <p:spPr bwMode="auto">
                <a:xfrm>
                  <a:off x="4664" y="3600"/>
                  <a:ext cx="4" cy="5"/>
                </a:xfrm>
                <a:custGeom>
                  <a:avLst/>
                  <a:gdLst>
                    <a:gd name="T0" fmla="*/ 0 w 4"/>
                    <a:gd name="T1" fmla="*/ 1 h 5"/>
                    <a:gd name="T2" fmla="*/ 0 w 4"/>
                    <a:gd name="T3" fmla="*/ 1 h 5"/>
                    <a:gd name="T4" fmla="*/ 0 w 4"/>
                    <a:gd name="T5" fmla="*/ 0 h 5"/>
                    <a:gd name="T6" fmla="*/ 2 w 4"/>
                    <a:gd name="T7" fmla="*/ 0 h 5"/>
                    <a:gd name="T8" fmla="*/ 2 w 4"/>
                    <a:gd name="T9" fmla="*/ 0 h 5"/>
                    <a:gd name="T10" fmla="*/ 2 w 4"/>
                    <a:gd name="T11" fmla="*/ 0 h 5"/>
                    <a:gd name="T12" fmla="*/ 4 w 4"/>
                    <a:gd name="T13" fmla="*/ 0 h 5"/>
                    <a:gd name="T14" fmla="*/ 4 w 4"/>
                    <a:gd name="T15" fmla="*/ 1 h 5"/>
                    <a:gd name="T16" fmla="*/ 4 w 4"/>
                    <a:gd name="T17" fmla="*/ 1 h 5"/>
                    <a:gd name="T18" fmla="*/ 4 w 4"/>
                    <a:gd name="T19" fmla="*/ 3 h 5"/>
                    <a:gd name="T20" fmla="*/ 4 w 4"/>
                    <a:gd name="T21" fmla="*/ 5 h 5"/>
                    <a:gd name="T22" fmla="*/ 2 w 4"/>
                    <a:gd name="T23" fmla="*/ 5 h 5"/>
                    <a:gd name="T24" fmla="*/ 2 w 4"/>
                    <a:gd name="T25" fmla="*/ 5 h 5"/>
                    <a:gd name="T26" fmla="*/ 2 w 4"/>
                    <a:gd name="T27" fmla="*/ 5 h 5"/>
                    <a:gd name="T28" fmla="*/ 0 w 4"/>
                    <a:gd name="T29" fmla="*/ 5 h 5"/>
                    <a:gd name="T30" fmla="*/ 0 w 4"/>
                    <a:gd name="T31" fmla="*/ 3 h 5"/>
                    <a:gd name="T32" fmla="*/ 0 w 4"/>
                    <a:gd name="T33" fmla="*/ 1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4"/>
                    <a:gd name="T52" fmla="*/ 0 h 5"/>
                    <a:gd name="T53" fmla="*/ 4 w 4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4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4" y="1"/>
                      </a:lnTo>
                      <a:lnTo>
                        <a:pt x="4" y="3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93" name="Freeform 40"/>
                <p:cNvSpPr>
                  <a:spLocks/>
                </p:cNvSpPr>
                <p:nvPr/>
              </p:nvSpPr>
              <p:spPr bwMode="auto">
                <a:xfrm>
                  <a:off x="4664" y="3600"/>
                  <a:ext cx="4" cy="5"/>
                </a:xfrm>
                <a:custGeom>
                  <a:avLst/>
                  <a:gdLst>
                    <a:gd name="T0" fmla="*/ 0 w 4"/>
                    <a:gd name="T1" fmla="*/ 1 h 5"/>
                    <a:gd name="T2" fmla="*/ 0 w 4"/>
                    <a:gd name="T3" fmla="*/ 1 h 5"/>
                    <a:gd name="T4" fmla="*/ 0 w 4"/>
                    <a:gd name="T5" fmla="*/ 1 h 5"/>
                    <a:gd name="T6" fmla="*/ 0 w 4"/>
                    <a:gd name="T7" fmla="*/ 0 h 5"/>
                    <a:gd name="T8" fmla="*/ 2 w 4"/>
                    <a:gd name="T9" fmla="*/ 0 h 5"/>
                    <a:gd name="T10" fmla="*/ 2 w 4"/>
                    <a:gd name="T11" fmla="*/ 0 h 5"/>
                    <a:gd name="T12" fmla="*/ 2 w 4"/>
                    <a:gd name="T13" fmla="*/ 0 h 5"/>
                    <a:gd name="T14" fmla="*/ 2 w 4"/>
                    <a:gd name="T15" fmla="*/ 0 h 5"/>
                    <a:gd name="T16" fmla="*/ 4 w 4"/>
                    <a:gd name="T17" fmla="*/ 0 h 5"/>
                    <a:gd name="T18" fmla="*/ 4 w 4"/>
                    <a:gd name="T19" fmla="*/ 1 h 5"/>
                    <a:gd name="T20" fmla="*/ 4 w 4"/>
                    <a:gd name="T21" fmla="*/ 1 h 5"/>
                    <a:gd name="T22" fmla="*/ 4 w 4"/>
                    <a:gd name="T23" fmla="*/ 1 h 5"/>
                    <a:gd name="T24" fmla="*/ 4 w 4"/>
                    <a:gd name="T25" fmla="*/ 3 h 5"/>
                    <a:gd name="T26" fmla="*/ 4 w 4"/>
                    <a:gd name="T27" fmla="*/ 5 h 5"/>
                    <a:gd name="T28" fmla="*/ 2 w 4"/>
                    <a:gd name="T29" fmla="*/ 5 h 5"/>
                    <a:gd name="T30" fmla="*/ 2 w 4"/>
                    <a:gd name="T31" fmla="*/ 5 h 5"/>
                    <a:gd name="T32" fmla="*/ 2 w 4"/>
                    <a:gd name="T33" fmla="*/ 5 h 5"/>
                    <a:gd name="T34" fmla="*/ 2 w 4"/>
                    <a:gd name="T35" fmla="*/ 5 h 5"/>
                    <a:gd name="T36" fmla="*/ 0 w 4"/>
                    <a:gd name="T37" fmla="*/ 5 h 5"/>
                    <a:gd name="T38" fmla="*/ 0 w 4"/>
                    <a:gd name="T39" fmla="*/ 3 h 5"/>
                    <a:gd name="T40" fmla="*/ 0 w 4"/>
                    <a:gd name="T41" fmla="*/ 1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4"/>
                    <a:gd name="T64" fmla="*/ 0 h 5"/>
                    <a:gd name="T65" fmla="*/ 4 w 4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4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4" y="1"/>
                      </a:lnTo>
                      <a:lnTo>
                        <a:pt x="4" y="3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94" name="Freeform 41"/>
                <p:cNvSpPr>
                  <a:spLocks/>
                </p:cNvSpPr>
                <p:nvPr/>
              </p:nvSpPr>
              <p:spPr bwMode="auto">
                <a:xfrm>
                  <a:off x="4653" y="3608"/>
                  <a:ext cx="8" cy="7"/>
                </a:xfrm>
                <a:custGeom>
                  <a:avLst/>
                  <a:gdLst>
                    <a:gd name="T0" fmla="*/ 0 w 8"/>
                    <a:gd name="T1" fmla="*/ 4 h 7"/>
                    <a:gd name="T2" fmla="*/ 0 w 8"/>
                    <a:gd name="T3" fmla="*/ 2 h 7"/>
                    <a:gd name="T4" fmla="*/ 1 w 8"/>
                    <a:gd name="T5" fmla="*/ 2 h 7"/>
                    <a:gd name="T6" fmla="*/ 1 w 8"/>
                    <a:gd name="T7" fmla="*/ 0 h 7"/>
                    <a:gd name="T8" fmla="*/ 3 w 8"/>
                    <a:gd name="T9" fmla="*/ 0 h 7"/>
                    <a:gd name="T10" fmla="*/ 5 w 8"/>
                    <a:gd name="T11" fmla="*/ 0 h 7"/>
                    <a:gd name="T12" fmla="*/ 6 w 8"/>
                    <a:gd name="T13" fmla="*/ 2 h 7"/>
                    <a:gd name="T14" fmla="*/ 6 w 8"/>
                    <a:gd name="T15" fmla="*/ 2 h 7"/>
                    <a:gd name="T16" fmla="*/ 8 w 8"/>
                    <a:gd name="T17" fmla="*/ 4 h 7"/>
                    <a:gd name="T18" fmla="*/ 6 w 8"/>
                    <a:gd name="T19" fmla="*/ 5 h 7"/>
                    <a:gd name="T20" fmla="*/ 6 w 8"/>
                    <a:gd name="T21" fmla="*/ 5 h 7"/>
                    <a:gd name="T22" fmla="*/ 5 w 8"/>
                    <a:gd name="T23" fmla="*/ 5 h 7"/>
                    <a:gd name="T24" fmla="*/ 3 w 8"/>
                    <a:gd name="T25" fmla="*/ 7 h 7"/>
                    <a:gd name="T26" fmla="*/ 1 w 8"/>
                    <a:gd name="T27" fmla="*/ 5 h 7"/>
                    <a:gd name="T28" fmla="*/ 1 w 8"/>
                    <a:gd name="T29" fmla="*/ 5 h 7"/>
                    <a:gd name="T30" fmla="*/ 0 w 8"/>
                    <a:gd name="T31" fmla="*/ 5 h 7"/>
                    <a:gd name="T32" fmla="*/ 0 w 8"/>
                    <a:gd name="T33" fmla="*/ 4 h 7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7"/>
                    <a:gd name="T53" fmla="*/ 8 w 8"/>
                    <a:gd name="T54" fmla="*/ 7 h 7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7">
                      <a:moveTo>
                        <a:pt x="0" y="4"/>
                      </a:move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6" y="2"/>
                      </a:lnTo>
                      <a:lnTo>
                        <a:pt x="8" y="4"/>
                      </a:lnTo>
                      <a:lnTo>
                        <a:pt x="6" y="5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4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95" name="Freeform 42"/>
                <p:cNvSpPr>
                  <a:spLocks/>
                </p:cNvSpPr>
                <p:nvPr/>
              </p:nvSpPr>
              <p:spPr bwMode="auto">
                <a:xfrm>
                  <a:off x="4653" y="3608"/>
                  <a:ext cx="8" cy="7"/>
                </a:xfrm>
                <a:custGeom>
                  <a:avLst/>
                  <a:gdLst>
                    <a:gd name="T0" fmla="*/ 0 w 8"/>
                    <a:gd name="T1" fmla="*/ 4 h 7"/>
                    <a:gd name="T2" fmla="*/ 0 w 8"/>
                    <a:gd name="T3" fmla="*/ 4 h 7"/>
                    <a:gd name="T4" fmla="*/ 0 w 8"/>
                    <a:gd name="T5" fmla="*/ 2 h 7"/>
                    <a:gd name="T6" fmla="*/ 1 w 8"/>
                    <a:gd name="T7" fmla="*/ 2 h 7"/>
                    <a:gd name="T8" fmla="*/ 1 w 8"/>
                    <a:gd name="T9" fmla="*/ 0 h 7"/>
                    <a:gd name="T10" fmla="*/ 3 w 8"/>
                    <a:gd name="T11" fmla="*/ 0 h 7"/>
                    <a:gd name="T12" fmla="*/ 3 w 8"/>
                    <a:gd name="T13" fmla="*/ 0 h 7"/>
                    <a:gd name="T14" fmla="*/ 5 w 8"/>
                    <a:gd name="T15" fmla="*/ 0 h 7"/>
                    <a:gd name="T16" fmla="*/ 6 w 8"/>
                    <a:gd name="T17" fmla="*/ 2 h 7"/>
                    <a:gd name="T18" fmla="*/ 6 w 8"/>
                    <a:gd name="T19" fmla="*/ 2 h 7"/>
                    <a:gd name="T20" fmla="*/ 8 w 8"/>
                    <a:gd name="T21" fmla="*/ 4 h 7"/>
                    <a:gd name="T22" fmla="*/ 8 w 8"/>
                    <a:gd name="T23" fmla="*/ 4 h 7"/>
                    <a:gd name="T24" fmla="*/ 6 w 8"/>
                    <a:gd name="T25" fmla="*/ 5 h 7"/>
                    <a:gd name="T26" fmla="*/ 6 w 8"/>
                    <a:gd name="T27" fmla="*/ 5 h 7"/>
                    <a:gd name="T28" fmla="*/ 5 w 8"/>
                    <a:gd name="T29" fmla="*/ 5 h 7"/>
                    <a:gd name="T30" fmla="*/ 3 w 8"/>
                    <a:gd name="T31" fmla="*/ 7 h 7"/>
                    <a:gd name="T32" fmla="*/ 3 w 8"/>
                    <a:gd name="T33" fmla="*/ 7 h 7"/>
                    <a:gd name="T34" fmla="*/ 1 w 8"/>
                    <a:gd name="T35" fmla="*/ 5 h 7"/>
                    <a:gd name="T36" fmla="*/ 1 w 8"/>
                    <a:gd name="T37" fmla="*/ 5 h 7"/>
                    <a:gd name="T38" fmla="*/ 0 w 8"/>
                    <a:gd name="T39" fmla="*/ 5 h 7"/>
                    <a:gd name="T40" fmla="*/ 0 w 8"/>
                    <a:gd name="T41" fmla="*/ 4 h 7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7"/>
                    <a:gd name="T65" fmla="*/ 8 w 8"/>
                    <a:gd name="T66" fmla="*/ 7 h 7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7">
                      <a:moveTo>
                        <a:pt x="0" y="4"/>
                      </a:moveTo>
                      <a:lnTo>
                        <a:pt x="0" y="4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6" y="2"/>
                      </a:lnTo>
                      <a:lnTo>
                        <a:pt x="8" y="4"/>
                      </a:lnTo>
                      <a:lnTo>
                        <a:pt x="6" y="5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4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96" name="Freeform 43"/>
                <p:cNvSpPr>
                  <a:spLocks/>
                </p:cNvSpPr>
                <p:nvPr/>
              </p:nvSpPr>
              <p:spPr bwMode="auto">
                <a:xfrm>
                  <a:off x="4626" y="3627"/>
                  <a:ext cx="8" cy="5"/>
                </a:xfrm>
                <a:custGeom>
                  <a:avLst/>
                  <a:gdLst>
                    <a:gd name="T0" fmla="*/ 0 w 8"/>
                    <a:gd name="T1" fmla="*/ 3 h 5"/>
                    <a:gd name="T2" fmla="*/ 0 w 8"/>
                    <a:gd name="T3" fmla="*/ 1 h 5"/>
                    <a:gd name="T4" fmla="*/ 0 w 8"/>
                    <a:gd name="T5" fmla="*/ 0 h 5"/>
                    <a:gd name="T6" fmla="*/ 1 w 8"/>
                    <a:gd name="T7" fmla="*/ 0 h 5"/>
                    <a:gd name="T8" fmla="*/ 3 w 8"/>
                    <a:gd name="T9" fmla="*/ 0 h 5"/>
                    <a:gd name="T10" fmla="*/ 6 w 8"/>
                    <a:gd name="T11" fmla="*/ 0 h 5"/>
                    <a:gd name="T12" fmla="*/ 6 w 8"/>
                    <a:gd name="T13" fmla="*/ 0 h 5"/>
                    <a:gd name="T14" fmla="*/ 8 w 8"/>
                    <a:gd name="T15" fmla="*/ 1 h 5"/>
                    <a:gd name="T16" fmla="*/ 8 w 8"/>
                    <a:gd name="T17" fmla="*/ 3 h 5"/>
                    <a:gd name="T18" fmla="*/ 8 w 8"/>
                    <a:gd name="T19" fmla="*/ 3 h 5"/>
                    <a:gd name="T20" fmla="*/ 6 w 8"/>
                    <a:gd name="T21" fmla="*/ 5 h 5"/>
                    <a:gd name="T22" fmla="*/ 6 w 8"/>
                    <a:gd name="T23" fmla="*/ 5 h 5"/>
                    <a:gd name="T24" fmla="*/ 3 w 8"/>
                    <a:gd name="T25" fmla="*/ 5 h 5"/>
                    <a:gd name="T26" fmla="*/ 1 w 8"/>
                    <a:gd name="T27" fmla="*/ 5 h 5"/>
                    <a:gd name="T28" fmla="*/ 0 w 8"/>
                    <a:gd name="T29" fmla="*/ 5 h 5"/>
                    <a:gd name="T30" fmla="*/ 0 w 8"/>
                    <a:gd name="T31" fmla="*/ 3 h 5"/>
                    <a:gd name="T32" fmla="*/ 0 w 8"/>
                    <a:gd name="T33" fmla="*/ 3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5"/>
                    <a:gd name="T53" fmla="*/ 8 w 8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5">
                      <a:moveTo>
                        <a:pt x="0" y="3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6" y="0"/>
                      </a:lnTo>
                      <a:lnTo>
                        <a:pt x="8" y="1"/>
                      </a:lnTo>
                      <a:lnTo>
                        <a:pt x="8" y="3"/>
                      </a:lnTo>
                      <a:lnTo>
                        <a:pt x="6" y="5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97" name="Freeform 44"/>
                <p:cNvSpPr>
                  <a:spLocks/>
                </p:cNvSpPr>
                <p:nvPr/>
              </p:nvSpPr>
              <p:spPr bwMode="auto">
                <a:xfrm>
                  <a:off x="4626" y="3627"/>
                  <a:ext cx="8" cy="5"/>
                </a:xfrm>
                <a:custGeom>
                  <a:avLst/>
                  <a:gdLst>
                    <a:gd name="T0" fmla="*/ 0 w 8"/>
                    <a:gd name="T1" fmla="*/ 3 h 5"/>
                    <a:gd name="T2" fmla="*/ 0 w 8"/>
                    <a:gd name="T3" fmla="*/ 3 h 5"/>
                    <a:gd name="T4" fmla="*/ 0 w 8"/>
                    <a:gd name="T5" fmla="*/ 1 h 5"/>
                    <a:gd name="T6" fmla="*/ 0 w 8"/>
                    <a:gd name="T7" fmla="*/ 0 h 5"/>
                    <a:gd name="T8" fmla="*/ 1 w 8"/>
                    <a:gd name="T9" fmla="*/ 0 h 5"/>
                    <a:gd name="T10" fmla="*/ 3 w 8"/>
                    <a:gd name="T11" fmla="*/ 0 h 5"/>
                    <a:gd name="T12" fmla="*/ 3 w 8"/>
                    <a:gd name="T13" fmla="*/ 0 h 5"/>
                    <a:gd name="T14" fmla="*/ 6 w 8"/>
                    <a:gd name="T15" fmla="*/ 0 h 5"/>
                    <a:gd name="T16" fmla="*/ 6 w 8"/>
                    <a:gd name="T17" fmla="*/ 0 h 5"/>
                    <a:gd name="T18" fmla="*/ 8 w 8"/>
                    <a:gd name="T19" fmla="*/ 1 h 5"/>
                    <a:gd name="T20" fmla="*/ 8 w 8"/>
                    <a:gd name="T21" fmla="*/ 3 h 5"/>
                    <a:gd name="T22" fmla="*/ 8 w 8"/>
                    <a:gd name="T23" fmla="*/ 3 h 5"/>
                    <a:gd name="T24" fmla="*/ 8 w 8"/>
                    <a:gd name="T25" fmla="*/ 3 h 5"/>
                    <a:gd name="T26" fmla="*/ 6 w 8"/>
                    <a:gd name="T27" fmla="*/ 5 h 5"/>
                    <a:gd name="T28" fmla="*/ 6 w 8"/>
                    <a:gd name="T29" fmla="*/ 5 h 5"/>
                    <a:gd name="T30" fmla="*/ 3 w 8"/>
                    <a:gd name="T31" fmla="*/ 5 h 5"/>
                    <a:gd name="T32" fmla="*/ 3 w 8"/>
                    <a:gd name="T33" fmla="*/ 5 h 5"/>
                    <a:gd name="T34" fmla="*/ 1 w 8"/>
                    <a:gd name="T35" fmla="*/ 5 h 5"/>
                    <a:gd name="T36" fmla="*/ 0 w 8"/>
                    <a:gd name="T37" fmla="*/ 5 h 5"/>
                    <a:gd name="T38" fmla="*/ 0 w 8"/>
                    <a:gd name="T39" fmla="*/ 3 h 5"/>
                    <a:gd name="T40" fmla="*/ 0 w 8"/>
                    <a:gd name="T41" fmla="*/ 3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5"/>
                    <a:gd name="T65" fmla="*/ 8 w 8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5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6" y="0"/>
                      </a:lnTo>
                      <a:lnTo>
                        <a:pt x="8" y="1"/>
                      </a:lnTo>
                      <a:lnTo>
                        <a:pt x="8" y="3"/>
                      </a:lnTo>
                      <a:lnTo>
                        <a:pt x="6" y="5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</p:grpSp>
          <p:sp>
            <p:nvSpPr>
              <p:cNvPr id="1065" name="Freeform 45"/>
              <p:cNvSpPr>
                <a:spLocks/>
              </p:cNvSpPr>
              <p:nvPr/>
            </p:nvSpPr>
            <p:spPr bwMode="auto">
              <a:xfrm>
                <a:off x="3079" y="1947"/>
                <a:ext cx="384" cy="676"/>
              </a:xfrm>
              <a:custGeom>
                <a:avLst/>
                <a:gdLst>
                  <a:gd name="T0" fmla="*/ 192 w 395"/>
                  <a:gd name="T1" fmla="*/ 439 h 697"/>
                  <a:gd name="T2" fmla="*/ 218 w 395"/>
                  <a:gd name="T3" fmla="*/ 444 h 697"/>
                  <a:gd name="T4" fmla="*/ 212 w 395"/>
                  <a:gd name="T5" fmla="*/ 429 h 697"/>
                  <a:gd name="T6" fmla="*/ 227 w 395"/>
                  <a:gd name="T7" fmla="*/ 415 h 697"/>
                  <a:gd name="T8" fmla="*/ 238 w 395"/>
                  <a:gd name="T9" fmla="*/ 406 h 697"/>
                  <a:gd name="T10" fmla="*/ 235 w 395"/>
                  <a:gd name="T11" fmla="*/ 393 h 697"/>
                  <a:gd name="T12" fmla="*/ 240 w 395"/>
                  <a:gd name="T13" fmla="*/ 386 h 697"/>
                  <a:gd name="T14" fmla="*/ 238 w 395"/>
                  <a:gd name="T15" fmla="*/ 370 h 697"/>
                  <a:gd name="T16" fmla="*/ 242 w 395"/>
                  <a:gd name="T17" fmla="*/ 359 h 697"/>
                  <a:gd name="T18" fmla="*/ 244 w 395"/>
                  <a:gd name="T19" fmla="*/ 345 h 697"/>
                  <a:gd name="T20" fmla="*/ 260 w 395"/>
                  <a:gd name="T21" fmla="*/ 318 h 697"/>
                  <a:gd name="T22" fmla="*/ 265 w 395"/>
                  <a:gd name="T23" fmla="*/ 308 h 697"/>
                  <a:gd name="T24" fmla="*/ 258 w 395"/>
                  <a:gd name="T25" fmla="*/ 279 h 697"/>
                  <a:gd name="T26" fmla="*/ 258 w 395"/>
                  <a:gd name="T27" fmla="*/ 254 h 697"/>
                  <a:gd name="T28" fmla="*/ 257 w 395"/>
                  <a:gd name="T29" fmla="*/ 230 h 697"/>
                  <a:gd name="T30" fmla="*/ 254 w 395"/>
                  <a:gd name="T31" fmla="*/ 185 h 697"/>
                  <a:gd name="T32" fmla="*/ 249 w 395"/>
                  <a:gd name="T33" fmla="*/ 131 h 697"/>
                  <a:gd name="T34" fmla="*/ 244 w 395"/>
                  <a:gd name="T35" fmla="*/ 86 h 697"/>
                  <a:gd name="T36" fmla="*/ 242 w 395"/>
                  <a:gd name="T37" fmla="*/ 63 h 697"/>
                  <a:gd name="T38" fmla="*/ 233 w 395"/>
                  <a:gd name="T39" fmla="*/ 45 h 697"/>
                  <a:gd name="T40" fmla="*/ 230 w 395"/>
                  <a:gd name="T41" fmla="*/ 37 h 697"/>
                  <a:gd name="T42" fmla="*/ 219 w 395"/>
                  <a:gd name="T43" fmla="*/ 16 h 697"/>
                  <a:gd name="T44" fmla="*/ 45 w 395"/>
                  <a:gd name="T45" fmla="*/ 16 h 697"/>
                  <a:gd name="T46" fmla="*/ 49 w 395"/>
                  <a:gd name="T47" fmla="*/ 16 h 697"/>
                  <a:gd name="T48" fmla="*/ 61 w 395"/>
                  <a:gd name="T49" fmla="*/ 31 h 697"/>
                  <a:gd name="T50" fmla="*/ 68 w 395"/>
                  <a:gd name="T51" fmla="*/ 39 h 697"/>
                  <a:gd name="T52" fmla="*/ 77 w 395"/>
                  <a:gd name="T53" fmla="*/ 55 h 697"/>
                  <a:gd name="T54" fmla="*/ 67 w 395"/>
                  <a:gd name="T55" fmla="*/ 72 h 697"/>
                  <a:gd name="T56" fmla="*/ 66 w 395"/>
                  <a:gd name="T57" fmla="*/ 88 h 697"/>
                  <a:gd name="T58" fmla="*/ 51 w 395"/>
                  <a:gd name="T59" fmla="*/ 93 h 697"/>
                  <a:gd name="T60" fmla="*/ 47 w 395"/>
                  <a:gd name="T61" fmla="*/ 98 h 697"/>
                  <a:gd name="T62" fmla="*/ 20 w 395"/>
                  <a:gd name="T63" fmla="*/ 107 h 697"/>
                  <a:gd name="T64" fmla="*/ 34 w 395"/>
                  <a:gd name="T65" fmla="*/ 133 h 697"/>
                  <a:gd name="T66" fmla="*/ 27 w 395"/>
                  <a:gd name="T67" fmla="*/ 147 h 697"/>
                  <a:gd name="T68" fmla="*/ 22 w 395"/>
                  <a:gd name="T69" fmla="*/ 157 h 697"/>
                  <a:gd name="T70" fmla="*/ 18 w 395"/>
                  <a:gd name="T71" fmla="*/ 164 h 697"/>
                  <a:gd name="T72" fmla="*/ 9 w 395"/>
                  <a:gd name="T73" fmla="*/ 172 h 697"/>
                  <a:gd name="T74" fmla="*/ 14 w 395"/>
                  <a:gd name="T75" fmla="*/ 180 h 697"/>
                  <a:gd name="T76" fmla="*/ 7 w 395"/>
                  <a:gd name="T77" fmla="*/ 190 h 697"/>
                  <a:gd name="T78" fmla="*/ 2 w 395"/>
                  <a:gd name="T79" fmla="*/ 198 h 697"/>
                  <a:gd name="T80" fmla="*/ 7 w 395"/>
                  <a:gd name="T81" fmla="*/ 229 h 697"/>
                  <a:gd name="T82" fmla="*/ 42 w 395"/>
                  <a:gd name="T83" fmla="*/ 268 h 697"/>
                  <a:gd name="T84" fmla="*/ 54 w 395"/>
                  <a:gd name="T85" fmla="*/ 280 h 697"/>
                  <a:gd name="T86" fmla="*/ 63 w 395"/>
                  <a:gd name="T87" fmla="*/ 308 h 697"/>
                  <a:gd name="T88" fmla="*/ 79 w 395"/>
                  <a:gd name="T89" fmla="*/ 301 h 697"/>
                  <a:gd name="T90" fmla="*/ 95 w 395"/>
                  <a:gd name="T91" fmla="*/ 314 h 697"/>
                  <a:gd name="T92" fmla="*/ 87 w 395"/>
                  <a:gd name="T93" fmla="*/ 340 h 697"/>
                  <a:gd name="T94" fmla="*/ 84 w 395"/>
                  <a:gd name="T95" fmla="*/ 356 h 697"/>
                  <a:gd name="T96" fmla="*/ 108 w 395"/>
                  <a:gd name="T97" fmla="*/ 378 h 697"/>
                  <a:gd name="T98" fmla="*/ 113 w 395"/>
                  <a:gd name="T99" fmla="*/ 380 h 697"/>
                  <a:gd name="T100" fmla="*/ 149 w 395"/>
                  <a:gd name="T101" fmla="*/ 422 h 697"/>
                  <a:gd name="T102" fmla="*/ 159 w 395"/>
                  <a:gd name="T103" fmla="*/ 455 h 697"/>
                  <a:gd name="T104" fmla="*/ 162 w 395"/>
                  <a:gd name="T105" fmla="*/ 448 h 697"/>
                  <a:gd name="T106" fmla="*/ 170 w 395"/>
                  <a:gd name="T107" fmla="*/ 444 h 697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395"/>
                  <a:gd name="T163" fmla="*/ 0 h 697"/>
                  <a:gd name="T164" fmla="*/ 395 w 395"/>
                  <a:gd name="T165" fmla="*/ 697 h 697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395" h="697">
                    <a:moveTo>
                      <a:pt x="258" y="678"/>
                    </a:moveTo>
                    <a:lnTo>
                      <a:pt x="264" y="672"/>
                    </a:lnTo>
                    <a:lnTo>
                      <a:pt x="269" y="668"/>
                    </a:lnTo>
                    <a:lnTo>
                      <a:pt x="274" y="668"/>
                    </a:lnTo>
                    <a:lnTo>
                      <a:pt x="280" y="668"/>
                    </a:lnTo>
                    <a:lnTo>
                      <a:pt x="285" y="672"/>
                    </a:lnTo>
                    <a:lnTo>
                      <a:pt x="288" y="673"/>
                    </a:lnTo>
                    <a:lnTo>
                      <a:pt x="291" y="677"/>
                    </a:lnTo>
                    <a:lnTo>
                      <a:pt x="295" y="678"/>
                    </a:lnTo>
                    <a:lnTo>
                      <a:pt x="308" y="683"/>
                    </a:lnTo>
                    <a:lnTo>
                      <a:pt x="318" y="685"/>
                    </a:lnTo>
                    <a:lnTo>
                      <a:pt x="324" y="683"/>
                    </a:lnTo>
                    <a:lnTo>
                      <a:pt x="325" y="680"/>
                    </a:lnTo>
                    <a:lnTo>
                      <a:pt x="324" y="677"/>
                    </a:lnTo>
                    <a:lnTo>
                      <a:pt x="324" y="673"/>
                    </a:lnTo>
                    <a:lnTo>
                      <a:pt x="320" y="670"/>
                    </a:lnTo>
                    <a:lnTo>
                      <a:pt x="320" y="668"/>
                    </a:lnTo>
                    <a:lnTo>
                      <a:pt x="315" y="660"/>
                    </a:lnTo>
                    <a:lnTo>
                      <a:pt x="315" y="651"/>
                    </a:lnTo>
                    <a:lnTo>
                      <a:pt x="317" y="646"/>
                    </a:lnTo>
                    <a:lnTo>
                      <a:pt x="322" y="641"/>
                    </a:lnTo>
                    <a:lnTo>
                      <a:pt x="327" y="639"/>
                    </a:lnTo>
                    <a:lnTo>
                      <a:pt x="332" y="636"/>
                    </a:lnTo>
                    <a:lnTo>
                      <a:pt x="337" y="636"/>
                    </a:lnTo>
                    <a:lnTo>
                      <a:pt x="339" y="636"/>
                    </a:lnTo>
                    <a:lnTo>
                      <a:pt x="347" y="634"/>
                    </a:lnTo>
                    <a:lnTo>
                      <a:pt x="354" y="633"/>
                    </a:lnTo>
                    <a:lnTo>
                      <a:pt x="356" y="631"/>
                    </a:lnTo>
                    <a:lnTo>
                      <a:pt x="356" y="628"/>
                    </a:lnTo>
                    <a:lnTo>
                      <a:pt x="354" y="624"/>
                    </a:lnTo>
                    <a:lnTo>
                      <a:pt x="354" y="622"/>
                    </a:lnTo>
                    <a:lnTo>
                      <a:pt x="352" y="621"/>
                    </a:lnTo>
                    <a:lnTo>
                      <a:pt x="351" y="619"/>
                    </a:lnTo>
                    <a:lnTo>
                      <a:pt x="347" y="614"/>
                    </a:lnTo>
                    <a:lnTo>
                      <a:pt x="349" y="606"/>
                    </a:lnTo>
                    <a:lnTo>
                      <a:pt x="349" y="604"/>
                    </a:lnTo>
                    <a:lnTo>
                      <a:pt x="351" y="602"/>
                    </a:lnTo>
                    <a:lnTo>
                      <a:pt x="352" y="600"/>
                    </a:lnTo>
                    <a:lnTo>
                      <a:pt x="354" y="597"/>
                    </a:lnTo>
                    <a:lnTo>
                      <a:pt x="354" y="595"/>
                    </a:lnTo>
                    <a:lnTo>
                      <a:pt x="356" y="594"/>
                    </a:lnTo>
                    <a:lnTo>
                      <a:pt x="356" y="592"/>
                    </a:lnTo>
                    <a:lnTo>
                      <a:pt x="356" y="590"/>
                    </a:lnTo>
                    <a:lnTo>
                      <a:pt x="352" y="585"/>
                    </a:lnTo>
                    <a:lnTo>
                      <a:pt x="351" y="580"/>
                    </a:lnTo>
                    <a:lnTo>
                      <a:pt x="351" y="575"/>
                    </a:lnTo>
                    <a:lnTo>
                      <a:pt x="351" y="572"/>
                    </a:lnTo>
                    <a:lnTo>
                      <a:pt x="354" y="568"/>
                    </a:lnTo>
                    <a:lnTo>
                      <a:pt x="356" y="567"/>
                    </a:lnTo>
                    <a:lnTo>
                      <a:pt x="356" y="565"/>
                    </a:lnTo>
                    <a:lnTo>
                      <a:pt x="357" y="565"/>
                    </a:lnTo>
                    <a:lnTo>
                      <a:pt x="359" y="555"/>
                    </a:lnTo>
                    <a:lnTo>
                      <a:pt x="359" y="553"/>
                    </a:lnTo>
                    <a:lnTo>
                      <a:pt x="359" y="551"/>
                    </a:lnTo>
                    <a:lnTo>
                      <a:pt x="359" y="548"/>
                    </a:lnTo>
                    <a:lnTo>
                      <a:pt x="361" y="543"/>
                    </a:lnTo>
                    <a:lnTo>
                      <a:pt x="361" y="540"/>
                    </a:lnTo>
                    <a:lnTo>
                      <a:pt x="362" y="536"/>
                    </a:lnTo>
                    <a:lnTo>
                      <a:pt x="362" y="533"/>
                    </a:lnTo>
                    <a:lnTo>
                      <a:pt x="362" y="531"/>
                    </a:lnTo>
                    <a:lnTo>
                      <a:pt x="369" y="526"/>
                    </a:lnTo>
                    <a:lnTo>
                      <a:pt x="374" y="518"/>
                    </a:lnTo>
                    <a:lnTo>
                      <a:pt x="378" y="509"/>
                    </a:lnTo>
                    <a:lnTo>
                      <a:pt x="381" y="502"/>
                    </a:lnTo>
                    <a:lnTo>
                      <a:pt x="384" y="494"/>
                    </a:lnTo>
                    <a:lnTo>
                      <a:pt x="386" y="489"/>
                    </a:lnTo>
                    <a:lnTo>
                      <a:pt x="388" y="484"/>
                    </a:lnTo>
                    <a:lnTo>
                      <a:pt x="388" y="482"/>
                    </a:lnTo>
                    <a:lnTo>
                      <a:pt x="390" y="479"/>
                    </a:lnTo>
                    <a:lnTo>
                      <a:pt x="391" y="475"/>
                    </a:lnTo>
                    <a:lnTo>
                      <a:pt x="393" y="474"/>
                    </a:lnTo>
                    <a:lnTo>
                      <a:pt x="395" y="463"/>
                    </a:lnTo>
                    <a:lnTo>
                      <a:pt x="395" y="455"/>
                    </a:lnTo>
                    <a:lnTo>
                      <a:pt x="393" y="446"/>
                    </a:lnTo>
                    <a:lnTo>
                      <a:pt x="390" y="440"/>
                    </a:lnTo>
                    <a:lnTo>
                      <a:pt x="388" y="433"/>
                    </a:lnTo>
                    <a:lnTo>
                      <a:pt x="384" y="428"/>
                    </a:lnTo>
                    <a:lnTo>
                      <a:pt x="383" y="424"/>
                    </a:lnTo>
                    <a:lnTo>
                      <a:pt x="381" y="423"/>
                    </a:lnTo>
                    <a:lnTo>
                      <a:pt x="381" y="419"/>
                    </a:lnTo>
                    <a:lnTo>
                      <a:pt x="381" y="396"/>
                    </a:lnTo>
                    <a:lnTo>
                      <a:pt x="384" y="391"/>
                    </a:lnTo>
                    <a:lnTo>
                      <a:pt x="384" y="389"/>
                    </a:lnTo>
                    <a:lnTo>
                      <a:pt x="384" y="387"/>
                    </a:lnTo>
                    <a:lnTo>
                      <a:pt x="384" y="382"/>
                    </a:lnTo>
                    <a:lnTo>
                      <a:pt x="383" y="377"/>
                    </a:lnTo>
                    <a:lnTo>
                      <a:pt x="383" y="370"/>
                    </a:lnTo>
                    <a:lnTo>
                      <a:pt x="383" y="362"/>
                    </a:lnTo>
                    <a:lnTo>
                      <a:pt x="381" y="353"/>
                    </a:lnTo>
                    <a:lnTo>
                      <a:pt x="381" y="343"/>
                    </a:lnTo>
                    <a:lnTo>
                      <a:pt x="379" y="333"/>
                    </a:lnTo>
                    <a:lnTo>
                      <a:pt x="379" y="321"/>
                    </a:lnTo>
                    <a:lnTo>
                      <a:pt x="378" y="309"/>
                    </a:lnTo>
                    <a:lnTo>
                      <a:pt x="376" y="296"/>
                    </a:lnTo>
                    <a:lnTo>
                      <a:pt x="376" y="284"/>
                    </a:lnTo>
                    <a:lnTo>
                      <a:pt x="374" y="270"/>
                    </a:lnTo>
                    <a:lnTo>
                      <a:pt x="373" y="257"/>
                    </a:lnTo>
                    <a:lnTo>
                      <a:pt x="373" y="243"/>
                    </a:lnTo>
                    <a:lnTo>
                      <a:pt x="371" y="228"/>
                    </a:lnTo>
                    <a:lnTo>
                      <a:pt x="369" y="215"/>
                    </a:lnTo>
                    <a:lnTo>
                      <a:pt x="369" y="201"/>
                    </a:lnTo>
                    <a:lnTo>
                      <a:pt x="368" y="189"/>
                    </a:lnTo>
                    <a:lnTo>
                      <a:pt x="366" y="176"/>
                    </a:lnTo>
                    <a:lnTo>
                      <a:pt x="366" y="164"/>
                    </a:lnTo>
                    <a:lnTo>
                      <a:pt x="364" y="152"/>
                    </a:lnTo>
                    <a:lnTo>
                      <a:pt x="364" y="142"/>
                    </a:lnTo>
                    <a:lnTo>
                      <a:pt x="362" y="132"/>
                    </a:lnTo>
                    <a:lnTo>
                      <a:pt x="362" y="122"/>
                    </a:lnTo>
                    <a:lnTo>
                      <a:pt x="361" y="115"/>
                    </a:lnTo>
                    <a:lnTo>
                      <a:pt x="361" y="108"/>
                    </a:lnTo>
                    <a:lnTo>
                      <a:pt x="361" y="103"/>
                    </a:lnTo>
                    <a:lnTo>
                      <a:pt x="359" y="98"/>
                    </a:lnTo>
                    <a:lnTo>
                      <a:pt x="359" y="96"/>
                    </a:lnTo>
                    <a:lnTo>
                      <a:pt x="359" y="94"/>
                    </a:lnTo>
                    <a:lnTo>
                      <a:pt x="354" y="89"/>
                    </a:lnTo>
                    <a:lnTo>
                      <a:pt x="351" y="84"/>
                    </a:lnTo>
                    <a:lnTo>
                      <a:pt x="349" y="79"/>
                    </a:lnTo>
                    <a:lnTo>
                      <a:pt x="347" y="74"/>
                    </a:lnTo>
                    <a:lnTo>
                      <a:pt x="346" y="69"/>
                    </a:lnTo>
                    <a:lnTo>
                      <a:pt x="346" y="66"/>
                    </a:lnTo>
                    <a:lnTo>
                      <a:pt x="346" y="64"/>
                    </a:lnTo>
                    <a:lnTo>
                      <a:pt x="346" y="62"/>
                    </a:lnTo>
                    <a:lnTo>
                      <a:pt x="344" y="61"/>
                    </a:lnTo>
                    <a:lnTo>
                      <a:pt x="344" y="57"/>
                    </a:lnTo>
                    <a:lnTo>
                      <a:pt x="342" y="54"/>
                    </a:lnTo>
                    <a:lnTo>
                      <a:pt x="342" y="52"/>
                    </a:lnTo>
                    <a:lnTo>
                      <a:pt x="334" y="47"/>
                    </a:lnTo>
                    <a:lnTo>
                      <a:pt x="329" y="42"/>
                    </a:lnTo>
                    <a:lnTo>
                      <a:pt x="325" y="37"/>
                    </a:lnTo>
                    <a:lnTo>
                      <a:pt x="325" y="30"/>
                    </a:lnTo>
                    <a:lnTo>
                      <a:pt x="325" y="25"/>
                    </a:lnTo>
                    <a:lnTo>
                      <a:pt x="325" y="22"/>
                    </a:lnTo>
                    <a:lnTo>
                      <a:pt x="325" y="18"/>
                    </a:lnTo>
                    <a:lnTo>
                      <a:pt x="325" y="0"/>
                    </a:lnTo>
                    <a:lnTo>
                      <a:pt x="325" y="1"/>
                    </a:lnTo>
                    <a:lnTo>
                      <a:pt x="66" y="20"/>
                    </a:lnTo>
                    <a:lnTo>
                      <a:pt x="66" y="22"/>
                    </a:lnTo>
                    <a:lnTo>
                      <a:pt x="66" y="23"/>
                    </a:lnTo>
                    <a:lnTo>
                      <a:pt x="68" y="25"/>
                    </a:lnTo>
                    <a:lnTo>
                      <a:pt x="71" y="27"/>
                    </a:lnTo>
                    <a:lnTo>
                      <a:pt x="73" y="28"/>
                    </a:lnTo>
                    <a:lnTo>
                      <a:pt x="78" y="30"/>
                    </a:lnTo>
                    <a:lnTo>
                      <a:pt x="82" y="34"/>
                    </a:lnTo>
                    <a:lnTo>
                      <a:pt x="87" y="37"/>
                    </a:lnTo>
                    <a:lnTo>
                      <a:pt x="90" y="40"/>
                    </a:lnTo>
                    <a:lnTo>
                      <a:pt x="90" y="44"/>
                    </a:lnTo>
                    <a:lnTo>
                      <a:pt x="90" y="45"/>
                    </a:lnTo>
                    <a:lnTo>
                      <a:pt x="90" y="47"/>
                    </a:lnTo>
                    <a:lnTo>
                      <a:pt x="88" y="49"/>
                    </a:lnTo>
                    <a:lnTo>
                      <a:pt x="88" y="50"/>
                    </a:lnTo>
                    <a:lnTo>
                      <a:pt x="98" y="57"/>
                    </a:lnTo>
                    <a:lnTo>
                      <a:pt x="100" y="57"/>
                    </a:lnTo>
                    <a:lnTo>
                      <a:pt x="102" y="59"/>
                    </a:lnTo>
                    <a:lnTo>
                      <a:pt x="105" y="61"/>
                    </a:lnTo>
                    <a:lnTo>
                      <a:pt x="110" y="64"/>
                    </a:lnTo>
                    <a:lnTo>
                      <a:pt x="112" y="69"/>
                    </a:lnTo>
                    <a:lnTo>
                      <a:pt x="114" y="76"/>
                    </a:lnTo>
                    <a:lnTo>
                      <a:pt x="114" y="84"/>
                    </a:lnTo>
                    <a:lnTo>
                      <a:pt x="112" y="96"/>
                    </a:lnTo>
                    <a:lnTo>
                      <a:pt x="109" y="105"/>
                    </a:lnTo>
                    <a:lnTo>
                      <a:pt x="105" y="108"/>
                    </a:lnTo>
                    <a:lnTo>
                      <a:pt x="102" y="110"/>
                    </a:lnTo>
                    <a:lnTo>
                      <a:pt x="100" y="108"/>
                    </a:lnTo>
                    <a:lnTo>
                      <a:pt x="98" y="110"/>
                    </a:lnTo>
                    <a:lnTo>
                      <a:pt x="98" y="111"/>
                    </a:lnTo>
                    <a:lnTo>
                      <a:pt x="97" y="120"/>
                    </a:lnTo>
                    <a:lnTo>
                      <a:pt x="97" y="133"/>
                    </a:lnTo>
                    <a:lnTo>
                      <a:pt x="97" y="135"/>
                    </a:lnTo>
                    <a:lnTo>
                      <a:pt x="95" y="137"/>
                    </a:lnTo>
                    <a:lnTo>
                      <a:pt x="93" y="138"/>
                    </a:lnTo>
                    <a:lnTo>
                      <a:pt x="90" y="140"/>
                    </a:lnTo>
                    <a:lnTo>
                      <a:pt x="87" y="142"/>
                    </a:lnTo>
                    <a:lnTo>
                      <a:pt x="80" y="142"/>
                    </a:lnTo>
                    <a:lnTo>
                      <a:pt x="78" y="142"/>
                    </a:lnTo>
                    <a:lnTo>
                      <a:pt x="78" y="144"/>
                    </a:lnTo>
                    <a:lnTo>
                      <a:pt x="78" y="145"/>
                    </a:lnTo>
                    <a:lnTo>
                      <a:pt x="76" y="147"/>
                    </a:lnTo>
                    <a:lnTo>
                      <a:pt x="75" y="149"/>
                    </a:lnTo>
                    <a:lnTo>
                      <a:pt x="70" y="150"/>
                    </a:lnTo>
                    <a:lnTo>
                      <a:pt x="63" y="152"/>
                    </a:lnTo>
                    <a:lnTo>
                      <a:pt x="56" y="152"/>
                    </a:lnTo>
                    <a:lnTo>
                      <a:pt x="49" y="154"/>
                    </a:lnTo>
                    <a:lnTo>
                      <a:pt x="43" y="157"/>
                    </a:lnTo>
                    <a:lnTo>
                      <a:pt x="38" y="160"/>
                    </a:lnTo>
                    <a:lnTo>
                      <a:pt x="34" y="164"/>
                    </a:lnTo>
                    <a:lnTo>
                      <a:pt x="34" y="171"/>
                    </a:lnTo>
                    <a:lnTo>
                      <a:pt x="34" y="177"/>
                    </a:lnTo>
                    <a:lnTo>
                      <a:pt x="38" y="186"/>
                    </a:lnTo>
                    <a:lnTo>
                      <a:pt x="41" y="194"/>
                    </a:lnTo>
                    <a:lnTo>
                      <a:pt x="46" y="199"/>
                    </a:lnTo>
                    <a:lnTo>
                      <a:pt x="48" y="204"/>
                    </a:lnTo>
                    <a:lnTo>
                      <a:pt x="49" y="208"/>
                    </a:lnTo>
                    <a:lnTo>
                      <a:pt x="51" y="213"/>
                    </a:lnTo>
                    <a:lnTo>
                      <a:pt x="49" y="216"/>
                    </a:lnTo>
                    <a:lnTo>
                      <a:pt x="46" y="220"/>
                    </a:lnTo>
                    <a:lnTo>
                      <a:pt x="41" y="226"/>
                    </a:lnTo>
                    <a:lnTo>
                      <a:pt x="41" y="230"/>
                    </a:lnTo>
                    <a:lnTo>
                      <a:pt x="39" y="232"/>
                    </a:lnTo>
                    <a:lnTo>
                      <a:pt x="38" y="235"/>
                    </a:lnTo>
                    <a:lnTo>
                      <a:pt x="38" y="237"/>
                    </a:lnTo>
                    <a:lnTo>
                      <a:pt x="36" y="238"/>
                    </a:lnTo>
                    <a:lnTo>
                      <a:pt x="36" y="240"/>
                    </a:lnTo>
                    <a:lnTo>
                      <a:pt x="36" y="242"/>
                    </a:lnTo>
                    <a:lnTo>
                      <a:pt x="34" y="243"/>
                    </a:lnTo>
                    <a:lnTo>
                      <a:pt x="34" y="247"/>
                    </a:lnTo>
                    <a:lnTo>
                      <a:pt x="34" y="248"/>
                    </a:lnTo>
                    <a:lnTo>
                      <a:pt x="32" y="252"/>
                    </a:lnTo>
                    <a:lnTo>
                      <a:pt x="29" y="254"/>
                    </a:lnTo>
                    <a:lnTo>
                      <a:pt x="24" y="255"/>
                    </a:lnTo>
                    <a:lnTo>
                      <a:pt x="19" y="257"/>
                    </a:lnTo>
                    <a:lnTo>
                      <a:pt x="14" y="259"/>
                    </a:lnTo>
                    <a:lnTo>
                      <a:pt x="10" y="260"/>
                    </a:lnTo>
                    <a:lnTo>
                      <a:pt x="9" y="264"/>
                    </a:lnTo>
                    <a:lnTo>
                      <a:pt x="9" y="267"/>
                    </a:lnTo>
                    <a:lnTo>
                      <a:pt x="9" y="270"/>
                    </a:lnTo>
                    <a:lnTo>
                      <a:pt x="10" y="272"/>
                    </a:lnTo>
                    <a:lnTo>
                      <a:pt x="12" y="276"/>
                    </a:lnTo>
                    <a:lnTo>
                      <a:pt x="14" y="277"/>
                    </a:lnTo>
                    <a:lnTo>
                      <a:pt x="14" y="279"/>
                    </a:lnTo>
                    <a:lnTo>
                      <a:pt x="14" y="282"/>
                    </a:lnTo>
                    <a:lnTo>
                      <a:pt x="12" y="284"/>
                    </a:lnTo>
                    <a:lnTo>
                      <a:pt x="10" y="287"/>
                    </a:lnTo>
                    <a:lnTo>
                      <a:pt x="9" y="289"/>
                    </a:lnTo>
                    <a:lnTo>
                      <a:pt x="7" y="291"/>
                    </a:lnTo>
                    <a:lnTo>
                      <a:pt x="5" y="292"/>
                    </a:lnTo>
                    <a:lnTo>
                      <a:pt x="4" y="294"/>
                    </a:lnTo>
                    <a:lnTo>
                      <a:pt x="4" y="296"/>
                    </a:lnTo>
                    <a:lnTo>
                      <a:pt x="4" y="299"/>
                    </a:lnTo>
                    <a:lnTo>
                      <a:pt x="2" y="304"/>
                    </a:lnTo>
                    <a:lnTo>
                      <a:pt x="2" y="309"/>
                    </a:lnTo>
                    <a:lnTo>
                      <a:pt x="0" y="316"/>
                    </a:lnTo>
                    <a:lnTo>
                      <a:pt x="2" y="325"/>
                    </a:lnTo>
                    <a:lnTo>
                      <a:pt x="2" y="333"/>
                    </a:lnTo>
                    <a:lnTo>
                      <a:pt x="4" y="342"/>
                    </a:lnTo>
                    <a:lnTo>
                      <a:pt x="7" y="352"/>
                    </a:lnTo>
                    <a:lnTo>
                      <a:pt x="12" y="360"/>
                    </a:lnTo>
                    <a:lnTo>
                      <a:pt x="17" y="370"/>
                    </a:lnTo>
                    <a:lnTo>
                      <a:pt x="26" y="380"/>
                    </a:lnTo>
                    <a:lnTo>
                      <a:pt x="34" y="391"/>
                    </a:lnTo>
                    <a:lnTo>
                      <a:pt x="46" y="401"/>
                    </a:lnTo>
                    <a:lnTo>
                      <a:pt x="60" y="411"/>
                    </a:lnTo>
                    <a:lnTo>
                      <a:pt x="63" y="413"/>
                    </a:lnTo>
                    <a:lnTo>
                      <a:pt x="68" y="414"/>
                    </a:lnTo>
                    <a:lnTo>
                      <a:pt x="71" y="416"/>
                    </a:lnTo>
                    <a:lnTo>
                      <a:pt x="75" y="419"/>
                    </a:lnTo>
                    <a:lnTo>
                      <a:pt x="78" y="423"/>
                    </a:lnTo>
                    <a:lnTo>
                      <a:pt x="82" y="430"/>
                    </a:lnTo>
                    <a:lnTo>
                      <a:pt x="83" y="440"/>
                    </a:lnTo>
                    <a:lnTo>
                      <a:pt x="85" y="453"/>
                    </a:lnTo>
                    <a:lnTo>
                      <a:pt x="85" y="462"/>
                    </a:lnTo>
                    <a:lnTo>
                      <a:pt x="88" y="468"/>
                    </a:lnTo>
                    <a:lnTo>
                      <a:pt x="90" y="472"/>
                    </a:lnTo>
                    <a:lnTo>
                      <a:pt x="93" y="474"/>
                    </a:lnTo>
                    <a:lnTo>
                      <a:pt x="97" y="474"/>
                    </a:lnTo>
                    <a:lnTo>
                      <a:pt x="102" y="470"/>
                    </a:lnTo>
                    <a:lnTo>
                      <a:pt x="105" y="467"/>
                    </a:lnTo>
                    <a:lnTo>
                      <a:pt x="109" y="463"/>
                    </a:lnTo>
                    <a:lnTo>
                      <a:pt x="112" y="462"/>
                    </a:lnTo>
                    <a:lnTo>
                      <a:pt x="117" y="462"/>
                    </a:lnTo>
                    <a:lnTo>
                      <a:pt x="122" y="463"/>
                    </a:lnTo>
                    <a:lnTo>
                      <a:pt x="129" y="467"/>
                    </a:lnTo>
                    <a:lnTo>
                      <a:pt x="134" y="470"/>
                    </a:lnTo>
                    <a:lnTo>
                      <a:pt x="137" y="475"/>
                    </a:lnTo>
                    <a:lnTo>
                      <a:pt x="141" y="479"/>
                    </a:lnTo>
                    <a:lnTo>
                      <a:pt x="141" y="482"/>
                    </a:lnTo>
                    <a:lnTo>
                      <a:pt x="141" y="485"/>
                    </a:lnTo>
                    <a:lnTo>
                      <a:pt x="137" y="492"/>
                    </a:lnTo>
                    <a:lnTo>
                      <a:pt x="136" y="499"/>
                    </a:lnTo>
                    <a:lnTo>
                      <a:pt x="134" y="507"/>
                    </a:lnTo>
                    <a:lnTo>
                      <a:pt x="132" y="516"/>
                    </a:lnTo>
                    <a:lnTo>
                      <a:pt x="131" y="523"/>
                    </a:lnTo>
                    <a:lnTo>
                      <a:pt x="129" y="526"/>
                    </a:lnTo>
                    <a:lnTo>
                      <a:pt x="129" y="528"/>
                    </a:lnTo>
                    <a:lnTo>
                      <a:pt x="127" y="529"/>
                    </a:lnTo>
                    <a:lnTo>
                      <a:pt x="126" y="533"/>
                    </a:lnTo>
                    <a:lnTo>
                      <a:pt x="124" y="540"/>
                    </a:lnTo>
                    <a:lnTo>
                      <a:pt x="124" y="546"/>
                    </a:lnTo>
                    <a:lnTo>
                      <a:pt x="126" y="553"/>
                    </a:lnTo>
                    <a:lnTo>
                      <a:pt x="129" y="562"/>
                    </a:lnTo>
                    <a:lnTo>
                      <a:pt x="139" y="570"/>
                    </a:lnTo>
                    <a:lnTo>
                      <a:pt x="153" y="577"/>
                    </a:lnTo>
                    <a:lnTo>
                      <a:pt x="156" y="578"/>
                    </a:lnTo>
                    <a:lnTo>
                      <a:pt x="159" y="580"/>
                    </a:lnTo>
                    <a:lnTo>
                      <a:pt x="163" y="582"/>
                    </a:lnTo>
                    <a:lnTo>
                      <a:pt x="164" y="584"/>
                    </a:lnTo>
                    <a:lnTo>
                      <a:pt x="166" y="585"/>
                    </a:lnTo>
                    <a:lnTo>
                      <a:pt x="166" y="594"/>
                    </a:lnTo>
                    <a:lnTo>
                      <a:pt x="183" y="594"/>
                    </a:lnTo>
                    <a:lnTo>
                      <a:pt x="198" y="609"/>
                    </a:lnTo>
                    <a:lnTo>
                      <a:pt x="214" y="614"/>
                    </a:lnTo>
                    <a:lnTo>
                      <a:pt x="215" y="636"/>
                    </a:lnTo>
                    <a:lnTo>
                      <a:pt x="222" y="648"/>
                    </a:lnTo>
                    <a:lnTo>
                      <a:pt x="217" y="665"/>
                    </a:lnTo>
                    <a:lnTo>
                      <a:pt x="217" y="673"/>
                    </a:lnTo>
                    <a:lnTo>
                      <a:pt x="227" y="683"/>
                    </a:lnTo>
                    <a:lnTo>
                      <a:pt x="230" y="692"/>
                    </a:lnTo>
                    <a:lnTo>
                      <a:pt x="237" y="697"/>
                    </a:lnTo>
                    <a:lnTo>
                      <a:pt x="237" y="694"/>
                    </a:lnTo>
                    <a:lnTo>
                      <a:pt x="237" y="690"/>
                    </a:lnTo>
                    <a:lnTo>
                      <a:pt x="237" y="687"/>
                    </a:lnTo>
                    <a:lnTo>
                      <a:pt x="237" y="685"/>
                    </a:lnTo>
                    <a:lnTo>
                      <a:pt x="239" y="685"/>
                    </a:lnTo>
                    <a:lnTo>
                      <a:pt x="242" y="687"/>
                    </a:lnTo>
                    <a:lnTo>
                      <a:pt x="244" y="692"/>
                    </a:lnTo>
                    <a:lnTo>
                      <a:pt x="246" y="692"/>
                    </a:lnTo>
                    <a:lnTo>
                      <a:pt x="246" y="690"/>
                    </a:lnTo>
                    <a:lnTo>
                      <a:pt x="247" y="688"/>
                    </a:lnTo>
                    <a:lnTo>
                      <a:pt x="251" y="685"/>
                    </a:lnTo>
                    <a:lnTo>
                      <a:pt x="252" y="683"/>
                    </a:lnTo>
                    <a:lnTo>
                      <a:pt x="256" y="682"/>
                    </a:lnTo>
                    <a:lnTo>
                      <a:pt x="258" y="680"/>
                    </a:lnTo>
                    <a:lnTo>
                      <a:pt x="258" y="678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66" name="Freeform 46"/>
              <p:cNvSpPr>
                <a:spLocks/>
              </p:cNvSpPr>
              <p:nvPr/>
            </p:nvSpPr>
            <p:spPr bwMode="auto">
              <a:xfrm>
                <a:off x="2691" y="2198"/>
                <a:ext cx="644" cy="564"/>
              </a:xfrm>
              <a:custGeom>
                <a:avLst/>
                <a:gdLst>
                  <a:gd name="T0" fmla="*/ 79 w 662"/>
                  <a:gd name="T1" fmla="*/ 448 h 570"/>
                  <a:gd name="T2" fmla="*/ 79 w 662"/>
                  <a:gd name="T3" fmla="*/ 427 h 570"/>
                  <a:gd name="T4" fmla="*/ 79 w 662"/>
                  <a:gd name="T5" fmla="*/ 409 h 570"/>
                  <a:gd name="T6" fmla="*/ 79 w 662"/>
                  <a:gd name="T7" fmla="*/ 399 h 570"/>
                  <a:gd name="T8" fmla="*/ 57 w 662"/>
                  <a:gd name="T9" fmla="*/ 146 h 570"/>
                  <a:gd name="T10" fmla="*/ 46 w 662"/>
                  <a:gd name="T11" fmla="*/ 123 h 570"/>
                  <a:gd name="T12" fmla="*/ 55 w 662"/>
                  <a:gd name="T13" fmla="*/ 91 h 570"/>
                  <a:gd name="T14" fmla="*/ 50 w 662"/>
                  <a:gd name="T15" fmla="*/ 86 h 570"/>
                  <a:gd name="T16" fmla="*/ 23 w 662"/>
                  <a:gd name="T17" fmla="*/ 69 h 570"/>
                  <a:gd name="T18" fmla="*/ 10 w 662"/>
                  <a:gd name="T19" fmla="*/ 32 h 570"/>
                  <a:gd name="T20" fmla="*/ 5 w 662"/>
                  <a:gd name="T21" fmla="*/ 22 h 570"/>
                  <a:gd name="T22" fmla="*/ 0 w 662"/>
                  <a:gd name="T23" fmla="*/ 10 h 570"/>
                  <a:gd name="T24" fmla="*/ 263 w 662"/>
                  <a:gd name="T25" fmla="*/ 10 h 570"/>
                  <a:gd name="T26" fmla="*/ 273 w 662"/>
                  <a:gd name="T27" fmla="*/ 28 h 570"/>
                  <a:gd name="T28" fmla="*/ 273 w 662"/>
                  <a:gd name="T29" fmla="*/ 32 h 570"/>
                  <a:gd name="T30" fmla="*/ 271 w 662"/>
                  <a:gd name="T31" fmla="*/ 47 h 570"/>
                  <a:gd name="T32" fmla="*/ 276 w 662"/>
                  <a:gd name="T33" fmla="*/ 74 h 570"/>
                  <a:gd name="T34" fmla="*/ 295 w 662"/>
                  <a:gd name="T35" fmla="*/ 113 h 570"/>
                  <a:gd name="T36" fmla="*/ 318 w 662"/>
                  <a:gd name="T37" fmla="*/ 132 h 570"/>
                  <a:gd name="T38" fmla="*/ 328 w 662"/>
                  <a:gd name="T39" fmla="*/ 140 h 570"/>
                  <a:gd name="T40" fmla="*/ 331 w 662"/>
                  <a:gd name="T41" fmla="*/ 176 h 570"/>
                  <a:gd name="T42" fmla="*/ 340 w 662"/>
                  <a:gd name="T43" fmla="*/ 178 h 570"/>
                  <a:gd name="T44" fmla="*/ 350 w 662"/>
                  <a:gd name="T45" fmla="*/ 170 h 570"/>
                  <a:gd name="T46" fmla="*/ 365 w 662"/>
                  <a:gd name="T47" fmla="*/ 183 h 570"/>
                  <a:gd name="T48" fmla="*/ 365 w 662"/>
                  <a:gd name="T49" fmla="*/ 200 h 570"/>
                  <a:gd name="T50" fmla="*/ 360 w 662"/>
                  <a:gd name="T51" fmla="*/ 223 h 570"/>
                  <a:gd name="T52" fmla="*/ 357 w 662"/>
                  <a:gd name="T53" fmla="*/ 230 h 570"/>
                  <a:gd name="T54" fmla="*/ 358 w 662"/>
                  <a:gd name="T55" fmla="*/ 256 h 570"/>
                  <a:gd name="T56" fmla="*/ 378 w 662"/>
                  <a:gd name="T57" fmla="*/ 274 h 570"/>
                  <a:gd name="T58" fmla="*/ 384 w 662"/>
                  <a:gd name="T59" fmla="*/ 279 h 570"/>
                  <a:gd name="T60" fmla="*/ 396 w 662"/>
                  <a:gd name="T61" fmla="*/ 288 h 570"/>
                  <a:gd name="T62" fmla="*/ 422 w 662"/>
                  <a:gd name="T63" fmla="*/ 329 h 570"/>
                  <a:gd name="T64" fmla="*/ 428 w 662"/>
                  <a:gd name="T65" fmla="*/ 371 h 570"/>
                  <a:gd name="T66" fmla="*/ 433 w 662"/>
                  <a:gd name="T67" fmla="*/ 370 h 570"/>
                  <a:gd name="T68" fmla="*/ 435 w 662"/>
                  <a:gd name="T69" fmla="*/ 367 h 570"/>
                  <a:gd name="T70" fmla="*/ 443 w 662"/>
                  <a:gd name="T71" fmla="*/ 377 h 570"/>
                  <a:gd name="T72" fmla="*/ 447 w 662"/>
                  <a:gd name="T73" fmla="*/ 419 h 570"/>
                  <a:gd name="T74" fmla="*/ 419 w 662"/>
                  <a:gd name="T75" fmla="*/ 459 h 570"/>
                  <a:gd name="T76" fmla="*/ 411 w 662"/>
                  <a:gd name="T77" fmla="*/ 461 h 570"/>
                  <a:gd name="T78" fmla="*/ 421 w 662"/>
                  <a:gd name="T79" fmla="*/ 471 h 570"/>
                  <a:gd name="T80" fmla="*/ 421 w 662"/>
                  <a:gd name="T81" fmla="*/ 475 h 570"/>
                  <a:gd name="T82" fmla="*/ 411 w 662"/>
                  <a:gd name="T83" fmla="*/ 489 h 570"/>
                  <a:gd name="T84" fmla="*/ 370 w 662"/>
                  <a:gd name="T85" fmla="*/ 485 h 570"/>
                  <a:gd name="T86" fmla="*/ 378 w 662"/>
                  <a:gd name="T87" fmla="*/ 465 h 570"/>
                  <a:gd name="T88" fmla="*/ 386 w 662"/>
                  <a:gd name="T89" fmla="*/ 448 h 570"/>
                  <a:gd name="T90" fmla="*/ 376 w 662"/>
                  <a:gd name="T91" fmla="*/ 434 h 570"/>
                  <a:gd name="T92" fmla="*/ 365 w 662"/>
                  <a:gd name="T93" fmla="*/ 436 h 570"/>
                  <a:gd name="T94" fmla="*/ 337 w 662"/>
                  <a:gd name="T95" fmla="*/ 437 h 570"/>
                  <a:gd name="T96" fmla="*/ 294 w 662"/>
                  <a:gd name="T97" fmla="*/ 441 h 570"/>
                  <a:gd name="T98" fmla="*/ 241 w 662"/>
                  <a:gd name="T99" fmla="*/ 444 h 570"/>
                  <a:gd name="T100" fmla="*/ 188 w 662"/>
                  <a:gd name="T101" fmla="*/ 448 h 570"/>
                  <a:gd name="T102" fmla="*/ 140 w 662"/>
                  <a:gd name="T103" fmla="*/ 451 h 570"/>
                  <a:gd name="T104" fmla="*/ 101 w 662"/>
                  <a:gd name="T105" fmla="*/ 452 h 570"/>
                  <a:gd name="T106" fmla="*/ 81 w 662"/>
                  <a:gd name="T107" fmla="*/ 453 h 570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662"/>
                  <a:gd name="T163" fmla="*/ 0 h 570"/>
                  <a:gd name="T164" fmla="*/ 662 w 662"/>
                  <a:gd name="T165" fmla="*/ 570 h 570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662" h="570">
                    <a:moveTo>
                      <a:pt x="117" y="524"/>
                    </a:moveTo>
                    <a:lnTo>
                      <a:pt x="117" y="523"/>
                    </a:lnTo>
                    <a:lnTo>
                      <a:pt x="115" y="521"/>
                    </a:lnTo>
                    <a:lnTo>
                      <a:pt x="115" y="518"/>
                    </a:lnTo>
                    <a:lnTo>
                      <a:pt x="115" y="514"/>
                    </a:lnTo>
                    <a:lnTo>
                      <a:pt x="115" y="509"/>
                    </a:lnTo>
                    <a:lnTo>
                      <a:pt x="115" y="504"/>
                    </a:lnTo>
                    <a:lnTo>
                      <a:pt x="115" y="497"/>
                    </a:lnTo>
                    <a:lnTo>
                      <a:pt x="115" y="492"/>
                    </a:lnTo>
                    <a:lnTo>
                      <a:pt x="115" y="487"/>
                    </a:lnTo>
                    <a:lnTo>
                      <a:pt x="115" y="480"/>
                    </a:lnTo>
                    <a:lnTo>
                      <a:pt x="115" y="475"/>
                    </a:lnTo>
                    <a:lnTo>
                      <a:pt x="115" y="470"/>
                    </a:lnTo>
                    <a:lnTo>
                      <a:pt x="115" y="467"/>
                    </a:lnTo>
                    <a:lnTo>
                      <a:pt x="115" y="463"/>
                    </a:lnTo>
                    <a:lnTo>
                      <a:pt x="115" y="462"/>
                    </a:lnTo>
                    <a:lnTo>
                      <a:pt x="115" y="460"/>
                    </a:lnTo>
                    <a:lnTo>
                      <a:pt x="113" y="188"/>
                    </a:lnTo>
                    <a:lnTo>
                      <a:pt x="96" y="188"/>
                    </a:lnTo>
                    <a:lnTo>
                      <a:pt x="85" y="174"/>
                    </a:lnTo>
                    <a:lnTo>
                      <a:pt x="83" y="162"/>
                    </a:lnTo>
                    <a:lnTo>
                      <a:pt x="79" y="155"/>
                    </a:lnTo>
                    <a:lnTo>
                      <a:pt x="66" y="145"/>
                    </a:lnTo>
                    <a:lnTo>
                      <a:pt x="66" y="137"/>
                    </a:lnTo>
                    <a:lnTo>
                      <a:pt x="79" y="118"/>
                    </a:lnTo>
                    <a:lnTo>
                      <a:pt x="83" y="113"/>
                    </a:lnTo>
                    <a:lnTo>
                      <a:pt x="85" y="108"/>
                    </a:lnTo>
                    <a:lnTo>
                      <a:pt x="83" y="105"/>
                    </a:lnTo>
                    <a:lnTo>
                      <a:pt x="81" y="103"/>
                    </a:lnTo>
                    <a:lnTo>
                      <a:pt x="78" y="101"/>
                    </a:lnTo>
                    <a:lnTo>
                      <a:pt x="74" y="100"/>
                    </a:lnTo>
                    <a:lnTo>
                      <a:pt x="73" y="100"/>
                    </a:lnTo>
                    <a:lnTo>
                      <a:pt x="71" y="98"/>
                    </a:lnTo>
                    <a:lnTo>
                      <a:pt x="61" y="100"/>
                    </a:lnTo>
                    <a:lnTo>
                      <a:pt x="49" y="89"/>
                    </a:lnTo>
                    <a:lnTo>
                      <a:pt x="37" y="83"/>
                    </a:lnTo>
                    <a:lnTo>
                      <a:pt x="39" y="84"/>
                    </a:lnTo>
                    <a:lnTo>
                      <a:pt x="27" y="56"/>
                    </a:lnTo>
                    <a:lnTo>
                      <a:pt x="13" y="44"/>
                    </a:lnTo>
                    <a:lnTo>
                      <a:pt x="10" y="32"/>
                    </a:lnTo>
                    <a:lnTo>
                      <a:pt x="10" y="30"/>
                    </a:lnTo>
                    <a:lnTo>
                      <a:pt x="8" y="28"/>
                    </a:lnTo>
                    <a:lnTo>
                      <a:pt x="7" y="25"/>
                    </a:lnTo>
                    <a:lnTo>
                      <a:pt x="5" y="22"/>
                    </a:lnTo>
                    <a:lnTo>
                      <a:pt x="3" y="17"/>
                    </a:lnTo>
                    <a:lnTo>
                      <a:pt x="2" y="13"/>
                    </a:lnTo>
                    <a:lnTo>
                      <a:pt x="0" y="10"/>
                    </a:lnTo>
                    <a:lnTo>
                      <a:pt x="379" y="0"/>
                    </a:lnTo>
                    <a:lnTo>
                      <a:pt x="381" y="1"/>
                    </a:lnTo>
                    <a:lnTo>
                      <a:pt x="382" y="5"/>
                    </a:lnTo>
                    <a:lnTo>
                      <a:pt x="387" y="10"/>
                    </a:lnTo>
                    <a:lnTo>
                      <a:pt x="391" y="15"/>
                    </a:lnTo>
                    <a:lnTo>
                      <a:pt x="396" y="20"/>
                    </a:lnTo>
                    <a:lnTo>
                      <a:pt x="401" y="25"/>
                    </a:lnTo>
                    <a:lnTo>
                      <a:pt x="403" y="28"/>
                    </a:lnTo>
                    <a:lnTo>
                      <a:pt x="404" y="28"/>
                    </a:lnTo>
                    <a:lnTo>
                      <a:pt x="403" y="30"/>
                    </a:lnTo>
                    <a:lnTo>
                      <a:pt x="403" y="32"/>
                    </a:lnTo>
                    <a:lnTo>
                      <a:pt x="403" y="35"/>
                    </a:lnTo>
                    <a:lnTo>
                      <a:pt x="401" y="40"/>
                    </a:lnTo>
                    <a:lnTo>
                      <a:pt x="401" y="45"/>
                    </a:lnTo>
                    <a:lnTo>
                      <a:pt x="399" y="52"/>
                    </a:lnTo>
                    <a:lnTo>
                      <a:pt x="401" y="61"/>
                    </a:lnTo>
                    <a:lnTo>
                      <a:pt x="401" y="69"/>
                    </a:lnTo>
                    <a:lnTo>
                      <a:pt x="403" y="78"/>
                    </a:lnTo>
                    <a:lnTo>
                      <a:pt x="406" y="88"/>
                    </a:lnTo>
                    <a:lnTo>
                      <a:pt x="411" y="96"/>
                    </a:lnTo>
                    <a:lnTo>
                      <a:pt x="416" y="106"/>
                    </a:lnTo>
                    <a:lnTo>
                      <a:pt x="425" y="116"/>
                    </a:lnTo>
                    <a:lnTo>
                      <a:pt x="433" y="127"/>
                    </a:lnTo>
                    <a:lnTo>
                      <a:pt x="445" y="137"/>
                    </a:lnTo>
                    <a:lnTo>
                      <a:pt x="459" y="147"/>
                    </a:lnTo>
                    <a:lnTo>
                      <a:pt x="462" y="149"/>
                    </a:lnTo>
                    <a:lnTo>
                      <a:pt x="467" y="150"/>
                    </a:lnTo>
                    <a:lnTo>
                      <a:pt x="470" y="152"/>
                    </a:lnTo>
                    <a:lnTo>
                      <a:pt x="474" y="155"/>
                    </a:lnTo>
                    <a:lnTo>
                      <a:pt x="477" y="159"/>
                    </a:lnTo>
                    <a:lnTo>
                      <a:pt x="481" y="166"/>
                    </a:lnTo>
                    <a:lnTo>
                      <a:pt x="482" y="176"/>
                    </a:lnTo>
                    <a:lnTo>
                      <a:pt x="484" y="189"/>
                    </a:lnTo>
                    <a:lnTo>
                      <a:pt x="484" y="198"/>
                    </a:lnTo>
                    <a:lnTo>
                      <a:pt x="487" y="204"/>
                    </a:lnTo>
                    <a:lnTo>
                      <a:pt x="489" y="208"/>
                    </a:lnTo>
                    <a:lnTo>
                      <a:pt x="492" y="210"/>
                    </a:lnTo>
                    <a:lnTo>
                      <a:pt x="496" y="210"/>
                    </a:lnTo>
                    <a:lnTo>
                      <a:pt x="501" y="206"/>
                    </a:lnTo>
                    <a:lnTo>
                      <a:pt x="504" y="203"/>
                    </a:lnTo>
                    <a:lnTo>
                      <a:pt x="508" y="199"/>
                    </a:lnTo>
                    <a:lnTo>
                      <a:pt x="511" y="198"/>
                    </a:lnTo>
                    <a:lnTo>
                      <a:pt x="516" y="198"/>
                    </a:lnTo>
                    <a:lnTo>
                      <a:pt x="521" y="199"/>
                    </a:lnTo>
                    <a:lnTo>
                      <a:pt x="528" y="203"/>
                    </a:lnTo>
                    <a:lnTo>
                      <a:pt x="533" y="206"/>
                    </a:lnTo>
                    <a:lnTo>
                      <a:pt x="536" y="211"/>
                    </a:lnTo>
                    <a:lnTo>
                      <a:pt x="540" y="215"/>
                    </a:lnTo>
                    <a:lnTo>
                      <a:pt x="540" y="218"/>
                    </a:lnTo>
                    <a:lnTo>
                      <a:pt x="540" y="221"/>
                    </a:lnTo>
                    <a:lnTo>
                      <a:pt x="536" y="228"/>
                    </a:lnTo>
                    <a:lnTo>
                      <a:pt x="535" y="235"/>
                    </a:lnTo>
                    <a:lnTo>
                      <a:pt x="533" y="243"/>
                    </a:lnTo>
                    <a:lnTo>
                      <a:pt x="531" y="252"/>
                    </a:lnTo>
                    <a:lnTo>
                      <a:pt x="530" y="259"/>
                    </a:lnTo>
                    <a:lnTo>
                      <a:pt x="528" y="262"/>
                    </a:lnTo>
                    <a:lnTo>
                      <a:pt x="528" y="264"/>
                    </a:lnTo>
                    <a:lnTo>
                      <a:pt x="526" y="265"/>
                    </a:lnTo>
                    <a:lnTo>
                      <a:pt x="525" y="269"/>
                    </a:lnTo>
                    <a:lnTo>
                      <a:pt x="523" y="276"/>
                    </a:lnTo>
                    <a:lnTo>
                      <a:pt x="523" y="282"/>
                    </a:lnTo>
                    <a:lnTo>
                      <a:pt x="525" y="289"/>
                    </a:lnTo>
                    <a:lnTo>
                      <a:pt x="528" y="298"/>
                    </a:lnTo>
                    <a:lnTo>
                      <a:pt x="538" y="306"/>
                    </a:lnTo>
                    <a:lnTo>
                      <a:pt x="552" y="313"/>
                    </a:lnTo>
                    <a:lnTo>
                      <a:pt x="555" y="314"/>
                    </a:lnTo>
                    <a:lnTo>
                      <a:pt x="558" y="316"/>
                    </a:lnTo>
                    <a:lnTo>
                      <a:pt x="562" y="318"/>
                    </a:lnTo>
                    <a:lnTo>
                      <a:pt x="563" y="320"/>
                    </a:lnTo>
                    <a:lnTo>
                      <a:pt x="565" y="321"/>
                    </a:lnTo>
                    <a:lnTo>
                      <a:pt x="565" y="330"/>
                    </a:lnTo>
                    <a:lnTo>
                      <a:pt x="582" y="330"/>
                    </a:lnTo>
                    <a:lnTo>
                      <a:pt x="597" y="345"/>
                    </a:lnTo>
                    <a:lnTo>
                      <a:pt x="613" y="350"/>
                    </a:lnTo>
                    <a:lnTo>
                      <a:pt x="614" y="372"/>
                    </a:lnTo>
                    <a:lnTo>
                      <a:pt x="621" y="384"/>
                    </a:lnTo>
                    <a:lnTo>
                      <a:pt x="616" y="401"/>
                    </a:lnTo>
                    <a:lnTo>
                      <a:pt x="616" y="409"/>
                    </a:lnTo>
                    <a:lnTo>
                      <a:pt x="626" y="419"/>
                    </a:lnTo>
                    <a:lnTo>
                      <a:pt x="629" y="428"/>
                    </a:lnTo>
                    <a:lnTo>
                      <a:pt x="636" y="433"/>
                    </a:lnTo>
                    <a:lnTo>
                      <a:pt x="636" y="430"/>
                    </a:lnTo>
                    <a:lnTo>
                      <a:pt x="636" y="426"/>
                    </a:lnTo>
                    <a:lnTo>
                      <a:pt x="636" y="423"/>
                    </a:lnTo>
                    <a:lnTo>
                      <a:pt x="636" y="421"/>
                    </a:lnTo>
                    <a:lnTo>
                      <a:pt x="638" y="421"/>
                    </a:lnTo>
                    <a:lnTo>
                      <a:pt x="641" y="423"/>
                    </a:lnTo>
                    <a:lnTo>
                      <a:pt x="643" y="428"/>
                    </a:lnTo>
                    <a:lnTo>
                      <a:pt x="645" y="430"/>
                    </a:lnTo>
                    <a:lnTo>
                      <a:pt x="648" y="433"/>
                    </a:lnTo>
                    <a:lnTo>
                      <a:pt x="651" y="435"/>
                    </a:lnTo>
                    <a:lnTo>
                      <a:pt x="653" y="436"/>
                    </a:lnTo>
                    <a:lnTo>
                      <a:pt x="662" y="443"/>
                    </a:lnTo>
                    <a:lnTo>
                      <a:pt x="657" y="452"/>
                    </a:lnTo>
                    <a:lnTo>
                      <a:pt x="657" y="487"/>
                    </a:lnTo>
                    <a:lnTo>
                      <a:pt x="638" y="489"/>
                    </a:lnTo>
                    <a:lnTo>
                      <a:pt x="619" y="502"/>
                    </a:lnTo>
                    <a:lnTo>
                      <a:pt x="618" y="531"/>
                    </a:lnTo>
                    <a:lnTo>
                      <a:pt x="616" y="531"/>
                    </a:lnTo>
                    <a:lnTo>
                      <a:pt x="614" y="531"/>
                    </a:lnTo>
                    <a:lnTo>
                      <a:pt x="613" y="531"/>
                    </a:lnTo>
                    <a:lnTo>
                      <a:pt x="609" y="531"/>
                    </a:lnTo>
                    <a:lnTo>
                      <a:pt x="607" y="533"/>
                    </a:lnTo>
                    <a:lnTo>
                      <a:pt x="607" y="534"/>
                    </a:lnTo>
                    <a:lnTo>
                      <a:pt x="609" y="538"/>
                    </a:lnTo>
                    <a:lnTo>
                      <a:pt x="613" y="541"/>
                    </a:lnTo>
                    <a:lnTo>
                      <a:pt x="618" y="545"/>
                    </a:lnTo>
                    <a:lnTo>
                      <a:pt x="619" y="548"/>
                    </a:lnTo>
                    <a:lnTo>
                      <a:pt x="619" y="550"/>
                    </a:lnTo>
                    <a:lnTo>
                      <a:pt x="618" y="550"/>
                    </a:lnTo>
                    <a:lnTo>
                      <a:pt x="616" y="550"/>
                    </a:lnTo>
                    <a:lnTo>
                      <a:pt x="606" y="567"/>
                    </a:lnTo>
                    <a:lnTo>
                      <a:pt x="541" y="570"/>
                    </a:lnTo>
                    <a:lnTo>
                      <a:pt x="541" y="568"/>
                    </a:lnTo>
                    <a:lnTo>
                      <a:pt x="543" y="565"/>
                    </a:lnTo>
                    <a:lnTo>
                      <a:pt x="545" y="562"/>
                    </a:lnTo>
                    <a:lnTo>
                      <a:pt x="547" y="555"/>
                    </a:lnTo>
                    <a:lnTo>
                      <a:pt x="550" y="550"/>
                    </a:lnTo>
                    <a:lnTo>
                      <a:pt x="553" y="543"/>
                    </a:lnTo>
                    <a:lnTo>
                      <a:pt x="557" y="538"/>
                    </a:lnTo>
                    <a:lnTo>
                      <a:pt x="563" y="533"/>
                    </a:lnTo>
                    <a:lnTo>
                      <a:pt x="567" y="528"/>
                    </a:lnTo>
                    <a:lnTo>
                      <a:pt x="569" y="523"/>
                    </a:lnTo>
                    <a:lnTo>
                      <a:pt x="567" y="518"/>
                    </a:lnTo>
                    <a:lnTo>
                      <a:pt x="563" y="512"/>
                    </a:lnTo>
                    <a:lnTo>
                      <a:pt x="560" y="509"/>
                    </a:lnTo>
                    <a:lnTo>
                      <a:pt x="555" y="506"/>
                    </a:lnTo>
                    <a:lnTo>
                      <a:pt x="552" y="504"/>
                    </a:lnTo>
                    <a:lnTo>
                      <a:pt x="548" y="504"/>
                    </a:lnTo>
                    <a:lnTo>
                      <a:pt x="547" y="506"/>
                    </a:lnTo>
                    <a:lnTo>
                      <a:pt x="543" y="506"/>
                    </a:lnTo>
                    <a:lnTo>
                      <a:pt x="536" y="506"/>
                    </a:lnTo>
                    <a:lnTo>
                      <a:pt x="528" y="506"/>
                    </a:lnTo>
                    <a:lnTo>
                      <a:pt x="519" y="507"/>
                    </a:lnTo>
                    <a:lnTo>
                      <a:pt x="508" y="507"/>
                    </a:lnTo>
                    <a:lnTo>
                      <a:pt x="494" y="507"/>
                    </a:lnTo>
                    <a:lnTo>
                      <a:pt x="481" y="509"/>
                    </a:lnTo>
                    <a:lnTo>
                      <a:pt x="465" y="509"/>
                    </a:lnTo>
                    <a:lnTo>
                      <a:pt x="448" y="511"/>
                    </a:lnTo>
                    <a:lnTo>
                      <a:pt x="431" y="511"/>
                    </a:lnTo>
                    <a:lnTo>
                      <a:pt x="413" y="511"/>
                    </a:lnTo>
                    <a:lnTo>
                      <a:pt x="394" y="512"/>
                    </a:lnTo>
                    <a:lnTo>
                      <a:pt x="376" y="512"/>
                    </a:lnTo>
                    <a:lnTo>
                      <a:pt x="355" y="514"/>
                    </a:lnTo>
                    <a:lnTo>
                      <a:pt x="337" y="514"/>
                    </a:lnTo>
                    <a:lnTo>
                      <a:pt x="316" y="516"/>
                    </a:lnTo>
                    <a:lnTo>
                      <a:pt x="296" y="516"/>
                    </a:lnTo>
                    <a:lnTo>
                      <a:pt x="277" y="518"/>
                    </a:lnTo>
                    <a:lnTo>
                      <a:pt x="259" y="518"/>
                    </a:lnTo>
                    <a:lnTo>
                      <a:pt x="240" y="519"/>
                    </a:lnTo>
                    <a:lnTo>
                      <a:pt x="222" y="519"/>
                    </a:lnTo>
                    <a:lnTo>
                      <a:pt x="205" y="521"/>
                    </a:lnTo>
                    <a:lnTo>
                      <a:pt x="189" y="521"/>
                    </a:lnTo>
                    <a:lnTo>
                      <a:pt x="174" y="521"/>
                    </a:lnTo>
                    <a:lnTo>
                      <a:pt x="162" y="523"/>
                    </a:lnTo>
                    <a:lnTo>
                      <a:pt x="149" y="523"/>
                    </a:lnTo>
                    <a:lnTo>
                      <a:pt x="139" y="523"/>
                    </a:lnTo>
                    <a:lnTo>
                      <a:pt x="130" y="523"/>
                    </a:lnTo>
                    <a:lnTo>
                      <a:pt x="123" y="523"/>
                    </a:lnTo>
                    <a:lnTo>
                      <a:pt x="118" y="524"/>
                    </a:lnTo>
                    <a:lnTo>
                      <a:pt x="117" y="524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grpSp>
            <p:nvGrpSpPr>
              <p:cNvPr id="1067" name="Group 47"/>
              <p:cNvGrpSpPr>
                <a:grpSpLocks/>
              </p:cNvGrpSpPr>
              <p:nvPr/>
            </p:nvGrpSpPr>
            <p:grpSpPr bwMode="auto">
              <a:xfrm>
                <a:off x="4042" y="1840"/>
                <a:ext cx="558" cy="359"/>
                <a:chOff x="4341" y="1400"/>
                <a:chExt cx="574" cy="370"/>
              </a:xfrm>
            </p:grpSpPr>
            <p:sp>
              <p:nvSpPr>
                <p:cNvPr id="1068" name="Freeform 48"/>
                <p:cNvSpPr>
                  <a:spLocks/>
                </p:cNvSpPr>
                <p:nvPr/>
              </p:nvSpPr>
              <p:spPr bwMode="auto">
                <a:xfrm>
                  <a:off x="4341" y="1400"/>
                  <a:ext cx="574" cy="370"/>
                </a:xfrm>
                <a:custGeom>
                  <a:avLst/>
                  <a:gdLst>
                    <a:gd name="T0" fmla="*/ 491 w 574"/>
                    <a:gd name="T1" fmla="*/ 287 h 370"/>
                    <a:gd name="T2" fmla="*/ 501 w 574"/>
                    <a:gd name="T3" fmla="*/ 269 h 370"/>
                    <a:gd name="T4" fmla="*/ 518 w 574"/>
                    <a:gd name="T5" fmla="*/ 265 h 370"/>
                    <a:gd name="T6" fmla="*/ 523 w 574"/>
                    <a:gd name="T7" fmla="*/ 265 h 370"/>
                    <a:gd name="T8" fmla="*/ 535 w 574"/>
                    <a:gd name="T9" fmla="*/ 257 h 370"/>
                    <a:gd name="T10" fmla="*/ 545 w 574"/>
                    <a:gd name="T11" fmla="*/ 248 h 370"/>
                    <a:gd name="T12" fmla="*/ 550 w 574"/>
                    <a:gd name="T13" fmla="*/ 238 h 370"/>
                    <a:gd name="T14" fmla="*/ 560 w 574"/>
                    <a:gd name="T15" fmla="*/ 225 h 370"/>
                    <a:gd name="T16" fmla="*/ 569 w 574"/>
                    <a:gd name="T17" fmla="*/ 218 h 370"/>
                    <a:gd name="T18" fmla="*/ 574 w 574"/>
                    <a:gd name="T19" fmla="*/ 211 h 370"/>
                    <a:gd name="T20" fmla="*/ 571 w 574"/>
                    <a:gd name="T21" fmla="*/ 204 h 370"/>
                    <a:gd name="T22" fmla="*/ 567 w 574"/>
                    <a:gd name="T23" fmla="*/ 201 h 370"/>
                    <a:gd name="T24" fmla="*/ 554 w 574"/>
                    <a:gd name="T25" fmla="*/ 189 h 370"/>
                    <a:gd name="T26" fmla="*/ 537 w 574"/>
                    <a:gd name="T27" fmla="*/ 176 h 370"/>
                    <a:gd name="T28" fmla="*/ 520 w 574"/>
                    <a:gd name="T29" fmla="*/ 162 h 370"/>
                    <a:gd name="T30" fmla="*/ 520 w 574"/>
                    <a:gd name="T31" fmla="*/ 144 h 370"/>
                    <a:gd name="T32" fmla="*/ 525 w 574"/>
                    <a:gd name="T33" fmla="*/ 135 h 370"/>
                    <a:gd name="T34" fmla="*/ 538 w 574"/>
                    <a:gd name="T35" fmla="*/ 71 h 370"/>
                    <a:gd name="T36" fmla="*/ 525 w 574"/>
                    <a:gd name="T37" fmla="*/ 56 h 370"/>
                    <a:gd name="T38" fmla="*/ 520 w 574"/>
                    <a:gd name="T39" fmla="*/ 54 h 370"/>
                    <a:gd name="T40" fmla="*/ 511 w 574"/>
                    <a:gd name="T41" fmla="*/ 44 h 370"/>
                    <a:gd name="T42" fmla="*/ 503 w 574"/>
                    <a:gd name="T43" fmla="*/ 30 h 370"/>
                    <a:gd name="T44" fmla="*/ 501 w 574"/>
                    <a:gd name="T45" fmla="*/ 22 h 370"/>
                    <a:gd name="T46" fmla="*/ 493 w 574"/>
                    <a:gd name="T47" fmla="*/ 15 h 370"/>
                    <a:gd name="T48" fmla="*/ 483 w 574"/>
                    <a:gd name="T49" fmla="*/ 12 h 370"/>
                    <a:gd name="T50" fmla="*/ 476 w 574"/>
                    <a:gd name="T51" fmla="*/ 1 h 370"/>
                    <a:gd name="T52" fmla="*/ 459 w 574"/>
                    <a:gd name="T53" fmla="*/ 0 h 370"/>
                    <a:gd name="T54" fmla="*/ 449 w 574"/>
                    <a:gd name="T55" fmla="*/ 3 h 370"/>
                    <a:gd name="T56" fmla="*/ 422 w 574"/>
                    <a:gd name="T57" fmla="*/ 8 h 370"/>
                    <a:gd name="T58" fmla="*/ 383 w 574"/>
                    <a:gd name="T59" fmla="*/ 15 h 370"/>
                    <a:gd name="T60" fmla="*/ 335 w 574"/>
                    <a:gd name="T61" fmla="*/ 25 h 370"/>
                    <a:gd name="T62" fmla="*/ 283 w 574"/>
                    <a:gd name="T63" fmla="*/ 35 h 370"/>
                    <a:gd name="T64" fmla="*/ 230 w 574"/>
                    <a:gd name="T65" fmla="*/ 45 h 370"/>
                    <a:gd name="T66" fmla="*/ 178 w 574"/>
                    <a:gd name="T67" fmla="*/ 56 h 370"/>
                    <a:gd name="T68" fmla="*/ 134 w 574"/>
                    <a:gd name="T69" fmla="*/ 64 h 370"/>
                    <a:gd name="T70" fmla="*/ 98 w 574"/>
                    <a:gd name="T71" fmla="*/ 71 h 370"/>
                    <a:gd name="T72" fmla="*/ 78 w 574"/>
                    <a:gd name="T73" fmla="*/ 74 h 370"/>
                    <a:gd name="T74" fmla="*/ 66 w 574"/>
                    <a:gd name="T75" fmla="*/ 44 h 370"/>
                    <a:gd name="T76" fmla="*/ 49 w 574"/>
                    <a:gd name="T77" fmla="*/ 56 h 370"/>
                    <a:gd name="T78" fmla="*/ 34 w 574"/>
                    <a:gd name="T79" fmla="*/ 67 h 370"/>
                    <a:gd name="T80" fmla="*/ 21 w 574"/>
                    <a:gd name="T81" fmla="*/ 78 h 370"/>
                    <a:gd name="T82" fmla="*/ 9 w 574"/>
                    <a:gd name="T83" fmla="*/ 86 h 370"/>
                    <a:gd name="T84" fmla="*/ 2 w 574"/>
                    <a:gd name="T85" fmla="*/ 91 h 370"/>
                    <a:gd name="T86" fmla="*/ 32 w 574"/>
                    <a:gd name="T87" fmla="*/ 259 h 370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w 574"/>
                    <a:gd name="T133" fmla="*/ 0 h 370"/>
                    <a:gd name="T134" fmla="*/ 574 w 574"/>
                    <a:gd name="T135" fmla="*/ 370 h 370"/>
                  </a:gdLst>
                  <a:ahLst/>
                  <a:cxnLst>
                    <a:cxn ang="T88">
                      <a:pos x="T0" y="T1"/>
                    </a:cxn>
                    <a:cxn ang="T89">
                      <a:pos x="T2" y="T3"/>
                    </a:cxn>
                    <a:cxn ang="T90">
                      <a:pos x="T4" y="T5"/>
                    </a:cxn>
                    <a:cxn ang="T91">
                      <a:pos x="T6" y="T7"/>
                    </a:cxn>
                    <a:cxn ang="T92">
                      <a:pos x="T8" y="T9"/>
                    </a:cxn>
                    <a:cxn ang="T93">
                      <a:pos x="T10" y="T11"/>
                    </a:cxn>
                    <a:cxn ang="T94">
                      <a:pos x="T12" y="T13"/>
                    </a:cxn>
                    <a:cxn ang="T95">
                      <a:pos x="T14" y="T15"/>
                    </a:cxn>
                    <a:cxn ang="T96">
                      <a:pos x="T16" y="T17"/>
                    </a:cxn>
                    <a:cxn ang="T97">
                      <a:pos x="T18" y="T19"/>
                    </a:cxn>
                    <a:cxn ang="T98">
                      <a:pos x="T20" y="T21"/>
                    </a:cxn>
                    <a:cxn ang="T99">
                      <a:pos x="T22" y="T23"/>
                    </a:cxn>
                    <a:cxn ang="T100">
                      <a:pos x="T24" y="T25"/>
                    </a:cxn>
                    <a:cxn ang="T101">
                      <a:pos x="T26" y="T27"/>
                    </a:cxn>
                    <a:cxn ang="T102">
                      <a:pos x="T28" y="T29"/>
                    </a:cxn>
                    <a:cxn ang="T103">
                      <a:pos x="T30" y="T31"/>
                    </a:cxn>
                    <a:cxn ang="T104">
                      <a:pos x="T32" y="T33"/>
                    </a:cxn>
                    <a:cxn ang="T105">
                      <a:pos x="T34" y="T35"/>
                    </a:cxn>
                    <a:cxn ang="T106">
                      <a:pos x="T36" y="T37"/>
                    </a:cxn>
                    <a:cxn ang="T107">
                      <a:pos x="T38" y="T39"/>
                    </a:cxn>
                    <a:cxn ang="T108">
                      <a:pos x="T40" y="T41"/>
                    </a:cxn>
                    <a:cxn ang="T109">
                      <a:pos x="T42" y="T43"/>
                    </a:cxn>
                    <a:cxn ang="T110">
                      <a:pos x="T44" y="T45"/>
                    </a:cxn>
                    <a:cxn ang="T111">
                      <a:pos x="T46" y="T47"/>
                    </a:cxn>
                    <a:cxn ang="T112">
                      <a:pos x="T48" y="T49"/>
                    </a:cxn>
                    <a:cxn ang="T113">
                      <a:pos x="T50" y="T51"/>
                    </a:cxn>
                    <a:cxn ang="T114">
                      <a:pos x="T52" y="T53"/>
                    </a:cxn>
                    <a:cxn ang="T115">
                      <a:pos x="T54" y="T55"/>
                    </a:cxn>
                    <a:cxn ang="T116">
                      <a:pos x="T56" y="T57"/>
                    </a:cxn>
                    <a:cxn ang="T117">
                      <a:pos x="T58" y="T59"/>
                    </a:cxn>
                    <a:cxn ang="T118">
                      <a:pos x="T60" y="T61"/>
                    </a:cxn>
                    <a:cxn ang="T119">
                      <a:pos x="T62" y="T63"/>
                    </a:cxn>
                    <a:cxn ang="T120">
                      <a:pos x="T64" y="T65"/>
                    </a:cxn>
                    <a:cxn ang="T121">
                      <a:pos x="T66" y="T67"/>
                    </a:cxn>
                    <a:cxn ang="T122">
                      <a:pos x="T68" y="T69"/>
                    </a:cxn>
                    <a:cxn ang="T123">
                      <a:pos x="T70" y="T71"/>
                    </a:cxn>
                    <a:cxn ang="T124">
                      <a:pos x="T72" y="T73"/>
                    </a:cxn>
                    <a:cxn ang="T125">
                      <a:pos x="T74" y="T75"/>
                    </a:cxn>
                    <a:cxn ang="T126">
                      <a:pos x="T76" y="T77"/>
                    </a:cxn>
                    <a:cxn ang="T127">
                      <a:pos x="T78" y="T79"/>
                    </a:cxn>
                    <a:cxn ang="T128">
                      <a:pos x="T80" y="T81"/>
                    </a:cxn>
                    <a:cxn ang="T129">
                      <a:pos x="T82" y="T83"/>
                    </a:cxn>
                    <a:cxn ang="T130">
                      <a:pos x="T84" y="T85"/>
                    </a:cxn>
                    <a:cxn ang="T131">
                      <a:pos x="T86" y="T87"/>
                    </a:cxn>
                  </a:cxnLst>
                  <a:rect l="T132" t="T133" r="T134" b="T135"/>
                  <a:pathLst>
                    <a:path w="574" h="370">
                      <a:moveTo>
                        <a:pt x="51" y="370"/>
                      </a:moveTo>
                      <a:lnTo>
                        <a:pt x="146" y="352"/>
                      </a:lnTo>
                      <a:lnTo>
                        <a:pt x="491" y="287"/>
                      </a:lnTo>
                      <a:lnTo>
                        <a:pt x="493" y="277"/>
                      </a:lnTo>
                      <a:lnTo>
                        <a:pt x="496" y="272"/>
                      </a:lnTo>
                      <a:lnTo>
                        <a:pt x="501" y="269"/>
                      </a:lnTo>
                      <a:lnTo>
                        <a:pt x="506" y="265"/>
                      </a:lnTo>
                      <a:lnTo>
                        <a:pt x="513" y="265"/>
                      </a:lnTo>
                      <a:lnTo>
                        <a:pt x="518" y="265"/>
                      </a:lnTo>
                      <a:lnTo>
                        <a:pt x="521" y="265"/>
                      </a:lnTo>
                      <a:lnTo>
                        <a:pt x="523" y="267"/>
                      </a:lnTo>
                      <a:lnTo>
                        <a:pt x="523" y="265"/>
                      </a:lnTo>
                      <a:lnTo>
                        <a:pt x="527" y="264"/>
                      </a:lnTo>
                      <a:lnTo>
                        <a:pt x="530" y="260"/>
                      </a:lnTo>
                      <a:lnTo>
                        <a:pt x="535" y="257"/>
                      </a:lnTo>
                      <a:lnTo>
                        <a:pt x="538" y="254"/>
                      </a:lnTo>
                      <a:lnTo>
                        <a:pt x="543" y="252"/>
                      </a:lnTo>
                      <a:lnTo>
                        <a:pt x="545" y="248"/>
                      </a:lnTo>
                      <a:lnTo>
                        <a:pt x="547" y="248"/>
                      </a:lnTo>
                      <a:lnTo>
                        <a:pt x="547" y="243"/>
                      </a:lnTo>
                      <a:lnTo>
                        <a:pt x="550" y="238"/>
                      </a:lnTo>
                      <a:lnTo>
                        <a:pt x="554" y="233"/>
                      </a:lnTo>
                      <a:lnTo>
                        <a:pt x="557" y="228"/>
                      </a:lnTo>
                      <a:lnTo>
                        <a:pt x="560" y="225"/>
                      </a:lnTo>
                      <a:lnTo>
                        <a:pt x="564" y="221"/>
                      </a:lnTo>
                      <a:lnTo>
                        <a:pt x="567" y="220"/>
                      </a:lnTo>
                      <a:lnTo>
                        <a:pt x="569" y="218"/>
                      </a:lnTo>
                      <a:lnTo>
                        <a:pt x="572" y="216"/>
                      </a:lnTo>
                      <a:lnTo>
                        <a:pt x="574" y="213"/>
                      </a:lnTo>
                      <a:lnTo>
                        <a:pt x="574" y="211"/>
                      </a:lnTo>
                      <a:lnTo>
                        <a:pt x="574" y="208"/>
                      </a:lnTo>
                      <a:lnTo>
                        <a:pt x="572" y="206"/>
                      </a:lnTo>
                      <a:lnTo>
                        <a:pt x="571" y="204"/>
                      </a:lnTo>
                      <a:lnTo>
                        <a:pt x="571" y="203"/>
                      </a:lnTo>
                      <a:lnTo>
                        <a:pt x="569" y="203"/>
                      </a:lnTo>
                      <a:lnTo>
                        <a:pt x="567" y="201"/>
                      </a:lnTo>
                      <a:lnTo>
                        <a:pt x="564" y="199"/>
                      </a:lnTo>
                      <a:lnTo>
                        <a:pt x="559" y="194"/>
                      </a:lnTo>
                      <a:lnTo>
                        <a:pt x="554" y="189"/>
                      </a:lnTo>
                      <a:lnTo>
                        <a:pt x="547" y="184"/>
                      </a:lnTo>
                      <a:lnTo>
                        <a:pt x="542" y="179"/>
                      </a:lnTo>
                      <a:lnTo>
                        <a:pt x="537" y="176"/>
                      </a:lnTo>
                      <a:lnTo>
                        <a:pt x="535" y="174"/>
                      </a:lnTo>
                      <a:lnTo>
                        <a:pt x="525" y="169"/>
                      </a:lnTo>
                      <a:lnTo>
                        <a:pt x="520" y="162"/>
                      </a:lnTo>
                      <a:lnTo>
                        <a:pt x="518" y="155"/>
                      </a:lnTo>
                      <a:lnTo>
                        <a:pt x="518" y="149"/>
                      </a:lnTo>
                      <a:lnTo>
                        <a:pt x="520" y="144"/>
                      </a:lnTo>
                      <a:lnTo>
                        <a:pt x="521" y="138"/>
                      </a:lnTo>
                      <a:lnTo>
                        <a:pt x="523" y="135"/>
                      </a:lnTo>
                      <a:lnTo>
                        <a:pt x="525" y="135"/>
                      </a:lnTo>
                      <a:lnTo>
                        <a:pt x="515" y="118"/>
                      </a:lnTo>
                      <a:lnTo>
                        <a:pt x="532" y="93"/>
                      </a:lnTo>
                      <a:lnTo>
                        <a:pt x="538" y="71"/>
                      </a:lnTo>
                      <a:lnTo>
                        <a:pt x="543" y="62"/>
                      </a:lnTo>
                      <a:lnTo>
                        <a:pt x="525" y="56"/>
                      </a:lnTo>
                      <a:lnTo>
                        <a:pt x="523" y="56"/>
                      </a:lnTo>
                      <a:lnTo>
                        <a:pt x="520" y="54"/>
                      </a:lnTo>
                      <a:lnTo>
                        <a:pt x="518" y="50"/>
                      </a:lnTo>
                      <a:lnTo>
                        <a:pt x="515" y="47"/>
                      </a:lnTo>
                      <a:lnTo>
                        <a:pt x="511" y="44"/>
                      </a:lnTo>
                      <a:lnTo>
                        <a:pt x="508" y="39"/>
                      </a:lnTo>
                      <a:lnTo>
                        <a:pt x="505" y="32"/>
                      </a:lnTo>
                      <a:lnTo>
                        <a:pt x="503" y="30"/>
                      </a:lnTo>
                      <a:lnTo>
                        <a:pt x="503" y="28"/>
                      </a:lnTo>
                      <a:lnTo>
                        <a:pt x="503" y="25"/>
                      </a:lnTo>
                      <a:lnTo>
                        <a:pt x="501" y="22"/>
                      </a:lnTo>
                      <a:lnTo>
                        <a:pt x="499" y="20"/>
                      </a:lnTo>
                      <a:lnTo>
                        <a:pt x="496" y="17"/>
                      </a:lnTo>
                      <a:lnTo>
                        <a:pt x="493" y="15"/>
                      </a:lnTo>
                      <a:lnTo>
                        <a:pt x="486" y="15"/>
                      </a:lnTo>
                      <a:lnTo>
                        <a:pt x="484" y="13"/>
                      </a:lnTo>
                      <a:lnTo>
                        <a:pt x="483" y="12"/>
                      </a:lnTo>
                      <a:lnTo>
                        <a:pt x="481" y="8"/>
                      </a:lnTo>
                      <a:lnTo>
                        <a:pt x="479" y="5"/>
                      </a:lnTo>
                      <a:lnTo>
                        <a:pt x="476" y="1"/>
                      </a:lnTo>
                      <a:lnTo>
                        <a:pt x="471" y="0"/>
                      </a:lnTo>
                      <a:lnTo>
                        <a:pt x="466" y="0"/>
                      </a:lnTo>
                      <a:lnTo>
                        <a:pt x="459" y="0"/>
                      </a:lnTo>
                      <a:lnTo>
                        <a:pt x="457" y="0"/>
                      </a:lnTo>
                      <a:lnTo>
                        <a:pt x="454" y="1"/>
                      </a:lnTo>
                      <a:lnTo>
                        <a:pt x="449" y="3"/>
                      </a:lnTo>
                      <a:lnTo>
                        <a:pt x="442" y="3"/>
                      </a:lnTo>
                      <a:lnTo>
                        <a:pt x="432" y="5"/>
                      </a:lnTo>
                      <a:lnTo>
                        <a:pt x="422" y="8"/>
                      </a:lnTo>
                      <a:lnTo>
                        <a:pt x="410" y="10"/>
                      </a:lnTo>
                      <a:lnTo>
                        <a:pt x="398" y="12"/>
                      </a:lnTo>
                      <a:lnTo>
                        <a:pt x="383" y="15"/>
                      </a:lnTo>
                      <a:lnTo>
                        <a:pt x="367" y="18"/>
                      </a:lnTo>
                      <a:lnTo>
                        <a:pt x="352" y="22"/>
                      </a:lnTo>
                      <a:lnTo>
                        <a:pt x="335" y="25"/>
                      </a:lnTo>
                      <a:lnTo>
                        <a:pt x="318" y="28"/>
                      </a:lnTo>
                      <a:lnTo>
                        <a:pt x="301" y="32"/>
                      </a:lnTo>
                      <a:lnTo>
                        <a:pt x="283" y="35"/>
                      </a:lnTo>
                      <a:lnTo>
                        <a:pt x="266" y="39"/>
                      </a:lnTo>
                      <a:lnTo>
                        <a:pt x="247" y="42"/>
                      </a:lnTo>
                      <a:lnTo>
                        <a:pt x="230" y="45"/>
                      </a:lnTo>
                      <a:lnTo>
                        <a:pt x="212" y="49"/>
                      </a:lnTo>
                      <a:lnTo>
                        <a:pt x="195" y="52"/>
                      </a:lnTo>
                      <a:lnTo>
                        <a:pt x="178" y="56"/>
                      </a:lnTo>
                      <a:lnTo>
                        <a:pt x="163" y="59"/>
                      </a:lnTo>
                      <a:lnTo>
                        <a:pt x="147" y="61"/>
                      </a:lnTo>
                      <a:lnTo>
                        <a:pt x="134" y="64"/>
                      </a:lnTo>
                      <a:lnTo>
                        <a:pt x="120" y="66"/>
                      </a:lnTo>
                      <a:lnTo>
                        <a:pt x="109" y="69"/>
                      </a:lnTo>
                      <a:lnTo>
                        <a:pt x="98" y="71"/>
                      </a:lnTo>
                      <a:lnTo>
                        <a:pt x="90" y="72"/>
                      </a:lnTo>
                      <a:lnTo>
                        <a:pt x="83" y="74"/>
                      </a:lnTo>
                      <a:lnTo>
                        <a:pt x="78" y="74"/>
                      </a:lnTo>
                      <a:lnTo>
                        <a:pt x="75" y="74"/>
                      </a:lnTo>
                      <a:lnTo>
                        <a:pt x="75" y="76"/>
                      </a:lnTo>
                      <a:lnTo>
                        <a:pt x="66" y="44"/>
                      </a:lnTo>
                      <a:lnTo>
                        <a:pt x="61" y="47"/>
                      </a:lnTo>
                      <a:lnTo>
                        <a:pt x="56" y="52"/>
                      </a:lnTo>
                      <a:lnTo>
                        <a:pt x="49" y="56"/>
                      </a:lnTo>
                      <a:lnTo>
                        <a:pt x="44" y="59"/>
                      </a:lnTo>
                      <a:lnTo>
                        <a:pt x="39" y="64"/>
                      </a:lnTo>
                      <a:lnTo>
                        <a:pt x="34" y="67"/>
                      </a:lnTo>
                      <a:lnTo>
                        <a:pt x="29" y="71"/>
                      </a:lnTo>
                      <a:lnTo>
                        <a:pt x="26" y="74"/>
                      </a:lnTo>
                      <a:lnTo>
                        <a:pt x="21" y="78"/>
                      </a:lnTo>
                      <a:lnTo>
                        <a:pt x="15" y="81"/>
                      </a:lnTo>
                      <a:lnTo>
                        <a:pt x="12" y="84"/>
                      </a:lnTo>
                      <a:lnTo>
                        <a:pt x="9" y="86"/>
                      </a:lnTo>
                      <a:lnTo>
                        <a:pt x="7" y="89"/>
                      </a:lnTo>
                      <a:lnTo>
                        <a:pt x="4" y="91"/>
                      </a:lnTo>
                      <a:lnTo>
                        <a:pt x="2" y="91"/>
                      </a:lnTo>
                      <a:lnTo>
                        <a:pt x="2" y="93"/>
                      </a:lnTo>
                      <a:lnTo>
                        <a:pt x="0" y="93"/>
                      </a:lnTo>
                      <a:lnTo>
                        <a:pt x="32" y="259"/>
                      </a:lnTo>
                      <a:lnTo>
                        <a:pt x="51" y="370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069" name="Freeform 49"/>
                <p:cNvSpPr>
                  <a:spLocks/>
                </p:cNvSpPr>
                <p:nvPr/>
              </p:nvSpPr>
              <p:spPr bwMode="auto">
                <a:xfrm>
                  <a:off x="4341" y="1400"/>
                  <a:ext cx="574" cy="370"/>
                </a:xfrm>
                <a:custGeom>
                  <a:avLst/>
                  <a:gdLst>
                    <a:gd name="T0" fmla="*/ 491 w 574"/>
                    <a:gd name="T1" fmla="*/ 287 h 370"/>
                    <a:gd name="T2" fmla="*/ 496 w 574"/>
                    <a:gd name="T3" fmla="*/ 272 h 370"/>
                    <a:gd name="T4" fmla="*/ 513 w 574"/>
                    <a:gd name="T5" fmla="*/ 265 h 370"/>
                    <a:gd name="T6" fmla="*/ 523 w 574"/>
                    <a:gd name="T7" fmla="*/ 267 h 370"/>
                    <a:gd name="T8" fmla="*/ 527 w 574"/>
                    <a:gd name="T9" fmla="*/ 264 h 370"/>
                    <a:gd name="T10" fmla="*/ 538 w 574"/>
                    <a:gd name="T11" fmla="*/ 254 h 370"/>
                    <a:gd name="T12" fmla="*/ 547 w 574"/>
                    <a:gd name="T13" fmla="*/ 248 h 370"/>
                    <a:gd name="T14" fmla="*/ 550 w 574"/>
                    <a:gd name="T15" fmla="*/ 238 h 370"/>
                    <a:gd name="T16" fmla="*/ 560 w 574"/>
                    <a:gd name="T17" fmla="*/ 225 h 370"/>
                    <a:gd name="T18" fmla="*/ 569 w 574"/>
                    <a:gd name="T19" fmla="*/ 218 h 370"/>
                    <a:gd name="T20" fmla="*/ 574 w 574"/>
                    <a:gd name="T21" fmla="*/ 213 h 370"/>
                    <a:gd name="T22" fmla="*/ 572 w 574"/>
                    <a:gd name="T23" fmla="*/ 206 h 370"/>
                    <a:gd name="T24" fmla="*/ 569 w 574"/>
                    <a:gd name="T25" fmla="*/ 203 h 370"/>
                    <a:gd name="T26" fmla="*/ 564 w 574"/>
                    <a:gd name="T27" fmla="*/ 199 h 370"/>
                    <a:gd name="T28" fmla="*/ 547 w 574"/>
                    <a:gd name="T29" fmla="*/ 184 h 370"/>
                    <a:gd name="T30" fmla="*/ 535 w 574"/>
                    <a:gd name="T31" fmla="*/ 174 h 370"/>
                    <a:gd name="T32" fmla="*/ 520 w 574"/>
                    <a:gd name="T33" fmla="*/ 162 h 370"/>
                    <a:gd name="T34" fmla="*/ 520 w 574"/>
                    <a:gd name="T35" fmla="*/ 144 h 370"/>
                    <a:gd name="T36" fmla="*/ 525 w 574"/>
                    <a:gd name="T37" fmla="*/ 135 h 370"/>
                    <a:gd name="T38" fmla="*/ 538 w 574"/>
                    <a:gd name="T39" fmla="*/ 71 h 370"/>
                    <a:gd name="T40" fmla="*/ 525 w 574"/>
                    <a:gd name="T41" fmla="*/ 56 h 370"/>
                    <a:gd name="T42" fmla="*/ 523 w 574"/>
                    <a:gd name="T43" fmla="*/ 56 h 370"/>
                    <a:gd name="T44" fmla="*/ 515 w 574"/>
                    <a:gd name="T45" fmla="*/ 47 h 370"/>
                    <a:gd name="T46" fmla="*/ 505 w 574"/>
                    <a:gd name="T47" fmla="*/ 32 h 370"/>
                    <a:gd name="T48" fmla="*/ 503 w 574"/>
                    <a:gd name="T49" fmla="*/ 28 h 370"/>
                    <a:gd name="T50" fmla="*/ 499 w 574"/>
                    <a:gd name="T51" fmla="*/ 20 h 370"/>
                    <a:gd name="T52" fmla="*/ 486 w 574"/>
                    <a:gd name="T53" fmla="*/ 15 h 370"/>
                    <a:gd name="T54" fmla="*/ 483 w 574"/>
                    <a:gd name="T55" fmla="*/ 12 h 370"/>
                    <a:gd name="T56" fmla="*/ 476 w 574"/>
                    <a:gd name="T57" fmla="*/ 1 h 370"/>
                    <a:gd name="T58" fmla="*/ 459 w 574"/>
                    <a:gd name="T59" fmla="*/ 0 h 370"/>
                    <a:gd name="T60" fmla="*/ 454 w 574"/>
                    <a:gd name="T61" fmla="*/ 1 h 370"/>
                    <a:gd name="T62" fmla="*/ 432 w 574"/>
                    <a:gd name="T63" fmla="*/ 5 h 370"/>
                    <a:gd name="T64" fmla="*/ 398 w 574"/>
                    <a:gd name="T65" fmla="*/ 12 h 370"/>
                    <a:gd name="T66" fmla="*/ 352 w 574"/>
                    <a:gd name="T67" fmla="*/ 22 h 370"/>
                    <a:gd name="T68" fmla="*/ 301 w 574"/>
                    <a:gd name="T69" fmla="*/ 32 h 370"/>
                    <a:gd name="T70" fmla="*/ 247 w 574"/>
                    <a:gd name="T71" fmla="*/ 42 h 370"/>
                    <a:gd name="T72" fmla="*/ 195 w 574"/>
                    <a:gd name="T73" fmla="*/ 52 h 370"/>
                    <a:gd name="T74" fmla="*/ 147 w 574"/>
                    <a:gd name="T75" fmla="*/ 61 h 370"/>
                    <a:gd name="T76" fmla="*/ 109 w 574"/>
                    <a:gd name="T77" fmla="*/ 69 h 370"/>
                    <a:gd name="T78" fmla="*/ 83 w 574"/>
                    <a:gd name="T79" fmla="*/ 74 h 370"/>
                    <a:gd name="T80" fmla="*/ 75 w 574"/>
                    <a:gd name="T81" fmla="*/ 76 h 370"/>
                    <a:gd name="T82" fmla="*/ 61 w 574"/>
                    <a:gd name="T83" fmla="*/ 47 h 370"/>
                    <a:gd name="T84" fmla="*/ 44 w 574"/>
                    <a:gd name="T85" fmla="*/ 59 h 370"/>
                    <a:gd name="T86" fmla="*/ 29 w 574"/>
                    <a:gd name="T87" fmla="*/ 71 h 370"/>
                    <a:gd name="T88" fmla="*/ 15 w 574"/>
                    <a:gd name="T89" fmla="*/ 81 h 370"/>
                    <a:gd name="T90" fmla="*/ 7 w 574"/>
                    <a:gd name="T91" fmla="*/ 89 h 370"/>
                    <a:gd name="T92" fmla="*/ 2 w 574"/>
                    <a:gd name="T93" fmla="*/ 93 h 370"/>
                    <a:gd name="T94" fmla="*/ 51 w 574"/>
                    <a:gd name="T95" fmla="*/ 370 h 370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w 574"/>
                    <a:gd name="T145" fmla="*/ 0 h 370"/>
                    <a:gd name="T146" fmla="*/ 574 w 574"/>
                    <a:gd name="T147" fmla="*/ 370 h 370"/>
                  </a:gdLst>
                  <a:ahLst/>
                  <a:cxnLst>
                    <a:cxn ang="T96">
                      <a:pos x="T0" y="T1"/>
                    </a:cxn>
                    <a:cxn ang="T97">
                      <a:pos x="T2" y="T3"/>
                    </a:cxn>
                    <a:cxn ang="T98">
                      <a:pos x="T4" y="T5"/>
                    </a:cxn>
                    <a:cxn ang="T99">
                      <a:pos x="T6" y="T7"/>
                    </a:cxn>
                    <a:cxn ang="T100">
                      <a:pos x="T8" y="T9"/>
                    </a:cxn>
                    <a:cxn ang="T101">
                      <a:pos x="T10" y="T11"/>
                    </a:cxn>
                    <a:cxn ang="T102">
                      <a:pos x="T12" y="T13"/>
                    </a:cxn>
                    <a:cxn ang="T103">
                      <a:pos x="T14" y="T15"/>
                    </a:cxn>
                    <a:cxn ang="T104">
                      <a:pos x="T16" y="T17"/>
                    </a:cxn>
                    <a:cxn ang="T105">
                      <a:pos x="T18" y="T19"/>
                    </a:cxn>
                    <a:cxn ang="T106">
                      <a:pos x="T20" y="T21"/>
                    </a:cxn>
                    <a:cxn ang="T107">
                      <a:pos x="T22" y="T23"/>
                    </a:cxn>
                    <a:cxn ang="T108">
                      <a:pos x="T24" y="T25"/>
                    </a:cxn>
                    <a:cxn ang="T109">
                      <a:pos x="T26" y="T27"/>
                    </a:cxn>
                    <a:cxn ang="T110">
                      <a:pos x="T28" y="T29"/>
                    </a:cxn>
                    <a:cxn ang="T111">
                      <a:pos x="T30" y="T31"/>
                    </a:cxn>
                    <a:cxn ang="T112">
                      <a:pos x="T32" y="T33"/>
                    </a:cxn>
                    <a:cxn ang="T113">
                      <a:pos x="T34" y="T35"/>
                    </a:cxn>
                    <a:cxn ang="T114">
                      <a:pos x="T36" y="T37"/>
                    </a:cxn>
                    <a:cxn ang="T115">
                      <a:pos x="T38" y="T39"/>
                    </a:cxn>
                    <a:cxn ang="T116">
                      <a:pos x="T40" y="T41"/>
                    </a:cxn>
                    <a:cxn ang="T117">
                      <a:pos x="T42" y="T43"/>
                    </a:cxn>
                    <a:cxn ang="T118">
                      <a:pos x="T44" y="T45"/>
                    </a:cxn>
                    <a:cxn ang="T119">
                      <a:pos x="T46" y="T47"/>
                    </a:cxn>
                    <a:cxn ang="T120">
                      <a:pos x="T48" y="T49"/>
                    </a:cxn>
                    <a:cxn ang="T121">
                      <a:pos x="T50" y="T51"/>
                    </a:cxn>
                    <a:cxn ang="T122">
                      <a:pos x="T52" y="T53"/>
                    </a:cxn>
                    <a:cxn ang="T123">
                      <a:pos x="T54" y="T55"/>
                    </a:cxn>
                    <a:cxn ang="T124">
                      <a:pos x="T56" y="T57"/>
                    </a:cxn>
                    <a:cxn ang="T125">
                      <a:pos x="T58" y="T59"/>
                    </a:cxn>
                    <a:cxn ang="T126">
                      <a:pos x="T60" y="T61"/>
                    </a:cxn>
                    <a:cxn ang="T127">
                      <a:pos x="T62" y="T63"/>
                    </a:cxn>
                    <a:cxn ang="T128">
                      <a:pos x="T64" y="T65"/>
                    </a:cxn>
                    <a:cxn ang="T129">
                      <a:pos x="T66" y="T67"/>
                    </a:cxn>
                    <a:cxn ang="T130">
                      <a:pos x="T68" y="T69"/>
                    </a:cxn>
                    <a:cxn ang="T131">
                      <a:pos x="T70" y="T71"/>
                    </a:cxn>
                    <a:cxn ang="T132">
                      <a:pos x="T72" y="T73"/>
                    </a:cxn>
                    <a:cxn ang="T133">
                      <a:pos x="T74" y="T75"/>
                    </a:cxn>
                    <a:cxn ang="T134">
                      <a:pos x="T76" y="T77"/>
                    </a:cxn>
                    <a:cxn ang="T135">
                      <a:pos x="T78" y="T79"/>
                    </a:cxn>
                    <a:cxn ang="T136">
                      <a:pos x="T80" y="T81"/>
                    </a:cxn>
                    <a:cxn ang="T137">
                      <a:pos x="T82" y="T83"/>
                    </a:cxn>
                    <a:cxn ang="T138">
                      <a:pos x="T84" y="T85"/>
                    </a:cxn>
                    <a:cxn ang="T139">
                      <a:pos x="T86" y="T87"/>
                    </a:cxn>
                    <a:cxn ang="T140">
                      <a:pos x="T88" y="T89"/>
                    </a:cxn>
                    <a:cxn ang="T141">
                      <a:pos x="T90" y="T91"/>
                    </a:cxn>
                    <a:cxn ang="T142">
                      <a:pos x="T92" y="T93"/>
                    </a:cxn>
                    <a:cxn ang="T143">
                      <a:pos x="T94" y="T95"/>
                    </a:cxn>
                  </a:cxnLst>
                  <a:rect l="T144" t="T145" r="T146" b="T147"/>
                  <a:pathLst>
                    <a:path w="574" h="370">
                      <a:moveTo>
                        <a:pt x="51" y="370"/>
                      </a:moveTo>
                      <a:lnTo>
                        <a:pt x="146" y="352"/>
                      </a:lnTo>
                      <a:lnTo>
                        <a:pt x="491" y="287"/>
                      </a:lnTo>
                      <a:lnTo>
                        <a:pt x="493" y="277"/>
                      </a:lnTo>
                      <a:lnTo>
                        <a:pt x="496" y="272"/>
                      </a:lnTo>
                      <a:lnTo>
                        <a:pt x="501" y="269"/>
                      </a:lnTo>
                      <a:lnTo>
                        <a:pt x="506" y="265"/>
                      </a:lnTo>
                      <a:lnTo>
                        <a:pt x="513" y="265"/>
                      </a:lnTo>
                      <a:lnTo>
                        <a:pt x="518" y="265"/>
                      </a:lnTo>
                      <a:lnTo>
                        <a:pt x="521" y="265"/>
                      </a:lnTo>
                      <a:lnTo>
                        <a:pt x="523" y="267"/>
                      </a:lnTo>
                      <a:lnTo>
                        <a:pt x="523" y="265"/>
                      </a:lnTo>
                      <a:lnTo>
                        <a:pt x="527" y="264"/>
                      </a:lnTo>
                      <a:lnTo>
                        <a:pt x="530" y="260"/>
                      </a:lnTo>
                      <a:lnTo>
                        <a:pt x="535" y="257"/>
                      </a:lnTo>
                      <a:lnTo>
                        <a:pt x="538" y="254"/>
                      </a:lnTo>
                      <a:lnTo>
                        <a:pt x="543" y="252"/>
                      </a:lnTo>
                      <a:lnTo>
                        <a:pt x="545" y="248"/>
                      </a:lnTo>
                      <a:lnTo>
                        <a:pt x="547" y="248"/>
                      </a:lnTo>
                      <a:lnTo>
                        <a:pt x="547" y="243"/>
                      </a:lnTo>
                      <a:lnTo>
                        <a:pt x="550" y="238"/>
                      </a:lnTo>
                      <a:lnTo>
                        <a:pt x="554" y="233"/>
                      </a:lnTo>
                      <a:lnTo>
                        <a:pt x="557" y="228"/>
                      </a:lnTo>
                      <a:lnTo>
                        <a:pt x="560" y="225"/>
                      </a:lnTo>
                      <a:lnTo>
                        <a:pt x="564" y="221"/>
                      </a:lnTo>
                      <a:lnTo>
                        <a:pt x="567" y="220"/>
                      </a:lnTo>
                      <a:lnTo>
                        <a:pt x="569" y="218"/>
                      </a:lnTo>
                      <a:lnTo>
                        <a:pt x="572" y="216"/>
                      </a:lnTo>
                      <a:lnTo>
                        <a:pt x="574" y="213"/>
                      </a:lnTo>
                      <a:lnTo>
                        <a:pt x="574" y="211"/>
                      </a:lnTo>
                      <a:lnTo>
                        <a:pt x="574" y="208"/>
                      </a:lnTo>
                      <a:lnTo>
                        <a:pt x="572" y="206"/>
                      </a:lnTo>
                      <a:lnTo>
                        <a:pt x="571" y="204"/>
                      </a:lnTo>
                      <a:lnTo>
                        <a:pt x="571" y="203"/>
                      </a:lnTo>
                      <a:lnTo>
                        <a:pt x="569" y="203"/>
                      </a:lnTo>
                      <a:lnTo>
                        <a:pt x="567" y="201"/>
                      </a:lnTo>
                      <a:lnTo>
                        <a:pt x="564" y="199"/>
                      </a:lnTo>
                      <a:lnTo>
                        <a:pt x="559" y="194"/>
                      </a:lnTo>
                      <a:lnTo>
                        <a:pt x="554" y="189"/>
                      </a:lnTo>
                      <a:lnTo>
                        <a:pt x="547" y="184"/>
                      </a:lnTo>
                      <a:lnTo>
                        <a:pt x="542" y="179"/>
                      </a:lnTo>
                      <a:lnTo>
                        <a:pt x="537" y="176"/>
                      </a:lnTo>
                      <a:lnTo>
                        <a:pt x="535" y="174"/>
                      </a:lnTo>
                      <a:lnTo>
                        <a:pt x="525" y="169"/>
                      </a:lnTo>
                      <a:lnTo>
                        <a:pt x="520" y="162"/>
                      </a:lnTo>
                      <a:lnTo>
                        <a:pt x="518" y="155"/>
                      </a:lnTo>
                      <a:lnTo>
                        <a:pt x="518" y="149"/>
                      </a:lnTo>
                      <a:lnTo>
                        <a:pt x="520" y="144"/>
                      </a:lnTo>
                      <a:lnTo>
                        <a:pt x="521" y="138"/>
                      </a:lnTo>
                      <a:lnTo>
                        <a:pt x="523" y="135"/>
                      </a:lnTo>
                      <a:lnTo>
                        <a:pt x="525" y="135"/>
                      </a:lnTo>
                      <a:lnTo>
                        <a:pt x="515" y="118"/>
                      </a:lnTo>
                      <a:lnTo>
                        <a:pt x="532" y="93"/>
                      </a:lnTo>
                      <a:lnTo>
                        <a:pt x="538" y="71"/>
                      </a:lnTo>
                      <a:lnTo>
                        <a:pt x="543" y="62"/>
                      </a:lnTo>
                      <a:lnTo>
                        <a:pt x="525" y="56"/>
                      </a:lnTo>
                      <a:lnTo>
                        <a:pt x="523" y="56"/>
                      </a:lnTo>
                      <a:lnTo>
                        <a:pt x="520" y="54"/>
                      </a:lnTo>
                      <a:lnTo>
                        <a:pt x="518" y="50"/>
                      </a:lnTo>
                      <a:lnTo>
                        <a:pt x="515" y="47"/>
                      </a:lnTo>
                      <a:lnTo>
                        <a:pt x="511" y="44"/>
                      </a:lnTo>
                      <a:lnTo>
                        <a:pt x="508" y="39"/>
                      </a:lnTo>
                      <a:lnTo>
                        <a:pt x="505" y="32"/>
                      </a:lnTo>
                      <a:lnTo>
                        <a:pt x="503" y="30"/>
                      </a:lnTo>
                      <a:lnTo>
                        <a:pt x="503" y="28"/>
                      </a:lnTo>
                      <a:lnTo>
                        <a:pt x="503" y="25"/>
                      </a:lnTo>
                      <a:lnTo>
                        <a:pt x="501" y="22"/>
                      </a:lnTo>
                      <a:lnTo>
                        <a:pt x="499" y="20"/>
                      </a:lnTo>
                      <a:lnTo>
                        <a:pt x="496" y="17"/>
                      </a:lnTo>
                      <a:lnTo>
                        <a:pt x="493" y="15"/>
                      </a:lnTo>
                      <a:lnTo>
                        <a:pt x="486" y="15"/>
                      </a:lnTo>
                      <a:lnTo>
                        <a:pt x="484" y="13"/>
                      </a:lnTo>
                      <a:lnTo>
                        <a:pt x="483" y="12"/>
                      </a:lnTo>
                      <a:lnTo>
                        <a:pt x="481" y="8"/>
                      </a:lnTo>
                      <a:lnTo>
                        <a:pt x="479" y="5"/>
                      </a:lnTo>
                      <a:lnTo>
                        <a:pt x="476" y="1"/>
                      </a:lnTo>
                      <a:lnTo>
                        <a:pt x="471" y="0"/>
                      </a:lnTo>
                      <a:lnTo>
                        <a:pt x="466" y="0"/>
                      </a:lnTo>
                      <a:lnTo>
                        <a:pt x="459" y="0"/>
                      </a:lnTo>
                      <a:lnTo>
                        <a:pt x="457" y="0"/>
                      </a:lnTo>
                      <a:lnTo>
                        <a:pt x="454" y="1"/>
                      </a:lnTo>
                      <a:lnTo>
                        <a:pt x="449" y="3"/>
                      </a:lnTo>
                      <a:lnTo>
                        <a:pt x="442" y="3"/>
                      </a:lnTo>
                      <a:lnTo>
                        <a:pt x="432" y="5"/>
                      </a:lnTo>
                      <a:lnTo>
                        <a:pt x="422" y="8"/>
                      </a:lnTo>
                      <a:lnTo>
                        <a:pt x="410" y="10"/>
                      </a:lnTo>
                      <a:lnTo>
                        <a:pt x="398" y="12"/>
                      </a:lnTo>
                      <a:lnTo>
                        <a:pt x="383" y="15"/>
                      </a:lnTo>
                      <a:lnTo>
                        <a:pt x="367" y="18"/>
                      </a:lnTo>
                      <a:lnTo>
                        <a:pt x="352" y="22"/>
                      </a:lnTo>
                      <a:lnTo>
                        <a:pt x="335" y="25"/>
                      </a:lnTo>
                      <a:lnTo>
                        <a:pt x="318" y="28"/>
                      </a:lnTo>
                      <a:lnTo>
                        <a:pt x="301" y="32"/>
                      </a:lnTo>
                      <a:lnTo>
                        <a:pt x="283" y="35"/>
                      </a:lnTo>
                      <a:lnTo>
                        <a:pt x="266" y="39"/>
                      </a:lnTo>
                      <a:lnTo>
                        <a:pt x="247" y="42"/>
                      </a:lnTo>
                      <a:lnTo>
                        <a:pt x="230" y="45"/>
                      </a:lnTo>
                      <a:lnTo>
                        <a:pt x="212" y="49"/>
                      </a:lnTo>
                      <a:lnTo>
                        <a:pt x="195" y="52"/>
                      </a:lnTo>
                      <a:lnTo>
                        <a:pt x="178" y="56"/>
                      </a:lnTo>
                      <a:lnTo>
                        <a:pt x="163" y="59"/>
                      </a:lnTo>
                      <a:lnTo>
                        <a:pt x="147" y="61"/>
                      </a:lnTo>
                      <a:lnTo>
                        <a:pt x="134" y="64"/>
                      </a:lnTo>
                      <a:lnTo>
                        <a:pt x="120" y="66"/>
                      </a:lnTo>
                      <a:lnTo>
                        <a:pt x="109" y="69"/>
                      </a:lnTo>
                      <a:lnTo>
                        <a:pt x="98" y="71"/>
                      </a:lnTo>
                      <a:lnTo>
                        <a:pt x="90" y="72"/>
                      </a:lnTo>
                      <a:lnTo>
                        <a:pt x="83" y="74"/>
                      </a:lnTo>
                      <a:lnTo>
                        <a:pt x="78" y="74"/>
                      </a:lnTo>
                      <a:lnTo>
                        <a:pt x="75" y="74"/>
                      </a:lnTo>
                      <a:lnTo>
                        <a:pt x="75" y="76"/>
                      </a:lnTo>
                      <a:lnTo>
                        <a:pt x="66" y="44"/>
                      </a:lnTo>
                      <a:lnTo>
                        <a:pt x="61" y="47"/>
                      </a:lnTo>
                      <a:lnTo>
                        <a:pt x="56" y="52"/>
                      </a:lnTo>
                      <a:lnTo>
                        <a:pt x="49" y="56"/>
                      </a:lnTo>
                      <a:lnTo>
                        <a:pt x="44" y="59"/>
                      </a:lnTo>
                      <a:lnTo>
                        <a:pt x="39" y="64"/>
                      </a:lnTo>
                      <a:lnTo>
                        <a:pt x="34" y="67"/>
                      </a:lnTo>
                      <a:lnTo>
                        <a:pt x="29" y="71"/>
                      </a:lnTo>
                      <a:lnTo>
                        <a:pt x="26" y="74"/>
                      </a:lnTo>
                      <a:lnTo>
                        <a:pt x="21" y="78"/>
                      </a:lnTo>
                      <a:lnTo>
                        <a:pt x="15" y="81"/>
                      </a:lnTo>
                      <a:lnTo>
                        <a:pt x="12" y="84"/>
                      </a:lnTo>
                      <a:lnTo>
                        <a:pt x="9" y="86"/>
                      </a:lnTo>
                      <a:lnTo>
                        <a:pt x="7" y="89"/>
                      </a:lnTo>
                      <a:lnTo>
                        <a:pt x="4" y="91"/>
                      </a:lnTo>
                      <a:lnTo>
                        <a:pt x="2" y="91"/>
                      </a:lnTo>
                      <a:lnTo>
                        <a:pt x="2" y="93"/>
                      </a:lnTo>
                      <a:lnTo>
                        <a:pt x="0" y="93"/>
                      </a:lnTo>
                      <a:lnTo>
                        <a:pt x="32" y="259"/>
                      </a:lnTo>
                      <a:lnTo>
                        <a:pt x="51" y="370"/>
                      </a:lnTo>
                    </a:path>
                  </a:pathLst>
                </a:custGeom>
                <a:solidFill>
                  <a:srgbClr val="C0000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</p:grpSp>
        </p:grpSp>
        <p:sp>
          <p:nvSpPr>
            <p:cNvPr id="924" name="Freeform 50"/>
            <p:cNvSpPr>
              <a:spLocks/>
            </p:cNvSpPr>
            <p:nvPr/>
          </p:nvSpPr>
          <p:spPr bwMode="auto">
            <a:xfrm>
              <a:off x="4658" y="1344"/>
              <a:ext cx="160" cy="309"/>
            </a:xfrm>
            <a:custGeom>
              <a:avLst/>
              <a:gdLst>
                <a:gd name="T0" fmla="*/ 47 w 165"/>
                <a:gd name="T1" fmla="*/ 211 h 318"/>
                <a:gd name="T2" fmla="*/ 44 w 165"/>
                <a:gd name="T3" fmla="*/ 199 h 318"/>
                <a:gd name="T4" fmla="*/ 42 w 165"/>
                <a:gd name="T5" fmla="*/ 183 h 318"/>
                <a:gd name="T6" fmla="*/ 39 w 165"/>
                <a:gd name="T7" fmla="*/ 167 h 318"/>
                <a:gd name="T8" fmla="*/ 38 w 165"/>
                <a:gd name="T9" fmla="*/ 154 h 318"/>
                <a:gd name="T10" fmla="*/ 35 w 165"/>
                <a:gd name="T11" fmla="*/ 145 h 318"/>
                <a:gd name="T12" fmla="*/ 29 w 165"/>
                <a:gd name="T13" fmla="*/ 141 h 318"/>
                <a:gd name="T14" fmla="*/ 24 w 165"/>
                <a:gd name="T15" fmla="*/ 145 h 318"/>
                <a:gd name="T16" fmla="*/ 16 w 165"/>
                <a:gd name="T17" fmla="*/ 111 h 318"/>
                <a:gd name="T18" fmla="*/ 0 w 165"/>
                <a:gd name="T19" fmla="*/ 26 h 318"/>
                <a:gd name="T20" fmla="*/ 103 w 165"/>
                <a:gd name="T21" fmla="*/ 10 h 318"/>
                <a:gd name="T22" fmla="*/ 103 w 165"/>
                <a:gd name="T23" fmla="*/ 15 h 318"/>
                <a:gd name="T24" fmla="*/ 103 w 165"/>
                <a:gd name="T25" fmla="*/ 17 h 318"/>
                <a:gd name="T26" fmla="*/ 100 w 165"/>
                <a:gd name="T27" fmla="*/ 21 h 318"/>
                <a:gd name="T28" fmla="*/ 103 w 165"/>
                <a:gd name="T29" fmla="*/ 26 h 318"/>
                <a:gd name="T30" fmla="*/ 106 w 165"/>
                <a:gd name="T31" fmla="*/ 37 h 318"/>
                <a:gd name="T32" fmla="*/ 107 w 165"/>
                <a:gd name="T33" fmla="*/ 43 h 318"/>
                <a:gd name="T34" fmla="*/ 103 w 165"/>
                <a:gd name="T35" fmla="*/ 51 h 318"/>
                <a:gd name="T36" fmla="*/ 94 w 165"/>
                <a:gd name="T37" fmla="*/ 63 h 318"/>
                <a:gd name="T38" fmla="*/ 94 w 165"/>
                <a:gd name="T39" fmla="*/ 64 h 318"/>
                <a:gd name="T40" fmla="*/ 88 w 165"/>
                <a:gd name="T41" fmla="*/ 68 h 318"/>
                <a:gd name="T42" fmla="*/ 89 w 165"/>
                <a:gd name="T43" fmla="*/ 73 h 318"/>
                <a:gd name="T44" fmla="*/ 89 w 165"/>
                <a:gd name="T45" fmla="*/ 83 h 318"/>
                <a:gd name="T46" fmla="*/ 89 w 165"/>
                <a:gd name="T47" fmla="*/ 93 h 318"/>
                <a:gd name="T48" fmla="*/ 88 w 165"/>
                <a:gd name="T49" fmla="*/ 108 h 318"/>
                <a:gd name="T50" fmla="*/ 85 w 165"/>
                <a:gd name="T51" fmla="*/ 115 h 318"/>
                <a:gd name="T52" fmla="*/ 85 w 165"/>
                <a:gd name="T53" fmla="*/ 122 h 318"/>
                <a:gd name="T54" fmla="*/ 83 w 165"/>
                <a:gd name="T55" fmla="*/ 127 h 318"/>
                <a:gd name="T56" fmla="*/ 81 w 165"/>
                <a:gd name="T57" fmla="*/ 139 h 318"/>
                <a:gd name="T58" fmla="*/ 85 w 165"/>
                <a:gd name="T59" fmla="*/ 153 h 318"/>
                <a:gd name="T60" fmla="*/ 85 w 165"/>
                <a:gd name="T61" fmla="*/ 157 h 318"/>
                <a:gd name="T62" fmla="*/ 85 w 165"/>
                <a:gd name="T63" fmla="*/ 164 h 318"/>
                <a:gd name="T64" fmla="*/ 85 w 165"/>
                <a:gd name="T65" fmla="*/ 167 h 318"/>
                <a:gd name="T66" fmla="*/ 88 w 165"/>
                <a:gd name="T67" fmla="*/ 173 h 318"/>
                <a:gd name="T68" fmla="*/ 88 w 165"/>
                <a:gd name="T69" fmla="*/ 180 h 318"/>
                <a:gd name="T70" fmla="*/ 85 w 165"/>
                <a:gd name="T71" fmla="*/ 184 h 318"/>
                <a:gd name="T72" fmla="*/ 85 w 165"/>
                <a:gd name="T73" fmla="*/ 193 h 318"/>
                <a:gd name="T74" fmla="*/ 92 w 165"/>
                <a:gd name="T75" fmla="*/ 201 h 318"/>
                <a:gd name="T76" fmla="*/ 87 w 165"/>
                <a:gd name="T77" fmla="*/ 203 h 318"/>
                <a:gd name="T78" fmla="*/ 78 w 165"/>
                <a:gd name="T79" fmla="*/ 205 h 318"/>
                <a:gd name="T80" fmla="*/ 66 w 165"/>
                <a:gd name="T81" fmla="*/ 208 h 318"/>
                <a:gd name="T82" fmla="*/ 54 w 165"/>
                <a:gd name="T83" fmla="*/ 211 h 318"/>
                <a:gd name="T84" fmla="*/ 47 w 165"/>
                <a:gd name="T85" fmla="*/ 211 h 318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165"/>
                <a:gd name="T130" fmla="*/ 0 h 318"/>
                <a:gd name="T131" fmla="*/ 165 w 165"/>
                <a:gd name="T132" fmla="*/ 318 h 318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165" h="318">
                  <a:moveTo>
                    <a:pt x="73" y="318"/>
                  </a:moveTo>
                  <a:lnTo>
                    <a:pt x="73" y="316"/>
                  </a:lnTo>
                  <a:lnTo>
                    <a:pt x="73" y="315"/>
                  </a:lnTo>
                  <a:lnTo>
                    <a:pt x="71" y="310"/>
                  </a:lnTo>
                  <a:lnTo>
                    <a:pt x="70" y="303"/>
                  </a:lnTo>
                  <a:lnTo>
                    <a:pt x="68" y="296"/>
                  </a:lnTo>
                  <a:lnTo>
                    <a:pt x="68" y="289"/>
                  </a:lnTo>
                  <a:lnTo>
                    <a:pt x="66" y="281"/>
                  </a:lnTo>
                  <a:lnTo>
                    <a:pt x="63" y="272"/>
                  </a:lnTo>
                  <a:lnTo>
                    <a:pt x="61" y="264"/>
                  </a:lnTo>
                  <a:lnTo>
                    <a:pt x="60" y="255"/>
                  </a:lnTo>
                  <a:lnTo>
                    <a:pt x="58" y="249"/>
                  </a:lnTo>
                  <a:lnTo>
                    <a:pt x="58" y="242"/>
                  </a:lnTo>
                  <a:lnTo>
                    <a:pt x="56" y="235"/>
                  </a:lnTo>
                  <a:lnTo>
                    <a:pt x="55" y="230"/>
                  </a:lnTo>
                  <a:lnTo>
                    <a:pt x="55" y="227"/>
                  </a:lnTo>
                  <a:lnTo>
                    <a:pt x="53" y="225"/>
                  </a:lnTo>
                  <a:lnTo>
                    <a:pt x="49" y="216"/>
                  </a:lnTo>
                  <a:lnTo>
                    <a:pt x="46" y="211"/>
                  </a:lnTo>
                  <a:lnTo>
                    <a:pt x="44" y="210"/>
                  </a:lnTo>
                  <a:lnTo>
                    <a:pt x="43" y="210"/>
                  </a:lnTo>
                  <a:lnTo>
                    <a:pt x="41" y="211"/>
                  </a:lnTo>
                  <a:lnTo>
                    <a:pt x="39" y="215"/>
                  </a:lnTo>
                  <a:lnTo>
                    <a:pt x="38" y="216"/>
                  </a:lnTo>
                  <a:lnTo>
                    <a:pt x="34" y="213"/>
                  </a:lnTo>
                  <a:lnTo>
                    <a:pt x="26" y="164"/>
                  </a:lnTo>
                  <a:lnTo>
                    <a:pt x="22" y="128"/>
                  </a:lnTo>
                  <a:lnTo>
                    <a:pt x="16" y="113"/>
                  </a:lnTo>
                  <a:lnTo>
                    <a:pt x="0" y="40"/>
                  </a:lnTo>
                  <a:lnTo>
                    <a:pt x="156" y="0"/>
                  </a:lnTo>
                  <a:lnTo>
                    <a:pt x="158" y="10"/>
                  </a:lnTo>
                  <a:lnTo>
                    <a:pt x="158" y="12"/>
                  </a:lnTo>
                  <a:lnTo>
                    <a:pt x="159" y="15"/>
                  </a:lnTo>
                  <a:lnTo>
                    <a:pt x="159" y="17"/>
                  </a:lnTo>
                  <a:lnTo>
                    <a:pt x="159" y="22"/>
                  </a:lnTo>
                  <a:lnTo>
                    <a:pt x="159" y="25"/>
                  </a:lnTo>
                  <a:lnTo>
                    <a:pt x="158" y="29"/>
                  </a:lnTo>
                  <a:lnTo>
                    <a:pt x="154" y="34"/>
                  </a:lnTo>
                  <a:lnTo>
                    <a:pt x="154" y="35"/>
                  </a:lnTo>
                  <a:lnTo>
                    <a:pt x="156" y="35"/>
                  </a:lnTo>
                  <a:lnTo>
                    <a:pt x="158" y="37"/>
                  </a:lnTo>
                  <a:lnTo>
                    <a:pt x="158" y="40"/>
                  </a:lnTo>
                  <a:lnTo>
                    <a:pt x="159" y="44"/>
                  </a:lnTo>
                  <a:lnTo>
                    <a:pt x="161" y="46"/>
                  </a:lnTo>
                  <a:lnTo>
                    <a:pt x="163" y="51"/>
                  </a:lnTo>
                  <a:lnTo>
                    <a:pt x="165" y="54"/>
                  </a:lnTo>
                  <a:lnTo>
                    <a:pt x="165" y="59"/>
                  </a:lnTo>
                  <a:lnTo>
                    <a:pt x="165" y="62"/>
                  </a:lnTo>
                  <a:lnTo>
                    <a:pt x="165" y="68"/>
                  </a:lnTo>
                  <a:lnTo>
                    <a:pt x="163" y="73"/>
                  </a:lnTo>
                  <a:lnTo>
                    <a:pt x="159" y="78"/>
                  </a:lnTo>
                  <a:lnTo>
                    <a:pt x="156" y="83"/>
                  </a:lnTo>
                  <a:lnTo>
                    <a:pt x="149" y="88"/>
                  </a:lnTo>
                  <a:lnTo>
                    <a:pt x="143" y="93"/>
                  </a:lnTo>
                  <a:lnTo>
                    <a:pt x="143" y="95"/>
                  </a:lnTo>
                  <a:lnTo>
                    <a:pt x="143" y="93"/>
                  </a:lnTo>
                  <a:lnTo>
                    <a:pt x="136" y="100"/>
                  </a:lnTo>
                  <a:lnTo>
                    <a:pt x="136" y="101"/>
                  </a:lnTo>
                  <a:lnTo>
                    <a:pt x="136" y="105"/>
                  </a:lnTo>
                  <a:lnTo>
                    <a:pt x="137" y="108"/>
                  </a:lnTo>
                  <a:lnTo>
                    <a:pt x="137" y="113"/>
                  </a:lnTo>
                  <a:lnTo>
                    <a:pt x="137" y="118"/>
                  </a:lnTo>
                  <a:lnTo>
                    <a:pt x="137" y="123"/>
                  </a:lnTo>
                  <a:lnTo>
                    <a:pt x="137" y="128"/>
                  </a:lnTo>
                  <a:lnTo>
                    <a:pt x="137" y="135"/>
                  </a:lnTo>
                  <a:lnTo>
                    <a:pt x="137" y="140"/>
                  </a:lnTo>
                  <a:lnTo>
                    <a:pt x="137" y="147"/>
                  </a:lnTo>
                  <a:lnTo>
                    <a:pt x="136" y="154"/>
                  </a:lnTo>
                  <a:lnTo>
                    <a:pt x="136" y="159"/>
                  </a:lnTo>
                  <a:lnTo>
                    <a:pt x="134" y="164"/>
                  </a:lnTo>
                  <a:lnTo>
                    <a:pt x="134" y="169"/>
                  </a:lnTo>
                  <a:lnTo>
                    <a:pt x="132" y="172"/>
                  </a:lnTo>
                  <a:lnTo>
                    <a:pt x="132" y="176"/>
                  </a:lnTo>
                  <a:lnTo>
                    <a:pt x="131" y="179"/>
                  </a:lnTo>
                  <a:lnTo>
                    <a:pt x="131" y="183"/>
                  </a:lnTo>
                  <a:lnTo>
                    <a:pt x="131" y="184"/>
                  </a:lnTo>
                  <a:lnTo>
                    <a:pt x="129" y="189"/>
                  </a:lnTo>
                  <a:lnTo>
                    <a:pt x="127" y="194"/>
                  </a:lnTo>
                  <a:lnTo>
                    <a:pt x="126" y="201"/>
                  </a:lnTo>
                  <a:lnTo>
                    <a:pt x="126" y="208"/>
                  </a:lnTo>
                  <a:lnTo>
                    <a:pt x="126" y="215"/>
                  </a:lnTo>
                  <a:lnTo>
                    <a:pt x="127" y="222"/>
                  </a:lnTo>
                  <a:lnTo>
                    <a:pt x="131" y="228"/>
                  </a:lnTo>
                  <a:lnTo>
                    <a:pt x="132" y="228"/>
                  </a:lnTo>
                  <a:lnTo>
                    <a:pt x="132" y="232"/>
                  </a:lnTo>
                  <a:lnTo>
                    <a:pt x="132" y="235"/>
                  </a:lnTo>
                  <a:lnTo>
                    <a:pt x="132" y="238"/>
                  </a:lnTo>
                  <a:lnTo>
                    <a:pt x="132" y="242"/>
                  </a:lnTo>
                  <a:lnTo>
                    <a:pt x="132" y="245"/>
                  </a:lnTo>
                  <a:lnTo>
                    <a:pt x="132" y="247"/>
                  </a:lnTo>
                  <a:lnTo>
                    <a:pt x="132" y="249"/>
                  </a:lnTo>
                  <a:lnTo>
                    <a:pt x="134" y="250"/>
                  </a:lnTo>
                  <a:lnTo>
                    <a:pt x="134" y="254"/>
                  </a:lnTo>
                  <a:lnTo>
                    <a:pt x="136" y="257"/>
                  </a:lnTo>
                  <a:lnTo>
                    <a:pt x="136" y="260"/>
                  </a:lnTo>
                  <a:lnTo>
                    <a:pt x="136" y="266"/>
                  </a:lnTo>
                  <a:lnTo>
                    <a:pt x="136" y="269"/>
                  </a:lnTo>
                  <a:lnTo>
                    <a:pt x="132" y="272"/>
                  </a:lnTo>
                  <a:lnTo>
                    <a:pt x="132" y="274"/>
                  </a:lnTo>
                  <a:lnTo>
                    <a:pt x="132" y="276"/>
                  </a:lnTo>
                  <a:lnTo>
                    <a:pt x="132" y="281"/>
                  </a:lnTo>
                  <a:lnTo>
                    <a:pt x="132" y="284"/>
                  </a:lnTo>
                  <a:lnTo>
                    <a:pt x="132" y="289"/>
                  </a:lnTo>
                  <a:lnTo>
                    <a:pt x="134" y="294"/>
                  </a:lnTo>
                  <a:lnTo>
                    <a:pt x="136" y="298"/>
                  </a:lnTo>
                  <a:lnTo>
                    <a:pt x="141" y="301"/>
                  </a:lnTo>
                  <a:lnTo>
                    <a:pt x="139" y="301"/>
                  </a:lnTo>
                  <a:lnTo>
                    <a:pt x="137" y="301"/>
                  </a:lnTo>
                  <a:lnTo>
                    <a:pt x="134" y="303"/>
                  </a:lnTo>
                  <a:lnTo>
                    <a:pt x="131" y="303"/>
                  </a:lnTo>
                  <a:lnTo>
                    <a:pt x="126" y="304"/>
                  </a:lnTo>
                  <a:lnTo>
                    <a:pt x="119" y="306"/>
                  </a:lnTo>
                  <a:lnTo>
                    <a:pt x="114" y="308"/>
                  </a:lnTo>
                  <a:lnTo>
                    <a:pt x="107" y="310"/>
                  </a:lnTo>
                  <a:lnTo>
                    <a:pt x="100" y="311"/>
                  </a:lnTo>
                  <a:lnTo>
                    <a:pt x="95" y="313"/>
                  </a:lnTo>
                  <a:lnTo>
                    <a:pt x="88" y="315"/>
                  </a:lnTo>
                  <a:lnTo>
                    <a:pt x="83" y="315"/>
                  </a:lnTo>
                  <a:lnTo>
                    <a:pt x="80" y="316"/>
                  </a:lnTo>
                  <a:lnTo>
                    <a:pt x="77" y="316"/>
                  </a:lnTo>
                  <a:lnTo>
                    <a:pt x="73" y="316"/>
                  </a:lnTo>
                  <a:lnTo>
                    <a:pt x="73" y="318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25" name="Freeform 51"/>
            <p:cNvSpPr>
              <a:spLocks/>
            </p:cNvSpPr>
            <p:nvPr/>
          </p:nvSpPr>
          <p:spPr bwMode="auto">
            <a:xfrm>
              <a:off x="192" y="1620"/>
              <a:ext cx="766" cy="1314"/>
            </a:xfrm>
            <a:custGeom>
              <a:avLst/>
              <a:gdLst>
                <a:gd name="T0" fmla="*/ 78 w 788"/>
                <a:gd name="T1" fmla="*/ 14 h 1354"/>
                <a:gd name="T2" fmla="*/ 134 w 788"/>
                <a:gd name="T3" fmla="*/ 23 h 1354"/>
                <a:gd name="T4" fmla="*/ 209 w 788"/>
                <a:gd name="T5" fmla="*/ 44 h 1354"/>
                <a:gd name="T6" fmla="*/ 292 w 788"/>
                <a:gd name="T7" fmla="*/ 65 h 1354"/>
                <a:gd name="T8" fmla="*/ 518 w 788"/>
                <a:gd name="T9" fmla="*/ 749 h 1354"/>
                <a:gd name="T10" fmla="*/ 507 w 788"/>
                <a:gd name="T11" fmla="*/ 786 h 1354"/>
                <a:gd name="T12" fmla="*/ 496 w 788"/>
                <a:gd name="T13" fmla="*/ 815 h 1354"/>
                <a:gd name="T14" fmla="*/ 482 w 788"/>
                <a:gd name="T15" fmla="*/ 837 h 1354"/>
                <a:gd name="T16" fmla="*/ 485 w 788"/>
                <a:gd name="T17" fmla="*/ 869 h 1354"/>
                <a:gd name="T18" fmla="*/ 467 w 788"/>
                <a:gd name="T19" fmla="*/ 890 h 1354"/>
                <a:gd name="T20" fmla="*/ 293 w 788"/>
                <a:gd name="T21" fmla="*/ 847 h 1354"/>
                <a:gd name="T22" fmla="*/ 300 w 788"/>
                <a:gd name="T23" fmla="*/ 834 h 1354"/>
                <a:gd name="T24" fmla="*/ 285 w 788"/>
                <a:gd name="T25" fmla="*/ 794 h 1354"/>
                <a:gd name="T26" fmla="*/ 256 w 788"/>
                <a:gd name="T27" fmla="*/ 758 h 1354"/>
                <a:gd name="T28" fmla="*/ 243 w 788"/>
                <a:gd name="T29" fmla="*/ 758 h 1354"/>
                <a:gd name="T30" fmla="*/ 236 w 788"/>
                <a:gd name="T31" fmla="*/ 749 h 1354"/>
                <a:gd name="T32" fmla="*/ 229 w 788"/>
                <a:gd name="T33" fmla="*/ 728 h 1354"/>
                <a:gd name="T34" fmla="*/ 202 w 788"/>
                <a:gd name="T35" fmla="*/ 720 h 1354"/>
                <a:gd name="T36" fmla="*/ 181 w 788"/>
                <a:gd name="T37" fmla="*/ 689 h 1354"/>
                <a:gd name="T38" fmla="*/ 162 w 788"/>
                <a:gd name="T39" fmla="*/ 679 h 1354"/>
                <a:gd name="T40" fmla="*/ 141 w 788"/>
                <a:gd name="T41" fmla="*/ 670 h 1354"/>
                <a:gd name="T42" fmla="*/ 113 w 788"/>
                <a:gd name="T43" fmla="*/ 660 h 1354"/>
                <a:gd name="T44" fmla="*/ 111 w 788"/>
                <a:gd name="T45" fmla="*/ 642 h 1354"/>
                <a:gd name="T46" fmla="*/ 117 w 788"/>
                <a:gd name="T47" fmla="*/ 606 h 1354"/>
                <a:gd name="T48" fmla="*/ 105 w 788"/>
                <a:gd name="T49" fmla="*/ 597 h 1354"/>
                <a:gd name="T50" fmla="*/ 110 w 788"/>
                <a:gd name="T51" fmla="*/ 581 h 1354"/>
                <a:gd name="T52" fmla="*/ 98 w 788"/>
                <a:gd name="T53" fmla="*/ 565 h 1354"/>
                <a:gd name="T54" fmla="*/ 75 w 788"/>
                <a:gd name="T55" fmla="*/ 515 h 1354"/>
                <a:gd name="T56" fmla="*/ 65 w 788"/>
                <a:gd name="T57" fmla="*/ 498 h 1354"/>
                <a:gd name="T58" fmla="*/ 62 w 788"/>
                <a:gd name="T59" fmla="*/ 490 h 1354"/>
                <a:gd name="T60" fmla="*/ 67 w 788"/>
                <a:gd name="T61" fmla="*/ 466 h 1354"/>
                <a:gd name="T62" fmla="*/ 79 w 788"/>
                <a:gd name="T63" fmla="*/ 443 h 1354"/>
                <a:gd name="T64" fmla="*/ 50 w 788"/>
                <a:gd name="T65" fmla="*/ 419 h 1354"/>
                <a:gd name="T66" fmla="*/ 50 w 788"/>
                <a:gd name="T67" fmla="*/ 405 h 1354"/>
                <a:gd name="T68" fmla="*/ 51 w 788"/>
                <a:gd name="T69" fmla="*/ 389 h 1354"/>
                <a:gd name="T70" fmla="*/ 56 w 788"/>
                <a:gd name="T71" fmla="*/ 365 h 1354"/>
                <a:gd name="T72" fmla="*/ 63 w 788"/>
                <a:gd name="T73" fmla="*/ 371 h 1354"/>
                <a:gd name="T74" fmla="*/ 69 w 788"/>
                <a:gd name="T75" fmla="*/ 389 h 1354"/>
                <a:gd name="T76" fmla="*/ 78 w 788"/>
                <a:gd name="T77" fmla="*/ 391 h 1354"/>
                <a:gd name="T78" fmla="*/ 75 w 788"/>
                <a:gd name="T79" fmla="*/ 378 h 1354"/>
                <a:gd name="T80" fmla="*/ 71 w 788"/>
                <a:gd name="T81" fmla="*/ 369 h 1354"/>
                <a:gd name="T82" fmla="*/ 71 w 788"/>
                <a:gd name="T83" fmla="*/ 350 h 1354"/>
                <a:gd name="T84" fmla="*/ 99 w 788"/>
                <a:gd name="T85" fmla="*/ 345 h 1354"/>
                <a:gd name="T86" fmla="*/ 75 w 788"/>
                <a:gd name="T87" fmla="*/ 339 h 1354"/>
                <a:gd name="T88" fmla="*/ 63 w 788"/>
                <a:gd name="T89" fmla="*/ 344 h 1354"/>
                <a:gd name="T90" fmla="*/ 44 w 788"/>
                <a:gd name="T91" fmla="*/ 346 h 1354"/>
                <a:gd name="T92" fmla="*/ 31 w 788"/>
                <a:gd name="T93" fmla="*/ 337 h 1354"/>
                <a:gd name="T94" fmla="*/ 36 w 788"/>
                <a:gd name="T95" fmla="*/ 304 h 1354"/>
                <a:gd name="T96" fmla="*/ 17 w 788"/>
                <a:gd name="T97" fmla="*/ 284 h 1354"/>
                <a:gd name="T98" fmla="*/ 17 w 788"/>
                <a:gd name="T99" fmla="*/ 263 h 1354"/>
                <a:gd name="T100" fmla="*/ 10 w 788"/>
                <a:gd name="T101" fmla="*/ 248 h 1354"/>
                <a:gd name="T102" fmla="*/ 17 w 788"/>
                <a:gd name="T103" fmla="*/ 230 h 1354"/>
                <a:gd name="T104" fmla="*/ 17 w 788"/>
                <a:gd name="T105" fmla="*/ 201 h 1354"/>
                <a:gd name="T106" fmla="*/ 17 w 788"/>
                <a:gd name="T107" fmla="*/ 176 h 1354"/>
                <a:gd name="T108" fmla="*/ 17 w 788"/>
                <a:gd name="T109" fmla="*/ 161 h 1354"/>
                <a:gd name="T110" fmla="*/ 13 w 788"/>
                <a:gd name="T111" fmla="*/ 151 h 1354"/>
                <a:gd name="T112" fmla="*/ 1 w 788"/>
                <a:gd name="T113" fmla="*/ 123 h 1354"/>
                <a:gd name="T114" fmla="*/ 30 w 788"/>
                <a:gd name="T115" fmla="*/ 86 h 1354"/>
                <a:gd name="T116" fmla="*/ 40 w 788"/>
                <a:gd name="T117" fmla="*/ 62 h 1354"/>
                <a:gd name="T118" fmla="*/ 48 w 788"/>
                <a:gd name="T119" fmla="*/ 32 h 1354"/>
                <a:gd name="T120" fmla="*/ 49 w 788"/>
                <a:gd name="T121" fmla="*/ 0 h 1354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w 788"/>
                <a:gd name="T184" fmla="*/ 0 h 1354"/>
                <a:gd name="T185" fmla="*/ 788 w 788"/>
                <a:gd name="T186" fmla="*/ 1354 h 1354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T183" t="T184" r="T185" b="T186"/>
              <a:pathLst>
                <a:path w="788" h="1354">
                  <a:moveTo>
                    <a:pt x="74" y="0"/>
                  </a:moveTo>
                  <a:lnTo>
                    <a:pt x="77" y="2"/>
                  </a:lnTo>
                  <a:lnTo>
                    <a:pt x="83" y="2"/>
                  </a:lnTo>
                  <a:lnTo>
                    <a:pt x="88" y="5"/>
                  </a:lnTo>
                  <a:lnTo>
                    <a:pt x="93" y="7"/>
                  </a:lnTo>
                  <a:lnTo>
                    <a:pt x="99" y="9"/>
                  </a:lnTo>
                  <a:lnTo>
                    <a:pt x="106" y="10"/>
                  </a:lnTo>
                  <a:lnTo>
                    <a:pt x="115" y="14"/>
                  </a:lnTo>
                  <a:lnTo>
                    <a:pt x="123" y="15"/>
                  </a:lnTo>
                  <a:lnTo>
                    <a:pt x="133" y="19"/>
                  </a:lnTo>
                  <a:lnTo>
                    <a:pt x="143" y="20"/>
                  </a:lnTo>
                  <a:lnTo>
                    <a:pt x="154" y="24"/>
                  </a:lnTo>
                  <a:lnTo>
                    <a:pt x="164" y="27"/>
                  </a:lnTo>
                  <a:lnTo>
                    <a:pt x="176" y="31"/>
                  </a:lnTo>
                  <a:lnTo>
                    <a:pt x="187" y="34"/>
                  </a:lnTo>
                  <a:lnTo>
                    <a:pt x="199" y="37"/>
                  </a:lnTo>
                  <a:lnTo>
                    <a:pt x="213" y="41"/>
                  </a:lnTo>
                  <a:lnTo>
                    <a:pt x="226" y="44"/>
                  </a:lnTo>
                  <a:lnTo>
                    <a:pt x="240" y="48"/>
                  </a:lnTo>
                  <a:lnTo>
                    <a:pt x="253" y="51"/>
                  </a:lnTo>
                  <a:lnTo>
                    <a:pt x="267" y="54"/>
                  </a:lnTo>
                  <a:lnTo>
                    <a:pt x="281" y="59"/>
                  </a:lnTo>
                  <a:lnTo>
                    <a:pt x="296" y="63"/>
                  </a:lnTo>
                  <a:lnTo>
                    <a:pt x="311" y="66"/>
                  </a:lnTo>
                  <a:lnTo>
                    <a:pt x="326" y="71"/>
                  </a:lnTo>
                  <a:lnTo>
                    <a:pt x="341" y="75"/>
                  </a:lnTo>
                  <a:lnTo>
                    <a:pt x="355" y="78"/>
                  </a:lnTo>
                  <a:lnTo>
                    <a:pt x="372" y="83"/>
                  </a:lnTo>
                  <a:lnTo>
                    <a:pt x="385" y="86"/>
                  </a:lnTo>
                  <a:lnTo>
                    <a:pt x="402" y="90"/>
                  </a:lnTo>
                  <a:lnTo>
                    <a:pt x="416" y="93"/>
                  </a:lnTo>
                  <a:lnTo>
                    <a:pt x="433" y="98"/>
                  </a:lnTo>
                  <a:lnTo>
                    <a:pt x="446" y="102"/>
                  </a:lnTo>
                  <a:lnTo>
                    <a:pt x="448" y="100"/>
                  </a:lnTo>
                  <a:lnTo>
                    <a:pt x="353" y="466"/>
                  </a:lnTo>
                  <a:lnTo>
                    <a:pt x="753" y="1070"/>
                  </a:lnTo>
                  <a:lnTo>
                    <a:pt x="756" y="1085"/>
                  </a:lnTo>
                  <a:lnTo>
                    <a:pt x="761" y="1098"/>
                  </a:lnTo>
                  <a:lnTo>
                    <a:pt x="773" y="1124"/>
                  </a:lnTo>
                  <a:lnTo>
                    <a:pt x="771" y="1142"/>
                  </a:lnTo>
                  <a:lnTo>
                    <a:pt x="788" y="1166"/>
                  </a:lnTo>
                  <a:lnTo>
                    <a:pt x="788" y="1175"/>
                  </a:lnTo>
                  <a:lnTo>
                    <a:pt x="781" y="1183"/>
                  </a:lnTo>
                  <a:lnTo>
                    <a:pt x="780" y="1185"/>
                  </a:lnTo>
                  <a:lnTo>
                    <a:pt x="775" y="1185"/>
                  </a:lnTo>
                  <a:lnTo>
                    <a:pt x="768" y="1186"/>
                  </a:lnTo>
                  <a:lnTo>
                    <a:pt x="761" y="1190"/>
                  </a:lnTo>
                  <a:lnTo>
                    <a:pt x="753" y="1195"/>
                  </a:lnTo>
                  <a:lnTo>
                    <a:pt x="746" y="1202"/>
                  </a:lnTo>
                  <a:lnTo>
                    <a:pt x="743" y="1210"/>
                  </a:lnTo>
                  <a:lnTo>
                    <a:pt x="741" y="1219"/>
                  </a:lnTo>
                  <a:lnTo>
                    <a:pt x="741" y="1220"/>
                  </a:lnTo>
                  <a:lnTo>
                    <a:pt x="741" y="1225"/>
                  </a:lnTo>
                  <a:lnTo>
                    <a:pt x="741" y="1230"/>
                  </a:lnTo>
                  <a:lnTo>
                    <a:pt x="739" y="1237"/>
                  </a:lnTo>
                  <a:lnTo>
                    <a:pt x="737" y="1244"/>
                  </a:lnTo>
                  <a:lnTo>
                    <a:pt x="736" y="1251"/>
                  </a:lnTo>
                  <a:lnTo>
                    <a:pt x="731" y="1256"/>
                  </a:lnTo>
                  <a:lnTo>
                    <a:pt x="726" y="1261"/>
                  </a:lnTo>
                  <a:lnTo>
                    <a:pt x="724" y="1263"/>
                  </a:lnTo>
                  <a:lnTo>
                    <a:pt x="722" y="1264"/>
                  </a:lnTo>
                  <a:lnTo>
                    <a:pt x="721" y="1266"/>
                  </a:lnTo>
                  <a:lnTo>
                    <a:pt x="717" y="1268"/>
                  </a:lnTo>
                  <a:lnTo>
                    <a:pt x="715" y="1271"/>
                  </a:lnTo>
                  <a:lnTo>
                    <a:pt x="712" y="1273"/>
                  </a:lnTo>
                  <a:lnTo>
                    <a:pt x="710" y="1274"/>
                  </a:lnTo>
                  <a:lnTo>
                    <a:pt x="707" y="1285"/>
                  </a:lnTo>
                  <a:lnTo>
                    <a:pt x="709" y="1296"/>
                  </a:lnTo>
                  <a:lnTo>
                    <a:pt x="704" y="1313"/>
                  </a:lnTo>
                  <a:lnTo>
                    <a:pt x="721" y="1322"/>
                  </a:lnTo>
                  <a:lnTo>
                    <a:pt x="722" y="1324"/>
                  </a:lnTo>
                  <a:lnTo>
                    <a:pt x="722" y="1327"/>
                  </a:lnTo>
                  <a:lnTo>
                    <a:pt x="722" y="1332"/>
                  </a:lnTo>
                  <a:lnTo>
                    <a:pt x="722" y="1337"/>
                  </a:lnTo>
                  <a:lnTo>
                    <a:pt x="721" y="1344"/>
                  </a:lnTo>
                  <a:lnTo>
                    <a:pt x="719" y="1349"/>
                  </a:lnTo>
                  <a:lnTo>
                    <a:pt x="714" y="1352"/>
                  </a:lnTo>
                  <a:lnTo>
                    <a:pt x="709" y="1354"/>
                  </a:lnTo>
                  <a:lnTo>
                    <a:pt x="693" y="1354"/>
                  </a:lnTo>
                  <a:lnTo>
                    <a:pt x="450" y="1325"/>
                  </a:lnTo>
                  <a:lnTo>
                    <a:pt x="445" y="1317"/>
                  </a:lnTo>
                  <a:lnTo>
                    <a:pt x="450" y="1317"/>
                  </a:lnTo>
                  <a:lnTo>
                    <a:pt x="450" y="1305"/>
                  </a:lnTo>
                  <a:lnTo>
                    <a:pt x="443" y="1300"/>
                  </a:lnTo>
                  <a:lnTo>
                    <a:pt x="436" y="1305"/>
                  </a:lnTo>
                  <a:lnTo>
                    <a:pt x="436" y="1290"/>
                  </a:lnTo>
                  <a:lnTo>
                    <a:pt x="436" y="1288"/>
                  </a:lnTo>
                  <a:lnTo>
                    <a:pt x="438" y="1286"/>
                  </a:lnTo>
                  <a:lnTo>
                    <a:pt x="440" y="1285"/>
                  </a:lnTo>
                  <a:lnTo>
                    <a:pt x="441" y="1283"/>
                  </a:lnTo>
                  <a:lnTo>
                    <a:pt x="441" y="1280"/>
                  </a:lnTo>
                  <a:lnTo>
                    <a:pt x="443" y="1276"/>
                  </a:lnTo>
                  <a:lnTo>
                    <a:pt x="445" y="1271"/>
                  </a:lnTo>
                  <a:lnTo>
                    <a:pt x="445" y="1266"/>
                  </a:lnTo>
                  <a:lnTo>
                    <a:pt x="445" y="1261"/>
                  </a:lnTo>
                  <a:lnTo>
                    <a:pt x="445" y="1254"/>
                  </a:lnTo>
                  <a:lnTo>
                    <a:pt x="441" y="1247"/>
                  </a:lnTo>
                  <a:lnTo>
                    <a:pt x="440" y="1239"/>
                  </a:lnTo>
                  <a:lnTo>
                    <a:pt x="436" y="1230"/>
                  </a:lnTo>
                  <a:lnTo>
                    <a:pt x="431" y="1222"/>
                  </a:lnTo>
                  <a:lnTo>
                    <a:pt x="424" y="1212"/>
                  </a:lnTo>
                  <a:lnTo>
                    <a:pt x="423" y="1210"/>
                  </a:lnTo>
                  <a:lnTo>
                    <a:pt x="421" y="1207"/>
                  </a:lnTo>
                  <a:lnTo>
                    <a:pt x="416" y="1203"/>
                  </a:lnTo>
                  <a:lnTo>
                    <a:pt x="413" y="1198"/>
                  </a:lnTo>
                  <a:lnTo>
                    <a:pt x="409" y="1193"/>
                  </a:lnTo>
                  <a:lnTo>
                    <a:pt x="406" y="1190"/>
                  </a:lnTo>
                  <a:lnTo>
                    <a:pt x="402" y="1186"/>
                  </a:lnTo>
                  <a:lnTo>
                    <a:pt x="401" y="1186"/>
                  </a:lnTo>
                  <a:lnTo>
                    <a:pt x="380" y="1153"/>
                  </a:lnTo>
                  <a:lnTo>
                    <a:pt x="379" y="1151"/>
                  </a:lnTo>
                  <a:lnTo>
                    <a:pt x="379" y="1149"/>
                  </a:lnTo>
                  <a:lnTo>
                    <a:pt x="375" y="1148"/>
                  </a:lnTo>
                  <a:lnTo>
                    <a:pt x="374" y="1148"/>
                  </a:lnTo>
                  <a:lnTo>
                    <a:pt x="370" y="1148"/>
                  </a:lnTo>
                  <a:lnTo>
                    <a:pt x="365" y="1149"/>
                  </a:lnTo>
                  <a:lnTo>
                    <a:pt x="360" y="1153"/>
                  </a:lnTo>
                  <a:lnTo>
                    <a:pt x="358" y="1153"/>
                  </a:lnTo>
                  <a:lnTo>
                    <a:pt x="357" y="1151"/>
                  </a:lnTo>
                  <a:lnTo>
                    <a:pt x="355" y="1149"/>
                  </a:lnTo>
                  <a:lnTo>
                    <a:pt x="353" y="1146"/>
                  </a:lnTo>
                  <a:lnTo>
                    <a:pt x="352" y="1144"/>
                  </a:lnTo>
                  <a:lnTo>
                    <a:pt x="350" y="1142"/>
                  </a:lnTo>
                  <a:lnTo>
                    <a:pt x="355" y="1136"/>
                  </a:lnTo>
                  <a:lnTo>
                    <a:pt x="355" y="1129"/>
                  </a:lnTo>
                  <a:lnTo>
                    <a:pt x="353" y="1126"/>
                  </a:lnTo>
                  <a:lnTo>
                    <a:pt x="353" y="1122"/>
                  </a:lnTo>
                  <a:lnTo>
                    <a:pt x="350" y="1117"/>
                  </a:lnTo>
                  <a:lnTo>
                    <a:pt x="347" y="1114"/>
                  </a:lnTo>
                  <a:lnTo>
                    <a:pt x="341" y="1109"/>
                  </a:lnTo>
                  <a:lnTo>
                    <a:pt x="335" y="1107"/>
                  </a:lnTo>
                  <a:lnTo>
                    <a:pt x="325" y="1105"/>
                  </a:lnTo>
                  <a:lnTo>
                    <a:pt x="323" y="1105"/>
                  </a:lnTo>
                  <a:lnTo>
                    <a:pt x="319" y="1105"/>
                  </a:lnTo>
                  <a:lnTo>
                    <a:pt x="314" y="1104"/>
                  </a:lnTo>
                  <a:lnTo>
                    <a:pt x="309" y="1100"/>
                  </a:lnTo>
                  <a:lnTo>
                    <a:pt x="301" y="1095"/>
                  </a:lnTo>
                  <a:lnTo>
                    <a:pt x="292" y="1087"/>
                  </a:lnTo>
                  <a:lnTo>
                    <a:pt x="281" y="1075"/>
                  </a:lnTo>
                  <a:lnTo>
                    <a:pt x="281" y="1073"/>
                  </a:lnTo>
                  <a:lnTo>
                    <a:pt x="281" y="1071"/>
                  </a:lnTo>
                  <a:lnTo>
                    <a:pt x="279" y="1066"/>
                  </a:lnTo>
                  <a:lnTo>
                    <a:pt x="277" y="1060"/>
                  </a:lnTo>
                  <a:lnTo>
                    <a:pt x="274" y="1054"/>
                  </a:lnTo>
                  <a:lnTo>
                    <a:pt x="269" y="1048"/>
                  </a:lnTo>
                  <a:lnTo>
                    <a:pt x="262" y="1041"/>
                  </a:lnTo>
                  <a:lnTo>
                    <a:pt x="253" y="1034"/>
                  </a:lnTo>
                  <a:lnTo>
                    <a:pt x="252" y="1034"/>
                  </a:lnTo>
                  <a:lnTo>
                    <a:pt x="250" y="1034"/>
                  </a:lnTo>
                  <a:lnTo>
                    <a:pt x="248" y="1034"/>
                  </a:lnTo>
                  <a:lnTo>
                    <a:pt x="245" y="1034"/>
                  </a:lnTo>
                  <a:lnTo>
                    <a:pt x="243" y="1034"/>
                  </a:lnTo>
                  <a:lnTo>
                    <a:pt x="242" y="1034"/>
                  </a:lnTo>
                  <a:lnTo>
                    <a:pt x="240" y="1034"/>
                  </a:lnTo>
                  <a:lnTo>
                    <a:pt x="233" y="1029"/>
                  </a:lnTo>
                  <a:lnTo>
                    <a:pt x="223" y="1029"/>
                  </a:lnTo>
                  <a:lnTo>
                    <a:pt x="221" y="1027"/>
                  </a:lnTo>
                  <a:lnTo>
                    <a:pt x="220" y="1026"/>
                  </a:lnTo>
                  <a:lnTo>
                    <a:pt x="216" y="1022"/>
                  </a:lnTo>
                  <a:lnTo>
                    <a:pt x="209" y="1019"/>
                  </a:lnTo>
                  <a:lnTo>
                    <a:pt x="203" y="1014"/>
                  </a:lnTo>
                  <a:lnTo>
                    <a:pt x="194" y="1012"/>
                  </a:lnTo>
                  <a:lnTo>
                    <a:pt x="182" y="1010"/>
                  </a:lnTo>
                  <a:lnTo>
                    <a:pt x="171" y="1010"/>
                  </a:lnTo>
                  <a:lnTo>
                    <a:pt x="169" y="1009"/>
                  </a:lnTo>
                  <a:lnTo>
                    <a:pt x="169" y="1007"/>
                  </a:lnTo>
                  <a:lnTo>
                    <a:pt x="167" y="1005"/>
                  </a:lnTo>
                  <a:lnTo>
                    <a:pt x="167" y="1004"/>
                  </a:lnTo>
                  <a:lnTo>
                    <a:pt x="165" y="1002"/>
                  </a:lnTo>
                  <a:lnTo>
                    <a:pt x="165" y="1000"/>
                  </a:lnTo>
                  <a:lnTo>
                    <a:pt x="160" y="994"/>
                  </a:lnTo>
                  <a:lnTo>
                    <a:pt x="155" y="994"/>
                  </a:lnTo>
                  <a:lnTo>
                    <a:pt x="155" y="985"/>
                  </a:lnTo>
                  <a:lnTo>
                    <a:pt x="164" y="977"/>
                  </a:lnTo>
                  <a:lnTo>
                    <a:pt x="162" y="965"/>
                  </a:lnTo>
                  <a:lnTo>
                    <a:pt x="169" y="958"/>
                  </a:lnTo>
                  <a:lnTo>
                    <a:pt x="165" y="944"/>
                  </a:lnTo>
                  <a:lnTo>
                    <a:pt x="165" y="943"/>
                  </a:lnTo>
                  <a:lnTo>
                    <a:pt x="169" y="939"/>
                  </a:lnTo>
                  <a:lnTo>
                    <a:pt x="171" y="933"/>
                  </a:lnTo>
                  <a:lnTo>
                    <a:pt x="172" y="928"/>
                  </a:lnTo>
                  <a:lnTo>
                    <a:pt x="174" y="921"/>
                  </a:lnTo>
                  <a:lnTo>
                    <a:pt x="172" y="917"/>
                  </a:lnTo>
                  <a:lnTo>
                    <a:pt x="169" y="914"/>
                  </a:lnTo>
                  <a:lnTo>
                    <a:pt x="162" y="916"/>
                  </a:lnTo>
                  <a:lnTo>
                    <a:pt x="160" y="914"/>
                  </a:lnTo>
                  <a:lnTo>
                    <a:pt x="159" y="912"/>
                  </a:lnTo>
                  <a:lnTo>
                    <a:pt x="157" y="911"/>
                  </a:lnTo>
                  <a:lnTo>
                    <a:pt x="155" y="909"/>
                  </a:lnTo>
                  <a:lnTo>
                    <a:pt x="154" y="907"/>
                  </a:lnTo>
                  <a:lnTo>
                    <a:pt x="154" y="906"/>
                  </a:lnTo>
                  <a:lnTo>
                    <a:pt x="152" y="906"/>
                  </a:lnTo>
                  <a:lnTo>
                    <a:pt x="154" y="904"/>
                  </a:lnTo>
                  <a:lnTo>
                    <a:pt x="155" y="900"/>
                  </a:lnTo>
                  <a:lnTo>
                    <a:pt x="157" y="895"/>
                  </a:lnTo>
                  <a:lnTo>
                    <a:pt x="160" y="890"/>
                  </a:lnTo>
                  <a:lnTo>
                    <a:pt x="162" y="885"/>
                  </a:lnTo>
                  <a:lnTo>
                    <a:pt x="160" y="880"/>
                  </a:lnTo>
                  <a:lnTo>
                    <a:pt x="159" y="877"/>
                  </a:lnTo>
                  <a:lnTo>
                    <a:pt x="154" y="875"/>
                  </a:lnTo>
                  <a:lnTo>
                    <a:pt x="150" y="872"/>
                  </a:lnTo>
                  <a:lnTo>
                    <a:pt x="149" y="868"/>
                  </a:lnTo>
                  <a:lnTo>
                    <a:pt x="147" y="863"/>
                  </a:lnTo>
                  <a:lnTo>
                    <a:pt x="145" y="860"/>
                  </a:lnTo>
                  <a:lnTo>
                    <a:pt x="143" y="855"/>
                  </a:lnTo>
                  <a:lnTo>
                    <a:pt x="142" y="853"/>
                  </a:lnTo>
                  <a:lnTo>
                    <a:pt x="142" y="851"/>
                  </a:lnTo>
                  <a:lnTo>
                    <a:pt x="130" y="840"/>
                  </a:lnTo>
                  <a:lnTo>
                    <a:pt x="128" y="823"/>
                  </a:lnTo>
                  <a:lnTo>
                    <a:pt x="120" y="804"/>
                  </a:lnTo>
                  <a:lnTo>
                    <a:pt x="118" y="796"/>
                  </a:lnTo>
                  <a:lnTo>
                    <a:pt x="111" y="785"/>
                  </a:lnTo>
                  <a:lnTo>
                    <a:pt x="113" y="785"/>
                  </a:lnTo>
                  <a:lnTo>
                    <a:pt x="113" y="784"/>
                  </a:lnTo>
                  <a:lnTo>
                    <a:pt x="113" y="782"/>
                  </a:lnTo>
                  <a:lnTo>
                    <a:pt x="113" y="779"/>
                  </a:lnTo>
                  <a:lnTo>
                    <a:pt x="110" y="775"/>
                  </a:lnTo>
                  <a:lnTo>
                    <a:pt x="108" y="770"/>
                  </a:lnTo>
                  <a:lnTo>
                    <a:pt x="103" y="765"/>
                  </a:lnTo>
                  <a:lnTo>
                    <a:pt x="96" y="758"/>
                  </a:lnTo>
                  <a:lnTo>
                    <a:pt x="94" y="757"/>
                  </a:lnTo>
                  <a:lnTo>
                    <a:pt x="93" y="755"/>
                  </a:lnTo>
                  <a:lnTo>
                    <a:pt x="93" y="753"/>
                  </a:lnTo>
                  <a:lnTo>
                    <a:pt x="93" y="752"/>
                  </a:lnTo>
                  <a:lnTo>
                    <a:pt x="91" y="748"/>
                  </a:lnTo>
                  <a:lnTo>
                    <a:pt x="91" y="746"/>
                  </a:lnTo>
                  <a:lnTo>
                    <a:pt x="91" y="745"/>
                  </a:lnTo>
                  <a:lnTo>
                    <a:pt x="96" y="740"/>
                  </a:lnTo>
                  <a:lnTo>
                    <a:pt x="93" y="721"/>
                  </a:lnTo>
                  <a:lnTo>
                    <a:pt x="98" y="718"/>
                  </a:lnTo>
                  <a:lnTo>
                    <a:pt x="94" y="713"/>
                  </a:lnTo>
                  <a:lnTo>
                    <a:pt x="99" y="708"/>
                  </a:lnTo>
                  <a:lnTo>
                    <a:pt x="99" y="709"/>
                  </a:lnTo>
                  <a:lnTo>
                    <a:pt x="99" y="711"/>
                  </a:lnTo>
                  <a:lnTo>
                    <a:pt x="101" y="713"/>
                  </a:lnTo>
                  <a:lnTo>
                    <a:pt x="105" y="713"/>
                  </a:lnTo>
                  <a:lnTo>
                    <a:pt x="108" y="709"/>
                  </a:lnTo>
                  <a:lnTo>
                    <a:pt x="113" y="704"/>
                  </a:lnTo>
                  <a:lnTo>
                    <a:pt x="115" y="696"/>
                  </a:lnTo>
                  <a:lnTo>
                    <a:pt x="116" y="687"/>
                  </a:lnTo>
                  <a:lnTo>
                    <a:pt x="118" y="680"/>
                  </a:lnTo>
                  <a:lnTo>
                    <a:pt x="116" y="674"/>
                  </a:lnTo>
                  <a:lnTo>
                    <a:pt x="113" y="669"/>
                  </a:lnTo>
                  <a:lnTo>
                    <a:pt x="108" y="667"/>
                  </a:lnTo>
                  <a:lnTo>
                    <a:pt x="106" y="667"/>
                  </a:lnTo>
                  <a:lnTo>
                    <a:pt x="108" y="667"/>
                  </a:lnTo>
                  <a:lnTo>
                    <a:pt x="96" y="665"/>
                  </a:lnTo>
                  <a:lnTo>
                    <a:pt x="76" y="638"/>
                  </a:lnTo>
                  <a:lnTo>
                    <a:pt x="76" y="631"/>
                  </a:lnTo>
                  <a:lnTo>
                    <a:pt x="76" y="630"/>
                  </a:lnTo>
                  <a:lnTo>
                    <a:pt x="74" y="628"/>
                  </a:lnTo>
                  <a:lnTo>
                    <a:pt x="74" y="626"/>
                  </a:lnTo>
                  <a:lnTo>
                    <a:pt x="74" y="623"/>
                  </a:lnTo>
                  <a:lnTo>
                    <a:pt x="74" y="620"/>
                  </a:lnTo>
                  <a:lnTo>
                    <a:pt x="76" y="616"/>
                  </a:lnTo>
                  <a:lnTo>
                    <a:pt x="77" y="611"/>
                  </a:lnTo>
                  <a:lnTo>
                    <a:pt x="77" y="609"/>
                  </a:lnTo>
                  <a:lnTo>
                    <a:pt x="77" y="608"/>
                  </a:lnTo>
                  <a:lnTo>
                    <a:pt x="77" y="604"/>
                  </a:lnTo>
                  <a:lnTo>
                    <a:pt x="77" y="601"/>
                  </a:lnTo>
                  <a:lnTo>
                    <a:pt x="77" y="598"/>
                  </a:lnTo>
                  <a:lnTo>
                    <a:pt x="77" y="594"/>
                  </a:lnTo>
                  <a:lnTo>
                    <a:pt x="77" y="592"/>
                  </a:lnTo>
                  <a:lnTo>
                    <a:pt x="77" y="591"/>
                  </a:lnTo>
                  <a:lnTo>
                    <a:pt x="76" y="586"/>
                  </a:lnTo>
                  <a:lnTo>
                    <a:pt x="76" y="577"/>
                  </a:lnTo>
                  <a:lnTo>
                    <a:pt x="79" y="572"/>
                  </a:lnTo>
                  <a:lnTo>
                    <a:pt x="83" y="559"/>
                  </a:lnTo>
                  <a:lnTo>
                    <a:pt x="83" y="557"/>
                  </a:lnTo>
                  <a:lnTo>
                    <a:pt x="84" y="555"/>
                  </a:lnTo>
                  <a:lnTo>
                    <a:pt x="86" y="554"/>
                  </a:lnTo>
                  <a:lnTo>
                    <a:pt x="88" y="554"/>
                  </a:lnTo>
                  <a:lnTo>
                    <a:pt x="89" y="554"/>
                  </a:lnTo>
                  <a:lnTo>
                    <a:pt x="91" y="555"/>
                  </a:lnTo>
                  <a:lnTo>
                    <a:pt x="93" y="560"/>
                  </a:lnTo>
                  <a:lnTo>
                    <a:pt x="93" y="562"/>
                  </a:lnTo>
                  <a:lnTo>
                    <a:pt x="93" y="564"/>
                  </a:lnTo>
                  <a:lnTo>
                    <a:pt x="93" y="565"/>
                  </a:lnTo>
                  <a:lnTo>
                    <a:pt x="91" y="569"/>
                  </a:lnTo>
                  <a:lnTo>
                    <a:pt x="91" y="570"/>
                  </a:lnTo>
                  <a:lnTo>
                    <a:pt x="89" y="574"/>
                  </a:lnTo>
                  <a:lnTo>
                    <a:pt x="89" y="576"/>
                  </a:lnTo>
                  <a:lnTo>
                    <a:pt x="91" y="579"/>
                  </a:lnTo>
                  <a:lnTo>
                    <a:pt x="99" y="587"/>
                  </a:lnTo>
                  <a:lnTo>
                    <a:pt x="101" y="592"/>
                  </a:lnTo>
                  <a:lnTo>
                    <a:pt x="113" y="606"/>
                  </a:lnTo>
                  <a:lnTo>
                    <a:pt x="115" y="608"/>
                  </a:lnTo>
                  <a:lnTo>
                    <a:pt x="116" y="608"/>
                  </a:lnTo>
                  <a:lnTo>
                    <a:pt x="120" y="606"/>
                  </a:lnTo>
                  <a:lnTo>
                    <a:pt x="118" y="601"/>
                  </a:lnTo>
                  <a:lnTo>
                    <a:pt x="116" y="599"/>
                  </a:lnTo>
                  <a:lnTo>
                    <a:pt x="115" y="596"/>
                  </a:lnTo>
                  <a:lnTo>
                    <a:pt x="113" y="594"/>
                  </a:lnTo>
                  <a:lnTo>
                    <a:pt x="111" y="591"/>
                  </a:lnTo>
                  <a:lnTo>
                    <a:pt x="110" y="587"/>
                  </a:lnTo>
                  <a:lnTo>
                    <a:pt x="110" y="582"/>
                  </a:lnTo>
                  <a:lnTo>
                    <a:pt x="110" y="579"/>
                  </a:lnTo>
                  <a:lnTo>
                    <a:pt x="110" y="577"/>
                  </a:lnTo>
                  <a:lnTo>
                    <a:pt x="110" y="574"/>
                  </a:lnTo>
                  <a:lnTo>
                    <a:pt x="110" y="572"/>
                  </a:lnTo>
                  <a:lnTo>
                    <a:pt x="108" y="570"/>
                  </a:lnTo>
                  <a:lnTo>
                    <a:pt x="106" y="569"/>
                  </a:lnTo>
                  <a:lnTo>
                    <a:pt x="105" y="565"/>
                  </a:lnTo>
                  <a:lnTo>
                    <a:pt x="105" y="564"/>
                  </a:lnTo>
                  <a:lnTo>
                    <a:pt x="105" y="562"/>
                  </a:lnTo>
                  <a:lnTo>
                    <a:pt x="105" y="560"/>
                  </a:lnTo>
                  <a:lnTo>
                    <a:pt x="105" y="559"/>
                  </a:lnTo>
                  <a:lnTo>
                    <a:pt x="105" y="557"/>
                  </a:lnTo>
                  <a:lnTo>
                    <a:pt x="105" y="555"/>
                  </a:lnTo>
                  <a:lnTo>
                    <a:pt x="99" y="543"/>
                  </a:lnTo>
                  <a:lnTo>
                    <a:pt x="99" y="535"/>
                  </a:lnTo>
                  <a:lnTo>
                    <a:pt x="105" y="533"/>
                  </a:lnTo>
                  <a:lnTo>
                    <a:pt x="118" y="528"/>
                  </a:lnTo>
                  <a:lnTo>
                    <a:pt x="121" y="530"/>
                  </a:lnTo>
                  <a:lnTo>
                    <a:pt x="125" y="533"/>
                  </a:lnTo>
                  <a:lnTo>
                    <a:pt x="143" y="537"/>
                  </a:lnTo>
                  <a:lnTo>
                    <a:pt x="149" y="537"/>
                  </a:lnTo>
                  <a:lnTo>
                    <a:pt x="155" y="542"/>
                  </a:lnTo>
                  <a:lnTo>
                    <a:pt x="147" y="532"/>
                  </a:lnTo>
                  <a:lnTo>
                    <a:pt x="147" y="525"/>
                  </a:lnTo>
                  <a:lnTo>
                    <a:pt x="137" y="525"/>
                  </a:lnTo>
                  <a:lnTo>
                    <a:pt x="130" y="528"/>
                  </a:lnTo>
                  <a:lnTo>
                    <a:pt x="123" y="528"/>
                  </a:lnTo>
                  <a:lnTo>
                    <a:pt x="120" y="525"/>
                  </a:lnTo>
                  <a:lnTo>
                    <a:pt x="118" y="523"/>
                  </a:lnTo>
                  <a:lnTo>
                    <a:pt x="116" y="521"/>
                  </a:lnTo>
                  <a:lnTo>
                    <a:pt x="113" y="518"/>
                  </a:lnTo>
                  <a:lnTo>
                    <a:pt x="110" y="516"/>
                  </a:lnTo>
                  <a:lnTo>
                    <a:pt x="106" y="513"/>
                  </a:lnTo>
                  <a:lnTo>
                    <a:pt x="103" y="513"/>
                  </a:lnTo>
                  <a:lnTo>
                    <a:pt x="98" y="515"/>
                  </a:lnTo>
                  <a:lnTo>
                    <a:pt x="96" y="518"/>
                  </a:lnTo>
                  <a:lnTo>
                    <a:pt x="94" y="520"/>
                  </a:lnTo>
                  <a:lnTo>
                    <a:pt x="93" y="521"/>
                  </a:lnTo>
                  <a:lnTo>
                    <a:pt x="93" y="523"/>
                  </a:lnTo>
                  <a:lnTo>
                    <a:pt x="93" y="545"/>
                  </a:lnTo>
                  <a:lnTo>
                    <a:pt x="89" y="548"/>
                  </a:lnTo>
                  <a:lnTo>
                    <a:pt x="83" y="547"/>
                  </a:lnTo>
                  <a:lnTo>
                    <a:pt x="76" y="537"/>
                  </a:lnTo>
                  <a:lnTo>
                    <a:pt x="72" y="533"/>
                  </a:lnTo>
                  <a:lnTo>
                    <a:pt x="66" y="533"/>
                  </a:lnTo>
                  <a:lnTo>
                    <a:pt x="66" y="532"/>
                  </a:lnTo>
                  <a:lnTo>
                    <a:pt x="64" y="528"/>
                  </a:lnTo>
                  <a:lnTo>
                    <a:pt x="62" y="525"/>
                  </a:lnTo>
                  <a:lnTo>
                    <a:pt x="61" y="521"/>
                  </a:lnTo>
                  <a:lnTo>
                    <a:pt x="57" y="516"/>
                  </a:lnTo>
                  <a:lnTo>
                    <a:pt x="54" y="513"/>
                  </a:lnTo>
                  <a:lnTo>
                    <a:pt x="50" y="513"/>
                  </a:lnTo>
                  <a:lnTo>
                    <a:pt x="45" y="513"/>
                  </a:lnTo>
                  <a:lnTo>
                    <a:pt x="45" y="511"/>
                  </a:lnTo>
                  <a:lnTo>
                    <a:pt x="52" y="503"/>
                  </a:lnTo>
                  <a:lnTo>
                    <a:pt x="55" y="498"/>
                  </a:lnTo>
                  <a:lnTo>
                    <a:pt x="54" y="491"/>
                  </a:lnTo>
                  <a:lnTo>
                    <a:pt x="57" y="484"/>
                  </a:lnTo>
                  <a:lnTo>
                    <a:pt x="49" y="474"/>
                  </a:lnTo>
                  <a:lnTo>
                    <a:pt x="50" y="462"/>
                  </a:lnTo>
                  <a:lnTo>
                    <a:pt x="42" y="452"/>
                  </a:lnTo>
                  <a:lnTo>
                    <a:pt x="42" y="449"/>
                  </a:lnTo>
                  <a:lnTo>
                    <a:pt x="40" y="447"/>
                  </a:lnTo>
                  <a:lnTo>
                    <a:pt x="37" y="444"/>
                  </a:lnTo>
                  <a:lnTo>
                    <a:pt x="35" y="440"/>
                  </a:lnTo>
                  <a:lnTo>
                    <a:pt x="32" y="437"/>
                  </a:lnTo>
                  <a:lnTo>
                    <a:pt x="30" y="432"/>
                  </a:lnTo>
                  <a:lnTo>
                    <a:pt x="28" y="427"/>
                  </a:lnTo>
                  <a:lnTo>
                    <a:pt x="28" y="420"/>
                  </a:lnTo>
                  <a:lnTo>
                    <a:pt x="27" y="416"/>
                  </a:lnTo>
                  <a:lnTo>
                    <a:pt x="27" y="413"/>
                  </a:lnTo>
                  <a:lnTo>
                    <a:pt x="23" y="408"/>
                  </a:lnTo>
                  <a:lnTo>
                    <a:pt x="22" y="405"/>
                  </a:lnTo>
                  <a:lnTo>
                    <a:pt x="18" y="400"/>
                  </a:lnTo>
                  <a:lnTo>
                    <a:pt x="17" y="394"/>
                  </a:lnTo>
                  <a:lnTo>
                    <a:pt x="13" y="391"/>
                  </a:lnTo>
                  <a:lnTo>
                    <a:pt x="13" y="389"/>
                  </a:lnTo>
                  <a:lnTo>
                    <a:pt x="11" y="388"/>
                  </a:lnTo>
                  <a:lnTo>
                    <a:pt x="11" y="386"/>
                  </a:lnTo>
                  <a:lnTo>
                    <a:pt x="11" y="384"/>
                  </a:lnTo>
                  <a:lnTo>
                    <a:pt x="10" y="383"/>
                  </a:lnTo>
                  <a:lnTo>
                    <a:pt x="10" y="379"/>
                  </a:lnTo>
                  <a:lnTo>
                    <a:pt x="20" y="369"/>
                  </a:lnTo>
                  <a:lnTo>
                    <a:pt x="20" y="367"/>
                  </a:lnTo>
                  <a:lnTo>
                    <a:pt x="20" y="364"/>
                  </a:lnTo>
                  <a:lnTo>
                    <a:pt x="18" y="362"/>
                  </a:lnTo>
                  <a:lnTo>
                    <a:pt x="18" y="357"/>
                  </a:lnTo>
                  <a:lnTo>
                    <a:pt x="18" y="354"/>
                  </a:lnTo>
                  <a:lnTo>
                    <a:pt x="18" y="349"/>
                  </a:lnTo>
                  <a:lnTo>
                    <a:pt x="17" y="344"/>
                  </a:lnTo>
                  <a:lnTo>
                    <a:pt x="17" y="337"/>
                  </a:lnTo>
                  <a:lnTo>
                    <a:pt x="18" y="332"/>
                  </a:lnTo>
                  <a:lnTo>
                    <a:pt x="18" y="327"/>
                  </a:lnTo>
                  <a:lnTo>
                    <a:pt x="18" y="322"/>
                  </a:lnTo>
                  <a:lnTo>
                    <a:pt x="20" y="317"/>
                  </a:lnTo>
                  <a:lnTo>
                    <a:pt x="23" y="312"/>
                  </a:lnTo>
                  <a:lnTo>
                    <a:pt x="25" y="306"/>
                  </a:lnTo>
                  <a:lnTo>
                    <a:pt x="28" y="303"/>
                  </a:lnTo>
                  <a:lnTo>
                    <a:pt x="28" y="301"/>
                  </a:lnTo>
                  <a:lnTo>
                    <a:pt x="28" y="296"/>
                  </a:lnTo>
                  <a:lnTo>
                    <a:pt x="28" y="291"/>
                  </a:lnTo>
                  <a:lnTo>
                    <a:pt x="30" y="284"/>
                  </a:lnTo>
                  <a:lnTo>
                    <a:pt x="30" y="278"/>
                  </a:lnTo>
                  <a:lnTo>
                    <a:pt x="30" y="271"/>
                  </a:lnTo>
                  <a:lnTo>
                    <a:pt x="30" y="268"/>
                  </a:lnTo>
                  <a:lnTo>
                    <a:pt x="30" y="266"/>
                  </a:lnTo>
                  <a:lnTo>
                    <a:pt x="30" y="264"/>
                  </a:lnTo>
                  <a:lnTo>
                    <a:pt x="28" y="262"/>
                  </a:lnTo>
                  <a:lnTo>
                    <a:pt x="28" y="259"/>
                  </a:lnTo>
                  <a:lnTo>
                    <a:pt x="27" y="256"/>
                  </a:lnTo>
                  <a:lnTo>
                    <a:pt x="23" y="251"/>
                  </a:lnTo>
                  <a:lnTo>
                    <a:pt x="22" y="247"/>
                  </a:lnTo>
                  <a:lnTo>
                    <a:pt x="18" y="244"/>
                  </a:lnTo>
                  <a:lnTo>
                    <a:pt x="17" y="242"/>
                  </a:lnTo>
                  <a:lnTo>
                    <a:pt x="17" y="240"/>
                  </a:lnTo>
                  <a:lnTo>
                    <a:pt x="17" y="237"/>
                  </a:lnTo>
                  <a:lnTo>
                    <a:pt x="17" y="234"/>
                  </a:lnTo>
                  <a:lnTo>
                    <a:pt x="15" y="232"/>
                  </a:lnTo>
                  <a:lnTo>
                    <a:pt x="13" y="230"/>
                  </a:lnTo>
                  <a:lnTo>
                    <a:pt x="10" y="227"/>
                  </a:lnTo>
                  <a:lnTo>
                    <a:pt x="6" y="224"/>
                  </a:lnTo>
                  <a:lnTo>
                    <a:pt x="5" y="218"/>
                  </a:lnTo>
                  <a:lnTo>
                    <a:pt x="3" y="213"/>
                  </a:lnTo>
                  <a:lnTo>
                    <a:pt x="1" y="208"/>
                  </a:lnTo>
                  <a:lnTo>
                    <a:pt x="0" y="202"/>
                  </a:lnTo>
                  <a:lnTo>
                    <a:pt x="0" y="195"/>
                  </a:lnTo>
                  <a:lnTo>
                    <a:pt x="1" y="186"/>
                  </a:lnTo>
                  <a:lnTo>
                    <a:pt x="5" y="178"/>
                  </a:lnTo>
                  <a:lnTo>
                    <a:pt x="10" y="169"/>
                  </a:lnTo>
                  <a:lnTo>
                    <a:pt x="17" y="159"/>
                  </a:lnTo>
                  <a:lnTo>
                    <a:pt x="27" y="149"/>
                  </a:lnTo>
                  <a:lnTo>
                    <a:pt x="39" y="139"/>
                  </a:lnTo>
                  <a:lnTo>
                    <a:pt x="40" y="137"/>
                  </a:lnTo>
                  <a:lnTo>
                    <a:pt x="42" y="136"/>
                  </a:lnTo>
                  <a:lnTo>
                    <a:pt x="44" y="132"/>
                  </a:lnTo>
                  <a:lnTo>
                    <a:pt x="45" y="127"/>
                  </a:lnTo>
                  <a:lnTo>
                    <a:pt x="47" y="122"/>
                  </a:lnTo>
                  <a:lnTo>
                    <a:pt x="49" y="117"/>
                  </a:lnTo>
                  <a:lnTo>
                    <a:pt x="49" y="112"/>
                  </a:lnTo>
                  <a:lnTo>
                    <a:pt x="49" y="107"/>
                  </a:lnTo>
                  <a:lnTo>
                    <a:pt x="49" y="105"/>
                  </a:lnTo>
                  <a:lnTo>
                    <a:pt x="52" y="100"/>
                  </a:lnTo>
                  <a:lnTo>
                    <a:pt x="55" y="93"/>
                  </a:lnTo>
                  <a:lnTo>
                    <a:pt x="61" y="86"/>
                  </a:lnTo>
                  <a:lnTo>
                    <a:pt x="66" y="78"/>
                  </a:lnTo>
                  <a:lnTo>
                    <a:pt x="67" y="70"/>
                  </a:lnTo>
                  <a:lnTo>
                    <a:pt x="69" y="61"/>
                  </a:lnTo>
                  <a:lnTo>
                    <a:pt x="69" y="53"/>
                  </a:lnTo>
                  <a:lnTo>
                    <a:pt x="69" y="51"/>
                  </a:lnTo>
                  <a:lnTo>
                    <a:pt x="69" y="49"/>
                  </a:lnTo>
                  <a:lnTo>
                    <a:pt x="71" y="46"/>
                  </a:lnTo>
                  <a:lnTo>
                    <a:pt x="69" y="44"/>
                  </a:lnTo>
                  <a:lnTo>
                    <a:pt x="69" y="34"/>
                  </a:lnTo>
                  <a:lnTo>
                    <a:pt x="64" y="27"/>
                  </a:lnTo>
                  <a:lnTo>
                    <a:pt x="66" y="24"/>
                  </a:lnTo>
                  <a:lnTo>
                    <a:pt x="74" y="10"/>
                  </a:lnTo>
                  <a:lnTo>
                    <a:pt x="76" y="4"/>
                  </a:lnTo>
                  <a:lnTo>
                    <a:pt x="74" y="0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26" name="Freeform 52"/>
            <p:cNvSpPr>
              <a:spLocks/>
            </p:cNvSpPr>
            <p:nvPr/>
          </p:nvSpPr>
          <p:spPr bwMode="auto">
            <a:xfrm>
              <a:off x="4629" y="2257"/>
              <a:ext cx="39" cy="117"/>
            </a:xfrm>
            <a:custGeom>
              <a:avLst/>
              <a:gdLst>
                <a:gd name="T0" fmla="*/ 8 w 40"/>
                <a:gd name="T1" fmla="*/ 17 h 120"/>
                <a:gd name="T2" fmla="*/ 11 w 40"/>
                <a:gd name="T3" fmla="*/ 13 h 120"/>
                <a:gd name="T4" fmla="*/ 13 w 40"/>
                <a:gd name="T5" fmla="*/ 12 h 120"/>
                <a:gd name="T6" fmla="*/ 17 w 40"/>
                <a:gd name="T7" fmla="*/ 8 h 120"/>
                <a:gd name="T8" fmla="*/ 20 w 40"/>
                <a:gd name="T9" fmla="*/ 7 h 120"/>
                <a:gd name="T10" fmla="*/ 20 w 40"/>
                <a:gd name="T11" fmla="*/ 3 h 120"/>
                <a:gd name="T12" fmla="*/ 20 w 40"/>
                <a:gd name="T13" fmla="*/ 1 h 120"/>
                <a:gd name="T14" fmla="*/ 20 w 40"/>
                <a:gd name="T15" fmla="*/ 0 h 120"/>
                <a:gd name="T16" fmla="*/ 25 w 40"/>
                <a:gd name="T17" fmla="*/ 0 h 120"/>
                <a:gd name="T18" fmla="*/ 25 w 40"/>
                <a:gd name="T19" fmla="*/ 0 h 120"/>
                <a:gd name="T20" fmla="*/ 25 w 40"/>
                <a:gd name="T21" fmla="*/ 1 h 120"/>
                <a:gd name="T22" fmla="*/ 25 w 40"/>
                <a:gd name="T23" fmla="*/ 5 h 120"/>
                <a:gd name="T24" fmla="*/ 26 w 40"/>
                <a:gd name="T25" fmla="*/ 7 h 120"/>
                <a:gd name="T26" fmla="*/ 26 w 40"/>
                <a:gd name="T27" fmla="*/ 10 h 120"/>
                <a:gd name="T28" fmla="*/ 26 w 40"/>
                <a:gd name="T29" fmla="*/ 12 h 120"/>
                <a:gd name="T30" fmla="*/ 26 w 40"/>
                <a:gd name="T31" fmla="*/ 13 h 120"/>
                <a:gd name="T32" fmla="*/ 26 w 40"/>
                <a:gd name="T33" fmla="*/ 15 h 120"/>
                <a:gd name="T34" fmla="*/ 21 w 40"/>
                <a:gd name="T35" fmla="*/ 20 h 120"/>
                <a:gd name="T36" fmla="*/ 20 w 40"/>
                <a:gd name="T37" fmla="*/ 20 h 120"/>
                <a:gd name="T38" fmla="*/ 21 w 40"/>
                <a:gd name="T39" fmla="*/ 23 h 120"/>
                <a:gd name="T40" fmla="*/ 20 w 40"/>
                <a:gd name="T41" fmla="*/ 35 h 120"/>
                <a:gd name="T42" fmla="*/ 20 w 40"/>
                <a:gd name="T43" fmla="*/ 43 h 120"/>
                <a:gd name="T44" fmla="*/ 20 w 40"/>
                <a:gd name="T45" fmla="*/ 48 h 120"/>
                <a:gd name="T46" fmla="*/ 15 w 40"/>
                <a:gd name="T47" fmla="*/ 52 h 120"/>
                <a:gd name="T48" fmla="*/ 15 w 40"/>
                <a:gd name="T49" fmla="*/ 56 h 120"/>
                <a:gd name="T50" fmla="*/ 8 w 40"/>
                <a:gd name="T51" fmla="*/ 65 h 120"/>
                <a:gd name="T52" fmla="*/ 8 w 40"/>
                <a:gd name="T53" fmla="*/ 70 h 120"/>
                <a:gd name="T54" fmla="*/ 8 w 40"/>
                <a:gd name="T55" fmla="*/ 72 h 120"/>
                <a:gd name="T56" fmla="*/ 8 w 40"/>
                <a:gd name="T57" fmla="*/ 75 h 120"/>
                <a:gd name="T58" fmla="*/ 8 w 40"/>
                <a:gd name="T59" fmla="*/ 78 h 120"/>
                <a:gd name="T60" fmla="*/ 8 w 40"/>
                <a:gd name="T61" fmla="*/ 83 h 120"/>
                <a:gd name="T62" fmla="*/ 8 w 40"/>
                <a:gd name="T63" fmla="*/ 85 h 120"/>
                <a:gd name="T64" fmla="*/ 6 w 40"/>
                <a:gd name="T65" fmla="*/ 85 h 120"/>
                <a:gd name="T66" fmla="*/ 5 w 40"/>
                <a:gd name="T67" fmla="*/ 82 h 120"/>
                <a:gd name="T68" fmla="*/ 1 w 40"/>
                <a:gd name="T69" fmla="*/ 72 h 120"/>
                <a:gd name="T70" fmla="*/ 1 w 40"/>
                <a:gd name="T71" fmla="*/ 70 h 120"/>
                <a:gd name="T72" fmla="*/ 0 w 40"/>
                <a:gd name="T73" fmla="*/ 67 h 120"/>
                <a:gd name="T74" fmla="*/ 0 w 40"/>
                <a:gd name="T75" fmla="*/ 60 h 120"/>
                <a:gd name="T76" fmla="*/ 0 w 40"/>
                <a:gd name="T77" fmla="*/ 57 h 120"/>
                <a:gd name="T78" fmla="*/ 0 w 40"/>
                <a:gd name="T79" fmla="*/ 55 h 120"/>
                <a:gd name="T80" fmla="*/ 0 w 40"/>
                <a:gd name="T81" fmla="*/ 52 h 120"/>
                <a:gd name="T82" fmla="*/ 0 w 40"/>
                <a:gd name="T83" fmla="*/ 50 h 120"/>
                <a:gd name="T84" fmla="*/ 0 w 40"/>
                <a:gd name="T85" fmla="*/ 49 h 120"/>
                <a:gd name="T86" fmla="*/ 1 w 40"/>
                <a:gd name="T87" fmla="*/ 42 h 120"/>
                <a:gd name="T88" fmla="*/ 8 w 40"/>
                <a:gd name="T89" fmla="*/ 38 h 120"/>
                <a:gd name="T90" fmla="*/ 8 w 40"/>
                <a:gd name="T91" fmla="*/ 26 h 120"/>
                <a:gd name="T92" fmla="*/ 15 w 40"/>
                <a:gd name="T93" fmla="*/ 20 h 120"/>
                <a:gd name="T94" fmla="*/ 17 w 40"/>
                <a:gd name="T95" fmla="*/ 20 h 120"/>
                <a:gd name="T96" fmla="*/ 17 w 40"/>
                <a:gd name="T97" fmla="*/ 20 h 120"/>
                <a:gd name="T98" fmla="*/ 17 w 40"/>
                <a:gd name="T99" fmla="*/ 20 h 120"/>
                <a:gd name="T100" fmla="*/ 13 w 40"/>
                <a:gd name="T101" fmla="*/ 20 h 120"/>
                <a:gd name="T102" fmla="*/ 11 w 40"/>
                <a:gd name="T103" fmla="*/ 18 h 120"/>
                <a:gd name="T104" fmla="*/ 8 w 40"/>
                <a:gd name="T105" fmla="*/ 17 h 120"/>
                <a:gd name="T106" fmla="*/ 8 w 40"/>
                <a:gd name="T107" fmla="*/ 17 h 120"/>
                <a:gd name="T108" fmla="*/ 8 w 40"/>
                <a:gd name="T109" fmla="*/ 17 h 120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w 40"/>
                <a:gd name="T166" fmla="*/ 0 h 120"/>
                <a:gd name="T167" fmla="*/ 40 w 40"/>
                <a:gd name="T168" fmla="*/ 120 h 120"/>
              </a:gdLst>
              <a:ahLst/>
              <a:cxnLst>
                <a:cxn ang="T110">
                  <a:pos x="T0" y="T1"/>
                </a:cxn>
                <a:cxn ang="T111">
                  <a:pos x="T2" y="T3"/>
                </a:cxn>
                <a:cxn ang="T112">
                  <a:pos x="T4" y="T5"/>
                </a:cxn>
                <a:cxn ang="T113">
                  <a:pos x="T6" y="T7"/>
                </a:cxn>
                <a:cxn ang="T114">
                  <a:pos x="T8" y="T9"/>
                </a:cxn>
                <a:cxn ang="T115">
                  <a:pos x="T10" y="T11"/>
                </a:cxn>
                <a:cxn ang="T116">
                  <a:pos x="T12" y="T13"/>
                </a:cxn>
                <a:cxn ang="T117">
                  <a:pos x="T14" y="T15"/>
                </a:cxn>
                <a:cxn ang="T118">
                  <a:pos x="T16" y="T17"/>
                </a:cxn>
                <a:cxn ang="T119">
                  <a:pos x="T18" y="T19"/>
                </a:cxn>
                <a:cxn ang="T120">
                  <a:pos x="T20" y="T21"/>
                </a:cxn>
                <a:cxn ang="T121">
                  <a:pos x="T22" y="T23"/>
                </a:cxn>
                <a:cxn ang="T122">
                  <a:pos x="T24" y="T25"/>
                </a:cxn>
                <a:cxn ang="T123">
                  <a:pos x="T26" y="T27"/>
                </a:cxn>
                <a:cxn ang="T124">
                  <a:pos x="T28" y="T29"/>
                </a:cxn>
                <a:cxn ang="T125">
                  <a:pos x="T30" y="T31"/>
                </a:cxn>
                <a:cxn ang="T126">
                  <a:pos x="T32" y="T33"/>
                </a:cxn>
                <a:cxn ang="T127">
                  <a:pos x="T34" y="T35"/>
                </a:cxn>
                <a:cxn ang="T128">
                  <a:pos x="T36" y="T37"/>
                </a:cxn>
                <a:cxn ang="T129">
                  <a:pos x="T38" y="T39"/>
                </a:cxn>
                <a:cxn ang="T130">
                  <a:pos x="T40" y="T41"/>
                </a:cxn>
                <a:cxn ang="T131">
                  <a:pos x="T42" y="T43"/>
                </a:cxn>
                <a:cxn ang="T132">
                  <a:pos x="T44" y="T45"/>
                </a:cxn>
                <a:cxn ang="T133">
                  <a:pos x="T46" y="T47"/>
                </a:cxn>
                <a:cxn ang="T134">
                  <a:pos x="T48" y="T49"/>
                </a:cxn>
                <a:cxn ang="T135">
                  <a:pos x="T50" y="T51"/>
                </a:cxn>
                <a:cxn ang="T136">
                  <a:pos x="T52" y="T53"/>
                </a:cxn>
                <a:cxn ang="T137">
                  <a:pos x="T54" y="T55"/>
                </a:cxn>
                <a:cxn ang="T138">
                  <a:pos x="T56" y="T57"/>
                </a:cxn>
                <a:cxn ang="T139">
                  <a:pos x="T58" y="T59"/>
                </a:cxn>
                <a:cxn ang="T140">
                  <a:pos x="T60" y="T61"/>
                </a:cxn>
                <a:cxn ang="T141">
                  <a:pos x="T62" y="T63"/>
                </a:cxn>
                <a:cxn ang="T142">
                  <a:pos x="T64" y="T65"/>
                </a:cxn>
                <a:cxn ang="T143">
                  <a:pos x="T66" y="T67"/>
                </a:cxn>
                <a:cxn ang="T144">
                  <a:pos x="T68" y="T69"/>
                </a:cxn>
                <a:cxn ang="T145">
                  <a:pos x="T70" y="T71"/>
                </a:cxn>
                <a:cxn ang="T146">
                  <a:pos x="T72" y="T73"/>
                </a:cxn>
                <a:cxn ang="T147">
                  <a:pos x="T74" y="T75"/>
                </a:cxn>
                <a:cxn ang="T148">
                  <a:pos x="T76" y="T77"/>
                </a:cxn>
                <a:cxn ang="T149">
                  <a:pos x="T78" y="T79"/>
                </a:cxn>
                <a:cxn ang="T150">
                  <a:pos x="T80" y="T81"/>
                </a:cxn>
                <a:cxn ang="T151">
                  <a:pos x="T82" y="T83"/>
                </a:cxn>
                <a:cxn ang="T152">
                  <a:pos x="T84" y="T85"/>
                </a:cxn>
                <a:cxn ang="T153">
                  <a:pos x="T86" y="T87"/>
                </a:cxn>
                <a:cxn ang="T154">
                  <a:pos x="T88" y="T89"/>
                </a:cxn>
                <a:cxn ang="T155">
                  <a:pos x="T90" y="T91"/>
                </a:cxn>
                <a:cxn ang="T156">
                  <a:pos x="T92" y="T93"/>
                </a:cxn>
                <a:cxn ang="T157">
                  <a:pos x="T94" y="T95"/>
                </a:cxn>
                <a:cxn ang="T158">
                  <a:pos x="T96" y="T97"/>
                </a:cxn>
                <a:cxn ang="T159">
                  <a:pos x="T98" y="T99"/>
                </a:cxn>
                <a:cxn ang="T160">
                  <a:pos x="T100" y="T101"/>
                </a:cxn>
                <a:cxn ang="T161">
                  <a:pos x="T102" y="T103"/>
                </a:cxn>
                <a:cxn ang="T162">
                  <a:pos x="T104" y="T105"/>
                </a:cxn>
                <a:cxn ang="T163">
                  <a:pos x="T106" y="T107"/>
                </a:cxn>
                <a:cxn ang="T164">
                  <a:pos x="T108" y="T109"/>
                </a:cxn>
              </a:cxnLst>
              <a:rect l="T165" t="T166" r="T167" b="T168"/>
              <a:pathLst>
                <a:path w="40" h="120">
                  <a:moveTo>
                    <a:pt x="8" y="17"/>
                  </a:moveTo>
                  <a:lnTo>
                    <a:pt x="11" y="13"/>
                  </a:lnTo>
                  <a:lnTo>
                    <a:pt x="13" y="12"/>
                  </a:lnTo>
                  <a:lnTo>
                    <a:pt x="17" y="8"/>
                  </a:lnTo>
                  <a:lnTo>
                    <a:pt x="20" y="7"/>
                  </a:lnTo>
                  <a:lnTo>
                    <a:pt x="23" y="3"/>
                  </a:lnTo>
                  <a:lnTo>
                    <a:pt x="27" y="1"/>
                  </a:lnTo>
                  <a:lnTo>
                    <a:pt x="32" y="0"/>
                  </a:lnTo>
                  <a:lnTo>
                    <a:pt x="39" y="0"/>
                  </a:lnTo>
                  <a:lnTo>
                    <a:pt x="39" y="1"/>
                  </a:lnTo>
                  <a:lnTo>
                    <a:pt x="39" y="5"/>
                  </a:lnTo>
                  <a:lnTo>
                    <a:pt x="40" y="7"/>
                  </a:lnTo>
                  <a:lnTo>
                    <a:pt x="40" y="10"/>
                  </a:lnTo>
                  <a:lnTo>
                    <a:pt x="40" y="12"/>
                  </a:lnTo>
                  <a:lnTo>
                    <a:pt x="40" y="13"/>
                  </a:lnTo>
                  <a:lnTo>
                    <a:pt x="40" y="15"/>
                  </a:lnTo>
                  <a:lnTo>
                    <a:pt x="35" y="23"/>
                  </a:lnTo>
                  <a:lnTo>
                    <a:pt x="33" y="30"/>
                  </a:lnTo>
                  <a:lnTo>
                    <a:pt x="35" y="37"/>
                  </a:lnTo>
                  <a:lnTo>
                    <a:pt x="32" y="49"/>
                  </a:lnTo>
                  <a:lnTo>
                    <a:pt x="27" y="57"/>
                  </a:lnTo>
                  <a:lnTo>
                    <a:pt x="25" y="64"/>
                  </a:lnTo>
                  <a:lnTo>
                    <a:pt x="15" y="73"/>
                  </a:lnTo>
                  <a:lnTo>
                    <a:pt x="15" y="81"/>
                  </a:lnTo>
                  <a:lnTo>
                    <a:pt x="8" y="93"/>
                  </a:lnTo>
                  <a:lnTo>
                    <a:pt x="8" y="98"/>
                  </a:lnTo>
                  <a:lnTo>
                    <a:pt x="8" y="100"/>
                  </a:lnTo>
                  <a:lnTo>
                    <a:pt x="8" y="105"/>
                  </a:lnTo>
                  <a:lnTo>
                    <a:pt x="8" y="110"/>
                  </a:lnTo>
                  <a:lnTo>
                    <a:pt x="8" y="117"/>
                  </a:lnTo>
                  <a:lnTo>
                    <a:pt x="8" y="120"/>
                  </a:lnTo>
                  <a:lnTo>
                    <a:pt x="6" y="120"/>
                  </a:lnTo>
                  <a:lnTo>
                    <a:pt x="5" y="115"/>
                  </a:lnTo>
                  <a:lnTo>
                    <a:pt x="1" y="101"/>
                  </a:lnTo>
                  <a:lnTo>
                    <a:pt x="1" y="98"/>
                  </a:lnTo>
                  <a:lnTo>
                    <a:pt x="0" y="95"/>
                  </a:lnTo>
                  <a:lnTo>
                    <a:pt x="0" y="88"/>
                  </a:lnTo>
                  <a:lnTo>
                    <a:pt x="0" y="83"/>
                  </a:lnTo>
                  <a:lnTo>
                    <a:pt x="0" y="78"/>
                  </a:lnTo>
                  <a:lnTo>
                    <a:pt x="0" y="73"/>
                  </a:lnTo>
                  <a:lnTo>
                    <a:pt x="0" y="69"/>
                  </a:lnTo>
                  <a:lnTo>
                    <a:pt x="0" y="67"/>
                  </a:lnTo>
                  <a:lnTo>
                    <a:pt x="1" y="56"/>
                  </a:lnTo>
                  <a:lnTo>
                    <a:pt x="8" y="52"/>
                  </a:lnTo>
                  <a:lnTo>
                    <a:pt x="8" y="40"/>
                  </a:lnTo>
                  <a:lnTo>
                    <a:pt x="15" y="30"/>
                  </a:lnTo>
                  <a:lnTo>
                    <a:pt x="17" y="27"/>
                  </a:lnTo>
                  <a:lnTo>
                    <a:pt x="17" y="23"/>
                  </a:lnTo>
                  <a:lnTo>
                    <a:pt x="17" y="20"/>
                  </a:lnTo>
                  <a:lnTo>
                    <a:pt x="13" y="20"/>
                  </a:lnTo>
                  <a:lnTo>
                    <a:pt x="11" y="18"/>
                  </a:lnTo>
                  <a:lnTo>
                    <a:pt x="8" y="17"/>
                  </a:lnTo>
                  <a:close/>
                </a:path>
              </a:pathLst>
            </a:custGeom>
            <a:solidFill>
              <a:srgbClr val="FF9933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27" name="Freeform 53"/>
            <p:cNvSpPr>
              <a:spLocks/>
            </p:cNvSpPr>
            <p:nvPr/>
          </p:nvSpPr>
          <p:spPr bwMode="auto">
            <a:xfrm>
              <a:off x="4629" y="2257"/>
              <a:ext cx="39" cy="117"/>
            </a:xfrm>
            <a:custGeom>
              <a:avLst/>
              <a:gdLst>
                <a:gd name="T0" fmla="*/ 8 w 40"/>
                <a:gd name="T1" fmla="*/ 17 h 120"/>
                <a:gd name="T2" fmla="*/ 8 w 40"/>
                <a:gd name="T3" fmla="*/ 17 h 120"/>
                <a:gd name="T4" fmla="*/ 11 w 40"/>
                <a:gd name="T5" fmla="*/ 13 h 120"/>
                <a:gd name="T6" fmla="*/ 13 w 40"/>
                <a:gd name="T7" fmla="*/ 12 h 120"/>
                <a:gd name="T8" fmla="*/ 17 w 40"/>
                <a:gd name="T9" fmla="*/ 8 h 120"/>
                <a:gd name="T10" fmla="*/ 20 w 40"/>
                <a:gd name="T11" fmla="*/ 7 h 120"/>
                <a:gd name="T12" fmla="*/ 20 w 40"/>
                <a:gd name="T13" fmla="*/ 3 h 120"/>
                <a:gd name="T14" fmla="*/ 20 w 40"/>
                <a:gd name="T15" fmla="*/ 1 h 120"/>
                <a:gd name="T16" fmla="*/ 20 w 40"/>
                <a:gd name="T17" fmla="*/ 0 h 120"/>
                <a:gd name="T18" fmla="*/ 25 w 40"/>
                <a:gd name="T19" fmla="*/ 0 h 120"/>
                <a:gd name="T20" fmla="*/ 25 w 40"/>
                <a:gd name="T21" fmla="*/ 0 h 120"/>
                <a:gd name="T22" fmla="*/ 25 w 40"/>
                <a:gd name="T23" fmla="*/ 0 h 120"/>
                <a:gd name="T24" fmla="*/ 25 w 40"/>
                <a:gd name="T25" fmla="*/ 1 h 120"/>
                <a:gd name="T26" fmla="*/ 25 w 40"/>
                <a:gd name="T27" fmla="*/ 5 h 120"/>
                <a:gd name="T28" fmla="*/ 26 w 40"/>
                <a:gd name="T29" fmla="*/ 7 h 120"/>
                <a:gd name="T30" fmla="*/ 26 w 40"/>
                <a:gd name="T31" fmla="*/ 10 h 120"/>
                <a:gd name="T32" fmla="*/ 26 w 40"/>
                <a:gd name="T33" fmla="*/ 12 h 120"/>
                <a:gd name="T34" fmla="*/ 26 w 40"/>
                <a:gd name="T35" fmla="*/ 13 h 120"/>
                <a:gd name="T36" fmla="*/ 26 w 40"/>
                <a:gd name="T37" fmla="*/ 15 h 120"/>
                <a:gd name="T38" fmla="*/ 21 w 40"/>
                <a:gd name="T39" fmla="*/ 20 h 120"/>
                <a:gd name="T40" fmla="*/ 20 w 40"/>
                <a:gd name="T41" fmla="*/ 20 h 120"/>
                <a:gd name="T42" fmla="*/ 21 w 40"/>
                <a:gd name="T43" fmla="*/ 23 h 120"/>
                <a:gd name="T44" fmla="*/ 20 w 40"/>
                <a:gd name="T45" fmla="*/ 35 h 120"/>
                <a:gd name="T46" fmla="*/ 20 w 40"/>
                <a:gd name="T47" fmla="*/ 43 h 120"/>
                <a:gd name="T48" fmla="*/ 20 w 40"/>
                <a:gd name="T49" fmla="*/ 48 h 120"/>
                <a:gd name="T50" fmla="*/ 15 w 40"/>
                <a:gd name="T51" fmla="*/ 52 h 120"/>
                <a:gd name="T52" fmla="*/ 15 w 40"/>
                <a:gd name="T53" fmla="*/ 56 h 120"/>
                <a:gd name="T54" fmla="*/ 8 w 40"/>
                <a:gd name="T55" fmla="*/ 65 h 120"/>
                <a:gd name="T56" fmla="*/ 8 w 40"/>
                <a:gd name="T57" fmla="*/ 70 h 120"/>
                <a:gd name="T58" fmla="*/ 8 w 40"/>
                <a:gd name="T59" fmla="*/ 70 h 120"/>
                <a:gd name="T60" fmla="*/ 8 w 40"/>
                <a:gd name="T61" fmla="*/ 72 h 120"/>
                <a:gd name="T62" fmla="*/ 8 w 40"/>
                <a:gd name="T63" fmla="*/ 75 h 120"/>
                <a:gd name="T64" fmla="*/ 8 w 40"/>
                <a:gd name="T65" fmla="*/ 78 h 120"/>
                <a:gd name="T66" fmla="*/ 8 w 40"/>
                <a:gd name="T67" fmla="*/ 83 h 120"/>
                <a:gd name="T68" fmla="*/ 8 w 40"/>
                <a:gd name="T69" fmla="*/ 85 h 120"/>
                <a:gd name="T70" fmla="*/ 6 w 40"/>
                <a:gd name="T71" fmla="*/ 85 h 120"/>
                <a:gd name="T72" fmla="*/ 5 w 40"/>
                <a:gd name="T73" fmla="*/ 82 h 120"/>
                <a:gd name="T74" fmla="*/ 1 w 40"/>
                <a:gd name="T75" fmla="*/ 72 h 120"/>
                <a:gd name="T76" fmla="*/ 1 w 40"/>
                <a:gd name="T77" fmla="*/ 72 h 120"/>
                <a:gd name="T78" fmla="*/ 1 w 40"/>
                <a:gd name="T79" fmla="*/ 70 h 120"/>
                <a:gd name="T80" fmla="*/ 0 w 40"/>
                <a:gd name="T81" fmla="*/ 67 h 120"/>
                <a:gd name="T82" fmla="*/ 0 w 40"/>
                <a:gd name="T83" fmla="*/ 60 h 120"/>
                <a:gd name="T84" fmla="*/ 0 w 40"/>
                <a:gd name="T85" fmla="*/ 57 h 120"/>
                <a:gd name="T86" fmla="*/ 0 w 40"/>
                <a:gd name="T87" fmla="*/ 55 h 120"/>
                <a:gd name="T88" fmla="*/ 0 w 40"/>
                <a:gd name="T89" fmla="*/ 52 h 120"/>
                <a:gd name="T90" fmla="*/ 0 w 40"/>
                <a:gd name="T91" fmla="*/ 50 h 120"/>
                <a:gd name="T92" fmla="*/ 0 w 40"/>
                <a:gd name="T93" fmla="*/ 49 h 120"/>
                <a:gd name="T94" fmla="*/ 1 w 40"/>
                <a:gd name="T95" fmla="*/ 42 h 120"/>
                <a:gd name="T96" fmla="*/ 8 w 40"/>
                <a:gd name="T97" fmla="*/ 38 h 120"/>
                <a:gd name="T98" fmla="*/ 8 w 40"/>
                <a:gd name="T99" fmla="*/ 26 h 120"/>
                <a:gd name="T100" fmla="*/ 15 w 40"/>
                <a:gd name="T101" fmla="*/ 20 h 120"/>
                <a:gd name="T102" fmla="*/ 15 w 40"/>
                <a:gd name="T103" fmla="*/ 20 h 120"/>
                <a:gd name="T104" fmla="*/ 17 w 40"/>
                <a:gd name="T105" fmla="*/ 20 h 120"/>
                <a:gd name="T106" fmla="*/ 17 w 40"/>
                <a:gd name="T107" fmla="*/ 20 h 120"/>
                <a:gd name="T108" fmla="*/ 17 w 40"/>
                <a:gd name="T109" fmla="*/ 20 h 120"/>
                <a:gd name="T110" fmla="*/ 13 w 40"/>
                <a:gd name="T111" fmla="*/ 20 h 120"/>
                <a:gd name="T112" fmla="*/ 11 w 40"/>
                <a:gd name="T113" fmla="*/ 18 h 120"/>
                <a:gd name="T114" fmla="*/ 8 w 40"/>
                <a:gd name="T115" fmla="*/ 17 h 120"/>
                <a:gd name="T116" fmla="*/ 8 w 40"/>
                <a:gd name="T117" fmla="*/ 17 h 120"/>
                <a:gd name="T118" fmla="*/ 8 w 40"/>
                <a:gd name="T119" fmla="*/ 17 h 120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w 40"/>
                <a:gd name="T181" fmla="*/ 0 h 120"/>
                <a:gd name="T182" fmla="*/ 40 w 40"/>
                <a:gd name="T183" fmla="*/ 120 h 120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T180" t="T181" r="T182" b="T183"/>
              <a:pathLst>
                <a:path w="40" h="120">
                  <a:moveTo>
                    <a:pt x="8" y="17"/>
                  </a:moveTo>
                  <a:lnTo>
                    <a:pt x="8" y="17"/>
                  </a:lnTo>
                  <a:lnTo>
                    <a:pt x="11" y="13"/>
                  </a:lnTo>
                  <a:lnTo>
                    <a:pt x="13" y="12"/>
                  </a:lnTo>
                  <a:lnTo>
                    <a:pt x="17" y="8"/>
                  </a:lnTo>
                  <a:lnTo>
                    <a:pt x="20" y="7"/>
                  </a:lnTo>
                  <a:lnTo>
                    <a:pt x="23" y="3"/>
                  </a:lnTo>
                  <a:lnTo>
                    <a:pt x="27" y="1"/>
                  </a:lnTo>
                  <a:lnTo>
                    <a:pt x="32" y="0"/>
                  </a:lnTo>
                  <a:lnTo>
                    <a:pt x="39" y="0"/>
                  </a:lnTo>
                  <a:lnTo>
                    <a:pt x="39" y="1"/>
                  </a:lnTo>
                  <a:lnTo>
                    <a:pt x="39" y="5"/>
                  </a:lnTo>
                  <a:lnTo>
                    <a:pt x="40" y="7"/>
                  </a:lnTo>
                  <a:lnTo>
                    <a:pt x="40" y="10"/>
                  </a:lnTo>
                  <a:lnTo>
                    <a:pt x="40" y="12"/>
                  </a:lnTo>
                  <a:lnTo>
                    <a:pt x="40" y="13"/>
                  </a:lnTo>
                  <a:lnTo>
                    <a:pt x="40" y="15"/>
                  </a:lnTo>
                  <a:lnTo>
                    <a:pt x="35" y="23"/>
                  </a:lnTo>
                  <a:lnTo>
                    <a:pt x="33" y="30"/>
                  </a:lnTo>
                  <a:lnTo>
                    <a:pt x="35" y="37"/>
                  </a:lnTo>
                  <a:lnTo>
                    <a:pt x="32" y="49"/>
                  </a:lnTo>
                  <a:lnTo>
                    <a:pt x="27" y="57"/>
                  </a:lnTo>
                  <a:lnTo>
                    <a:pt x="25" y="64"/>
                  </a:lnTo>
                  <a:lnTo>
                    <a:pt x="15" y="73"/>
                  </a:lnTo>
                  <a:lnTo>
                    <a:pt x="15" y="81"/>
                  </a:lnTo>
                  <a:lnTo>
                    <a:pt x="8" y="93"/>
                  </a:lnTo>
                  <a:lnTo>
                    <a:pt x="8" y="98"/>
                  </a:lnTo>
                  <a:lnTo>
                    <a:pt x="8" y="100"/>
                  </a:lnTo>
                  <a:lnTo>
                    <a:pt x="8" y="105"/>
                  </a:lnTo>
                  <a:lnTo>
                    <a:pt x="8" y="110"/>
                  </a:lnTo>
                  <a:lnTo>
                    <a:pt x="8" y="117"/>
                  </a:lnTo>
                  <a:lnTo>
                    <a:pt x="8" y="120"/>
                  </a:lnTo>
                  <a:lnTo>
                    <a:pt x="6" y="120"/>
                  </a:lnTo>
                  <a:lnTo>
                    <a:pt x="5" y="115"/>
                  </a:lnTo>
                  <a:lnTo>
                    <a:pt x="1" y="101"/>
                  </a:lnTo>
                  <a:lnTo>
                    <a:pt x="1" y="98"/>
                  </a:lnTo>
                  <a:lnTo>
                    <a:pt x="0" y="95"/>
                  </a:lnTo>
                  <a:lnTo>
                    <a:pt x="0" y="88"/>
                  </a:lnTo>
                  <a:lnTo>
                    <a:pt x="0" y="83"/>
                  </a:lnTo>
                  <a:lnTo>
                    <a:pt x="0" y="78"/>
                  </a:lnTo>
                  <a:lnTo>
                    <a:pt x="0" y="73"/>
                  </a:lnTo>
                  <a:lnTo>
                    <a:pt x="0" y="69"/>
                  </a:lnTo>
                  <a:lnTo>
                    <a:pt x="0" y="67"/>
                  </a:lnTo>
                  <a:lnTo>
                    <a:pt x="1" y="56"/>
                  </a:lnTo>
                  <a:lnTo>
                    <a:pt x="8" y="52"/>
                  </a:lnTo>
                  <a:lnTo>
                    <a:pt x="8" y="40"/>
                  </a:lnTo>
                  <a:lnTo>
                    <a:pt x="15" y="30"/>
                  </a:lnTo>
                  <a:lnTo>
                    <a:pt x="17" y="27"/>
                  </a:lnTo>
                  <a:lnTo>
                    <a:pt x="17" y="23"/>
                  </a:lnTo>
                  <a:lnTo>
                    <a:pt x="17" y="20"/>
                  </a:lnTo>
                  <a:lnTo>
                    <a:pt x="13" y="20"/>
                  </a:lnTo>
                  <a:lnTo>
                    <a:pt x="11" y="18"/>
                  </a:lnTo>
                  <a:lnTo>
                    <a:pt x="8" y="17"/>
                  </a:lnTo>
                </a:path>
              </a:pathLst>
            </a:custGeom>
            <a:solidFill>
              <a:srgbClr val="8B3102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28" name="Freeform 54"/>
            <p:cNvSpPr>
              <a:spLocks/>
            </p:cNvSpPr>
            <p:nvPr/>
          </p:nvSpPr>
          <p:spPr bwMode="auto">
            <a:xfrm>
              <a:off x="3888" y="2151"/>
              <a:ext cx="768" cy="436"/>
            </a:xfrm>
            <a:custGeom>
              <a:avLst/>
              <a:gdLst>
                <a:gd name="T0" fmla="*/ 660 w 776"/>
                <a:gd name="T1" fmla="*/ 262 h 440"/>
                <a:gd name="T2" fmla="*/ 669 w 776"/>
                <a:gd name="T3" fmla="*/ 269 h 440"/>
                <a:gd name="T4" fmla="*/ 641 w 776"/>
                <a:gd name="T5" fmla="*/ 240 h 440"/>
                <a:gd name="T6" fmla="*/ 626 w 776"/>
                <a:gd name="T7" fmla="*/ 236 h 440"/>
                <a:gd name="T8" fmla="*/ 628 w 776"/>
                <a:gd name="T9" fmla="*/ 247 h 440"/>
                <a:gd name="T10" fmla="*/ 620 w 776"/>
                <a:gd name="T11" fmla="*/ 249 h 440"/>
                <a:gd name="T12" fmla="*/ 574 w 776"/>
                <a:gd name="T13" fmla="*/ 221 h 440"/>
                <a:gd name="T14" fmla="*/ 624 w 776"/>
                <a:gd name="T15" fmla="*/ 224 h 440"/>
                <a:gd name="T16" fmla="*/ 606 w 776"/>
                <a:gd name="T17" fmla="*/ 206 h 440"/>
                <a:gd name="T18" fmla="*/ 609 w 776"/>
                <a:gd name="T19" fmla="*/ 170 h 440"/>
                <a:gd name="T20" fmla="*/ 591 w 776"/>
                <a:gd name="T21" fmla="*/ 160 h 440"/>
                <a:gd name="T22" fmla="*/ 599 w 776"/>
                <a:gd name="T23" fmla="*/ 132 h 440"/>
                <a:gd name="T24" fmla="*/ 571 w 776"/>
                <a:gd name="T25" fmla="*/ 113 h 440"/>
                <a:gd name="T26" fmla="*/ 535 w 776"/>
                <a:gd name="T27" fmla="*/ 98 h 440"/>
                <a:gd name="T28" fmla="*/ 524 w 776"/>
                <a:gd name="T29" fmla="*/ 98 h 440"/>
                <a:gd name="T30" fmla="*/ 510 w 776"/>
                <a:gd name="T31" fmla="*/ 96 h 440"/>
                <a:gd name="T32" fmla="*/ 510 w 776"/>
                <a:gd name="T33" fmla="*/ 66 h 440"/>
                <a:gd name="T34" fmla="*/ 524 w 776"/>
                <a:gd name="T35" fmla="*/ 55 h 440"/>
                <a:gd name="T36" fmla="*/ 500 w 776"/>
                <a:gd name="T37" fmla="*/ 29 h 440"/>
                <a:gd name="T38" fmla="*/ 481 w 776"/>
                <a:gd name="T39" fmla="*/ 14 h 440"/>
                <a:gd name="T40" fmla="*/ 469 w 776"/>
                <a:gd name="T41" fmla="*/ 4 h 440"/>
                <a:gd name="T42" fmla="*/ 461 w 776"/>
                <a:gd name="T43" fmla="*/ 10 h 440"/>
                <a:gd name="T44" fmla="*/ 442 w 776"/>
                <a:gd name="T45" fmla="*/ 19 h 440"/>
                <a:gd name="T46" fmla="*/ 415 w 776"/>
                <a:gd name="T47" fmla="*/ 4 h 440"/>
                <a:gd name="T48" fmla="*/ 401 w 776"/>
                <a:gd name="T49" fmla="*/ 41 h 440"/>
                <a:gd name="T50" fmla="*/ 388 w 776"/>
                <a:gd name="T51" fmla="*/ 57 h 440"/>
                <a:gd name="T52" fmla="*/ 381 w 776"/>
                <a:gd name="T53" fmla="*/ 74 h 440"/>
                <a:gd name="T54" fmla="*/ 368 w 776"/>
                <a:gd name="T55" fmla="*/ 71 h 440"/>
                <a:gd name="T56" fmla="*/ 358 w 776"/>
                <a:gd name="T57" fmla="*/ 93 h 440"/>
                <a:gd name="T58" fmla="*/ 355 w 776"/>
                <a:gd name="T59" fmla="*/ 105 h 440"/>
                <a:gd name="T60" fmla="*/ 345 w 776"/>
                <a:gd name="T61" fmla="*/ 125 h 440"/>
                <a:gd name="T62" fmla="*/ 320 w 776"/>
                <a:gd name="T63" fmla="*/ 113 h 440"/>
                <a:gd name="T64" fmla="*/ 315 w 776"/>
                <a:gd name="T65" fmla="*/ 137 h 440"/>
                <a:gd name="T66" fmla="*/ 311 w 776"/>
                <a:gd name="T67" fmla="*/ 150 h 440"/>
                <a:gd name="T68" fmla="*/ 306 w 776"/>
                <a:gd name="T69" fmla="*/ 159 h 440"/>
                <a:gd name="T70" fmla="*/ 300 w 776"/>
                <a:gd name="T71" fmla="*/ 182 h 440"/>
                <a:gd name="T72" fmla="*/ 284 w 776"/>
                <a:gd name="T73" fmla="*/ 213 h 440"/>
                <a:gd name="T74" fmla="*/ 284 w 776"/>
                <a:gd name="T75" fmla="*/ 224 h 440"/>
                <a:gd name="T76" fmla="*/ 271 w 776"/>
                <a:gd name="T77" fmla="*/ 253 h 440"/>
                <a:gd name="T78" fmla="*/ 254 w 776"/>
                <a:gd name="T79" fmla="*/ 253 h 440"/>
                <a:gd name="T80" fmla="*/ 237 w 776"/>
                <a:gd name="T81" fmla="*/ 257 h 440"/>
                <a:gd name="T82" fmla="*/ 234 w 776"/>
                <a:gd name="T83" fmla="*/ 268 h 440"/>
                <a:gd name="T84" fmla="*/ 226 w 776"/>
                <a:gd name="T85" fmla="*/ 271 h 440"/>
                <a:gd name="T86" fmla="*/ 205 w 776"/>
                <a:gd name="T87" fmla="*/ 276 h 440"/>
                <a:gd name="T88" fmla="*/ 192 w 776"/>
                <a:gd name="T89" fmla="*/ 280 h 440"/>
                <a:gd name="T90" fmla="*/ 165 w 776"/>
                <a:gd name="T91" fmla="*/ 285 h 440"/>
                <a:gd name="T92" fmla="*/ 142 w 776"/>
                <a:gd name="T93" fmla="*/ 267 h 440"/>
                <a:gd name="T94" fmla="*/ 126 w 776"/>
                <a:gd name="T95" fmla="*/ 282 h 440"/>
                <a:gd name="T96" fmla="*/ 128 w 776"/>
                <a:gd name="T97" fmla="*/ 278 h 440"/>
                <a:gd name="T98" fmla="*/ 99 w 776"/>
                <a:gd name="T99" fmla="*/ 302 h 440"/>
                <a:gd name="T100" fmla="*/ 84 w 776"/>
                <a:gd name="T101" fmla="*/ 326 h 440"/>
                <a:gd name="T102" fmla="*/ 75 w 776"/>
                <a:gd name="T103" fmla="*/ 339 h 440"/>
                <a:gd name="T104" fmla="*/ 70 w 776"/>
                <a:gd name="T105" fmla="*/ 347 h 440"/>
                <a:gd name="T106" fmla="*/ 50 w 776"/>
                <a:gd name="T107" fmla="*/ 358 h 440"/>
                <a:gd name="T108" fmla="*/ 48 w 776"/>
                <a:gd name="T109" fmla="*/ 364 h 440"/>
                <a:gd name="T110" fmla="*/ 22 w 776"/>
                <a:gd name="T111" fmla="*/ 375 h 440"/>
                <a:gd name="T112" fmla="*/ 0 w 776"/>
                <a:gd name="T113" fmla="*/ 384 h 440"/>
                <a:gd name="T114" fmla="*/ 182 w 776"/>
                <a:gd name="T115" fmla="*/ 358 h 440"/>
                <a:gd name="T116" fmla="*/ 218 w 776"/>
                <a:gd name="T117" fmla="*/ 356 h 440"/>
                <a:gd name="T118" fmla="*/ 284 w 776"/>
                <a:gd name="T119" fmla="*/ 349 h 440"/>
                <a:gd name="T120" fmla="*/ 384 w 776"/>
                <a:gd name="T121" fmla="*/ 334 h 440"/>
                <a:gd name="T122" fmla="*/ 506 w 776"/>
                <a:gd name="T123" fmla="*/ 309 h 440"/>
                <a:gd name="T124" fmla="*/ 654 w 776"/>
                <a:gd name="T125" fmla="*/ 271 h 440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  <a:gd name="T189" fmla="*/ 0 w 776"/>
                <a:gd name="T190" fmla="*/ 0 h 440"/>
                <a:gd name="T191" fmla="*/ 776 w 776"/>
                <a:gd name="T192" fmla="*/ 440 h 440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T189" t="T190" r="T191" b="T192"/>
              <a:pathLst>
                <a:path w="776" h="440">
                  <a:moveTo>
                    <a:pt x="761" y="310"/>
                  </a:moveTo>
                  <a:lnTo>
                    <a:pt x="763" y="310"/>
                  </a:lnTo>
                  <a:lnTo>
                    <a:pt x="765" y="312"/>
                  </a:lnTo>
                  <a:lnTo>
                    <a:pt x="766" y="312"/>
                  </a:lnTo>
                  <a:lnTo>
                    <a:pt x="766" y="310"/>
                  </a:lnTo>
                  <a:lnTo>
                    <a:pt x="763" y="298"/>
                  </a:lnTo>
                  <a:lnTo>
                    <a:pt x="763" y="293"/>
                  </a:lnTo>
                  <a:lnTo>
                    <a:pt x="765" y="295"/>
                  </a:lnTo>
                  <a:lnTo>
                    <a:pt x="768" y="298"/>
                  </a:lnTo>
                  <a:lnTo>
                    <a:pt x="770" y="305"/>
                  </a:lnTo>
                  <a:lnTo>
                    <a:pt x="773" y="308"/>
                  </a:lnTo>
                  <a:lnTo>
                    <a:pt x="773" y="310"/>
                  </a:lnTo>
                  <a:lnTo>
                    <a:pt x="776" y="305"/>
                  </a:lnTo>
                  <a:lnTo>
                    <a:pt x="758" y="264"/>
                  </a:lnTo>
                  <a:lnTo>
                    <a:pt x="749" y="263"/>
                  </a:lnTo>
                  <a:lnTo>
                    <a:pt x="743" y="268"/>
                  </a:lnTo>
                  <a:lnTo>
                    <a:pt x="741" y="268"/>
                  </a:lnTo>
                  <a:lnTo>
                    <a:pt x="739" y="268"/>
                  </a:lnTo>
                  <a:lnTo>
                    <a:pt x="736" y="268"/>
                  </a:lnTo>
                  <a:lnTo>
                    <a:pt x="734" y="268"/>
                  </a:lnTo>
                  <a:lnTo>
                    <a:pt x="729" y="264"/>
                  </a:lnTo>
                  <a:lnTo>
                    <a:pt x="726" y="263"/>
                  </a:lnTo>
                  <a:lnTo>
                    <a:pt x="724" y="264"/>
                  </a:lnTo>
                  <a:lnTo>
                    <a:pt x="722" y="266"/>
                  </a:lnTo>
                  <a:lnTo>
                    <a:pt x="722" y="268"/>
                  </a:lnTo>
                  <a:lnTo>
                    <a:pt x="722" y="269"/>
                  </a:lnTo>
                  <a:lnTo>
                    <a:pt x="722" y="271"/>
                  </a:lnTo>
                  <a:lnTo>
                    <a:pt x="722" y="273"/>
                  </a:lnTo>
                  <a:lnTo>
                    <a:pt x="726" y="276"/>
                  </a:lnTo>
                  <a:lnTo>
                    <a:pt x="727" y="280"/>
                  </a:lnTo>
                  <a:lnTo>
                    <a:pt x="726" y="280"/>
                  </a:lnTo>
                  <a:lnTo>
                    <a:pt x="724" y="280"/>
                  </a:lnTo>
                  <a:lnTo>
                    <a:pt x="722" y="280"/>
                  </a:lnTo>
                  <a:lnTo>
                    <a:pt x="719" y="278"/>
                  </a:lnTo>
                  <a:lnTo>
                    <a:pt x="717" y="278"/>
                  </a:lnTo>
                  <a:lnTo>
                    <a:pt x="717" y="276"/>
                  </a:lnTo>
                  <a:lnTo>
                    <a:pt x="707" y="276"/>
                  </a:lnTo>
                  <a:lnTo>
                    <a:pt x="700" y="269"/>
                  </a:lnTo>
                  <a:lnTo>
                    <a:pt x="692" y="266"/>
                  </a:lnTo>
                  <a:lnTo>
                    <a:pt x="682" y="251"/>
                  </a:lnTo>
                  <a:lnTo>
                    <a:pt x="663" y="249"/>
                  </a:lnTo>
                  <a:lnTo>
                    <a:pt x="651" y="247"/>
                  </a:lnTo>
                  <a:lnTo>
                    <a:pt x="633" y="241"/>
                  </a:lnTo>
                  <a:lnTo>
                    <a:pt x="648" y="239"/>
                  </a:lnTo>
                  <a:lnTo>
                    <a:pt x="685" y="244"/>
                  </a:lnTo>
                  <a:lnTo>
                    <a:pt x="710" y="266"/>
                  </a:lnTo>
                  <a:lnTo>
                    <a:pt x="722" y="252"/>
                  </a:lnTo>
                  <a:lnTo>
                    <a:pt x="704" y="239"/>
                  </a:lnTo>
                  <a:lnTo>
                    <a:pt x="683" y="230"/>
                  </a:lnTo>
                  <a:lnTo>
                    <a:pt x="663" y="212"/>
                  </a:lnTo>
                  <a:lnTo>
                    <a:pt x="670" y="214"/>
                  </a:lnTo>
                  <a:lnTo>
                    <a:pt x="690" y="229"/>
                  </a:lnTo>
                  <a:lnTo>
                    <a:pt x="700" y="234"/>
                  </a:lnTo>
                  <a:lnTo>
                    <a:pt x="707" y="229"/>
                  </a:lnTo>
                  <a:lnTo>
                    <a:pt x="699" y="222"/>
                  </a:lnTo>
                  <a:lnTo>
                    <a:pt x="699" y="212"/>
                  </a:lnTo>
                  <a:lnTo>
                    <a:pt x="716" y="220"/>
                  </a:lnTo>
                  <a:lnTo>
                    <a:pt x="716" y="207"/>
                  </a:lnTo>
                  <a:lnTo>
                    <a:pt x="704" y="198"/>
                  </a:lnTo>
                  <a:lnTo>
                    <a:pt x="700" y="190"/>
                  </a:lnTo>
                  <a:lnTo>
                    <a:pt x="682" y="188"/>
                  </a:lnTo>
                  <a:lnTo>
                    <a:pt x="656" y="170"/>
                  </a:lnTo>
                  <a:lnTo>
                    <a:pt x="639" y="151"/>
                  </a:lnTo>
                  <a:lnTo>
                    <a:pt x="661" y="168"/>
                  </a:lnTo>
                  <a:lnTo>
                    <a:pt x="683" y="183"/>
                  </a:lnTo>
                  <a:lnTo>
                    <a:pt x="700" y="185"/>
                  </a:lnTo>
                  <a:lnTo>
                    <a:pt x="700" y="163"/>
                  </a:lnTo>
                  <a:lnTo>
                    <a:pt x="707" y="154"/>
                  </a:lnTo>
                  <a:lnTo>
                    <a:pt x="707" y="149"/>
                  </a:lnTo>
                  <a:lnTo>
                    <a:pt x="700" y="149"/>
                  </a:lnTo>
                  <a:lnTo>
                    <a:pt x="692" y="146"/>
                  </a:lnTo>
                  <a:lnTo>
                    <a:pt x="685" y="142"/>
                  </a:lnTo>
                  <a:lnTo>
                    <a:pt x="677" y="139"/>
                  </a:lnTo>
                  <a:lnTo>
                    <a:pt x="672" y="134"/>
                  </a:lnTo>
                  <a:lnTo>
                    <a:pt x="665" y="131"/>
                  </a:lnTo>
                  <a:lnTo>
                    <a:pt x="661" y="129"/>
                  </a:lnTo>
                  <a:lnTo>
                    <a:pt x="660" y="127"/>
                  </a:lnTo>
                  <a:lnTo>
                    <a:pt x="648" y="127"/>
                  </a:lnTo>
                  <a:lnTo>
                    <a:pt x="638" y="124"/>
                  </a:lnTo>
                  <a:lnTo>
                    <a:pt x="629" y="122"/>
                  </a:lnTo>
                  <a:lnTo>
                    <a:pt x="624" y="119"/>
                  </a:lnTo>
                  <a:lnTo>
                    <a:pt x="621" y="115"/>
                  </a:lnTo>
                  <a:lnTo>
                    <a:pt x="619" y="112"/>
                  </a:lnTo>
                  <a:lnTo>
                    <a:pt x="617" y="110"/>
                  </a:lnTo>
                  <a:lnTo>
                    <a:pt x="614" y="110"/>
                  </a:lnTo>
                  <a:lnTo>
                    <a:pt x="611" y="112"/>
                  </a:lnTo>
                  <a:lnTo>
                    <a:pt x="607" y="112"/>
                  </a:lnTo>
                  <a:lnTo>
                    <a:pt x="604" y="114"/>
                  </a:lnTo>
                  <a:lnTo>
                    <a:pt x="600" y="114"/>
                  </a:lnTo>
                  <a:lnTo>
                    <a:pt x="597" y="115"/>
                  </a:lnTo>
                  <a:lnTo>
                    <a:pt x="592" y="114"/>
                  </a:lnTo>
                  <a:lnTo>
                    <a:pt x="590" y="110"/>
                  </a:lnTo>
                  <a:lnTo>
                    <a:pt x="589" y="104"/>
                  </a:lnTo>
                  <a:lnTo>
                    <a:pt x="589" y="98"/>
                  </a:lnTo>
                  <a:lnTo>
                    <a:pt x="589" y="92"/>
                  </a:lnTo>
                  <a:lnTo>
                    <a:pt x="589" y="87"/>
                  </a:lnTo>
                  <a:lnTo>
                    <a:pt x="590" y="82"/>
                  </a:lnTo>
                  <a:lnTo>
                    <a:pt x="590" y="80"/>
                  </a:lnTo>
                  <a:lnTo>
                    <a:pt x="592" y="80"/>
                  </a:lnTo>
                  <a:lnTo>
                    <a:pt x="594" y="78"/>
                  </a:lnTo>
                  <a:lnTo>
                    <a:pt x="597" y="76"/>
                  </a:lnTo>
                  <a:lnTo>
                    <a:pt x="599" y="75"/>
                  </a:lnTo>
                  <a:lnTo>
                    <a:pt x="606" y="65"/>
                  </a:lnTo>
                  <a:lnTo>
                    <a:pt x="607" y="56"/>
                  </a:lnTo>
                  <a:lnTo>
                    <a:pt x="606" y="48"/>
                  </a:lnTo>
                  <a:lnTo>
                    <a:pt x="600" y="41"/>
                  </a:lnTo>
                  <a:lnTo>
                    <a:pt x="594" y="36"/>
                  </a:lnTo>
                  <a:lnTo>
                    <a:pt x="587" y="32"/>
                  </a:lnTo>
                  <a:lnTo>
                    <a:pt x="582" y="31"/>
                  </a:lnTo>
                  <a:lnTo>
                    <a:pt x="578" y="29"/>
                  </a:lnTo>
                  <a:lnTo>
                    <a:pt x="567" y="29"/>
                  </a:lnTo>
                  <a:lnTo>
                    <a:pt x="560" y="26"/>
                  </a:lnTo>
                  <a:lnTo>
                    <a:pt x="555" y="24"/>
                  </a:lnTo>
                  <a:lnTo>
                    <a:pt x="555" y="19"/>
                  </a:lnTo>
                  <a:lnTo>
                    <a:pt x="555" y="16"/>
                  </a:lnTo>
                  <a:lnTo>
                    <a:pt x="555" y="14"/>
                  </a:lnTo>
                  <a:lnTo>
                    <a:pt x="556" y="10"/>
                  </a:lnTo>
                  <a:lnTo>
                    <a:pt x="556" y="9"/>
                  </a:lnTo>
                  <a:lnTo>
                    <a:pt x="553" y="5"/>
                  </a:lnTo>
                  <a:lnTo>
                    <a:pt x="550" y="2"/>
                  </a:lnTo>
                  <a:lnTo>
                    <a:pt x="545" y="2"/>
                  </a:lnTo>
                  <a:lnTo>
                    <a:pt x="541" y="4"/>
                  </a:lnTo>
                  <a:lnTo>
                    <a:pt x="536" y="5"/>
                  </a:lnTo>
                  <a:lnTo>
                    <a:pt x="533" y="5"/>
                  </a:lnTo>
                  <a:lnTo>
                    <a:pt x="531" y="7"/>
                  </a:lnTo>
                  <a:lnTo>
                    <a:pt x="529" y="9"/>
                  </a:lnTo>
                  <a:lnTo>
                    <a:pt x="531" y="9"/>
                  </a:lnTo>
                  <a:lnTo>
                    <a:pt x="531" y="10"/>
                  </a:lnTo>
                  <a:lnTo>
                    <a:pt x="531" y="14"/>
                  </a:lnTo>
                  <a:lnTo>
                    <a:pt x="531" y="17"/>
                  </a:lnTo>
                  <a:lnTo>
                    <a:pt x="529" y="19"/>
                  </a:lnTo>
                  <a:lnTo>
                    <a:pt x="526" y="21"/>
                  </a:lnTo>
                  <a:lnTo>
                    <a:pt x="521" y="22"/>
                  </a:lnTo>
                  <a:lnTo>
                    <a:pt x="512" y="19"/>
                  </a:lnTo>
                  <a:lnTo>
                    <a:pt x="499" y="14"/>
                  </a:lnTo>
                  <a:lnTo>
                    <a:pt x="497" y="12"/>
                  </a:lnTo>
                  <a:lnTo>
                    <a:pt x="494" y="10"/>
                  </a:lnTo>
                  <a:lnTo>
                    <a:pt x="489" y="9"/>
                  </a:lnTo>
                  <a:lnTo>
                    <a:pt x="484" y="7"/>
                  </a:lnTo>
                  <a:lnTo>
                    <a:pt x="480" y="4"/>
                  </a:lnTo>
                  <a:lnTo>
                    <a:pt x="475" y="2"/>
                  </a:lnTo>
                  <a:lnTo>
                    <a:pt x="472" y="0"/>
                  </a:lnTo>
                  <a:lnTo>
                    <a:pt x="468" y="34"/>
                  </a:lnTo>
                  <a:lnTo>
                    <a:pt x="463" y="39"/>
                  </a:lnTo>
                  <a:lnTo>
                    <a:pt x="463" y="41"/>
                  </a:lnTo>
                  <a:lnTo>
                    <a:pt x="462" y="46"/>
                  </a:lnTo>
                  <a:lnTo>
                    <a:pt x="460" y="51"/>
                  </a:lnTo>
                  <a:lnTo>
                    <a:pt x="457" y="58"/>
                  </a:lnTo>
                  <a:lnTo>
                    <a:pt x="453" y="65"/>
                  </a:lnTo>
                  <a:lnTo>
                    <a:pt x="450" y="68"/>
                  </a:lnTo>
                  <a:lnTo>
                    <a:pt x="446" y="71"/>
                  </a:lnTo>
                  <a:lnTo>
                    <a:pt x="443" y="70"/>
                  </a:lnTo>
                  <a:lnTo>
                    <a:pt x="443" y="71"/>
                  </a:lnTo>
                  <a:lnTo>
                    <a:pt x="443" y="75"/>
                  </a:lnTo>
                  <a:lnTo>
                    <a:pt x="441" y="78"/>
                  </a:lnTo>
                  <a:lnTo>
                    <a:pt x="440" y="83"/>
                  </a:lnTo>
                  <a:lnTo>
                    <a:pt x="438" y="88"/>
                  </a:lnTo>
                  <a:lnTo>
                    <a:pt x="435" y="92"/>
                  </a:lnTo>
                  <a:lnTo>
                    <a:pt x="433" y="92"/>
                  </a:lnTo>
                  <a:lnTo>
                    <a:pt x="430" y="88"/>
                  </a:lnTo>
                  <a:lnTo>
                    <a:pt x="428" y="88"/>
                  </a:lnTo>
                  <a:lnTo>
                    <a:pt x="426" y="87"/>
                  </a:lnTo>
                  <a:lnTo>
                    <a:pt x="424" y="85"/>
                  </a:lnTo>
                  <a:lnTo>
                    <a:pt x="421" y="85"/>
                  </a:lnTo>
                  <a:lnTo>
                    <a:pt x="419" y="87"/>
                  </a:lnTo>
                  <a:lnTo>
                    <a:pt x="416" y="88"/>
                  </a:lnTo>
                  <a:lnTo>
                    <a:pt x="414" y="95"/>
                  </a:lnTo>
                  <a:lnTo>
                    <a:pt x="414" y="105"/>
                  </a:lnTo>
                  <a:lnTo>
                    <a:pt x="414" y="107"/>
                  </a:lnTo>
                  <a:lnTo>
                    <a:pt x="414" y="109"/>
                  </a:lnTo>
                  <a:lnTo>
                    <a:pt x="413" y="112"/>
                  </a:lnTo>
                  <a:lnTo>
                    <a:pt x="413" y="114"/>
                  </a:lnTo>
                  <a:lnTo>
                    <a:pt x="411" y="115"/>
                  </a:lnTo>
                  <a:lnTo>
                    <a:pt x="411" y="117"/>
                  </a:lnTo>
                  <a:lnTo>
                    <a:pt x="411" y="119"/>
                  </a:lnTo>
                  <a:lnTo>
                    <a:pt x="411" y="120"/>
                  </a:lnTo>
                  <a:lnTo>
                    <a:pt x="409" y="124"/>
                  </a:lnTo>
                  <a:lnTo>
                    <a:pt x="408" y="131"/>
                  </a:lnTo>
                  <a:lnTo>
                    <a:pt x="406" y="136"/>
                  </a:lnTo>
                  <a:lnTo>
                    <a:pt x="401" y="139"/>
                  </a:lnTo>
                  <a:lnTo>
                    <a:pt x="396" y="141"/>
                  </a:lnTo>
                  <a:lnTo>
                    <a:pt x="389" y="139"/>
                  </a:lnTo>
                  <a:lnTo>
                    <a:pt x="379" y="132"/>
                  </a:lnTo>
                  <a:lnTo>
                    <a:pt x="377" y="131"/>
                  </a:lnTo>
                  <a:lnTo>
                    <a:pt x="374" y="129"/>
                  </a:lnTo>
                  <a:lnTo>
                    <a:pt x="370" y="127"/>
                  </a:lnTo>
                  <a:lnTo>
                    <a:pt x="367" y="127"/>
                  </a:lnTo>
                  <a:lnTo>
                    <a:pt x="364" y="129"/>
                  </a:lnTo>
                  <a:lnTo>
                    <a:pt x="362" y="132"/>
                  </a:lnTo>
                  <a:lnTo>
                    <a:pt x="362" y="139"/>
                  </a:lnTo>
                  <a:lnTo>
                    <a:pt x="364" y="149"/>
                  </a:lnTo>
                  <a:lnTo>
                    <a:pt x="364" y="151"/>
                  </a:lnTo>
                  <a:lnTo>
                    <a:pt x="364" y="154"/>
                  </a:lnTo>
                  <a:lnTo>
                    <a:pt x="362" y="156"/>
                  </a:lnTo>
                  <a:lnTo>
                    <a:pt x="360" y="158"/>
                  </a:lnTo>
                  <a:lnTo>
                    <a:pt x="360" y="161"/>
                  </a:lnTo>
                  <a:lnTo>
                    <a:pt x="358" y="163"/>
                  </a:lnTo>
                  <a:lnTo>
                    <a:pt x="358" y="164"/>
                  </a:lnTo>
                  <a:lnTo>
                    <a:pt x="357" y="164"/>
                  </a:lnTo>
                  <a:lnTo>
                    <a:pt x="355" y="176"/>
                  </a:lnTo>
                  <a:lnTo>
                    <a:pt x="353" y="178"/>
                  </a:lnTo>
                  <a:lnTo>
                    <a:pt x="352" y="180"/>
                  </a:lnTo>
                  <a:lnTo>
                    <a:pt x="352" y="181"/>
                  </a:lnTo>
                  <a:lnTo>
                    <a:pt x="350" y="185"/>
                  </a:lnTo>
                  <a:lnTo>
                    <a:pt x="348" y="190"/>
                  </a:lnTo>
                  <a:lnTo>
                    <a:pt x="347" y="197"/>
                  </a:lnTo>
                  <a:lnTo>
                    <a:pt x="347" y="203"/>
                  </a:lnTo>
                  <a:lnTo>
                    <a:pt x="347" y="207"/>
                  </a:lnTo>
                  <a:lnTo>
                    <a:pt x="343" y="210"/>
                  </a:lnTo>
                  <a:lnTo>
                    <a:pt x="340" y="215"/>
                  </a:lnTo>
                  <a:lnTo>
                    <a:pt x="336" y="220"/>
                  </a:lnTo>
                  <a:lnTo>
                    <a:pt x="333" y="225"/>
                  </a:lnTo>
                  <a:lnTo>
                    <a:pt x="330" y="230"/>
                  </a:lnTo>
                  <a:lnTo>
                    <a:pt x="328" y="236"/>
                  </a:lnTo>
                  <a:lnTo>
                    <a:pt x="326" y="241"/>
                  </a:lnTo>
                  <a:lnTo>
                    <a:pt x="326" y="242"/>
                  </a:lnTo>
                  <a:lnTo>
                    <a:pt x="326" y="244"/>
                  </a:lnTo>
                  <a:lnTo>
                    <a:pt x="326" y="246"/>
                  </a:lnTo>
                  <a:lnTo>
                    <a:pt x="326" y="249"/>
                  </a:lnTo>
                  <a:lnTo>
                    <a:pt x="326" y="251"/>
                  </a:lnTo>
                  <a:lnTo>
                    <a:pt x="326" y="252"/>
                  </a:lnTo>
                  <a:lnTo>
                    <a:pt x="326" y="254"/>
                  </a:lnTo>
                  <a:lnTo>
                    <a:pt x="331" y="258"/>
                  </a:lnTo>
                  <a:lnTo>
                    <a:pt x="325" y="266"/>
                  </a:lnTo>
                  <a:lnTo>
                    <a:pt x="330" y="273"/>
                  </a:lnTo>
                  <a:lnTo>
                    <a:pt x="313" y="285"/>
                  </a:lnTo>
                  <a:lnTo>
                    <a:pt x="311" y="285"/>
                  </a:lnTo>
                  <a:lnTo>
                    <a:pt x="308" y="283"/>
                  </a:lnTo>
                  <a:lnTo>
                    <a:pt x="304" y="283"/>
                  </a:lnTo>
                  <a:lnTo>
                    <a:pt x="299" y="283"/>
                  </a:lnTo>
                  <a:lnTo>
                    <a:pt x="296" y="285"/>
                  </a:lnTo>
                  <a:lnTo>
                    <a:pt x="291" y="290"/>
                  </a:lnTo>
                  <a:lnTo>
                    <a:pt x="289" y="296"/>
                  </a:lnTo>
                  <a:lnTo>
                    <a:pt x="287" y="295"/>
                  </a:lnTo>
                  <a:lnTo>
                    <a:pt x="286" y="293"/>
                  </a:lnTo>
                  <a:lnTo>
                    <a:pt x="282" y="293"/>
                  </a:lnTo>
                  <a:lnTo>
                    <a:pt x="277" y="291"/>
                  </a:lnTo>
                  <a:lnTo>
                    <a:pt x="274" y="291"/>
                  </a:lnTo>
                  <a:lnTo>
                    <a:pt x="272" y="293"/>
                  </a:lnTo>
                  <a:lnTo>
                    <a:pt x="272" y="296"/>
                  </a:lnTo>
                  <a:lnTo>
                    <a:pt x="274" y="303"/>
                  </a:lnTo>
                  <a:lnTo>
                    <a:pt x="274" y="305"/>
                  </a:lnTo>
                  <a:lnTo>
                    <a:pt x="272" y="307"/>
                  </a:lnTo>
                  <a:lnTo>
                    <a:pt x="270" y="307"/>
                  </a:lnTo>
                  <a:lnTo>
                    <a:pt x="267" y="308"/>
                  </a:lnTo>
                  <a:lnTo>
                    <a:pt x="264" y="310"/>
                  </a:lnTo>
                  <a:lnTo>
                    <a:pt x="262" y="312"/>
                  </a:lnTo>
                  <a:lnTo>
                    <a:pt x="260" y="312"/>
                  </a:lnTo>
                  <a:lnTo>
                    <a:pt x="259" y="313"/>
                  </a:lnTo>
                  <a:lnTo>
                    <a:pt x="255" y="315"/>
                  </a:lnTo>
                  <a:lnTo>
                    <a:pt x="250" y="317"/>
                  </a:lnTo>
                  <a:lnTo>
                    <a:pt x="243" y="318"/>
                  </a:lnTo>
                  <a:lnTo>
                    <a:pt x="238" y="318"/>
                  </a:lnTo>
                  <a:lnTo>
                    <a:pt x="233" y="318"/>
                  </a:lnTo>
                  <a:lnTo>
                    <a:pt x="230" y="317"/>
                  </a:lnTo>
                  <a:lnTo>
                    <a:pt x="228" y="312"/>
                  </a:lnTo>
                  <a:lnTo>
                    <a:pt x="226" y="315"/>
                  </a:lnTo>
                  <a:lnTo>
                    <a:pt x="223" y="318"/>
                  </a:lnTo>
                  <a:lnTo>
                    <a:pt x="220" y="322"/>
                  </a:lnTo>
                  <a:lnTo>
                    <a:pt x="215" y="327"/>
                  </a:lnTo>
                  <a:lnTo>
                    <a:pt x="210" y="329"/>
                  </a:lnTo>
                  <a:lnTo>
                    <a:pt x="204" y="329"/>
                  </a:lnTo>
                  <a:lnTo>
                    <a:pt x="198" y="327"/>
                  </a:lnTo>
                  <a:lnTo>
                    <a:pt x="196" y="327"/>
                  </a:lnTo>
                  <a:lnTo>
                    <a:pt x="193" y="327"/>
                  </a:lnTo>
                  <a:lnTo>
                    <a:pt x="189" y="325"/>
                  </a:lnTo>
                  <a:lnTo>
                    <a:pt x="186" y="324"/>
                  </a:lnTo>
                  <a:lnTo>
                    <a:pt x="181" y="322"/>
                  </a:lnTo>
                  <a:lnTo>
                    <a:pt x="176" y="317"/>
                  </a:lnTo>
                  <a:lnTo>
                    <a:pt x="171" y="312"/>
                  </a:lnTo>
                  <a:lnTo>
                    <a:pt x="167" y="305"/>
                  </a:lnTo>
                  <a:lnTo>
                    <a:pt x="166" y="302"/>
                  </a:lnTo>
                  <a:lnTo>
                    <a:pt x="166" y="298"/>
                  </a:lnTo>
                  <a:lnTo>
                    <a:pt x="166" y="295"/>
                  </a:lnTo>
                  <a:lnTo>
                    <a:pt x="164" y="293"/>
                  </a:lnTo>
                  <a:lnTo>
                    <a:pt x="140" y="325"/>
                  </a:lnTo>
                  <a:lnTo>
                    <a:pt x="140" y="324"/>
                  </a:lnTo>
                  <a:lnTo>
                    <a:pt x="142" y="324"/>
                  </a:lnTo>
                  <a:lnTo>
                    <a:pt x="142" y="322"/>
                  </a:lnTo>
                  <a:lnTo>
                    <a:pt x="144" y="320"/>
                  </a:lnTo>
                  <a:lnTo>
                    <a:pt x="145" y="318"/>
                  </a:lnTo>
                  <a:lnTo>
                    <a:pt x="144" y="318"/>
                  </a:lnTo>
                  <a:lnTo>
                    <a:pt x="142" y="320"/>
                  </a:lnTo>
                  <a:lnTo>
                    <a:pt x="140" y="325"/>
                  </a:lnTo>
                  <a:lnTo>
                    <a:pt x="135" y="330"/>
                  </a:lnTo>
                  <a:lnTo>
                    <a:pt x="130" y="334"/>
                  </a:lnTo>
                  <a:lnTo>
                    <a:pt x="125" y="337"/>
                  </a:lnTo>
                  <a:lnTo>
                    <a:pt x="118" y="340"/>
                  </a:lnTo>
                  <a:lnTo>
                    <a:pt x="113" y="344"/>
                  </a:lnTo>
                  <a:lnTo>
                    <a:pt x="108" y="347"/>
                  </a:lnTo>
                  <a:lnTo>
                    <a:pt x="105" y="351"/>
                  </a:lnTo>
                  <a:lnTo>
                    <a:pt x="103" y="357"/>
                  </a:lnTo>
                  <a:lnTo>
                    <a:pt x="101" y="361"/>
                  </a:lnTo>
                  <a:lnTo>
                    <a:pt x="100" y="364"/>
                  </a:lnTo>
                  <a:lnTo>
                    <a:pt x="98" y="368"/>
                  </a:lnTo>
                  <a:lnTo>
                    <a:pt x="96" y="371"/>
                  </a:lnTo>
                  <a:lnTo>
                    <a:pt x="94" y="373"/>
                  </a:lnTo>
                  <a:lnTo>
                    <a:pt x="93" y="374"/>
                  </a:lnTo>
                  <a:lnTo>
                    <a:pt x="91" y="376"/>
                  </a:lnTo>
                  <a:lnTo>
                    <a:pt x="89" y="379"/>
                  </a:lnTo>
                  <a:lnTo>
                    <a:pt x="89" y="381"/>
                  </a:lnTo>
                  <a:lnTo>
                    <a:pt x="88" y="383"/>
                  </a:lnTo>
                  <a:lnTo>
                    <a:pt x="88" y="384"/>
                  </a:lnTo>
                  <a:lnTo>
                    <a:pt x="88" y="388"/>
                  </a:lnTo>
                  <a:lnTo>
                    <a:pt x="86" y="388"/>
                  </a:lnTo>
                  <a:lnTo>
                    <a:pt x="84" y="390"/>
                  </a:lnTo>
                  <a:lnTo>
                    <a:pt x="84" y="391"/>
                  </a:lnTo>
                  <a:lnTo>
                    <a:pt x="81" y="391"/>
                  </a:lnTo>
                  <a:lnTo>
                    <a:pt x="76" y="395"/>
                  </a:lnTo>
                  <a:lnTo>
                    <a:pt x="71" y="396"/>
                  </a:lnTo>
                  <a:lnTo>
                    <a:pt x="67" y="400"/>
                  </a:lnTo>
                  <a:lnTo>
                    <a:pt x="66" y="401"/>
                  </a:lnTo>
                  <a:lnTo>
                    <a:pt x="64" y="405"/>
                  </a:lnTo>
                  <a:lnTo>
                    <a:pt x="62" y="406"/>
                  </a:lnTo>
                  <a:lnTo>
                    <a:pt x="62" y="408"/>
                  </a:lnTo>
                  <a:lnTo>
                    <a:pt x="61" y="410"/>
                  </a:lnTo>
                  <a:lnTo>
                    <a:pt x="59" y="410"/>
                  </a:lnTo>
                  <a:lnTo>
                    <a:pt x="56" y="412"/>
                  </a:lnTo>
                  <a:lnTo>
                    <a:pt x="52" y="413"/>
                  </a:lnTo>
                  <a:lnTo>
                    <a:pt x="47" y="417"/>
                  </a:lnTo>
                  <a:lnTo>
                    <a:pt x="42" y="418"/>
                  </a:lnTo>
                  <a:lnTo>
                    <a:pt x="37" y="422"/>
                  </a:lnTo>
                  <a:lnTo>
                    <a:pt x="32" y="423"/>
                  </a:lnTo>
                  <a:lnTo>
                    <a:pt x="27" y="427"/>
                  </a:lnTo>
                  <a:lnTo>
                    <a:pt x="22" y="428"/>
                  </a:lnTo>
                  <a:lnTo>
                    <a:pt x="17" y="432"/>
                  </a:lnTo>
                  <a:lnTo>
                    <a:pt x="12" y="434"/>
                  </a:lnTo>
                  <a:lnTo>
                    <a:pt x="8" y="435"/>
                  </a:lnTo>
                  <a:lnTo>
                    <a:pt x="5" y="437"/>
                  </a:lnTo>
                  <a:lnTo>
                    <a:pt x="1" y="439"/>
                  </a:lnTo>
                  <a:lnTo>
                    <a:pt x="0" y="440"/>
                  </a:lnTo>
                  <a:lnTo>
                    <a:pt x="181" y="413"/>
                  </a:lnTo>
                  <a:lnTo>
                    <a:pt x="193" y="406"/>
                  </a:lnTo>
                  <a:lnTo>
                    <a:pt x="208" y="406"/>
                  </a:lnTo>
                  <a:lnTo>
                    <a:pt x="210" y="406"/>
                  </a:lnTo>
                  <a:lnTo>
                    <a:pt x="213" y="406"/>
                  </a:lnTo>
                  <a:lnTo>
                    <a:pt x="218" y="406"/>
                  </a:lnTo>
                  <a:lnTo>
                    <a:pt x="223" y="405"/>
                  </a:lnTo>
                  <a:lnTo>
                    <a:pt x="230" y="405"/>
                  </a:lnTo>
                  <a:lnTo>
                    <a:pt x="238" y="403"/>
                  </a:lnTo>
                  <a:lnTo>
                    <a:pt x="248" y="403"/>
                  </a:lnTo>
                  <a:lnTo>
                    <a:pt x="259" y="401"/>
                  </a:lnTo>
                  <a:lnTo>
                    <a:pt x="270" y="400"/>
                  </a:lnTo>
                  <a:lnTo>
                    <a:pt x="282" y="398"/>
                  </a:lnTo>
                  <a:lnTo>
                    <a:pt x="296" y="396"/>
                  </a:lnTo>
                  <a:lnTo>
                    <a:pt x="311" y="395"/>
                  </a:lnTo>
                  <a:lnTo>
                    <a:pt x="326" y="393"/>
                  </a:lnTo>
                  <a:lnTo>
                    <a:pt x="343" y="391"/>
                  </a:lnTo>
                  <a:lnTo>
                    <a:pt x="360" y="388"/>
                  </a:lnTo>
                  <a:lnTo>
                    <a:pt x="379" y="386"/>
                  </a:lnTo>
                  <a:lnTo>
                    <a:pt x="399" y="383"/>
                  </a:lnTo>
                  <a:lnTo>
                    <a:pt x="419" y="379"/>
                  </a:lnTo>
                  <a:lnTo>
                    <a:pt x="441" y="376"/>
                  </a:lnTo>
                  <a:lnTo>
                    <a:pt x="463" y="373"/>
                  </a:lnTo>
                  <a:lnTo>
                    <a:pt x="485" y="368"/>
                  </a:lnTo>
                  <a:lnTo>
                    <a:pt x="509" y="364"/>
                  </a:lnTo>
                  <a:lnTo>
                    <a:pt x="534" y="359"/>
                  </a:lnTo>
                  <a:lnTo>
                    <a:pt x="560" y="356"/>
                  </a:lnTo>
                  <a:lnTo>
                    <a:pt x="585" y="351"/>
                  </a:lnTo>
                  <a:lnTo>
                    <a:pt x="612" y="344"/>
                  </a:lnTo>
                  <a:lnTo>
                    <a:pt x="639" y="339"/>
                  </a:lnTo>
                  <a:lnTo>
                    <a:pt x="668" y="332"/>
                  </a:lnTo>
                  <a:lnTo>
                    <a:pt x="697" y="327"/>
                  </a:lnTo>
                  <a:lnTo>
                    <a:pt x="726" y="320"/>
                  </a:lnTo>
                  <a:lnTo>
                    <a:pt x="756" y="312"/>
                  </a:lnTo>
                  <a:lnTo>
                    <a:pt x="761" y="310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29" name="Freeform 56"/>
            <p:cNvSpPr>
              <a:spLocks/>
            </p:cNvSpPr>
            <p:nvPr/>
          </p:nvSpPr>
          <p:spPr bwMode="auto">
            <a:xfrm>
              <a:off x="2028" y="1485"/>
              <a:ext cx="671" cy="471"/>
            </a:xfrm>
            <a:custGeom>
              <a:avLst/>
              <a:gdLst>
                <a:gd name="T0" fmla="*/ 341 w 690"/>
                <a:gd name="T1" fmla="*/ 339 h 476"/>
                <a:gd name="T2" fmla="*/ 355 w 690"/>
                <a:gd name="T3" fmla="*/ 352 h 476"/>
                <a:gd name="T4" fmla="*/ 363 w 690"/>
                <a:gd name="T5" fmla="*/ 361 h 476"/>
                <a:gd name="T6" fmla="*/ 371 w 690"/>
                <a:gd name="T7" fmla="*/ 366 h 476"/>
                <a:gd name="T8" fmla="*/ 377 w 690"/>
                <a:gd name="T9" fmla="*/ 357 h 476"/>
                <a:gd name="T10" fmla="*/ 415 w 690"/>
                <a:gd name="T11" fmla="*/ 354 h 476"/>
                <a:gd name="T12" fmla="*/ 429 w 690"/>
                <a:gd name="T13" fmla="*/ 366 h 476"/>
                <a:gd name="T14" fmla="*/ 435 w 690"/>
                <a:gd name="T15" fmla="*/ 369 h 476"/>
                <a:gd name="T16" fmla="*/ 448 w 690"/>
                <a:gd name="T17" fmla="*/ 377 h 476"/>
                <a:gd name="T18" fmla="*/ 453 w 690"/>
                <a:gd name="T19" fmla="*/ 389 h 476"/>
                <a:gd name="T20" fmla="*/ 456 w 690"/>
                <a:gd name="T21" fmla="*/ 396 h 476"/>
                <a:gd name="T22" fmla="*/ 463 w 690"/>
                <a:gd name="T23" fmla="*/ 404 h 476"/>
                <a:gd name="T24" fmla="*/ 467 w 690"/>
                <a:gd name="T25" fmla="*/ 410 h 476"/>
                <a:gd name="T26" fmla="*/ 462 w 690"/>
                <a:gd name="T27" fmla="*/ 381 h 476"/>
                <a:gd name="T28" fmla="*/ 466 w 690"/>
                <a:gd name="T29" fmla="*/ 315 h 476"/>
                <a:gd name="T30" fmla="*/ 460 w 690"/>
                <a:gd name="T31" fmla="*/ 305 h 476"/>
                <a:gd name="T32" fmla="*/ 458 w 690"/>
                <a:gd name="T33" fmla="*/ 288 h 476"/>
                <a:gd name="T34" fmla="*/ 465 w 690"/>
                <a:gd name="T35" fmla="*/ 86 h 476"/>
                <a:gd name="T36" fmla="*/ 456 w 690"/>
                <a:gd name="T37" fmla="*/ 76 h 476"/>
                <a:gd name="T38" fmla="*/ 448 w 690"/>
                <a:gd name="T39" fmla="*/ 66 h 476"/>
                <a:gd name="T40" fmla="*/ 442 w 690"/>
                <a:gd name="T41" fmla="*/ 59 h 476"/>
                <a:gd name="T42" fmla="*/ 445 w 690"/>
                <a:gd name="T43" fmla="*/ 47 h 476"/>
                <a:gd name="T44" fmla="*/ 449 w 690"/>
                <a:gd name="T45" fmla="*/ 47 h 476"/>
                <a:gd name="T46" fmla="*/ 459 w 690"/>
                <a:gd name="T47" fmla="*/ 26 h 476"/>
                <a:gd name="T48" fmla="*/ 454 w 690"/>
                <a:gd name="T49" fmla="*/ 27 h 476"/>
                <a:gd name="T50" fmla="*/ 433 w 690"/>
                <a:gd name="T51" fmla="*/ 26 h 476"/>
                <a:gd name="T52" fmla="*/ 395 w 690"/>
                <a:gd name="T53" fmla="*/ 24 h 476"/>
                <a:gd name="T54" fmla="*/ 348 w 690"/>
                <a:gd name="T55" fmla="*/ 22 h 476"/>
                <a:gd name="T56" fmla="*/ 292 w 690"/>
                <a:gd name="T57" fmla="*/ 19 h 476"/>
                <a:gd name="T58" fmla="*/ 234 w 690"/>
                <a:gd name="T59" fmla="*/ 17 h 476"/>
                <a:gd name="T60" fmla="*/ 177 w 690"/>
                <a:gd name="T61" fmla="*/ 14 h 476"/>
                <a:gd name="T62" fmla="*/ 122 w 690"/>
                <a:gd name="T63" fmla="*/ 10 h 476"/>
                <a:gd name="T64" fmla="*/ 76 w 690"/>
                <a:gd name="T65" fmla="*/ 7 h 476"/>
                <a:gd name="T66" fmla="*/ 43 w 690"/>
                <a:gd name="T67" fmla="*/ 4 h 476"/>
                <a:gd name="T68" fmla="*/ 18 w 690"/>
                <a:gd name="T69" fmla="*/ 0 h 476"/>
                <a:gd name="T70" fmla="*/ 0 w 690"/>
                <a:gd name="T71" fmla="*/ 315 h 476"/>
                <a:gd name="T72" fmla="*/ 18 w 690"/>
                <a:gd name="T73" fmla="*/ 318 h 476"/>
                <a:gd name="T74" fmla="*/ 45 w 690"/>
                <a:gd name="T75" fmla="*/ 321 h 476"/>
                <a:gd name="T76" fmla="*/ 80 w 690"/>
                <a:gd name="T77" fmla="*/ 321 h 476"/>
                <a:gd name="T78" fmla="*/ 121 w 690"/>
                <a:gd name="T79" fmla="*/ 324 h 476"/>
                <a:gd name="T80" fmla="*/ 165 w 690"/>
                <a:gd name="T81" fmla="*/ 327 h 476"/>
                <a:gd name="T82" fmla="*/ 211 w 690"/>
                <a:gd name="T83" fmla="*/ 329 h 476"/>
                <a:gd name="T84" fmla="*/ 254 w 690"/>
                <a:gd name="T85" fmla="*/ 330 h 476"/>
                <a:gd name="T86" fmla="*/ 289 w 690"/>
                <a:gd name="T87" fmla="*/ 332 h 476"/>
                <a:gd name="T88" fmla="*/ 317 w 690"/>
                <a:gd name="T89" fmla="*/ 334 h 476"/>
                <a:gd name="T90" fmla="*/ 333 w 690"/>
                <a:gd name="T91" fmla="*/ 335 h 47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w 690"/>
                <a:gd name="T139" fmla="*/ 0 h 476"/>
                <a:gd name="T140" fmla="*/ 690 w 690"/>
                <a:gd name="T141" fmla="*/ 476 h 47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T138" t="T139" r="T140" b="T141"/>
              <a:pathLst>
                <a:path w="690" h="476">
                  <a:moveTo>
                    <a:pt x="497" y="391"/>
                  </a:moveTo>
                  <a:lnTo>
                    <a:pt x="499" y="391"/>
                  </a:lnTo>
                  <a:lnTo>
                    <a:pt x="504" y="395"/>
                  </a:lnTo>
                  <a:lnTo>
                    <a:pt x="511" y="398"/>
                  </a:lnTo>
                  <a:lnTo>
                    <a:pt x="518" y="403"/>
                  </a:lnTo>
                  <a:lnTo>
                    <a:pt x="525" y="408"/>
                  </a:lnTo>
                  <a:lnTo>
                    <a:pt x="531" y="412"/>
                  </a:lnTo>
                  <a:lnTo>
                    <a:pt x="536" y="415"/>
                  </a:lnTo>
                  <a:lnTo>
                    <a:pt x="538" y="417"/>
                  </a:lnTo>
                  <a:lnTo>
                    <a:pt x="541" y="420"/>
                  </a:lnTo>
                  <a:lnTo>
                    <a:pt x="545" y="422"/>
                  </a:lnTo>
                  <a:lnTo>
                    <a:pt x="548" y="422"/>
                  </a:lnTo>
                  <a:lnTo>
                    <a:pt x="552" y="418"/>
                  </a:lnTo>
                  <a:lnTo>
                    <a:pt x="555" y="417"/>
                  </a:lnTo>
                  <a:lnTo>
                    <a:pt x="558" y="413"/>
                  </a:lnTo>
                  <a:lnTo>
                    <a:pt x="560" y="412"/>
                  </a:lnTo>
                  <a:lnTo>
                    <a:pt x="560" y="410"/>
                  </a:lnTo>
                  <a:lnTo>
                    <a:pt x="613" y="410"/>
                  </a:lnTo>
                  <a:lnTo>
                    <a:pt x="624" y="420"/>
                  </a:lnTo>
                  <a:lnTo>
                    <a:pt x="635" y="420"/>
                  </a:lnTo>
                  <a:lnTo>
                    <a:pt x="635" y="422"/>
                  </a:lnTo>
                  <a:lnTo>
                    <a:pt x="638" y="423"/>
                  </a:lnTo>
                  <a:lnTo>
                    <a:pt x="641" y="425"/>
                  </a:lnTo>
                  <a:lnTo>
                    <a:pt x="643" y="425"/>
                  </a:lnTo>
                  <a:lnTo>
                    <a:pt x="651" y="427"/>
                  </a:lnTo>
                  <a:lnTo>
                    <a:pt x="657" y="430"/>
                  </a:lnTo>
                  <a:lnTo>
                    <a:pt x="662" y="435"/>
                  </a:lnTo>
                  <a:lnTo>
                    <a:pt x="665" y="440"/>
                  </a:lnTo>
                  <a:lnTo>
                    <a:pt x="668" y="445"/>
                  </a:lnTo>
                  <a:lnTo>
                    <a:pt x="670" y="450"/>
                  </a:lnTo>
                  <a:lnTo>
                    <a:pt x="672" y="454"/>
                  </a:lnTo>
                  <a:lnTo>
                    <a:pt x="673" y="456"/>
                  </a:lnTo>
                  <a:lnTo>
                    <a:pt x="675" y="459"/>
                  </a:lnTo>
                  <a:lnTo>
                    <a:pt x="679" y="461"/>
                  </a:lnTo>
                  <a:lnTo>
                    <a:pt x="682" y="466"/>
                  </a:lnTo>
                  <a:lnTo>
                    <a:pt x="684" y="469"/>
                  </a:lnTo>
                  <a:lnTo>
                    <a:pt x="687" y="471"/>
                  </a:lnTo>
                  <a:lnTo>
                    <a:pt x="689" y="474"/>
                  </a:lnTo>
                  <a:lnTo>
                    <a:pt x="690" y="476"/>
                  </a:lnTo>
                  <a:lnTo>
                    <a:pt x="690" y="461"/>
                  </a:lnTo>
                  <a:lnTo>
                    <a:pt x="682" y="440"/>
                  </a:lnTo>
                  <a:lnTo>
                    <a:pt x="673" y="428"/>
                  </a:lnTo>
                  <a:lnTo>
                    <a:pt x="675" y="420"/>
                  </a:lnTo>
                  <a:lnTo>
                    <a:pt x="689" y="366"/>
                  </a:lnTo>
                  <a:lnTo>
                    <a:pt x="675" y="366"/>
                  </a:lnTo>
                  <a:lnTo>
                    <a:pt x="677" y="357"/>
                  </a:lnTo>
                  <a:lnTo>
                    <a:pt x="680" y="352"/>
                  </a:lnTo>
                  <a:lnTo>
                    <a:pt x="679" y="344"/>
                  </a:lnTo>
                  <a:lnTo>
                    <a:pt x="675" y="335"/>
                  </a:lnTo>
                  <a:lnTo>
                    <a:pt x="677" y="330"/>
                  </a:lnTo>
                  <a:lnTo>
                    <a:pt x="689" y="330"/>
                  </a:lnTo>
                  <a:lnTo>
                    <a:pt x="689" y="102"/>
                  </a:lnTo>
                  <a:lnTo>
                    <a:pt x="687" y="100"/>
                  </a:lnTo>
                  <a:lnTo>
                    <a:pt x="685" y="98"/>
                  </a:lnTo>
                  <a:lnTo>
                    <a:pt x="680" y="95"/>
                  </a:lnTo>
                  <a:lnTo>
                    <a:pt x="675" y="90"/>
                  </a:lnTo>
                  <a:lnTo>
                    <a:pt x="670" y="87"/>
                  </a:lnTo>
                  <a:lnTo>
                    <a:pt x="665" y="83"/>
                  </a:lnTo>
                  <a:lnTo>
                    <a:pt x="662" y="80"/>
                  </a:lnTo>
                  <a:lnTo>
                    <a:pt x="660" y="80"/>
                  </a:lnTo>
                  <a:lnTo>
                    <a:pt x="657" y="76"/>
                  </a:lnTo>
                  <a:lnTo>
                    <a:pt x="655" y="73"/>
                  </a:lnTo>
                  <a:lnTo>
                    <a:pt x="655" y="68"/>
                  </a:lnTo>
                  <a:lnTo>
                    <a:pt x="657" y="65"/>
                  </a:lnTo>
                  <a:lnTo>
                    <a:pt x="658" y="61"/>
                  </a:lnTo>
                  <a:lnTo>
                    <a:pt x="660" y="58"/>
                  </a:lnTo>
                  <a:lnTo>
                    <a:pt x="662" y="56"/>
                  </a:lnTo>
                  <a:lnTo>
                    <a:pt x="663" y="54"/>
                  </a:lnTo>
                  <a:lnTo>
                    <a:pt x="679" y="36"/>
                  </a:lnTo>
                  <a:lnTo>
                    <a:pt x="677" y="27"/>
                  </a:lnTo>
                  <a:lnTo>
                    <a:pt x="679" y="26"/>
                  </a:lnTo>
                  <a:lnTo>
                    <a:pt x="679" y="27"/>
                  </a:lnTo>
                  <a:lnTo>
                    <a:pt x="677" y="27"/>
                  </a:lnTo>
                  <a:lnTo>
                    <a:pt x="672" y="27"/>
                  </a:lnTo>
                  <a:lnTo>
                    <a:pt x="663" y="26"/>
                  </a:lnTo>
                  <a:lnTo>
                    <a:pt x="653" y="26"/>
                  </a:lnTo>
                  <a:lnTo>
                    <a:pt x="640" y="26"/>
                  </a:lnTo>
                  <a:lnTo>
                    <a:pt x="623" y="26"/>
                  </a:lnTo>
                  <a:lnTo>
                    <a:pt x="606" y="24"/>
                  </a:lnTo>
                  <a:lnTo>
                    <a:pt x="585" y="24"/>
                  </a:lnTo>
                  <a:lnTo>
                    <a:pt x="563" y="24"/>
                  </a:lnTo>
                  <a:lnTo>
                    <a:pt x="540" y="22"/>
                  </a:lnTo>
                  <a:lnTo>
                    <a:pt x="514" y="22"/>
                  </a:lnTo>
                  <a:lnTo>
                    <a:pt x="489" y="22"/>
                  </a:lnTo>
                  <a:lnTo>
                    <a:pt x="462" y="21"/>
                  </a:lnTo>
                  <a:lnTo>
                    <a:pt x="433" y="19"/>
                  </a:lnTo>
                  <a:lnTo>
                    <a:pt x="404" y="19"/>
                  </a:lnTo>
                  <a:lnTo>
                    <a:pt x="376" y="17"/>
                  </a:lnTo>
                  <a:lnTo>
                    <a:pt x="347" y="17"/>
                  </a:lnTo>
                  <a:lnTo>
                    <a:pt x="318" y="16"/>
                  </a:lnTo>
                  <a:lnTo>
                    <a:pt x="289" y="14"/>
                  </a:lnTo>
                  <a:lnTo>
                    <a:pt x="261" y="14"/>
                  </a:lnTo>
                  <a:lnTo>
                    <a:pt x="233" y="12"/>
                  </a:lnTo>
                  <a:lnTo>
                    <a:pt x="206" y="10"/>
                  </a:lnTo>
                  <a:lnTo>
                    <a:pt x="181" y="10"/>
                  </a:lnTo>
                  <a:lnTo>
                    <a:pt x="156" y="9"/>
                  </a:lnTo>
                  <a:lnTo>
                    <a:pt x="134" y="9"/>
                  </a:lnTo>
                  <a:lnTo>
                    <a:pt x="112" y="7"/>
                  </a:lnTo>
                  <a:lnTo>
                    <a:pt x="93" y="5"/>
                  </a:lnTo>
                  <a:lnTo>
                    <a:pt x="76" y="4"/>
                  </a:lnTo>
                  <a:lnTo>
                    <a:pt x="61" y="4"/>
                  </a:lnTo>
                  <a:lnTo>
                    <a:pt x="49" y="2"/>
                  </a:lnTo>
                  <a:lnTo>
                    <a:pt x="39" y="0"/>
                  </a:lnTo>
                  <a:lnTo>
                    <a:pt x="32" y="0"/>
                  </a:lnTo>
                  <a:lnTo>
                    <a:pt x="22" y="119"/>
                  </a:lnTo>
                  <a:lnTo>
                    <a:pt x="22" y="117"/>
                  </a:lnTo>
                  <a:lnTo>
                    <a:pt x="0" y="366"/>
                  </a:lnTo>
                  <a:lnTo>
                    <a:pt x="7" y="368"/>
                  </a:lnTo>
                  <a:lnTo>
                    <a:pt x="13" y="368"/>
                  </a:lnTo>
                  <a:lnTo>
                    <a:pt x="24" y="369"/>
                  </a:lnTo>
                  <a:lnTo>
                    <a:pt x="35" y="369"/>
                  </a:lnTo>
                  <a:lnTo>
                    <a:pt x="49" y="371"/>
                  </a:lnTo>
                  <a:lnTo>
                    <a:pt x="64" y="373"/>
                  </a:lnTo>
                  <a:lnTo>
                    <a:pt x="81" y="373"/>
                  </a:lnTo>
                  <a:lnTo>
                    <a:pt x="98" y="374"/>
                  </a:lnTo>
                  <a:lnTo>
                    <a:pt x="118" y="374"/>
                  </a:lnTo>
                  <a:lnTo>
                    <a:pt x="137" y="376"/>
                  </a:lnTo>
                  <a:lnTo>
                    <a:pt x="157" y="378"/>
                  </a:lnTo>
                  <a:lnTo>
                    <a:pt x="179" y="378"/>
                  </a:lnTo>
                  <a:lnTo>
                    <a:pt x="201" y="379"/>
                  </a:lnTo>
                  <a:lnTo>
                    <a:pt x="223" y="379"/>
                  </a:lnTo>
                  <a:lnTo>
                    <a:pt x="245" y="381"/>
                  </a:lnTo>
                  <a:lnTo>
                    <a:pt x="267" y="381"/>
                  </a:lnTo>
                  <a:lnTo>
                    <a:pt x="289" y="383"/>
                  </a:lnTo>
                  <a:lnTo>
                    <a:pt x="311" y="384"/>
                  </a:lnTo>
                  <a:lnTo>
                    <a:pt x="333" y="384"/>
                  </a:lnTo>
                  <a:lnTo>
                    <a:pt x="354" y="386"/>
                  </a:lnTo>
                  <a:lnTo>
                    <a:pt x="374" y="386"/>
                  </a:lnTo>
                  <a:lnTo>
                    <a:pt x="393" y="386"/>
                  </a:lnTo>
                  <a:lnTo>
                    <a:pt x="409" y="388"/>
                  </a:lnTo>
                  <a:lnTo>
                    <a:pt x="426" y="388"/>
                  </a:lnTo>
                  <a:lnTo>
                    <a:pt x="443" y="390"/>
                  </a:lnTo>
                  <a:lnTo>
                    <a:pt x="457" y="390"/>
                  </a:lnTo>
                  <a:lnTo>
                    <a:pt x="469" y="390"/>
                  </a:lnTo>
                  <a:lnTo>
                    <a:pt x="479" y="390"/>
                  </a:lnTo>
                  <a:lnTo>
                    <a:pt x="487" y="390"/>
                  </a:lnTo>
                  <a:lnTo>
                    <a:pt x="492" y="391"/>
                  </a:lnTo>
                  <a:lnTo>
                    <a:pt x="496" y="391"/>
                  </a:lnTo>
                  <a:lnTo>
                    <a:pt x="497" y="391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30" name="Freeform 57"/>
            <p:cNvSpPr>
              <a:spLocks/>
            </p:cNvSpPr>
            <p:nvPr/>
          </p:nvSpPr>
          <p:spPr bwMode="auto">
            <a:xfrm>
              <a:off x="2059" y="1121"/>
              <a:ext cx="630" cy="394"/>
            </a:xfrm>
            <a:custGeom>
              <a:avLst/>
              <a:gdLst>
                <a:gd name="T0" fmla="*/ 0 w 648"/>
                <a:gd name="T1" fmla="*/ 246 h 406"/>
                <a:gd name="T2" fmla="*/ 0 w 648"/>
                <a:gd name="T3" fmla="*/ 233 h 406"/>
                <a:gd name="T4" fmla="*/ 3 w 648"/>
                <a:gd name="T5" fmla="*/ 209 h 406"/>
                <a:gd name="T6" fmla="*/ 7 w 648"/>
                <a:gd name="T7" fmla="*/ 180 h 406"/>
                <a:gd name="T8" fmla="*/ 10 w 648"/>
                <a:gd name="T9" fmla="*/ 147 h 406"/>
                <a:gd name="T10" fmla="*/ 15 w 648"/>
                <a:gd name="T11" fmla="*/ 112 h 406"/>
                <a:gd name="T12" fmla="*/ 18 w 648"/>
                <a:gd name="T13" fmla="*/ 79 h 406"/>
                <a:gd name="T14" fmla="*/ 18 w 648"/>
                <a:gd name="T15" fmla="*/ 47 h 406"/>
                <a:gd name="T16" fmla="*/ 18 w 648"/>
                <a:gd name="T17" fmla="*/ 22 h 406"/>
                <a:gd name="T18" fmla="*/ 18 w 648"/>
                <a:gd name="T19" fmla="*/ 9 h 406"/>
                <a:gd name="T20" fmla="*/ 18 w 648"/>
                <a:gd name="T21" fmla="*/ 0 h 406"/>
                <a:gd name="T22" fmla="*/ 22 w 648"/>
                <a:gd name="T23" fmla="*/ 4 h 406"/>
                <a:gd name="T24" fmla="*/ 44 w 648"/>
                <a:gd name="T25" fmla="*/ 4 h 406"/>
                <a:gd name="T26" fmla="*/ 73 w 648"/>
                <a:gd name="T27" fmla="*/ 7 h 406"/>
                <a:gd name="T28" fmla="*/ 111 w 648"/>
                <a:gd name="T29" fmla="*/ 9 h 406"/>
                <a:gd name="T30" fmla="*/ 157 w 648"/>
                <a:gd name="T31" fmla="*/ 12 h 406"/>
                <a:gd name="T32" fmla="*/ 207 w 648"/>
                <a:gd name="T33" fmla="*/ 15 h 406"/>
                <a:gd name="T34" fmla="*/ 256 w 648"/>
                <a:gd name="T35" fmla="*/ 16 h 406"/>
                <a:gd name="T36" fmla="*/ 303 w 648"/>
                <a:gd name="T37" fmla="*/ 16 h 406"/>
                <a:gd name="T38" fmla="*/ 345 w 648"/>
                <a:gd name="T39" fmla="*/ 16 h 406"/>
                <a:gd name="T40" fmla="*/ 379 w 648"/>
                <a:gd name="T41" fmla="*/ 16 h 406"/>
                <a:gd name="T42" fmla="*/ 401 w 648"/>
                <a:gd name="T43" fmla="*/ 16 h 406"/>
                <a:gd name="T44" fmla="*/ 405 w 648"/>
                <a:gd name="T45" fmla="*/ 44 h 406"/>
                <a:gd name="T46" fmla="*/ 403 w 648"/>
                <a:gd name="T47" fmla="*/ 56 h 406"/>
                <a:gd name="T48" fmla="*/ 403 w 648"/>
                <a:gd name="T49" fmla="*/ 73 h 406"/>
                <a:gd name="T50" fmla="*/ 405 w 648"/>
                <a:gd name="T51" fmla="*/ 91 h 406"/>
                <a:gd name="T52" fmla="*/ 410 w 648"/>
                <a:gd name="T53" fmla="*/ 108 h 406"/>
                <a:gd name="T54" fmla="*/ 415 w 648"/>
                <a:gd name="T55" fmla="*/ 116 h 406"/>
                <a:gd name="T56" fmla="*/ 417 w 648"/>
                <a:gd name="T57" fmla="*/ 128 h 406"/>
                <a:gd name="T58" fmla="*/ 421 w 648"/>
                <a:gd name="T59" fmla="*/ 147 h 406"/>
                <a:gd name="T60" fmla="*/ 422 w 648"/>
                <a:gd name="T61" fmla="*/ 159 h 406"/>
                <a:gd name="T62" fmla="*/ 422 w 648"/>
                <a:gd name="T63" fmla="*/ 173 h 406"/>
                <a:gd name="T64" fmla="*/ 422 w 648"/>
                <a:gd name="T65" fmla="*/ 180 h 406"/>
                <a:gd name="T66" fmla="*/ 426 w 648"/>
                <a:gd name="T67" fmla="*/ 224 h 406"/>
                <a:gd name="T68" fmla="*/ 436 w 648"/>
                <a:gd name="T69" fmla="*/ 266 h 406"/>
                <a:gd name="T70" fmla="*/ 432 w 648"/>
                <a:gd name="T71" fmla="*/ 267 h 406"/>
                <a:gd name="T72" fmla="*/ 410 w 648"/>
                <a:gd name="T73" fmla="*/ 266 h 406"/>
                <a:gd name="T74" fmla="*/ 372 w 648"/>
                <a:gd name="T75" fmla="*/ 264 h 406"/>
                <a:gd name="T76" fmla="*/ 325 w 648"/>
                <a:gd name="T77" fmla="*/ 263 h 406"/>
                <a:gd name="T78" fmla="*/ 270 w 648"/>
                <a:gd name="T79" fmla="*/ 262 h 406"/>
                <a:gd name="T80" fmla="*/ 213 w 648"/>
                <a:gd name="T81" fmla="*/ 261 h 406"/>
                <a:gd name="T82" fmla="*/ 154 w 648"/>
                <a:gd name="T83" fmla="*/ 258 h 406"/>
                <a:gd name="T84" fmla="*/ 101 w 648"/>
                <a:gd name="T85" fmla="*/ 255 h 406"/>
                <a:gd name="T86" fmla="*/ 52 w 648"/>
                <a:gd name="T87" fmla="*/ 254 h 406"/>
                <a:gd name="T88" fmla="*/ 18 w 648"/>
                <a:gd name="T89" fmla="*/ 252 h 406"/>
                <a:gd name="T90" fmla="*/ 0 w 648"/>
                <a:gd name="T91" fmla="*/ 248 h 40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w 648"/>
                <a:gd name="T139" fmla="*/ 0 h 406"/>
                <a:gd name="T140" fmla="*/ 648 w 648"/>
                <a:gd name="T141" fmla="*/ 406 h 40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T138" t="T139" r="T140" b="T141"/>
              <a:pathLst>
                <a:path w="648" h="406">
                  <a:moveTo>
                    <a:pt x="0" y="379"/>
                  </a:moveTo>
                  <a:lnTo>
                    <a:pt x="0" y="378"/>
                  </a:lnTo>
                  <a:lnTo>
                    <a:pt x="0" y="374"/>
                  </a:lnTo>
                  <a:lnTo>
                    <a:pt x="0" y="369"/>
                  </a:lnTo>
                  <a:lnTo>
                    <a:pt x="0" y="362"/>
                  </a:lnTo>
                  <a:lnTo>
                    <a:pt x="0" y="354"/>
                  </a:lnTo>
                  <a:lnTo>
                    <a:pt x="2" y="344"/>
                  </a:lnTo>
                  <a:lnTo>
                    <a:pt x="2" y="332"/>
                  </a:lnTo>
                  <a:lnTo>
                    <a:pt x="3" y="318"/>
                  </a:lnTo>
                  <a:lnTo>
                    <a:pt x="3" y="305"/>
                  </a:lnTo>
                  <a:lnTo>
                    <a:pt x="5" y="291"/>
                  </a:lnTo>
                  <a:lnTo>
                    <a:pt x="7" y="274"/>
                  </a:lnTo>
                  <a:lnTo>
                    <a:pt x="9" y="259"/>
                  </a:lnTo>
                  <a:lnTo>
                    <a:pt x="9" y="242"/>
                  </a:lnTo>
                  <a:lnTo>
                    <a:pt x="10" y="224"/>
                  </a:lnTo>
                  <a:lnTo>
                    <a:pt x="12" y="207"/>
                  </a:lnTo>
                  <a:lnTo>
                    <a:pt x="14" y="190"/>
                  </a:lnTo>
                  <a:lnTo>
                    <a:pt x="15" y="171"/>
                  </a:lnTo>
                  <a:lnTo>
                    <a:pt x="17" y="154"/>
                  </a:lnTo>
                  <a:lnTo>
                    <a:pt x="17" y="137"/>
                  </a:lnTo>
                  <a:lnTo>
                    <a:pt x="19" y="120"/>
                  </a:lnTo>
                  <a:lnTo>
                    <a:pt x="20" y="103"/>
                  </a:lnTo>
                  <a:lnTo>
                    <a:pt x="22" y="88"/>
                  </a:lnTo>
                  <a:lnTo>
                    <a:pt x="24" y="73"/>
                  </a:lnTo>
                  <a:lnTo>
                    <a:pt x="25" y="59"/>
                  </a:lnTo>
                  <a:lnTo>
                    <a:pt x="25" y="46"/>
                  </a:lnTo>
                  <a:lnTo>
                    <a:pt x="27" y="36"/>
                  </a:lnTo>
                  <a:lnTo>
                    <a:pt x="27" y="26"/>
                  </a:lnTo>
                  <a:lnTo>
                    <a:pt x="29" y="17"/>
                  </a:lnTo>
                  <a:lnTo>
                    <a:pt x="29" y="9"/>
                  </a:lnTo>
                  <a:lnTo>
                    <a:pt x="29" y="5"/>
                  </a:lnTo>
                  <a:lnTo>
                    <a:pt x="31" y="2"/>
                  </a:lnTo>
                  <a:lnTo>
                    <a:pt x="31" y="0"/>
                  </a:lnTo>
                  <a:lnTo>
                    <a:pt x="31" y="2"/>
                  </a:lnTo>
                  <a:lnTo>
                    <a:pt x="32" y="2"/>
                  </a:lnTo>
                  <a:lnTo>
                    <a:pt x="36" y="4"/>
                  </a:lnTo>
                  <a:lnTo>
                    <a:pt x="42" y="4"/>
                  </a:lnTo>
                  <a:lnTo>
                    <a:pt x="51" y="4"/>
                  </a:lnTo>
                  <a:lnTo>
                    <a:pt x="63" y="4"/>
                  </a:lnTo>
                  <a:lnTo>
                    <a:pt x="75" y="5"/>
                  </a:lnTo>
                  <a:lnTo>
                    <a:pt x="90" y="5"/>
                  </a:lnTo>
                  <a:lnTo>
                    <a:pt x="107" y="7"/>
                  </a:lnTo>
                  <a:lnTo>
                    <a:pt x="125" y="7"/>
                  </a:lnTo>
                  <a:lnTo>
                    <a:pt x="144" y="9"/>
                  </a:lnTo>
                  <a:lnTo>
                    <a:pt x="164" y="9"/>
                  </a:lnTo>
                  <a:lnTo>
                    <a:pt x="186" y="10"/>
                  </a:lnTo>
                  <a:lnTo>
                    <a:pt x="210" y="12"/>
                  </a:lnTo>
                  <a:lnTo>
                    <a:pt x="232" y="12"/>
                  </a:lnTo>
                  <a:lnTo>
                    <a:pt x="257" y="14"/>
                  </a:lnTo>
                  <a:lnTo>
                    <a:pt x="281" y="14"/>
                  </a:lnTo>
                  <a:lnTo>
                    <a:pt x="306" y="15"/>
                  </a:lnTo>
                  <a:lnTo>
                    <a:pt x="330" y="17"/>
                  </a:lnTo>
                  <a:lnTo>
                    <a:pt x="355" y="17"/>
                  </a:lnTo>
                  <a:lnTo>
                    <a:pt x="379" y="19"/>
                  </a:lnTo>
                  <a:lnTo>
                    <a:pt x="403" y="21"/>
                  </a:lnTo>
                  <a:lnTo>
                    <a:pt x="427" y="21"/>
                  </a:lnTo>
                  <a:lnTo>
                    <a:pt x="450" y="22"/>
                  </a:lnTo>
                  <a:lnTo>
                    <a:pt x="471" y="22"/>
                  </a:lnTo>
                  <a:lnTo>
                    <a:pt x="491" y="24"/>
                  </a:lnTo>
                  <a:lnTo>
                    <a:pt x="511" y="24"/>
                  </a:lnTo>
                  <a:lnTo>
                    <a:pt x="530" y="24"/>
                  </a:lnTo>
                  <a:lnTo>
                    <a:pt x="547" y="26"/>
                  </a:lnTo>
                  <a:lnTo>
                    <a:pt x="562" y="26"/>
                  </a:lnTo>
                  <a:lnTo>
                    <a:pt x="574" y="26"/>
                  </a:lnTo>
                  <a:lnTo>
                    <a:pt x="586" y="26"/>
                  </a:lnTo>
                  <a:lnTo>
                    <a:pt x="594" y="26"/>
                  </a:lnTo>
                  <a:lnTo>
                    <a:pt x="601" y="63"/>
                  </a:lnTo>
                  <a:lnTo>
                    <a:pt x="601" y="65"/>
                  </a:lnTo>
                  <a:lnTo>
                    <a:pt x="601" y="66"/>
                  </a:lnTo>
                  <a:lnTo>
                    <a:pt x="601" y="71"/>
                  </a:lnTo>
                  <a:lnTo>
                    <a:pt x="599" y="78"/>
                  </a:lnTo>
                  <a:lnTo>
                    <a:pt x="599" y="85"/>
                  </a:lnTo>
                  <a:lnTo>
                    <a:pt x="599" y="92"/>
                  </a:lnTo>
                  <a:lnTo>
                    <a:pt x="599" y="102"/>
                  </a:lnTo>
                  <a:lnTo>
                    <a:pt x="599" y="110"/>
                  </a:lnTo>
                  <a:lnTo>
                    <a:pt x="599" y="120"/>
                  </a:lnTo>
                  <a:lnTo>
                    <a:pt x="601" y="131"/>
                  </a:lnTo>
                  <a:lnTo>
                    <a:pt x="601" y="139"/>
                  </a:lnTo>
                  <a:lnTo>
                    <a:pt x="603" y="147"/>
                  </a:lnTo>
                  <a:lnTo>
                    <a:pt x="604" y="156"/>
                  </a:lnTo>
                  <a:lnTo>
                    <a:pt x="608" y="164"/>
                  </a:lnTo>
                  <a:lnTo>
                    <a:pt x="611" y="171"/>
                  </a:lnTo>
                  <a:lnTo>
                    <a:pt x="616" y="176"/>
                  </a:lnTo>
                  <a:lnTo>
                    <a:pt x="616" y="178"/>
                  </a:lnTo>
                  <a:lnTo>
                    <a:pt x="616" y="181"/>
                  </a:lnTo>
                  <a:lnTo>
                    <a:pt x="618" y="186"/>
                  </a:lnTo>
                  <a:lnTo>
                    <a:pt x="619" y="195"/>
                  </a:lnTo>
                  <a:lnTo>
                    <a:pt x="621" y="203"/>
                  </a:lnTo>
                  <a:lnTo>
                    <a:pt x="623" y="213"/>
                  </a:lnTo>
                  <a:lnTo>
                    <a:pt x="623" y="224"/>
                  </a:lnTo>
                  <a:lnTo>
                    <a:pt x="625" y="234"/>
                  </a:lnTo>
                  <a:lnTo>
                    <a:pt x="625" y="237"/>
                  </a:lnTo>
                  <a:lnTo>
                    <a:pt x="625" y="242"/>
                  </a:lnTo>
                  <a:lnTo>
                    <a:pt x="625" y="249"/>
                  </a:lnTo>
                  <a:lnTo>
                    <a:pt x="625" y="256"/>
                  </a:lnTo>
                  <a:lnTo>
                    <a:pt x="625" y="263"/>
                  </a:lnTo>
                  <a:lnTo>
                    <a:pt x="625" y="268"/>
                  </a:lnTo>
                  <a:lnTo>
                    <a:pt x="625" y="273"/>
                  </a:lnTo>
                  <a:lnTo>
                    <a:pt x="625" y="274"/>
                  </a:lnTo>
                  <a:lnTo>
                    <a:pt x="633" y="288"/>
                  </a:lnTo>
                  <a:lnTo>
                    <a:pt x="630" y="310"/>
                  </a:lnTo>
                  <a:lnTo>
                    <a:pt x="633" y="340"/>
                  </a:lnTo>
                  <a:lnTo>
                    <a:pt x="643" y="354"/>
                  </a:lnTo>
                  <a:lnTo>
                    <a:pt x="648" y="367"/>
                  </a:lnTo>
                  <a:lnTo>
                    <a:pt x="647" y="405"/>
                  </a:lnTo>
                  <a:lnTo>
                    <a:pt x="647" y="406"/>
                  </a:lnTo>
                  <a:lnTo>
                    <a:pt x="645" y="406"/>
                  </a:lnTo>
                  <a:lnTo>
                    <a:pt x="640" y="406"/>
                  </a:lnTo>
                  <a:lnTo>
                    <a:pt x="631" y="405"/>
                  </a:lnTo>
                  <a:lnTo>
                    <a:pt x="621" y="405"/>
                  </a:lnTo>
                  <a:lnTo>
                    <a:pt x="608" y="405"/>
                  </a:lnTo>
                  <a:lnTo>
                    <a:pt x="591" y="405"/>
                  </a:lnTo>
                  <a:lnTo>
                    <a:pt x="574" y="403"/>
                  </a:lnTo>
                  <a:lnTo>
                    <a:pt x="553" y="403"/>
                  </a:lnTo>
                  <a:lnTo>
                    <a:pt x="531" y="403"/>
                  </a:lnTo>
                  <a:lnTo>
                    <a:pt x="508" y="401"/>
                  </a:lnTo>
                  <a:lnTo>
                    <a:pt x="482" y="401"/>
                  </a:lnTo>
                  <a:lnTo>
                    <a:pt x="457" y="401"/>
                  </a:lnTo>
                  <a:lnTo>
                    <a:pt x="430" y="400"/>
                  </a:lnTo>
                  <a:lnTo>
                    <a:pt x="401" y="398"/>
                  </a:lnTo>
                  <a:lnTo>
                    <a:pt x="372" y="398"/>
                  </a:lnTo>
                  <a:lnTo>
                    <a:pt x="344" y="396"/>
                  </a:lnTo>
                  <a:lnTo>
                    <a:pt x="315" y="396"/>
                  </a:lnTo>
                  <a:lnTo>
                    <a:pt x="286" y="395"/>
                  </a:lnTo>
                  <a:lnTo>
                    <a:pt x="257" y="393"/>
                  </a:lnTo>
                  <a:lnTo>
                    <a:pt x="229" y="393"/>
                  </a:lnTo>
                  <a:lnTo>
                    <a:pt x="201" y="391"/>
                  </a:lnTo>
                  <a:lnTo>
                    <a:pt x="174" y="389"/>
                  </a:lnTo>
                  <a:lnTo>
                    <a:pt x="149" y="389"/>
                  </a:lnTo>
                  <a:lnTo>
                    <a:pt x="124" y="388"/>
                  </a:lnTo>
                  <a:lnTo>
                    <a:pt x="102" y="388"/>
                  </a:lnTo>
                  <a:lnTo>
                    <a:pt x="80" y="386"/>
                  </a:lnTo>
                  <a:lnTo>
                    <a:pt x="61" y="384"/>
                  </a:lnTo>
                  <a:lnTo>
                    <a:pt x="44" y="383"/>
                  </a:lnTo>
                  <a:lnTo>
                    <a:pt x="29" y="383"/>
                  </a:lnTo>
                  <a:lnTo>
                    <a:pt x="17" y="381"/>
                  </a:lnTo>
                  <a:lnTo>
                    <a:pt x="7" y="379"/>
                  </a:lnTo>
                  <a:lnTo>
                    <a:pt x="0" y="379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31" name="Freeform 58"/>
            <p:cNvSpPr>
              <a:spLocks/>
            </p:cNvSpPr>
            <p:nvPr/>
          </p:nvSpPr>
          <p:spPr bwMode="auto">
            <a:xfrm>
              <a:off x="2682" y="1797"/>
              <a:ext cx="572" cy="385"/>
            </a:xfrm>
            <a:custGeom>
              <a:avLst/>
              <a:gdLst>
                <a:gd name="T0" fmla="*/ 47 w 588"/>
                <a:gd name="T1" fmla="*/ 239 h 397"/>
                <a:gd name="T2" fmla="*/ 46 w 588"/>
                <a:gd name="T3" fmla="*/ 227 h 397"/>
                <a:gd name="T4" fmla="*/ 47 w 588"/>
                <a:gd name="T5" fmla="*/ 211 h 397"/>
                <a:gd name="T6" fmla="*/ 48 w 588"/>
                <a:gd name="T7" fmla="*/ 204 h 397"/>
                <a:gd name="T8" fmla="*/ 42 w 588"/>
                <a:gd name="T9" fmla="*/ 174 h 397"/>
                <a:gd name="T10" fmla="*/ 32 w 588"/>
                <a:gd name="T11" fmla="*/ 162 h 397"/>
                <a:gd name="T12" fmla="*/ 34 w 588"/>
                <a:gd name="T13" fmla="*/ 153 h 397"/>
                <a:gd name="T14" fmla="*/ 27 w 588"/>
                <a:gd name="T15" fmla="*/ 136 h 397"/>
                <a:gd name="T16" fmla="*/ 20 w 588"/>
                <a:gd name="T17" fmla="*/ 130 h 397"/>
                <a:gd name="T18" fmla="*/ 18 w 588"/>
                <a:gd name="T19" fmla="*/ 119 h 397"/>
                <a:gd name="T20" fmla="*/ 18 w 588"/>
                <a:gd name="T21" fmla="*/ 112 h 397"/>
                <a:gd name="T22" fmla="*/ 0 w 588"/>
                <a:gd name="T23" fmla="*/ 73 h 397"/>
                <a:gd name="T24" fmla="*/ 4 w 588"/>
                <a:gd name="T25" fmla="*/ 26 h 397"/>
                <a:gd name="T26" fmla="*/ 4 w 588"/>
                <a:gd name="T27" fmla="*/ 13 h 397"/>
                <a:gd name="T28" fmla="*/ 18 w 588"/>
                <a:gd name="T29" fmla="*/ 12 h 397"/>
                <a:gd name="T30" fmla="*/ 46 w 588"/>
                <a:gd name="T31" fmla="*/ 12 h 397"/>
                <a:gd name="T32" fmla="*/ 89 w 588"/>
                <a:gd name="T33" fmla="*/ 12 h 397"/>
                <a:gd name="T34" fmla="*/ 141 w 588"/>
                <a:gd name="T35" fmla="*/ 10 h 397"/>
                <a:gd name="T36" fmla="*/ 197 w 588"/>
                <a:gd name="T37" fmla="*/ 10 h 397"/>
                <a:gd name="T38" fmla="*/ 251 w 588"/>
                <a:gd name="T39" fmla="*/ 8 h 397"/>
                <a:gd name="T40" fmla="*/ 294 w 588"/>
                <a:gd name="T41" fmla="*/ 5 h 397"/>
                <a:gd name="T42" fmla="*/ 322 w 588"/>
                <a:gd name="T43" fmla="*/ 1 h 397"/>
                <a:gd name="T44" fmla="*/ 333 w 588"/>
                <a:gd name="T45" fmla="*/ 16 h 397"/>
                <a:gd name="T46" fmla="*/ 337 w 588"/>
                <a:gd name="T47" fmla="*/ 16 h 397"/>
                <a:gd name="T48" fmla="*/ 331 w 588"/>
                <a:gd name="T49" fmla="*/ 36 h 397"/>
                <a:gd name="T50" fmla="*/ 333 w 588"/>
                <a:gd name="T51" fmla="*/ 45 h 397"/>
                <a:gd name="T52" fmla="*/ 339 w 588"/>
                <a:gd name="T53" fmla="*/ 55 h 397"/>
                <a:gd name="T54" fmla="*/ 340 w 588"/>
                <a:gd name="T55" fmla="*/ 63 h 397"/>
                <a:gd name="T56" fmla="*/ 357 w 588"/>
                <a:gd name="T57" fmla="*/ 69 h 397"/>
                <a:gd name="T58" fmla="*/ 362 w 588"/>
                <a:gd name="T59" fmla="*/ 71 h 397"/>
                <a:gd name="T60" fmla="*/ 367 w 588"/>
                <a:gd name="T61" fmla="*/ 80 h 397"/>
                <a:gd name="T62" fmla="*/ 368 w 588"/>
                <a:gd name="T63" fmla="*/ 84 h 397"/>
                <a:gd name="T64" fmla="*/ 378 w 588"/>
                <a:gd name="T65" fmla="*/ 91 h 397"/>
                <a:gd name="T66" fmla="*/ 383 w 588"/>
                <a:gd name="T67" fmla="*/ 98 h 397"/>
                <a:gd name="T68" fmla="*/ 382 w 588"/>
                <a:gd name="T69" fmla="*/ 101 h 397"/>
                <a:gd name="T70" fmla="*/ 393 w 588"/>
                <a:gd name="T71" fmla="*/ 108 h 397"/>
                <a:gd name="T72" fmla="*/ 400 w 588"/>
                <a:gd name="T73" fmla="*/ 123 h 397"/>
                <a:gd name="T74" fmla="*/ 391 w 588"/>
                <a:gd name="T75" fmla="*/ 140 h 397"/>
                <a:gd name="T76" fmla="*/ 388 w 588"/>
                <a:gd name="T77" fmla="*/ 146 h 397"/>
                <a:gd name="T78" fmla="*/ 388 w 588"/>
                <a:gd name="T79" fmla="*/ 156 h 397"/>
                <a:gd name="T80" fmla="*/ 381 w 588"/>
                <a:gd name="T81" fmla="*/ 161 h 397"/>
                <a:gd name="T82" fmla="*/ 375 w 588"/>
                <a:gd name="T83" fmla="*/ 162 h 397"/>
                <a:gd name="T84" fmla="*/ 369 w 588"/>
                <a:gd name="T85" fmla="*/ 166 h 397"/>
                <a:gd name="T86" fmla="*/ 351 w 588"/>
                <a:gd name="T87" fmla="*/ 171 h 397"/>
                <a:gd name="T88" fmla="*/ 345 w 588"/>
                <a:gd name="T89" fmla="*/ 183 h 397"/>
                <a:gd name="T90" fmla="*/ 355 w 588"/>
                <a:gd name="T91" fmla="*/ 201 h 397"/>
                <a:gd name="T92" fmla="*/ 354 w 588"/>
                <a:gd name="T93" fmla="*/ 211 h 397"/>
                <a:gd name="T94" fmla="*/ 348 w 588"/>
                <a:gd name="T95" fmla="*/ 220 h 397"/>
                <a:gd name="T96" fmla="*/ 347 w 588"/>
                <a:gd name="T97" fmla="*/ 225 h 397"/>
                <a:gd name="T98" fmla="*/ 345 w 588"/>
                <a:gd name="T99" fmla="*/ 229 h 397"/>
                <a:gd name="T100" fmla="*/ 339 w 588"/>
                <a:gd name="T101" fmla="*/ 234 h 397"/>
                <a:gd name="T102" fmla="*/ 329 w 588"/>
                <a:gd name="T103" fmla="*/ 241 h 397"/>
                <a:gd name="T104" fmla="*/ 330 w 588"/>
                <a:gd name="T105" fmla="*/ 248 h 397"/>
                <a:gd name="T106" fmla="*/ 331 w 588"/>
                <a:gd name="T107" fmla="*/ 252 h 397"/>
                <a:gd name="T108" fmla="*/ 327 w 588"/>
                <a:gd name="T109" fmla="*/ 257 h 397"/>
                <a:gd name="T110" fmla="*/ 321 w 588"/>
                <a:gd name="T111" fmla="*/ 254 h 397"/>
                <a:gd name="T112" fmla="*/ 310 w 588"/>
                <a:gd name="T113" fmla="*/ 241 h 397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w 588"/>
                <a:gd name="T172" fmla="*/ 0 h 397"/>
                <a:gd name="T173" fmla="*/ 588 w 588"/>
                <a:gd name="T174" fmla="*/ 397 h 397"/>
              </a:gdLst>
              <a:ahLst/>
              <a:cxnLst>
                <a:cxn ang="T114">
                  <a:pos x="T0" y="T1"/>
                </a:cxn>
                <a:cxn ang="T115">
                  <a:pos x="T2" y="T3"/>
                </a:cxn>
                <a:cxn ang="T116">
                  <a:pos x="T4" y="T5"/>
                </a:cxn>
                <a:cxn ang="T117">
                  <a:pos x="T6" y="T7"/>
                </a:cxn>
                <a:cxn ang="T118">
                  <a:pos x="T8" y="T9"/>
                </a:cxn>
                <a:cxn ang="T119">
                  <a:pos x="T10" y="T11"/>
                </a:cxn>
                <a:cxn ang="T120">
                  <a:pos x="T12" y="T13"/>
                </a:cxn>
                <a:cxn ang="T121">
                  <a:pos x="T14" y="T15"/>
                </a:cxn>
                <a:cxn ang="T122">
                  <a:pos x="T16" y="T17"/>
                </a:cxn>
                <a:cxn ang="T123">
                  <a:pos x="T18" y="T19"/>
                </a:cxn>
                <a:cxn ang="T124">
                  <a:pos x="T20" y="T21"/>
                </a:cxn>
                <a:cxn ang="T125">
                  <a:pos x="T22" y="T23"/>
                </a:cxn>
                <a:cxn ang="T126">
                  <a:pos x="T24" y="T25"/>
                </a:cxn>
                <a:cxn ang="T127">
                  <a:pos x="T26" y="T27"/>
                </a:cxn>
                <a:cxn ang="T128">
                  <a:pos x="T28" y="T29"/>
                </a:cxn>
                <a:cxn ang="T129">
                  <a:pos x="T30" y="T31"/>
                </a:cxn>
                <a:cxn ang="T130">
                  <a:pos x="T32" y="T33"/>
                </a:cxn>
                <a:cxn ang="T131">
                  <a:pos x="T34" y="T35"/>
                </a:cxn>
                <a:cxn ang="T132">
                  <a:pos x="T36" y="T37"/>
                </a:cxn>
                <a:cxn ang="T133">
                  <a:pos x="T38" y="T39"/>
                </a:cxn>
                <a:cxn ang="T134">
                  <a:pos x="T40" y="T41"/>
                </a:cxn>
                <a:cxn ang="T135">
                  <a:pos x="T42" y="T43"/>
                </a:cxn>
                <a:cxn ang="T136">
                  <a:pos x="T44" y="T45"/>
                </a:cxn>
                <a:cxn ang="T137">
                  <a:pos x="T46" y="T47"/>
                </a:cxn>
                <a:cxn ang="T138">
                  <a:pos x="T48" y="T49"/>
                </a:cxn>
                <a:cxn ang="T139">
                  <a:pos x="T50" y="T51"/>
                </a:cxn>
                <a:cxn ang="T140">
                  <a:pos x="T52" y="T53"/>
                </a:cxn>
                <a:cxn ang="T141">
                  <a:pos x="T54" y="T55"/>
                </a:cxn>
                <a:cxn ang="T142">
                  <a:pos x="T56" y="T57"/>
                </a:cxn>
                <a:cxn ang="T143">
                  <a:pos x="T58" y="T59"/>
                </a:cxn>
                <a:cxn ang="T144">
                  <a:pos x="T60" y="T61"/>
                </a:cxn>
                <a:cxn ang="T145">
                  <a:pos x="T62" y="T63"/>
                </a:cxn>
                <a:cxn ang="T146">
                  <a:pos x="T64" y="T65"/>
                </a:cxn>
                <a:cxn ang="T147">
                  <a:pos x="T66" y="T67"/>
                </a:cxn>
                <a:cxn ang="T148">
                  <a:pos x="T68" y="T69"/>
                </a:cxn>
                <a:cxn ang="T149">
                  <a:pos x="T70" y="T71"/>
                </a:cxn>
                <a:cxn ang="T150">
                  <a:pos x="T72" y="T73"/>
                </a:cxn>
                <a:cxn ang="T151">
                  <a:pos x="T74" y="T75"/>
                </a:cxn>
                <a:cxn ang="T152">
                  <a:pos x="T76" y="T77"/>
                </a:cxn>
                <a:cxn ang="T153">
                  <a:pos x="T78" y="T79"/>
                </a:cxn>
                <a:cxn ang="T154">
                  <a:pos x="T80" y="T81"/>
                </a:cxn>
                <a:cxn ang="T155">
                  <a:pos x="T82" y="T83"/>
                </a:cxn>
                <a:cxn ang="T156">
                  <a:pos x="T84" y="T85"/>
                </a:cxn>
                <a:cxn ang="T157">
                  <a:pos x="T86" y="T87"/>
                </a:cxn>
                <a:cxn ang="T158">
                  <a:pos x="T88" y="T89"/>
                </a:cxn>
                <a:cxn ang="T159">
                  <a:pos x="T90" y="T91"/>
                </a:cxn>
                <a:cxn ang="T160">
                  <a:pos x="T92" y="T93"/>
                </a:cxn>
                <a:cxn ang="T161">
                  <a:pos x="T94" y="T95"/>
                </a:cxn>
                <a:cxn ang="T162">
                  <a:pos x="T96" y="T97"/>
                </a:cxn>
                <a:cxn ang="T163">
                  <a:pos x="T98" y="T99"/>
                </a:cxn>
                <a:cxn ang="T164">
                  <a:pos x="T100" y="T101"/>
                </a:cxn>
                <a:cxn ang="T165">
                  <a:pos x="T102" y="T103"/>
                </a:cxn>
                <a:cxn ang="T166">
                  <a:pos x="T104" y="T105"/>
                </a:cxn>
                <a:cxn ang="T167">
                  <a:pos x="T106" y="T107"/>
                </a:cxn>
                <a:cxn ang="T168">
                  <a:pos x="T108" y="T109"/>
                </a:cxn>
                <a:cxn ang="T169">
                  <a:pos x="T110" y="T111"/>
                </a:cxn>
                <a:cxn ang="T170">
                  <a:pos x="T112" y="T113"/>
                </a:cxn>
              </a:cxnLst>
              <a:rect l="T171" t="T172" r="T173" b="T174"/>
              <a:pathLst>
                <a:path w="588" h="397">
                  <a:moveTo>
                    <a:pt x="75" y="379"/>
                  </a:moveTo>
                  <a:lnTo>
                    <a:pt x="72" y="375"/>
                  </a:lnTo>
                  <a:lnTo>
                    <a:pt x="70" y="372"/>
                  </a:lnTo>
                  <a:lnTo>
                    <a:pt x="68" y="367"/>
                  </a:lnTo>
                  <a:lnTo>
                    <a:pt x="68" y="362"/>
                  </a:lnTo>
                  <a:lnTo>
                    <a:pt x="66" y="357"/>
                  </a:lnTo>
                  <a:lnTo>
                    <a:pt x="66" y="352"/>
                  </a:lnTo>
                  <a:lnTo>
                    <a:pt x="66" y="347"/>
                  </a:lnTo>
                  <a:lnTo>
                    <a:pt x="66" y="340"/>
                  </a:lnTo>
                  <a:lnTo>
                    <a:pt x="68" y="335"/>
                  </a:lnTo>
                  <a:lnTo>
                    <a:pt x="68" y="330"/>
                  </a:lnTo>
                  <a:lnTo>
                    <a:pt x="68" y="325"/>
                  </a:lnTo>
                  <a:lnTo>
                    <a:pt x="68" y="321"/>
                  </a:lnTo>
                  <a:lnTo>
                    <a:pt x="70" y="318"/>
                  </a:lnTo>
                  <a:lnTo>
                    <a:pt x="70" y="315"/>
                  </a:lnTo>
                  <a:lnTo>
                    <a:pt x="70" y="313"/>
                  </a:lnTo>
                  <a:lnTo>
                    <a:pt x="63" y="304"/>
                  </a:lnTo>
                  <a:lnTo>
                    <a:pt x="61" y="272"/>
                  </a:lnTo>
                  <a:lnTo>
                    <a:pt x="58" y="267"/>
                  </a:lnTo>
                  <a:lnTo>
                    <a:pt x="53" y="264"/>
                  </a:lnTo>
                  <a:lnTo>
                    <a:pt x="50" y="259"/>
                  </a:lnTo>
                  <a:lnTo>
                    <a:pt x="46" y="254"/>
                  </a:lnTo>
                  <a:lnTo>
                    <a:pt x="46" y="249"/>
                  </a:lnTo>
                  <a:lnTo>
                    <a:pt x="46" y="243"/>
                  </a:lnTo>
                  <a:lnTo>
                    <a:pt x="46" y="240"/>
                  </a:lnTo>
                  <a:lnTo>
                    <a:pt x="46" y="237"/>
                  </a:lnTo>
                  <a:lnTo>
                    <a:pt x="48" y="235"/>
                  </a:lnTo>
                  <a:lnTo>
                    <a:pt x="46" y="227"/>
                  </a:lnTo>
                  <a:lnTo>
                    <a:pt x="46" y="218"/>
                  </a:lnTo>
                  <a:lnTo>
                    <a:pt x="44" y="213"/>
                  </a:lnTo>
                  <a:lnTo>
                    <a:pt x="41" y="208"/>
                  </a:lnTo>
                  <a:lnTo>
                    <a:pt x="39" y="205"/>
                  </a:lnTo>
                  <a:lnTo>
                    <a:pt x="38" y="203"/>
                  </a:lnTo>
                  <a:lnTo>
                    <a:pt x="36" y="201"/>
                  </a:lnTo>
                  <a:lnTo>
                    <a:pt x="34" y="199"/>
                  </a:lnTo>
                  <a:lnTo>
                    <a:pt x="29" y="196"/>
                  </a:lnTo>
                  <a:lnTo>
                    <a:pt x="28" y="193"/>
                  </a:lnTo>
                  <a:lnTo>
                    <a:pt x="24" y="188"/>
                  </a:lnTo>
                  <a:lnTo>
                    <a:pt x="24" y="183"/>
                  </a:lnTo>
                  <a:lnTo>
                    <a:pt x="22" y="179"/>
                  </a:lnTo>
                  <a:lnTo>
                    <a:pt x="22" y="174"/>
                  </a:lnTo>
                  <a:lnTo>
                    <a:pt x="22" y="172"/>
                  </a:lnTo>
                  <a:lnTo>
                    <a:pt x="17" y="159"/>
                  </a:lnTo>
                  <a:lnTo>
                    <a:pt x="17" y="144"/>
                  </a:lnTo>
                  <a:lnTo>
                    <a:pt x="9" y="123"/>
                  </a:lnTo>
                  <a:lnTo>
                    <a:pt x="0" y="111"/>
                  </a:lnTo>
                  <a:lnTo>
                    <a:pt x="2" y="103"/>
                  </a:lnTo>
                  <a:lnTo>
                    <a:pt x="16" y="49"/>
                  </a:lnTo>
                  <a:lnTo>
                    <a:pt x="2" y="49"/>
                  </a:lnTo>
                  <a:lnTo>
                    <a:pt x="4" y="40"/>
                  </a:lnTo>
                  <a:lnTo>
                    <a:pt x="7" y="35"/>
                  </a:lnTo>
                  <a:lnTo>
                    <a:pt x="6" y="27"/>
                  </a:lnTo>
                  <a:lnTo>
                    <a:pt x="2" y="18"/>
                  </a:lnTo>
                  <a:lnTo>
                    <a:pt x="4" y="13"/>
                  </a:lnTo>
                  <a:lnTo>
                    <a:pt x="16" y="13"/>
                  </a:lnTo>
                  <a:lnTo>
                    <a:pt x="16" y="12"/>
                  </a:lnTo>
                  <a:lnTo>
                    <a:pt x="19" y="12"/>
                  </a:lnTo>
                  <a:lnTo>
                    <a:pt x="26" y="12"/>
                  </a:lnTo>
                  <a:lnTo>
                    <a:pt x="33" y="12"/>
                  </a:lnTo>
                  <a:lnTo>
                    <a:pt x="43" y="12"/>
                  </a:lnTo>
                  <a:lnTo>
                    <a:pt x="53" y="12"/>
                  </a:lnTo>
                  <a:lnTo>
                    <a:pt x="66" y="12"/>
                  </a:lnTo>
                  <a:lnTo>
                    <a:pt x="80" y="12"/>
                  </a:lnTo>
                  <a:lnTo>
                    <a:pt x="97" y="12"/>
                  </a:lnTo>
                  <a:lnTo>
                    <a:pt x="112" y="12"/>
                  </a:lnTo>
                  <a:lnTo>
                    <a:pt x="131" y="12"/>
                  </a:lnTo>
                  <a:lnTo>
                    <a:pt x="149" y="12"/>
                  </a:lnTo>
                  <a:lnTo>
                    <a:pt x="168" y="12"/>
                  </a:lnTo>
                  <a:lnTo>
                    <a:pt x="188" y="10"/>
                  </a:lnTo>
                  <a:lnTo>
                    <a:pt x="207" y="10"/>
                  </a:lnTo>
                  <a:lnTo>
                    <a:pt x="227" y="10"/>
                  </a:lnTo>
                  <a:lnTo>
                    <a:pt x="249" y="10"/>
                  </a:lnTo>
                  <a:lnTo>
                    <a:pt x="270" y="10"/>
                  </a:lnTo>
                  <a:lnTo>
                    <a:pt x="290" y="10"/>
                  </a:lnTo>
                  <a:lnTo>
                    <a:pt x="310" y="8"/>
                  </a:lnTo>
                  <a:lnTo>
                    <a:pt x="329" y="8"/>
                  </a:lnTo>
                  <a:lnTo>
                    <a:pt x="349" y="8"/>
                  </a:lnTo>
                  <a:lnTo>
                    <a:pt x="368" y="8"/>
                  </a:lnTo>
                  <a:lnTo>
                    <a:pt x="385" y="7"/>
                  </a:lnTo>
                  <a:lnTo>
                    <a:pt x="402" y="7"/>
                  </a:lnTo>
                  <a:lnTo>
                    <a:pt x="418" y="7"/>
                  </a:lnTo>
                  <a:lnTo>
                    <a:pt x="432" y="5"/>
                  </a:lnTo>
                  <a:lnTo>
                    <a:pt x="446" y="5"/>
                  </a:lnTo>
                  <a:lnTo>
                    <a:pt x="456" y="3"/>
                  </a:lnTo>
                  <a:lnTo>
                    <a:pt x="466" y="3"/>
                  </a:lnTo>
                  <a:lnTo>
                    <a:pt x="474" y="1"/>
                  </a:lnTo>
                  <a:lnTo>
                    <a:pt x="479" y="0"/>
                  </a:lnTo>
                  <a:lnTo>
                    <a:pt x="479" y="1"/>
                  </a:lnTo>
                  <a:lnTo>
                    <a:pt x="488" y="22"/>
                  </a:lnTo>
                  <a:lnTo>
                    <a:pt x="490" y="22"/>
                  </a:lnTo>
                  <a:lnTo>
                    <a:pt x="490" y="23"/>
                  </a:lnTo>
                  <a:lnTo>
                    <a:pt x="491" y="23"/>
                  </a:lnTo>
                  <a:lnTo>
                    <a:pt x="493" y="25"/>
                  </a:lnTo>
                  <a:lnTo>
                    <a:pt x="495" y="29"/>
                  </a:lnTo>
                  <a:lnTo>
                    <a:pt x="495" y="34"/>
                  </a:lnTo>
                  <a:lnTo>
                    <a:pt x="493" y="39"/>
                  </a:lnTo>
                  <a:lnTo>
                    <a:pt x="490" y="47"/>
                  </a:lnTo>
                  <a:lnTo>
                    <a:pt x="488" y="52"/>
                  </a:lnTo>
                  <a:lnTo>
                    <a:pt x="486" y="56"/>
                  </a:lnTo>
                  <a:lnTo>
                    <a:pt x="488" y="61"/>
                  </a:lnTo>
                  <a:lnTo>
                    <a:pt x="488" y="64"/>
                  </a:lnTo>
                  <a:lnTo>
                    <a:pt x="490" y="69"/>
                  </a:lnTo>
                  <a:lnTo>
                    <a:pt x="491" y="73"/>
                  </a:lnTo>
                  <a:lnTo>
                    <a:pt x="495" y="76"/>
                  </a:lnTo>
                  <a:lnTo>
                    <a:pt x="496" y="81"/>
                  </a:lnTo>
                  <a:lnTo>
                    <a:pt x="500" y="84"/>
                  </a:lnTo>
                  <a:lnTo>
                    <a:pt x="501" y="89"/>
                  </a:lnTo>
                  <a:lnTo>
                    <a:pt x="501" y="91"/>
                  </a:lnTo>
                  <a:lnTo>
                    <a:pt x="501" y="95"/>
                  </a:lnTo>
                  <a:lnTo>
                    <a:pt x="501" y="96"/>
                  </a:lnTo>
                  <a:lnTo>
                    <a:pt x="501" y="98"/>
                  </a:lnTo>
                  <a:lnTo>
                    <a:pt x="525" y="105"/>
                  </a:lnTo>
                  <a:lnTo>
                    <a:pt x="527" y="106"/>
                  </a:lnTo>
                  <a:lnTo>
                    <a:pt x="530" y="106"/>
                  </a:lnTo>
                  <a:lnTo>
                    <a:pt x="532" y="108"/>
                  </a:lnTo>
                  <a:lnTo>
                    <a:pt x="535" y="111"/>
                  </a:lnTo>
                  <a:lnTo>
                    <a:pt x="537" y="115"/>
                  </a:lnTo>
                  <a:lnTo>
                    <a:pt x="539" y="120"/>
                  </a:lnTo>
                  <a:lnTo>
                    <a:pt x="540" y="125"/>
                  </a:lnTo>
                  <a:lnTo>
                    <a:pt x="540" y="127"/>
                  </a:lnTo>
                  <a:lnTo>
                    <a:pt x="540" y="128"/>
                  </a:lnTo>
                  <a:lnTo>
                    <a:pt x="542" y="130"/>
                  </a:lnTo>
                  <a:lnTo>
                    <a:pt x="545" y="132"/>
                  </a:lnTo>
                  <a:lnTo>
                    <a:pt x="547" y="133"/>
                  </a:lnTo>
                  <a:lnTo>
                    <a:pt x="552" y="135"/>
                  </a:lnTo>
                  <a:lnTo>
                    <a:pt x="556" y="139"/>
                  </a:lnTo>
                  <a:lnTo>
                    <a:pt x="561" y="142"/>
                  </a:lnTo>
                  <a:lnTo>
                    <a:pt x="564" y="145"/>
                  </a:lnTo>
                  <a:lnTo>
                    <a:pt x="564" y="149"/>
                  </a:lnTo>
                  <a:lnTo>
                    <a:pt x="564" y="150"/>
                  </a:lnTo>
                  <a:lnTo>
                    <a:pt x="564" y="152"/>
                  </a:lnTo>
                  <a:lnTo>
                    <a:pt x="562" y="154"/>
                  </a:lnTo>
                  <a:lnTo>
                    <a:pt x="562" y="155"/>
                  </a:lnTo>
                  <a:lnTo>
                    <a:pt x="572" y="162"/>
                  </a:lnTo>
                  <a:lnTo>
                    <a:pt x="574" y="162"/>
                  </a:lnTo>
                  <a:lnTo>
                    <a:pt x="576" y="164"/>
                  </a:lnTo>
                  <a:lnTo>
                    <a:pt x="579" y="166"/>
                  </a:lnTo>
                  <a:lnTo>
                    <a:pt x="584" y="169"/>
                  </a:lnTo>
                  <a:lnTo>
                    <a:pt x="586" y="174"/>
                  </a:lnTo>
                  <a:lnTo>
                    <a:pt x="588" y="181"/>
                  </a:lnTo>
                  <a:lnTo>
                    <a:pt x="588" y="189"/>
                  </a:lnTo>
                  <a:lnTo>
                    <a:pt x="586" y="201"/>
                  </a:lnTo>
                  <a:lnTo>
                    <a:pt x="583" y="210"/>
                  </a:lnTo>
                  <a:lnTo>
                    <a:pt x="579" y="213"/>
                  </a:lnTo>
                  <a:lnTo>
                    <a:pt x="576" y="215"/>
                  </a:lnTo>
                  <a:lnTo>
                    <a:pt x="574" y="213"/>
                  </a:lnTo>
                  <a:lnTo>
                    <a:pt x="572" y="215"/>
                  </a:lnTo>
                  <a:lnTo>
                    <a:pt x="572" y="216"/>
                  </a:lnTo>
                  <a:lnTo>
                    <a:pt x="571" y="225"/>
                  </a:lnTo>
                  <a:lnTo>
                    <a:pt x="571" y="238"/>
                  </a:lnTo>
                  <a:lnTo>
                    <a:pt x="571" y="240"/>
                  </a:lnTo>
                  <a:lnTo>
                    <a:pt x="569" y="242"/>
                  </a:lnTo>
                  <a:lnTo>
                    <a:pt x="567" y="243"/>
                  </a:lnTo>
                  <a:lnTo>
                    <a:pt x="564" y="245"/>
                  </a:lnTo>
                  <a:lnTo>
                    <a:pt x="561" y="247"/>
                  </a:lnTo>
                  <a:lnTo>
                    <a:pt x="554" y="247"/>
                  </a:lnTo>
                  <a:lnTo>
                    <a:pt x="552" y="247"/>
                  </a:lnTo>
                  <a:lnTo>
                    <a:pt x="552" y="249"/>
                  </a:lnTo>
                  <a:lnTo>
                    <a:pt x="552" y="250"/>
                  </a:lnTo>
                  <a:lnTo>
                    <a:pt x="550" y="252"/>
                  </a:lnTo>
                  <a:lnTo>
                    <a:pt x="549" y="254"/>
                  </a:lnTo>
                  <a:lnTo>
                    <a:pt x="544" y="255"/>
                  </a:lnTo>
                  <a:lnTo>
                    <a:pt x="537" y="257"/>
                  </a:lnTo>
                  <a:lnTo>
                    <a:pt x="530" y="257"/>
                  </a:lnTo>
                  <a:lnTo>
                    <a:pt x="523" y="259"/>
                  </a:lnTo>
                  <a:lnTo>
                    <a:pt x="517" y="262"/>
                  </a:lnTo>
                  <a:lnTo>
                    <a:pt x="512" y="265"/>
                  </a:lnTo>
                  <a:lnTo>
                    <a:pt x="508" y="269"/>
                  </a:lnTo>
                  <a:lnTo>
                    <a:pt x="508" y="276"/>
                  </a:lnTo>
                  <a:lnTo>
                    <a:pt x="508" y="282"/>
                  </a:lnTo>
                  <a:lnTo>
                    <a:pt x="512" y="291"/>
                  </a:lnTo>
                  <a:lnTo>
                    <a:pt x="515" y="299"/>
                  </a:lnTo>
                  <a:lnTo>
                    <a:pt x="520" y="304"/>
                  </a:lnTo>
                  <a:lnTo>
                    <a:pt x="522" y="309"/>
                  </a:lnTo>
                  <a:lnTo>
                    <a:pt x="523" y="313"/>
                  </a:lnTo>
                  <a:lnTo>
                    <a:pt x="525" y="318"/>
                  </a:lnTo>
                  <a:lnTo>
                    <a:pt x="523" y="321"/>
                  </a:lnTo>
                  <a:lnTo>
                    <a:pt x="520" y="325"/>
                  </a:lnTo>
                  <a:lnTo>
                    <a:pt x="515" y="331"/>
                  </a:lnTo>
                  <a:lnTo>
                    <a:pt x="515" y="335"/>
                  </a:lnTo>
                  <a:lnTo>
                    <a:pt x="513" y="337"/>
                  </a:lnTo>
                  <a:lnTo>
                    <a:pt x="512" y="340"/>
                  </a:lnTo>
                  <a:lnTo>
                    <a:pt x="512" y="342"/>
                  </a:lnTo>
                  <a:lnTo>
                    <a:pt x="510" y="343"/>
                  </a:lnTo>
                  <a:lnTo>
                    <a:pt x="510" y="345"/>
                  </a:lnTo>
                  <a:lnTo>
                    <a:pt x="510" y="347"/>
                  </a:lnTo>
                  <a:lnTo>
                    <a:pt x="508" y="348"/>
                  </a:lnTo>
                  <a:lnTo>
                    <a:pt x="508" y="352"/>
                  </a:lnTo>
                  <a:lnTo>
                    <a:pt x="508" y="353"/>
                  </a:lnTo>
                  <a:lnTo>
                    <a:pt x="506" y="357"/>
                  </a:lnTo>
                  <a:lnTo>
                    <a:pt x="503" y="359"/>
                  </a:lnTo>
                  <a:lnTo>
                    <a:pt x="498" y="360"/>
                  </a:lnTo>
                  <a:lnTo>
                    <a:pt x="493" y="362"/>
                  </a:lnTo>
                  <a:lnTo>
                    <a:pt x="488" y="364"/>
                  </a:lnTo>
                  <a:lnTo>
                    <a:pt x="484" y="365"/>
                  </a:lnTo>
                  <a:lnTo>
                    <a:pt x="483" y="369"/>
                  </a:lnTo>
                  <a:lnTo>
                    <a:pt x="483" y="372"/>
                  </a:lnTo>
                  <a:lnTo>
                    <a:pt x="483" y="375"/>
                  </a:lnTo>
                  <a:lnTo>
                    <a:pt x="484" y="377"/>
                  </a:lnTo>
                  <a:lnTo>
                    <a:pt x="486" y="381"/>
                  </a:lnTo>
                  <a:lnTo>
                    <a:pt x="488" y="382"/>
                  </a:lnTo>
                  <a:lnTo>
                    <a:pt x="488" y="384"/>
                  </a:lnTo>
                  <a:lnTo>
                    <a:pt x="488" y="387"/>
                  </a:lnTo>
                  <a:lnTo>
                    <a:pt x="486" y="389"/>
                  </a:lnTo>
                  <a:lnTo>
                    <a:pt x="484" y="392"/>
                  </a:lnTo>
                  <a:lnTo>
                    <a:pt x="483" y="394"/>
                  </a:lnTo>
                  <a:lnTo>
                    <a:pt x="481" y="396"/>
                  </a:lnTo>
                  <a:lnTo>
                    <a:pt x="479" y="397"/>
                  </a:lnTo>
                  <a:lnTo>
                    <a:pt x="478" y="397"/>
                  </a:lnTo>
                  <a:lnTo>
                    <a:pt x="476" y="394"/>
                  </a:lnTo>
                  <a:lnTo>
                    <a:pt x="471" y="389"/>
                  </a:lnTo>
                  <a:lnTo>
                    <a:pt x="466" y="384"/>
                  </a:lnTo>
                  <a:lnTo>
                    <a:pt x="462" y="379"/>
                  </a:lnTo>
                  <a:lnTo>
                    <a:pt x="457" y="374"/>
                  </a:lnTo>
                  <a:lnTo>
                    <a:pt x="456" y="370"/>
                  </a:lnTo>
                  <a:lnTo>
                    <a:pt x="454" y="369"/>
                  </a:lnTo>
                  <a:lnTo>
                    <a:pt x="75" y="379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32" name="Freeform 59"/>
            <p:cNvSpPr>
              <a:spLocks/>
            </p:cNvSpPr>
            <p:nvPr/>
          </p:nvSpPr>
          <p:spPr bwMode="auto">
            <a:xfrm>
              <a:off x="2869" y="2644"/>
              <a:ext cx="478" cy="439"/>
            </a:xfrm>
            <a:custGeom>
              <a:avLst/>
              <a:gdLst>
                <a:gd name="T0" fmla="*/ 242 w 492"/>
                <a:gd name="T1" fmla="*/ 294 h 452"/>
                <a:gd name="T2" fmla="*/ 243 w 492"/>
                <a:gd name="T3" fmla="*/ 287 h 452"/>
                <a:gd name="T4" fmla="*/ 244 w 492"/>
                <a:gd name="T5" fmla="*/ 283 h 452"/>
                <a:gd name="T6" fmla="*/ 247 w 492"/>
                <a:gd name="T7" fmla="*/ 280 h 452"/>
                <a:gd name="T8" fmla="*/ 247 w 492"/>
                <a:gd name="T9" fmla="*/ 276 h 452"/>
                <a:gd name="T10" fmla="*/ 242 w 492"/>
                <a:gd name="T11" fmla="*/ 262 h 452"/>
                <a:gd name="T12" fmla="*/ 237 w 492"/>
                <a:gd name="T13" fmla="*/ 246 h 452"/>
                <a:gd name="T14" fmla="*/ 239 w 492"/>
                <a:gd name="T15" fmla="*/ 241 h 452"/>
                <a:gd name="T16" fmla="*/ 247 w 492"/>
                <a:gd name="T17" fmla="*/ 238 h 452"/>
                <a:gd name="T18" fmla="*/ 247 w 492"/>
                <a:gd name="T19" fmla="*/ 234 h 452"/>
                <a:gd name="T20" fmla="*/ 243 w 492"/>
                <a:gd name="T21" fmla="*/ 233 h 452"/>
                <a:gd name="T22" fmla="*/ 243 w 492"/>
                <a:gd name="T23" fmla="*/ 231 h 452"/>
                <a:gd name="T24" fmla="*/ 247 w 492"/>
                <a:gd name="T25" fmla="*/ 226 h 452"/>
                <a:gd name="T26" fmla="*/ 247 w 492"/>
                <a:gd name="T27" fmla="*/ 222 h 452"/>
                <a:gd name="T28" fmla="*/ 245 w 492"/>
                <a:gd name="T29" fmla="*/ 218 h 452"/>
                <a:gd name="T30" fmla="*/ 247 w 492"/>
                <a:gd name="T31" fmla="*/ 213 h 452"/>
                <a:gd name="T32" fmla="*/ 251 w 492"/>
                <a:gd name="T33" fmla="*/ 210 h 452"/>
                <a:gd name="T34" fmla="*/ 254 w 492"/>
                <a:gd name="T35" fmla="*/ 207 h 452"/>
                <a:gd name="T36" fmla="*/ 253 w 492"/>
                <a:gd name="T37" fmla="*/ 202 h 452"/>
                <a:gd name="T38" fmla="*/ 258 w 492"/>
                <a:gd name="T39" fmla="*/ 190 h 452"/>
                <a:gd name="T40" fmla="*/ 278 w 492"/>
                <a:gd name="T41" fmla="*/ 175 h 452"/>
                <a:gd name="T42" fmla="*/ 294 w 492"/>
                <a:gd name="T43" fmla="*/ 136 h 452"/>
                <a:gd name="T44" fmla="*/ 295 w 492"/>
                <a:gd name="T45" fmla="*/ 134 h 452"/>
                <a:gd name="T46" fmla="*/ 297 w 492"/>
                <a:gd name="T47" fmla="*/ 130 h 452"/>
                <a:gd name="T48" fmla="*/ 293 w 492"/>
                <a:gd name="T49" fmla="*/ 128 h 452"/>
                <a:gd name="T50" fmla="*/ 294 w 492"/>
                <a:gd name="T51" fmla="*/ 125 h 452"/>
                <a:gd name="T52" fmla="*/ 301 w 492"/>
                <a:gd name="T53" fmla="*/ 120 h 452"/>
                <a:gd name="T54" fmla="*/ 306 w 492"/>
                <a:gd name="T55" fmla="*/ 112 h 452"/>
                <a:gd name="T56" fmla="*/ 305 w 492"/>
                <a:gd name="T57" fmla="*/ 103 h 452"/>
                <a:gd name="T58" fmla="*/ 302 w 492"/>
                <a:gd name="T59" fmla="*/ 100 h 452"/>
                <a:gd name="T60" fmla="*/ 307 w 492"/>
                <a:gd name="T61" fmla="*/ 88 h 452"/>
                <a:gd name="T62" fmla="*/ 312 w 492"/>
                <a:gd name="T63" fmla="*/ 83 h 452"/>
                <a:gd name="T64" fmla="*/ 315 w 492"/>
                <a:gd name="T65" fmla="*/ 80 h 452"/>
                <a:gd name="T66" fmla="*/ 320 w 492"/>
                <a:gd name="T67" fmla="*/ 72 h 452"/>
                <a:gd name="T68" fmla="*/ 314 w 492"/>
                <a:gd name="T69" fmla="*/ 68 h 452"/>
                <a:gd name="T70" fmla="*/ 312 w 492"/>
                <a:gd name="T71" fmla="*/ 68 h 452"/>
                <a:gd name="T72" fmla="*/ 317 w 492"/>
                <a:gd name="T73" fmla="*/ 64 h 452"/>
                <a:gd name="T74" fmla="*/ 320 w 492"/>
                <a:gd name="T75" fmla="*/ 60 h 452"/>
                <a:gd name="T76" fmla="*/ 327 w 492"/>
                <a:gd name="T77" fmla="*/ 50 h 452"/>
                <a:gd name="T78" fmla="*/ 329 w 492"/>
                <a:gd name="T79" fmla="*/ 45 h 452"/>
                <a:gd name="T80" fmla="*/ 326 w 492"/>
                <a:gd name="T81" fmla="*/ 43 h 452"/>
                <a:gd name="T82" fmla="*/ 283 w 492"/>
                <a:gd name="T83" fmla="*/ 44 h 452"/>
                <a:gd name="T84" fmla="*/ 287 w 492"/>
                <a:gd name="T85" fmla="*/ 37 h 452"/>
                <a:gd name="T86" fmla="*/ 293 w 492"/>
                <a:gd name="T87" fmla="*/ 20 h 452"/>
                <a:gd name="T88" fmla="*/ 302 w 492"/>
                <a:gd name="T89" fmla="*/ 17 h 452"/>
                <a:gd name="T90" fmla="*/ 295 w 492"/>
                <a:gd name="T91" fmla="*/ 5 h 452"/>
                <a:gd name="T92" fmla="*/ 288 w 492"/>
                <a:gd name="T93" fmla="*/ 0 h 452"/>
                <a:gd name="T94" fmla="*/ 280 w 492"/>
                <a:gd name="T95" fmla="*/ 2 h 452"/>
                <a:gd name="T96" fmla="*/ 261 w 492"/>
                <a:gd name="T97" fmla="*/ 3 h 452"/>
                <a:gd name="T98" fmla="*/ 232 w 492"/>
                <a:gd name="T99" fmla="*/ 5 h 452"/>
                <a:gd name="T100" fmla="*/ 198 w 492"/>
                <a:gd name="T101" fmla="*/ 7 h 452"/>
                <a:gd name="T102" fmla="*/ 158 w 492"/>
                <a:gd name="T103" fmla="*/ 10 h 452"/>
                <a:gd name="T104" fmla="*/ 119 w 492"/>
                <a:gd name="T105" fmla="*/ 12 h 452"/>
                <a:gd name="T106" fmla="*/ 83 w 492"/>
                <a:gd name="T107" fmla="*/ 15 h 452"/>
                <a:gd name="T108" fmla="*/ 48 w 492"/>
                <a:gd name="T109" fmla="*/ 17 h 452"/>
                <a:gd name="T110" fmla="*/ 18 w 492"/>
                <a:gd name="T111" fmla="*/ 17 h 452"/>
                <a:gd name="T112" fmla="*/ 6 w 492"/>
                <a:gd name="T113" fmla="*/ 17 h 452"/>
                <a:gd name="T114" fmla="*/ 17 w 492"/>
                <a:gd name="T115" fmla="*/ 106 h 452"/>
                <a:gd name="T116" fmla="*/ 17 w 492"/>
                <a:gd name="T117" fmla="*/ 258 h 452"/>
                <a:gd name="T118" fmla="*/ 44 w 492"/>
                <a:gd name="T119" fmla="*/ 300 h 452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w 492"/>
                <a:gd name="T181" fmla="*/ 0 h 452"/>
                <a:gd name="T182" fmla="*/ 492 w 492"/>
                <a:gd name="T183" fmla="*/ 452 h 452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T180" t="T181" r="T182" b="T183"/>
              <a:pathLst>
                <a:path w="492" h="452">
                  <a:moveTo>
                    <a:pt x="362" y="443"/>
                  </a:moveTo>
                  <a:lnTo>
                    <a:pt x="362" y="443"/>
                  </a:lnTo>
                  <a:lnTo>
                    <a:pt x="362" y="442"/>
                  </a:lnTo>
                  <a:lnTo>
                    <a:pt x="362" y="438"/>
                  </a:lnTo>
                  <a:lnTo>
                    <a:pt x="362" y="435"/>
                  </a:lnTo>
                  <a:lnTo>
                    <a:pt x="364" y="432"/>
                  </a:lnTo>
                  <a:lnTo>
                    <a:pt x="364" y="428"/>
                  </a:lnTo>
                  <a:lnTo>
                    <a:pt x="365" y="426"/>
                  </a:lnTo>
                  <a:lnTo>
                    <a:pt x="369" y="425"/>
                  </a:lnTo>
                  <a:lnTo>
                    <a:pt x="370" y="423"/>
                  </a:lnTo>
                  <a:lnTo>
                    <a:pt x="370" y="421"/>
                  </a:lnTo>
                  <a:lnTo>
                    <a:pt x="370" y="420"/>
                  </a:lnTo>
                  <a:lnTo>
                    <a:pt x="369" y="416"/>
                  </a:lnTo>
                  <a:lnTo>
                    <a:pt x="369" y="415"/>
                  </a:lnTo>
                  <a:lnTo>
                    <a:pt x="367" y="413"/>
                  </a:lnTo>
                  <a:lnTo>
                    <a:pt x="362" y="393"/>
                  </a:lnTo>
                  <a:lnTo>
                    <a:pt x="360" y="386"/>
                  </a:lnTo>
                  <a:lnTo>
                    <a:pt x="352" y="377"/>
                  </a:lnTo>
                  <a:lnTo>
                    <a:pt x="355" y="369"/>
                  </a:lnTo>
                  <a:lnTo>
                    <a:pt x="355" y="364"/>
                  </a:lnTo>
                  <a:lnTo>
                    <a:pt x="357" y="362"/>
                  </a:lnTo>
                  <a:lnTo>
                    <a:pt x="358" y="362"/>
                  </a:lnTo>
                  <a:lnTo>
                    <a:pt x="362" y="360"/>
                  </a:lnTo>
                  <a:lnTo>
                    <a:pt x="364" y="360"/>
                  </a:lnTo>
                  <a:lnTo>
                    <a:pt x="369" y="357"/>
                  </a:lnTo>
                  <a:lnTo>
                    <a:pt x="370" y="355"/>
                  </a:lnTo>
                  <a:lnTo>
                    <a:pt x="370" y="354"/>
                  </a:lnTo>
                  <a:lnTo>
                    <a:pt x="369" y="352"/>
                  </a:lnTo>
                  <a:lnTo>
                    <a:pt x="367" y="350"/>
                  </a:lnTo>
                  <a:lnTo>
                    <a:pt x="365" y="350"/>
                  </a:lnTo>
                  <a:lnTo>
                    <a:pt x="364" y="350"/>
                  </a:lnTo>
                  <a:lnTo>
                    <a:pt x="362" y="350"/>
                  </a:lnTo>
                  <a:lnTo>
                    <a:pt x="362" y="349"/>
                  </a:lnTo>
                  <a:lnTo>
                    <a:pt x="364" y="347"/>
                  </a:lnTo>
                  <a:lnTo>
                    <a:pt x="365" y="345"/>
                  </a:lnTo>
                  <a:lnTo>
                    <a:pt x="367" y="344"/>
                  </a:lnTo>
                  <a:lnTo>
                    <a:pt x="369" y="340"/>
                  </a:lnTo>
                  <a:lnTo>
                    <a:pt x="370" y="338"/>
                  </a:lnTo>
                  <a:lnTo>
                    <a:pt x="370" y="337"/>
                  </a:lnTo>
                  <a:lnTo>
                    <a:pt x="370" y="335"/>
                  </a:lnTo>
                  <a:lnTo>
                    <a:pt x="369" y="332"/>
                  </a:lnTo>
                  <a:lnTo>
                    <a:pt x="367" y="330"/>
                  </a:lnTo>
                  <a:lnTo>
                    <a:pt x="367" y="327"/>
                  </a:lnTo>
                  <a:lnTo>
                    <a:pt x="367" y="323"/>
                  </a:lnTo>
                  <a:lnTo>
                    <a:pt x="367" y="322"/>
                  </a:lnTo>
                  <a:lnTo>
                    <a:pt x="369" y="320"/>
                  </a:lnTo>
                  <a:lnTo>
                    <a:pt x="370" y="318"/>
                  </a:lnTo>
                  <a:lnTo>
                    <a:pt x="372" y="318"/>
                  </a:lnTo>
                  <a:lnTo>
                    <a:pt x="377" y="316"/>
                  </a:lnTo>
                  <a:lnTo>
                    <a:pt x="380" y="315"/>
                  </a:lnTo>
                  <a:lnTo>
                    <a:pt x="380" y="311"/>
                  </a:lnTo>
                  <a:lnTo>
                    <a:pt x="380" y="310"/>
                  </a:lnTo>
                  <a:lnTo>
                    <a:pt x="380" y="308"/>
                  </a:lnTo>
                  <a:lnTo>
                    <a:pt x="379" y="306"/>
                  </a:lnTo>
                  <a:lnTo>
                    <a:pt x="379" y="305"/>
                  </a:lnTo>
                  <a:lnTo>
                    <a:pt x="377" y="305"/>
                  </a:lnTo>
                  <a:lnTo>
                    <a:pt x="392" y="296"/>
                  </a:lnTo>
                  <a:lnTo>
                    <a:pt x="387" y="286"/>
                  </a:lnTo>
                  <a:lnTo>
                    <a:pt x="402" y="271"/>
                  </a:lnTo>
                  <a:lnTo>
                    <a:pt x="408" y="271"/>
                  </a:lnTo>
                  <a:lnTo>
                    <a:pt x="416" y="262"/>
                  </a:lnTo>
                  <a:lnTo>
                    <a:pt x="416" y="232"/>
                  </a:lnTo>
                  <a:lnTo>
                    <a:pt x="426" y="217"/>
                  </a:lnTo>
                  <a:lnTo>
                    <a:pt x="441" y="205"/>
                  </a:lnTo>
                  <a:lnTo>
                    <a:pt x="441" y="203"/>
                  </a:lnTo>
                  <a:lnTo>
                    <a:pt x="443" y="201"/>
                  </a:lnTo>
                  <a:lnTo>
                    <a:pt x="443" y="198"/>
                  </a:lnTo>
                  <a:lnTo>
                    <a:pt x="443" y="196"/>
                  </a:lnTo>
                  <a:lnTo>
                    <a:pt x="445" y="195"/>
                  </a:lnTo>
                  <a:lnTo>
                    <a:pt x="445" y="193"/>
                  </a:lnTo>
                  <a:lnTo>
                    <a:pt x="440" y="193"/>
                  </a:lnTo>
                  <a:lnTo>
                    <a:pt x="438" y="191"/>
                  </a:lnTo>
                  <a:lnTo>
                    <a:pt x="438" y="190"/>
                  </a:lnTo>
                  <a:lnTo>
                    <a:pt x="441" y="188"/>
                  </a:lnTo>
                  <a:lnTo>
                    <a:pt x="445" y="184"/>
                  </a:lnTo>
                  <a:lnTo>
                    <a:pt x="446" y="183"/>
                  </a:lnTo>
                  <a:lnTo>
                    <a:pt x="450" y="181"/>
                  </a:lnTo>
                  <a:lnTo>
                    <a:pt x="452" y="181"/>
                  </a:lnTo>
                  <a:lnTo>
                    <a:pt x="457" y="174"/>
                  </a:lnTo>
                  <a:lnTo>
                    <a:pt x="458" y="168"/>
                  </a:lnTo>
                  <a:lnTo>
                    <a:pt x="460" y="162"/>
                  </a:lnTo>
                  <a:lnTo>
                    <a:pt x="458" y="157"/>
                  </a:lnTo>
                  <a:lnTo>
                    <a:pt x="457" y="154"/>
                  </a:lnTo>
                  <a:lnTo>
                    <a:pt x="455" y="152"/>
                  </a:lnTo>
                  <a:lnTo>
                    <a:pt x="453" y="149"/>
                  </a:lnTo>
                  <a:lnTo>
                    <a:pt x="458" y="137"/>
                  </a:lnTo>
                  <a:lnTo>
                    <a:pt x="458" y="135"/>
                  </a:lnTo>
                  <a:lnTo>
                    <a:pt x="460" y="134"/>
                  </a:lnTo>
                  <a:lnTo>
                    <a:pt x="462" y="132"/>
                  </a:lnTo>
                  <a:lnTo>
                    <a:pt x="463" y="129"/>
                  </a:lnTo>
                  <a:lnTo>
                    <a:pt x="467" y="125"/>
                  </a:lnTo>
                  <a:lnTo>
                    <a:pt x="468" y="122"/>
                  </a:lnTo>
                  <a:lnTo>
                    <a:pt x="470" y="120"/>
                  </a:lnTo>
                  <a:lnTo>
                    <a:pt x="472" y="120"/>
                  </a:lnTo>
                  <a:lnTo>
                    <a:pt x="477" y="113"/>
                  </a:lnTo>
                  <a:lnTo>
                    <a:pt x="479" y="108"/>
                  </a:lnTo>
                  <a:lnTo>
                    <a:pt x="479" y="107"/>
                  </a:lnTo>
                  <a:lnTo>
                    <a:pt x="477" y="103"/>
                  </a:lnTo>
                  <a:lnTo>
                    <a:pt x="474" y="103"/>
                  </a:lnTo>
                  <a:lnTo>
                    <a:pt x="470" y="102"/>
                  </a:lnTo>
                  <a:lnTo>
                    <a:pt x="468" y="102"/>
                  </a:lnTo>
                  <a:lnTo>
                    <a:pt x="470" y="100"/>
                  </a:lnTo>
                  <a:lnTo>
                    <a:pt x="472" y="98"/>
                  </a:lnTo>
                  <a:lnTo>
                    <a:pt x="474" y="96"/>
                  </a:lnTo>
                  <a:lnTo>
                    <a:pt x="477" y="93"/>
                  </a:lnTo>
                  <a:lnTo>
                    <a:pt x="479" y="91"/>
                  </a:lnTo>
                  <a:lnTo>
                    <a:pt x="480" y="90"/>
                  </a:lnTo>
                  <a:lnTo>
                    <a:pt x="482" y="88"/>
                  </a:lnTo>
                  <a:lnTo>
                    <a:pt x="487" y="81"/>
                  </a:lnTo>
                  <a:lnTo>
                    <a:pt x="490" y="76"/>
                  </a:lnTo>
                  <a:lnTo>
                    <a:pt x="492" y="73"/>
                  </a:lnTo>
                  <a:lnTo>
                    <a:pt x="492" y="69"/>
                  </a:lnTo>
                  <a:lnTo>
                    <a:pt x="492" y="66"/>
                  </a:lnTo>
                  <a:lnTo>
                    <a:pt x="490" y="64"/>
                  </a:lnTo>
                  <a:lnTo>
                    <a:pt x="489" y="63"/>
                  </a:lnTo>
                  <a:lnTo>
                    <a:pt x="424" y="66"/>
                  </a:lnTo>
                  <a:lnTo>
                    <a:pt x="424" y="64"/>
                  </a:lnTo>
                  <a:lnTo>
                    <a:pt x="426" y="61"/>
                  </a:lnTo>
                  <a:lnTo>
                    <a:pt x="428" y="58"/>
                  </a:lnTo>
                  <a:lnTo>
                    <a:pt x="430" y="51"/>
                  </a:lnTo>
                  <a:lnTo>
                    <a:pt x="433" y="46"/>
                  </a:lnTo>
                  <a:lnTo>
                    <a:pt x="436" y="39"/>
                  </a:lnTo>
                  <a:lnTo>
                    <a:pt x="440" y="34"/>
                  </a:lnTo>
                  <a:lnTo>
                    <a:pt x="446" y="29"/>
                  </a:lnTo>
                  <a:lnTo>
                    <a:pt x="450" y="24"/>
                  </a:lnTo>
                  <a:lnTo>
                    <a:pt x="452" y="19"/>
                  </a:lnTo>
                  <a:lnTo>
                    <a:pt x="450" y="14"/>
                  </a:lnTo>
                  <a:lnTo>
                    <a:pt x="446" y="8"/>
                  </a:lnTo>
                  <a:lnTo>
                    <a:pt x="443" y="5"/>
                  </a:lnTo>
                  <a:lnTo>
                    <a:pt x="438" y="2"/>
                  </a:lnTo>
                  <a:lnTo>
                    <a:pt x="435" y="0"/>
                  </a:lnTo>
                  <a:lnTo>
                    <a:pt x="431" y="0"/>
                  </a:lnTo>
                  <a:lnTo>
                    <a:pt x="430" y="2"/>
                  </a:lnTo>
                  <a:lnTo>
                    <a:pt x="426" y="2"/>
                  </a:lnTo>
                  <a:lnTo>
                    <a:pt x="419" y="2"/>
                  </a:lnTo>
                  <a:lnTo>
                    <a:pt x="411" y="2"/>
                  </a:lnTo>
                  <a:lnTo>
                    <a:pt x="402" y="3"/>
                  </a:lnTo>
                  <a:lnTo>
                    <a:pt x="391" y="3"/>
                  </a:lnTo>
                  <a:lnTo>
                    <a:pt x="377" y="3"/>
                  </a:lnTo>
                  <a:lnTo>
                    <a:pt x="364" y="5"/>
                  </a:lnTo>
                  <a:lnTo>
                    <a:pt x="348" y="5"/>
                  </a:lnTo>
                  <a:lnTo>
                    <a:pt x="331" y="7"/>
                  </a:lnTo>
                  <a:lnTo>
                    <a:pt x="314" y="7"/>
                  </a:lnTo>
                  <a:lnTo>
                    <a:pt x="296" y="7"/>
                  </a:lnTo>
                  <a:lnTo>
                    <a:pt x="277" y="8"/>
                  </a:lnTo>
                  <a:lnTo>
                    <a:pt x="259" y="8"/>
                  </a:lnTo>
                  <a:lnTo>
                    <a:pt x="238" y="10"/>
                  </a:lnTo>
                  <a:lnTo>
                    <a:pt x="220" y="10"/>
                  </a:lnTo>
                  <a:lnTo>
                    <a:pt x="199" y="12"/>
                  </a:lnTo>
                  <a:lnTo>
                    <a:pt x="179" y="12"/>
                  </a:lnTo>
                  <a:lnTo>
                    <a:pt x="160" y="14"/>
                  </a:lnTo>
                  <a:lnTo>
                    <a:pt x="142" y="14"/>
                  </a:lnTo>
                  <a:lnTo>
                    <a:pt x="123" y="15"/>
                  </a:lnTo>
                  <a:lnTo>
                    <a:pt x="105" y="15"/>
                  </a:lnTo>
                  <a:lnTo>
                    <a:pt x="88" y="17"/>
                  </a:lnTo>
                  <a:lnTo>
                    <a:pt x="72" y="17"/>
                  </a:lnTo>
                  <a:lnTo>
                    <a:pt x="57" y="17"/>
                  </a:lnTo>
                  <a:lnTo>
                    <a:pt x="45" y="19"/>
                  </a:lnTo>
                  <a:lnTo>
                    <a:pt x="32" y="19"/>
                  </a:lnTo>
                  <a:lnTo>
                    <a:pt x="22" y="19"/>
                  </a:lnTo>
                  <a:lnTo>
                    <a:pt x="13" y="19"/>
                  </a:lnTo>
                  <a:lnTo>
                    <a:pt x="6" y="19"/>
                  </a:lnTo>
                  <a:lnTo>
                    <a:pt x="1" y="20"/>
                  </a:lnTo>
                  <a:lnTo>
                    <a:pt x="0" y="20"/>
                  </a:lnTo>
                  <a:lnTo>
                    <a:pt x="20" y="159"/>
                  </a:lnTo>
                  <a:lnTo>
                    <a:pt x="18" y="377"/>
                  </a:lnTo>
                  <a:lnTo>
                    <a:pt x="17" y="374"/>
                  </a:lnTo>
                  <a:lnTo>
                    <a:pt x="28" y="389"/>
                  </a:lnTo>
                  <a:lnTo>
                    <a:pt x="54" y="386"/>
                  </a:lnTo>
                  <a:lnTo>
                    <a:pt x="64" y="388"/>
                  </a:lnTo>
                  <a:lnTo>
                    <a:pt x="64" y="452"/>
                  </a:lnTo>
                  <a:lnTo>
                    <a:pt x="362" y="443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33" name="Freeform 60"/>
            <p:cNvSpPr>
              <a:spLocks/>
            </p:cNvSpPr>
            <p:nvPr/>
          </p:nvSpPr>
          <p:spPr bwMode="auto">
            <a:xfrm>
              <a:off x="2931" y="3072"/>
              <a:ext cx="540" cy="475"/>
            </a:xfrm>
            <a:custGeom>
              <a:avLst/>
              <a:gdLst>
                <a:gd name="T0" fmla="*/ 27 w 555"/>
                <a:gd name="T1" fmla="*/ 234 h 489"/>
                <a:gd name="T2" fmla="*/ 27 w 555"/>
                <a:gd name="T3" fmla="*/ 209 h 489"/>
                <a:gd name="T4" fmla="*/ 43 w 555"/>
                <a:gd name="T5" fmla="*/ 176 h 489"/>
                <a:gd name="T6" fmla="*/ 35 w 555"/>
                <a:gd name="T7" fmla="*/ 153 h 489"/>
                <a:gd name="T8" fmla="*/ 203 w 555"/>
                <a:gd name="T9" fmla="*/ 0 h 489"/>
                <a:gd name="T10" fmla="*/ 204 w 555"/>
                <a:gd name="T11" fmla="*/ 12 h 489"/>
                <a:gd name="T12" fmla="*/ 206 w 555"/>
                <a:gd name="T13" fmla="*/ 30 h 489"/>
                <a:gd name="T14" fmla="*/ 211 w 555"/>
                <a:gd name="T15" fmla="*/ 45 h 489"/>
                <a:gd name="T16" fmla="*/ 217 w 555"/>
                <a:gd name="T17" fmla="*/ 51 h 489"/>
                <a:gd name="T18" fmla="*/ 221 w 555"/>
                <a:gd name="T19" fmla="*/ 63 h 489"/>
                <a:gd name="T20" fmla="*/ 206 w 555"/>
                <a:gd name="T21" fmla="*/ 70 h 489"/>
                <a:gd name="T22" fmla="*/ 209 w 555"/>
                <a:gd name="T23" fmla="*/ 84 h 489"/>
                <a:gd name="T24" fmla="*/ 193 w 555"/>
                <a:gd name="T25" fmla="*/ 118 h 489"/>
                <a:gd name="T26" fmla="*/ 188 w 555"/>
                <a:gd name="T27" fmla="*/ 130 h 489"/>
                <a:gd name="T28" fmla="*/ 186 w 555"/>
                <a:gd name="T29" fmla="*/ 141 h 489"/>
                <a:gd name="T30" fmla="*/ 177 w 555"/>
                <a:gd name="T31" fmla="*/ 153 h 489"/>
                <a:gd name="T32" fmla="*/ 180 w 555"/>
                <a:gd name="T33" fmla="*/ 162 h 489"/>
                <a:gd name="T34" fmla="*/ 313 w 555"/>
                <a:gd name="T35" fmla="*/ 179 h 489"/>
                <a:gd name="T36" fmla="*/ 318 w 555"/>
                <a:gd name="T37" fmla="*/ 202 h 489"/>
                <a:gd name="T38" fmla="*/ 326 w 555"/>
                <a:gd name="T39" fmla="*/ 227 h 489"/>
                <a:gd name="T40" fmla="*/ 304 w 555"/>
                <a:gd name="T41" fmla="*/ 222 h 489"/>
                <a:gd name="T42" fmla="*/ 282 w 555"/>
                <a:gd name="T43" fmla="*/ 220 h 489"/>
                <a:gd name="T44" fmla="*/ 273 w 555"/>
                <a:gd name="T45" fmla="*/ 230 h 489"/>
                <a:gd name="T46" fmla="*/ 289 w 555"/>
                <a:gd name="T47" fmla="*/ 242 h 489"/>
                <a:gd name="T48" fmla="*/ 312 w 555"/>
                <a:gd name="T49" fmla="*/ 234 h 489"/>
                <a:gd name="T50" fmla="*/ 322 w 555"/>
                <a:gd name="T51" fmla="*/ 242 h 489"/>
                <a:gd name="T52" fmla="*/ 322 w 555"/>
                <a:gd name="T53" fmla="*/ 249 h 489"/>
                <a:gd name="T54" fmla="*/ 333 w 555"/>
                <a:gd name="T55" fmla="*/ 247 h 489"/>
                <a:gd name="T56" fmla="*/ 341 w 555"/>
                <a:gd name="T57" fmla="*/ 238 h 489"/>
                <a:gd name="T58" fmla="*/ 342 w 555"/>
                <a:gd name="T59" fmla="*/ 242 h 489"/>
                <a:gd name="T60" fmla="*/ 344 w 555"/>
                <a:gd name="T61" fmla="*/ 263 h 489"/>
                <a:gd name="T62" fmla="*/ 332 w 555"/>
                <a:gd name="T63" fmla="*/ 284 h 489"/>
                <a:gd name="T64" fmla="*/ 370 w 555"/>
                <a:gd name="T65" fmla="*/ 304 h 489"/>
                <a:gd name="T66" fmla="*/ 360 w 555"/>
                <a:gd name="T67" fmla="*/ 320 h 489"/>
                <a:gd name="T68" fmla="*/ 352 w 555"/>
                <a:gd name="T69" fmla="*/ 314 h 489"/>
                <a:gd name="T70" fmla="*/ 342 w 555"/>
                <a:gd name="T71" fmla="*/ 304 h 489"/>
                <a:gd name="T72" fmla="*/ 321 w 555"/>
                <a:gd name="T73" fmla="*/ 300 h 489"/>
                <a:gd name="T74" fmla="*/ 315 w 555"/>
                <a:gd name="T75" fmla="*/ 288 h 489"/>
                <a:gd name="T76" fmla="*/ 291 w 555"/>
                <a:gd name="T77" fmla="*/ 283 h 489"/>
                <a:gd name="T78" fmla="*/ 301 w 555"/>
                <a:gd name="T79" fmla="*/ 300 h 489"/>
                <a:gd name="T80" fmla="*/ 301 w 555"/>
                <a:gd name="T81" fmla="*/ 310 h 489"/>
                <a:gd name="T82" fmla="*/ 290 w 555"/>
                <a:gd name="T83" fmla="*/ 322 h 489"/>
                <a:gd name="T84" fmla="*/ 265 w 555"/>
                <a:gd name="T85" fmla="*/ 313 h 489"/>
                <a:gd name="T86" fmla="*/ 239 w 555"/>
                <a:gd name="T87" fmla="*/ 318 h 489"/>
                <a:gd name="T88" fmla="*/ 223 w 555"/>
                <a:gd name="T89" fmla="*/ 314 h 489"/>
                <a:gd name="T90" fmla="*/ 193 w 555"/>
                <a:gd name="T91" fmla="*/ 291 h 489"/>
                <a:gd name="T92" fmla="*/ 185 w 555"/>
                <a:gd name="T93" fmla="*/ 278 h 489"/>
                <a:gd name="T94" fmla="*/ 173 w 555"/>
                <a:gd name="T95" fmla="*/ 275 h 489"/>
                <a:gd name="T96" fmla="*/ 167 w 555"/>
                <a:gd name="T97" fmla="*/ 268 h 489"/>
                <a:gd name="T98" fmla="*/ 139 w 555"/>
                <a:gd name="T99" fmla="*/ 292 h 489"/>
                <a:gd name="T100" fmla="*/ 114 w 555"/>
                <a:gd name="T101" fmla="*/ 290 h 489"/>
                <a:gd name="T102" fmla="*/ 77 w 555"/>
                <a:gd name="T103" fmla="*/ 278 h 489"/>
                <a:gd name="T104" fmla="*/ 60 w 555"/>
                <a:gd name="T105" fmla="*/ 276 h 489"/>
                <a:gd name="T106" fmla="*/ 57 w 555"/>
                <a:gd name="T107" fmla="*/ 272 h 489"/>
                <a:gd name="T108" fmla="*/ 28 w 555"/>
                <a:gd name="T109" fmla="*/ 280 h 489"/>
                <a:gd name="T110" fmla="*/ 18 w 555"/>
                <a:gd name="T111" fmla="*/ 275 h 489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w 555"/>
                <a:gd name="T169" fmla="*/ 0 h 489"/>
                <a:gd name="T170" fmla="*/ 555 w 555"/>
                <a:gd name="T171" fmla="*/ 489 h 489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T168" t="T169" r="T170" b="T171"/>
              <a:pathLst>
                <a:path w="555" h="489">
                  <a:moveTo>
                    <a:pt x="41" y="390"/>
                  </a:moveTo>
                  <a:lnTo>
                    <a:pt x="47" y="381"/>
                  </a:lnTo>
                  <a:lnTo>
                    <a:pt x="51" y="373"/>
                  </a:lnTo>
                  <a:lnTo>
                    <a:pt x="51" y="366"/>
                  </a:lnTo>
                  <a:lnTo>
                    <a:pt x="49" y="361"/>
                  </a:lnTo>
                  <a:lnTo>
                    <a:pt x="46" y="356"/>
                  </a:lnTo>
                  <a:lnTo>
                    <a:pt x="44" y="352"/>
                  </a:lnTo>
                  <a:lnTo>
                    <a:pt x="41" y="351"/>
                  </a:lnTo>
                  <a:lnTo>
                    <a:pt x="44" y="329"/>
                  </a:lnTo>
                  <a:lnTo>
                    <a:pt x="42" y="327"/>
                  </a:lnTo>
                  <a:lnTo>
                    <a:pt x="41" y="325"/>
                  </a:lnTo>
                  <a:lnTo>
                    <a:pt x="39" y="322"/>
                  </a:lnTo>
                  <a:lnTo>
                    <a:pt x="39" y="319"/>
                  </a:lnTo>
                  <a:lnTo>
                    <a:pt x="41" y="313"/>
                  </a:lnTo>
                  <a:lnTo>
                    <a:pt x="44" y="307"/>
                  </a:lnTo>
                  <a:lnTo>
                    <a:pt x="51" y="298"/>
                  </a:lnTo>
                  <a:lnTo>
                    <a:pt x="54" y="293"/>
                  </a:lnTo>
                  <a:lnTo>
                    <a:pt x="56" y="288"/>
                  </a:lnTo>
                  <a:lnTo>
                    <a:pt x="58" y="281"/>
                  </a:lnTo>
                  <a:lnTo>
                    <a:pt x="59" y="276"/>
                  </a:lnTo>
                  <a:lnTo>
                    <a:pt x="59" y="271"/>
                  </a:lnTo>
                  <a:lnTo>
                    <a:pt x="59" y="264"/>
                  </a:lnTo>
                  <a:lnTo>
                    <a:pt x="59" y="259"/>
                  </a:lnTo>
                  <a:lnTo>
                    <a:pt x="58" y="254"/>
                  </a:lnTo>
                  <a:lnTo>
                    <a:pt x="56" y="249"/>
                  </a:lnTo>
                  <a:lnTo>
                    <a:pt x="54" y="244"/>
                  </a:lnTo>
                  <a:lnTo>
                    <a:pt x="54" y="241"/>
                  </a:lnTo>
                  <a:lnTo>
                    <a:pt x="52" y="236"/>
                  </a:lnTo>
                  <a:lnTo>
                    <a:pt x="51" y="232"/>
                  </a:lnTo>
                  <a:lnTo>
                    <a:pt x="49" y="231"/>
                  </a:lnTo>
                  <a:lnTo>
                    <a:pt x="49" y="229"/>
                  </a:lnTo>
                  <a:lnTo>
                    <a:pt x="42" y="209"/>
                  </a:lnTo>
                  <a:lnTo>
                    <a:pt x="29" y="195"/>
                  </a:lnTo>
                  <a:lnTo>
                    <a:pt x="29" y="165"/>
                  </a:lnTo>
                  <a:lnTo>
                    <a:pt x="5" y="134"/>
                  </a:lnTo>
                  <a:lnTo>
                    <a:pt x="0" y="9"/>
                  </a:lnTo>
                  <a:lnTo>
                    <a:pt x="298" y="0"/>
                  </a:lnTo>
                  <a:lnTo>
                    <a:pt x="296" y="0"/>
                  </a:lnTo>
                  <a:lnTo>
                    <a:pt x="296" y="2"/>
                  </a:lnTo>
                  <a:lnTo>
                    <a:pt x="296" y="4"/>
                  </a:lnTo>
                  <a:lnTo>
                    <a:pt x="296" y="5"/>
                  </a:lnTo>
                  <a:lnTo>
                    <a:pt x="296" y="9"/>
                  </a:lnTo>
                  <a:lnTo>
                    <a:pt x="296" y="11"/>
                  </a:lnTo>
                  <a:lnTo>
                    <a:pt x="298" y="12"/>
                  </a:lnTo>
                  <a:lnTo>
                    <a:pt x="300" y="12"/>
                  </a:lnTo>
                  <a:lnTo>
                    <a:pt x="301" y="11"/>
                  </a:lnTo>
                  <a:lnTo>
                    <a:pt x="303" y="11"/>
                  </a:lnTo>
                  <a:lnTo>
                    <a:pt x="305" y="14"/>
                  </a:lnTo>
                  <a:lnTo>
                    <a:pt x="305" y="16"/>
                  </a:lnTo>
                  <a:lnTo>
                    <a:pt x="306" y="17"/>
                  </a:lnTo>
                  <a:lnTo>
                    <a:pt x="305" y="29"/>
                  </a:lnTo>
                  <a:lnTo>
                    <a:pt x="311" y="34"/>
                  </a:lnTo>
                  <a:lnTo>
                    <a:pt x="303" y="44"/>
                  </a:lnTo>
                  <a:lnTo>
                    <a:pt x="305" y="49"/>
                  </a:lnTo>
                  <a:lnTo>
                    <a:pt x="316" y="48"/>
                  </a:lnTo>
                  <a:lnTo>
                    <a:pt x="316" y="60"/>
                  </a:lnTo>
                  <a:lnTo>
                    <a:pt x="315" y="60"/>
                  </a:lnTo>
                  <a:lnTo>
                    <a:pt x="315" y="61"/>
                  </a:lnTo>
                  <a:lnTo>
                    <a:pt x="313" y="63"/>
                  </a:lnTo>
                  <a:lnTo>
                    <a:pt x="311" y="65"/>
                  </a:lnTo>
                  <a:lnTo>
                    <a:pt x="310" y="66"/>
                  </a:lnTo>
                  <a:lnTo>
                    <a:pt x="311" y="68"/>
                  </a:lnTo>
                  <a:lnTo>
                    <a:pt x="313" y="70"/>
                  </a:lnTo>
                  <a:lnTo>
                    <a:pt x="320" y="70"/>
                  </a:lnTo>
                  <a:lnTo>
                    <a:pt x="320" y="71"/>
                  </a:lnTo>
                  <a:lnTo>
                    <a:pt x="320" y="73"/>
                  </a:lnTo>
                  <a:lnTo>
                    <a:pt x="318" y="75"/>
                  </a:lnTo>
                  <a:lnTo>
                    <a:pt x="318" y="78"/>
                  </a:lnTo>
                  <a:lnTo>
                    <a:pt x="320" y="80"/>
                  </a:lnTo>
                  <a:lnTo>
                    <a:pt x="323" y="82"/>
                  </a:lnTo>
                  <a:lnTo>
                    <a:pt x="328" y="82"/>
                  </a:lnTo>
                  <a:lnTo>
                    <a:pt x="327" y="85"/>
                  </a:lnTo>
                  <a:lnTo>
                    <a:pt x="325" y="87"/>
                  </a:lnTo>
                  <a:lnTo>
                    <a:pt x="325" y="90"/>
                  </a:lnTo>
                  <a:lnTo>
                    <a:pt x="323" y="93"/>
                  </a:lnTo>
                  <a:lnTo>
                    <a:pt x="322" y="97"/>
                  </a:lnTo>
                  <a:lnTo>
                    <a:pt x="320" y="99"/>
                  </a:lnTo>
                  <a:lnTo>
                    <a:pt x="320" y="100"/>
                  </a:lnTo>
                  <a:lnTo>
                    <a:pt x="318" y="100"/>
                  </a:lnTo>
                  <a:lnTo>
                    <a:pt x="315" y="100"/>
                  </a:lnTo>
                  <a:lnTo>
                    <a:pt x="310" y="102"/>
                  </a:lnTo>
                  <a:lnTo>
                    <a:pt x="306" y="102"/>
                  </a:lnTo>
                  <a:lnTo>
                    <a:pt x="303" y="104"/>
                  </a:lnTo>
                  <a:lnTo>
                    <a:pt x="303" y="105"/>
                  </a:lnTo>
                  <a:lnTo>
                    <a:pt x="306" y="107"/>
                  </a:lnTo>
                  <a:lnTo>
                    <a:pt x="313" y="110"/>
                  </a:lnTo>
                  <a:lnTo>
                    <a:pt x="313" y="112"/>
                  </a:lnTo>
                  <a:lnTo>
                    <a:pt x="313" y="114"/>
                  </a:lnTo>
                  <a:lnTo>
                    <a:pt x="311" y="119"/>
                  </a:lnTo>
                  <a:lnTo>
                    <a:pt x="308" y="122"/>
                  </a:lnTo>
                  <a:lnTo>
                    <a:pt x="306" y="126"/>
                  </a:lnTo>
                  <a:lnTo>
                    <a:pt x="303" y="129"/>
                  </a:lnTo>
                  <a:lnTo>
                    <a:pt x="303" y="132"/>
                  </a:lnTo>
                  <a:lnTo>
                    <a:pt x="301" y="134"/>
                  </a:lnTo>
                  <a:lnTo>
                    <a:pt x="300" y="146"/>
                  </a:lnTo>
                  <a:lnTo>
                    <a:pt x="291" y="146"/>
                  </a:lnTo>
                  <a:lnTo>
                    <a:pt x="284" y="173"/>
                  </a:lnTo>
                  <a:lnTo>
                    <a:pt x="276" y="178"/>
                  </a:lnTo>
                  <a:lnTo>
                    <a:pt x="284" y="178"/>
                  </a:lnTo>
                  <a:lnTo>
                    <a:pt x="284" y="180"/>
                  </a:lnTo>
                  <a:lnTo>
                    <a:pt x="283" y="180"/>
                  </a:lnTo>
                  <a:lnTo>
                    <a:pt x="279" y="183"/>
                  </a:lnTo>
                  <a:lnTo>
                    <a:pt x="278" y="185"/>
                  </a:lnTo>
                  <a:lnTo>
                    <a:pt x="274" y="188"/>
                  </a:lnTo>
                  <a:lnTo>
                    <a:pt x="274" y="190"/>
                  </a:lnTo>
                  <a:lnTo>
                    <a:pt x="274" y="193"/>
                  </a:lnTo>
                  <a:lnTo>
                    <a:pt x="276" y="195"/>
                  </a:lnTo>
                  <a:lnTo>
                    <a:pt x="276" y="197"/>
                  </a:lnTo>
                  <a:lnTo>
                    <a:pt x="274" y="198"/>
                  </a:lnTo>
                  <a:lnTo>
                    <a:pt x="272" y="200"/>
                  </a:lnTo>
                  <a:lnTo>
                    <a:pt x="269" y="203"/>
                  </a:lnTo>
                  <a:lnTo>
                    <a:pt x="269" y="207"/>
                  </a:lnTo>
                  <a:lnTo>
                    <a:pt x="267" y="209"/>
                  </a:lnTo>
                  <a:lnTo>
                    <a:pt x="269" y="210"/>
                  </a:lnTo>
                  <a:lnTo>
                    <a:pt x="272" y="210"/>
                  </a:lnTo>
                  <a:lnTo>
                    <a:pt x="274" y="212"/>
                  </a:lnTo>
                  <a:lnTo>
                    <a:pt x="274" y="215"/>
                  </a:lnTo>
                  <a:lnTo>
                    <a:pt x="272" y="217"/>
                  </a:lnTo>
                  <a:lnTo>
                    <a:pt x="267" y="222"/>
                  </a:lnTo>
                  <a:lnTo>
                    <a:pt x="264" y="224"/>
                  </a:lnTo>
                  <a:lnTo>
                    <a:pt x="261" y="225"/>
                  </a:lnTo>
                  <a:lnTo>
                    <a:pt x="259" y="227"/>
                  </a:lnTo>
                  <a:lnTo>
                    <a:pt x="259" y="231"/>
                  </a:lnTo>
                  <a:lnTo>
                    <a:pt x="259" y="232"/>
                  </a:lnTo>
                  <a:lnTo>
                    <a:pt x="261" y="234"/>
                  </a:lnTo>
                  <a:lnTo>
                    <a:pt x="262" y="236"/>
                  </a:lnTo>
                  <a:lnTo>
                    <a:pt x="264" y="236"/>
                  </a:lnTo>
                  <a:lnTo>
                    <a:pt x="266" y="237"/>
                  </a:lnTo>
                  <a:lnTo>
                    <a:pt x="264" y="239"/>
                  </a:lnTo>
                  <a:lnTo>
                    <a:pt x="264" y="242"/>
                  </a:lnTo>
                  <a:lnTo>
                    <a:pt x="264" y="244"/>
                  </a:lnTo>
                  <a:lnTo>
                    <a:pt x="262" y="247"/>
                  </a:lnTo>
                  <a:lnTo>
                    <a:pt x="262" y="251"/>
                  </a:lnTo>
                  <a:lnTo>
                    <a:pt x="262" y="253"/>
                  </a:lnTo>
                  <a:lnTo>
                    <a:pt x="262" y="254"/>
                  </a:lnTo>
                  <a:lnTo>
                    <a:pt x="462" y="241"/>
                  </a:lnTo>
                  <a:lnTo>
                    <a:pt x="462" y="264"/>
                  </a:lnTo>
                  <a:lnTo>
                    <a:pt x="460" y="264"/>
                  </a:lnTo>
                  <a:lnTo>
                    <a:pt x="459" y="268"/>
                  </a:lnTo>
                  <a:lnTo>
                    <a:pt x="457" y="273"/>
                  </a:lnTo>
                  <a:lnTo>
                    <a:pt x="455" y="276"/>
                  </a:lnTo>
                  <a:lnTo>
                    <a:pt x="454" y="283"/>
                  </a:lnTo>
                  <a:lnTo>
                    <a:pt x="454" y="288"/>
                  </a:lnTo>
                  <a:lnTo>
                    <a:pt x="457" y="293"/>
                  </a:lnTo>
                  <a:lnTo>
                    <a:pt x="462" y="297"/>
                  </a:lnTo>
                  <a:lnTo>
                    <a:pt x="464" y="298"/>
                  </a:lnTo>
                  <a:lnTo>
                    <a:pt x="467" y="302"/>
                  </a:lnTo>
                  <a:lnTo>
                    <a:pt x="470" y="307"/>
                  </a:lnTo>
                  <a:lnTo>
                    <a:pt x="476" y="313"/>
                  </a:lnTo>
                  <a:lnTo>
                    <a:pt x="479" y="320"/>
                  </a:lnTo>
                  <a:lnTo>
                    <a:pt x="482" y="327"/>
                  </a:lnTo>
                  <a:lnTo>
                    <a:pt x="482" y="335"/>
                  </a:lnTo>
                  <a:lnTo>
                    <a:pt x="481" y="342"/>
                  </a:lnTo>
                  <a:lnTo>
                    <a:pt x="479" y="342"/>
                  </a:lnTo>
                  <a:lnTo>
                    <a:pt x="477" y="342"/>
                  </a:lnTo>
                  <a:lnTo>
                    <a:pt x="474" y="342"/>
                  </a:lnTo>
                  <a:lnTo>
                    <a:pt x="472" y="342"/>
                  </a:lnTo>
                  <a:lnTo>
                    <a:pt x="470" y="342"/>
                  </a:lnTo>
                  <a:lnTo>
                    <a:pt x="469" y="342"/>
                  </a:lnTo>
                  <a:lnTo>
                    <a:pt x="467" y="342"/>
                  </a:lnTo>
                  <a:lnTo>
                    <a:pt x="450" y="334"/>
                  </a:lnTo>
                  <a:lnTo>
                    <a:pt x="445" y="335"/>
                  </a:lnTo>
                  <a:lnTo>
                    <a:pt x="443" y="334"/>
                  </a:lnTo>
                  <a:lnTo>
                    <a:pt x="442" y="332"/>
                  </a:lnTo>
                  <a:lnTo>
                    <a:pt x="440" y="329"/>
                  </a:lnTo>
                  <a:lnTo>
                    <a:pt x="437" y="325"/>
                  </a:lnTo>
                  <a:lnTo>
                    <a:pt x="432" y="322"/>
                  </a:lnTo>
                  <a:lnTo>
                    <a:pt x="426" y="322"/>
                  </a:lnTo>
                  <a:lnTo>
                    <a:pt x="421" y="324"/>
                  </a:lnTo>
                  <a:lnTo>
                    <a:pt x="415" y="329"/>
                  </a:lnTo>
                  <a:lnTo>
                    <a:pt x="413" y="330"/>
                  </a:lnTo>
                  <a:lnTo>
                    <a:pt x="411" y="332"/>
                  </a:lnTo>
                  <a:lnTo>
                    <a:pt x="410" y="335"/>
                  </a:lnTo>
                  <a:lnTo>
                    <a:pt x="408" y="339"/>
                  </a:lnTo>
                  <a:lnTo>
                    <a:pt x="404" y="341"/>
                  </a:lnTo>
                  <a:lnTo>
                    <a:pt x="403" y="344"/>
                  </a:lnTo>
                  <a:lnTo>
                    <a:pt x="403" y="346"/>
                  </a:lnTo>
                  <a:lnTo>
                    <a:pt x="401" y="346"/>
                  </a:lnTo>
                  <a:lnTo>
                    <a:pt x="401" y="347"/>
                  </a:lnTo>
                  <a:lnTo>
                    <a:pt x="399" y="349"/>
                  </a:lnTo>
                  <a:lnTo>
                    <a:pt x="398" y="352"/>
                  </a:lnTo>
                  <a:lnTo>
                    <a:pt x="398" y="356"/>
                  </a:lnTo>
                  <a:lnTo>
                    <a:pt x="399" y="359"/>
                  </a:lnTo>
                  <a:lnTo>
                    <a:pt x="403" y="361"/>
                  </a:lnTo>
                  <a:lnTo>
                    <a:pt x="411" y="364"/>
                  </a:lnTo>
                  <a:lnTo>
                    <a:pt x="423" y="364"/>
                  </a:lnTo>
                  <a:lnTo>
                    <a:pt x="426" y="366"/>
                  </a:lnTo>
                  <a:lnTo>
                    <a:pt x="428" y="366"/>
                  </a:lnTo>
                  <a:lnTo>
                    <a:pt x="433" y="366"/>
                  </a:lnTo>
                  <a:lnTo>
                    <a:pt x="437" y="364"/>
                  </a:lnTo>
                  <a:lnTo>
                    <a:pt x="443" y="363"/>
                  </a:lnTo>
                  <a:lnTo>
                    <a:pt x="450" y="359"/>
                  </a:lnTo>
                  <a:lnTo>
                    <a:pt x="457" y="352"/>
                  </a:lnTo>
                  <a:lnTo>
                    <a:pt x="459" y="352"/>
                  </a:lnTo>
                  <a:lnTo>
                    <a:pt x="462" y="352"/>
                  </a:lnTo>
                  <a:lnTo>
                    <a:pt x="464" y="356"/>
                  </a:lnTo>
                  <a:lnTo>
                    <a:pt x="465" y="356"/>
                  </a:lnTo>
                  <a:lnTo>
                    <a:pt x="474" y="347"/>
                  </a:lnTo>
                  <a:lnTo>
                    <a:pt x="481" y="352"/>
                  </a:lnTo>
                  <a:lnTo>
                    <a:pt x="474" y="363"/>
                  </a:lnTo>
                  <a:lnTo>
                    <a:pt x="472" y="363"/>
                  </a:lnTo>
                  <a:lnTo>
                    <a:pt x="469" y="364"/>
                  </a:lnTo>
                  <a:lnTo>
                    <a:pt x="465" y="366"/>
                  </a:lnTo>
                  <a:lnTo>
                    <a:pt x="462" y="368"/>
                  </a:lnTo>
                  <a:lnTo>
                    <a:pt x="460" y="369"/>
                  </a:lnTo>
                  <a:lnTo>
                    <a:pt x="459" y="373"/>
                  </a:lnTo>
                  <a:lnTo>
                    <a:pt x="462" y="373"/>
                  </a:lnTo>
                  <a:lnTo>
                    <a:pt x="470" y="374"/>
                  </a:lnTo>
                  <a:lnTo>
                    <a:pt x="472" y="374"/>
                  </a:lnTo>
                  <a:lnTo>
                    <a:pt x="474" y="376"/>
                  </a:lnTo>
                  <a:lnTo>
                    <a:pt x="479" y="378"/>
                  </a:lnTo>
                  <a:lnTo>
                    <a:pt x="484" y="379"/>
                  </a:lnTo>
                  <a:lnTo>
                    <a:pt x="487" y="381"/>
                  </a:lnTo>
                  <a:lnTo>
                    <a:pt x="491" y="379"/>
                  </a:lnTo>
                  <a:lnTo>
                    <a:pt x="491" y="378"/>
                  </a:lnTo>
                  <a:lnTo>
                    <a:pt x="489" y="373"/>
                  </a:lnTo>
                  <a:lnTo>
                    <a:pt x="489" y="371"/>
                  </a:lnTo>
                  <a:lnTo>
                    <a:pt x="491" y="369"/>
                  </a:lnTo>
                  <a:lnTo>
                    <a:pt x="492" y="368"/>
                  </a:lnTo>
                  <a:lnTo>
                    <a:pt x="494" y="364"/>
                  </a:lnTo>
                  <a:lnTo>
                    <a:pt x="496" y="363"/>
                  </a:lnTo>
                  <a:lnTo>
                    <a:pt x="496" y="361"/>
                  </a:lnTo>
                  <a:lnTo>
                    <a:pt x="498" y="359"/>
                  </a:lnTo>
                  <a:lnTo>
                    <a:pt x="499" y="357"/>
                  </a:lnTo>
                  <a:lnTo>
                    <a:pt x="503" y="357"/>
                  </a:lnTo>
                  <a:lnTo>
                    <a:pt x="504" y="357"/>
                  </a:lnTo>
                  <a:lnTo>
                    <a:pt x="506" y="357"/>
                  </a:lnTo>
                  <a:lnTo>
                    <a:pt x="504" y="359"/>
                  </a:lnTo>
                  <a:lnTo>
                    <a:pt x="503" y="361"/>
                  </a:lnTo>
                  <a:lnTo>
                    <a:pt x="503" y="364"/>
                  </a:lnTo>
                  <a:lnTo>
                    <a:pt x="504" y="366"/>
                  </a:lnTo>
                  <a:lnTo>
                    <a:pt x="506" y="369"/>
                  </a:lnTo>
                  <a:lnTo>
                    <a:pt x="508" y="369"/>
                  </a:lnTo>
                  <a:lnTo>
                    <a:pt x="506" y="383"/>
                  </a:lnTo>
                  <a:lnTo>
                    <a:pt x="509" y="388"/>
                  </a:lnTo>
                  <a:lnTo>
                    <a:pt x="523" y="388"/>
                  </a:lnTo>
                  <a:lnTo>
                    <a:pt x="521" y="395"/>
                  </a:lnTo>
                  <a:lnTo>
                    <a:pt x="506" y="395"/>
                  </a:lnTo>
                  <a:lnTo>
                    <a:pt x="499" y="400"/>
                  </a:lnTo>
                  <a:lnTo>
                    <a:pt x="486" y="400"/>
                  </a:lnTo>
                  <a:lnTo>
                    <a:pt x="486" y="417"/>
                  </a:lnTo>
                  <a:lnTo>
                    <a:pt x="486" y="418"/>
                  </a:lnTo>
                  <a:lnTo>
                    <a:pt x="486" y="422"/>
                  </a:lnTo>
                  <a:lnTo>
                    <a:pt x="486" y="423"/>
                  </a:lnTo>
                  <a:lnTo>
                    <a:pt x="486" y="427"/>
                  </a:lnTo>
                  <a:lnTo>
                    <a:pt x="487" y="429"/>
                  </a:lnTo>
                  <a:lnTo>
                    <a:pt x="489" y="430"/>
                  </a:lnTo>
                  <a:lnTo>
                    <a:pt x="494" y="432"/>
                  </a:lnTo>
                  <a:lnTo>
                    <a:pt x="499" y="437"/>
                  </a:lnTo>
                  <a:lnTo>
                    <a:pt x="504" y="442"/>
                  </a:lnTo>
                  <a:lnTo>
                    <a:pt x="516" y="442"/>
                  </a:lnTo>
                  <a:lnTo>
                    <a:pt x="523" y="449"/>
                  </a:lnTo>
                  <a:lnTo>
                    <a:pt x="543" y="456"/>
                  </a:lnTo>
                  <a:lnTo>
                    <a:pt x="542" y="462"/>
                  </a:lnTo>
                  <a:lnTo>
                    <a:pt x="555" y="462"/>
                  </a:lnTo>
                  <a:lnTo>
                    <a:pt x="553" y="474"/>
                  </a:lnTo>
                  <a:lnTo>
                    <a:pt x="542" y="479"/>
                  </a:lnTo>
                  <a:lnTo>
                    <a:pt x="540" y="486"/>
                  </a:lnTo>
                  <a:lnTo>
                    <a:pt x="531" y="478"/>
                  </a:lnTo>
                  <a:lnTo>
                    <a:pt x="530" y="478"/>
                  </a:lnTo>
                  <a:lnTo>
                    <a:pt x="528" y="481"/>
                  </a:lnTo>
                  <a:lnTo>
                    <a:pt x="525" y="484"/>
                  </a:lnTo>
                  <a:lnTo>
                    <a:pt x="521" y="488"/>
                  </a:lnTo>
                  <a:lnTo>
                    <a:pt x="520" y="489"/>
                  </a:lnTo>
                  <a:lnTo>
                    <a:pt x="518" y="489"/>
                  </a:lnTo>
                  <a:lnTo>
                    <a:pt x="518" y="486"/>
                  </a:lnTo>
                  <a:lnTo>
                    <a:pt x="521" y="478"/>
                  </a:lnTo>
                  <a:lnTo>
                    <a:pt x="521" y="474"/>
                  </a:lnTo>
                  <a:lnTo>
                    <a:pt x="518" y="471"/>
                  </a:lnTo>
                  <a:lnTo>
                    <a:pt x="514" y="469"/>
                  </a:lnTo>
                  <a:lnTo>
                    <a:pt x="513" y="467"/>
                  </a:lnTo>
                  <a:lnTo>
                    <a:pt x="513" y="466"/>
                  </a:lnTo>
                  <a:lnTo>
                    <a:pt x="513" y="464"/>
                  </a:lnTo>
                  <a:lnTo>
                    <a:pt x="511" y="462"/>
                  </a:lnTo>
                  <a:lnTo>
                    <a:pt x="508" y="461"/>
                  </a:lnTo>
                  <a:lnTo>
                    <a:pt x="503" y="457"/>
                  </a:lnTo>
                  <a:lnTo>
                    <a:pt x="494" y="456"/>
                  </a:lnTo>
                  <a:lnTo>
                    <a:pt x="484" y="454"/>
                  </a:lnTo>
                  <a:lnTo>
                    <a:pt x="481" y="454"/>
                  </a:lnTo>
                  <a:lnTo>
                    <a:pt x="477" y="454"/>
                  </a:lnTo>
                  <a:lnTo>
                    <a:pt x="476" y="452"/>
                  </a:lnTo>
                  <a:lnTo>
                    <a:pt x="472" y="452"/>
                  </a:lnTo>
                  <a:lnTo>
                    <a:pt x="470" y="452"/>
                  </a:lnTo>
                  <a:lnTo>
                    <a:pt x="469" y="451"/>
                  </a:lnTo>
                  <a:lnTo>
                    <a:pt x="469" y="447"/>
                  </a:lnTo>
                  <a:lnTo>
                    <a:pt x="467" y="442"/>
                  </a:lnTo>
                  <a:lnTo>
                    <a:pt x="465" y="439"/>
                  </a:lnTo>
                  <a:lnTo>
                    <a:pt x="464" y="435"/>
                  </a:lnTo>
                  <a:lnTo>
                    <a:pt x="462" y="432"/>
                  </a:lnTo>
                  <a:lnTo>
                    <a:pt x="459" y="432"/>
                  </a:lnTo>
                  <a:lnTo>
                    <a:pt x="454" y="435"/>
                  </a:lnTo>
                  <a:lnTo>
                    <a:pt x="452" y="435"/>
                  </a:lnTo>
                  <a:lnTo>
                    <a:pt x="447" y="432"/>
                  </a:lnTo>
                  <a:lnTo>
                    <a:pt x="440" y="429"/>
                  </a:lnTo>
                  <a:lnTo>
                    <a:pt x="435" y="425"/>
                  </a:lnTo>
                  <a:lnTo>
                    <a:pt x="430" y="423"/>
                  </a:lnTo>
                  <a:lnTo>
                    <a:pt x="428" y="425"/>
                  </a:lnTo>
                  <a:lnTo>
                    <a:pt x="433" y="430"/>
                  </a:lnTo>
                  <a:lnTo>
                    <a:pt x="443" y="440"/>
                  </a:lnTo>
                  <a:lnTo>
                    <a:pt x="443" y="444"/>
                  </a:lnTo>
                  <a:lnTo>
                    <a:pt x="443" y="445"/>
                  </a:lnTo>
                  <a:lnTo>
                    <a:pt x="445" y="449"/>
                  </a:lnTo>
                  <a:lnTo>
                    <a:pt x="445" y="451"/>
                  </a:lnTo>
                  <a:lnTo>
                    <a:pt x="443" y="451"/>
                  </a:lnTo>
                  <a:lnTo>
                    <a:pt x="442" y="451"/>
                  </a:lnTo>
                  <a:lnTo>
                    <a:pt x="438" y="449"/>
                  </a:lnTo>
                  <a:lnTo>
                    <a:pt x="435" y="451"/>
                  </a:lnTo>
                  <a:lnTo>
                    <a:pt x="433" y="451"/>
                  </a:lnTo>
                  <a:lnTo>
                    <a:pt x="432" y="452"/>
                  </a:lnTo>
                  <a:lnTo>
                    <a:pt x="433" y="456"/>
                  </a:lnTo>
                  <a:lnTo>
                    <a:pt x="437" y="461"/>
                  </a:lnTo>
                  <a:lnTo>
                    <a:pt x="438" y="462"/>
                  </a:lnTo>
                  <a:lnTo>
                    <a:pt x="442" y="466"/>
                  </a:lnTo>
                  <a:lnTo>
                    <a:pt x="445" y="469"/>
                  </a:lnTo>
                  <a:lnTo>
                    <a:pt x="445" y="471"/>
                  </a:lnTo>
                  <a:lnTo>
                    <a:pt x="432" y="484"/>
                  </a:lnTo>
                  <a:lnTo>
                    <a:pt x="430" y="484"/>
                  </a:lnTo>
                  <a:lnTo>
                    <a:pt x="428" y="484"/>
                  </a:lnTo>
                  <a:lnTo>
                    <a:pt x="425" y="483"/>
                  </a:lnTo>
                  <a:lnTo>
                    <a:pt x="425" y="481"/>
                  </a:lnTo>
                  <a:lnTo>
                    <a:pt x="423" y="478"/>
                  </a:lnTo>
                  <a:lnTo>
                    <a:pt x="423" y="473"/>
                  </a:lnTo>
                  <a:lnTo>
                    <a:pt x="411" y="459"/>
                  </a:lnTo>
                  <a:lnTo>
                    <a:pt x="401" y="454"/>
                  </a:lnTo>
                  <a:lnTo>
                    <a:pt x="393" y="462"/>
                  </a:lnTo>
                  <a:lnTo>
                    <a:pt x="386" y="459"/>
                  </a:lnTo>
                  <a:lnTo>
                    <a:pt x="388" y="469"/>
                  </a:lnTo>
                  <a:lnTo>
                    <a:pt x="369" y="484"/>
                  </a:lnTo>
                  <a:lnTo>
                    <a:pt x="366" y="486"/>
                  </a:lnTo>
                  <a:lnTo>
                    <a:pt x="362" y="486"/>
                  </a:lnTo>
                  <a:lnTo>
                    <a:pt x="359" y="486"/>
                  </a:lnTo>
                  <a:lnTo>
                    <a:pt x="355" y="484"/>
                  </a:lnTo>
                  <a:lnTo>
                    <a:pt x="352" y="481"/>
                  </a:lnTo>
                  <a:lnTo>
                    <a:pt x="352" y="478"/>
                  </a:lnTo>
                  <a:lnTo>
                    <a:pt x="355" y="471"/>
                  </a:lnTo>
                  <a:lnTo>
                    <a:pt x="355" y="469"/>
                  </a:lnTo>
                  <a:lnTo>
                    <a:pt x="359" y="467"/>
                  </a:lnTo>
                  <a:lnTo>
                    <a:pt x="360" y="466"/>
                  </a:lnTo>
                  <a:lnTo>
                    <a:pt x="362" y="466"/>
                  </a:lnTo>
                  <a:lnTo>
                    <a:pt x="345" y="467"/>
                  </a:lnTo>
                  <a:lnTo>
                    <a:pt x="342" y="478"/>
                  </a:lnTo>
                  <a:lnTo>
                    <a:pt x="327" y="471"/>
                  </a:lnTo>
                  <a:lnTo>
                    <a:pt x="330" y="462"/>
                  </a:lnTo>
                  <a:lnTo>
                    <a:pt x="308" y="440"/>
                  </a:lnTo>
                  <a:lnTo>
                    <a:pt x="301" y="440"/>
                  </a:lnTo>
                  <a:lnTo>
                    <a:pt x="289" y="435"/>
                  </a:lnTo>
                  <a:lnTo>
                    <a:pt x="288" y="437"/>
                  </a:lnTo>
                  <a:lnTo>
                    <a:pt x="286" y="437"/>
                  </a:lnTo>
                  <a:lnTo>
                    <a:pt x="284" y="439"/>
                  </a:lnTo>
                  <a:lnTo>
                    <a:pt x="281" y="439"/>
                  </a:lnTo>
                  <a:lnTo>
                    <a:pt x="281" y="437"/>
                  </a:lnTo>
                  <a:lnTo>
                    <a:pt x="279" y="435"/>
                  </a:lnTo>
                  <a:lnTo>
                    <a:pt x="278" y="432"/>
                  </a:lnTo>
                  <a:lnTo>
                    <a:pt x="278" y="423"/>
                  </a:lnTo>
                  <a:lnTo>
                    <a:pt x="271" y="420"/>
                  </a:lnTo>
                  <a:lnTo>
                    <a:pt x="271" y="418"/>
                  </a:lnTo>
                  <a:lnTo>
                    <a:pt x="271" y="417"/>
                  </a:lnTo>
                  <a:lnTo>
                    <a:pt x="269" y="413"/>
                  </a:lnTo>
                  <a:lnTo>
                    <a:pt x="269" y="412"/>
                  </a:lnTo>
                  <a:lnTo>
                    <a:pt x="267" y="408"/>
                  </a:lnTo>
                  <a:lnTo>
                    <a:pt x="264" y="407"/>
                  </a:lnTo>
                  <a:lnTo>
                    <a:pt x="261" y="408"/>
                  </a:lnTo>
                  <a:lnTo>
                    <a:pt x="256" y="412"/>
                  </a:lnTo>
                  <a:lnTo>
                    <a:pt x="254" y="413"/>
                  </a:lnTo>
                  <a:lnTo>
                    <a:pt x="252" y="415"/>
                  </a:lnTo>
                  <a:lnTo>
                    <a:pt x="250" y="417"/>
                  </a:lnTo>
                  <a:lnTo>
                    <a:pt x="247" y="417"/>
                  </a:lnTo>
                  <a:lnTo>
                    <a:pt x="245" y="415"/>
                  </a:lnTo>
                  <a:lnTo>
                    <a:pt x="244" y="412"/>
                  </a:lnTo>
                  <a:lnTo>
                    <a:pt x="244" y="405"/>
                  </a:lnTo>
                  <a:lnTo>
                    <a:pt x="245" y="403"/>
                  </a:lnTo>
                  <a:lnTo>
                    <a:pt x="245" y="401"/>
                  </a:lnTo>
                  <a:lnTo>
                    <a:pt x="245" y="400"/>
                  </a:lnTo>
                  <a:lnTo>
                    <a:pt x="232" y="401"/>
                  </a:lnTo>
                  <a:lnTo>
                    <a:pt x="215" y="412"/>
                  </a:lnTo>
                  <a:lnTo>
                    <a:pt x="210" y="415"/>
                  </a:lnTo>
                  <a:lnTo>
                    <a:pt x="225" y="429"/>
                  </a:lnTo>
                  <a:lnTo>
                    <a:pt x="223" y="435"/>
                  </a:lnTo>
                  <a:lnTo>
                    <a:pt x="203" y="440"/>
                  </a:lnTo>
                  <a:lnTo>
                    <a:pt x="200" y="440"/>
                  </a:lnTo>
                  <a:lnTo>
                    <a:pt x="196" y="440"/>
                  </a:lnTo>
                  <a:lnTo>
                    <a:pt x="193" y="440"/>
                  </a:lnTo>
                  <a:lnTo>
                    <a:pt x="186" y="440"/>
                  </a:lnTo>
                  <a:lnTo>
                    <a:pt x="179" y="439"/>
                  </a:lnTo>
                  <a:lnTo>
                    <a:pt x="173" y="439"/>
                  </a:lnTo>
                  <a:lnTo>
                    <a:pt x="166" y="437"/>
                  </a:lnTo>
                  <a:lnTo>
                    <a:pt x="159" y="435"/>
                  </a:lnTo>
                  <a:lnTo>
                    <a:pt x="151" y="434"/>
                  </a:lnTo>
                  <a:lnTo>
                    <a:pt x="142" y="432"/>
                  </a:lnTo>
                  <a:lnTo>
                    <a:pt x="135" y="430"/>
                  </a:lnTo>
                  <a:lnTo>
                    <a:pt x="129" y="427"/>
                  </a:lnTo>
                  <a:lnTo>
                    <a:pt x="122" y="423"/>
                  </a:lnTo>
                  <a:lnTo>
                    <a:pt x="117" y="420"/>
                  </a:lnTo>
                  <a:lnTo>
                    <a:pt x="112" y="417"/>
                  </a:lnTo>
                  <a:lnTo>
                    <a:pt x="108" y="417"/>
                  </a:lnTo>
                  <a:lnTo>
                    <a:pt x="105" y="417"/>
                  </a:lnTo>
                  <a:lnTo>
                    <a:pt x="100" y="415"/>
                  </a:lnTo>
                  <a:lnTo>
                    <a:pt x="95" y="415"/>
                  </a:lnTo>
                  <a:lnTo>
                    <a:pt x="91" y="415"/>
                  </a:lnTo>
                  <a:lnTo>
                    <a:pt x="90" y="415"/>
                  </a:lnTo>
                  <a:lnTo>
                    <a:pt x="88" y="415"/>
                  </a:lnTo>
                  <a:lnTo>
                    <a:pt x="90" y="407"/>
                  </a:lnTo>
                  <a:lnTo>
                    <a:pt x="98" y="400"/>
                  </a:lnTo>
                  <a:lnTo>
                    <a:pt x="88" y="381"/>
                  </a:lnTo>
                  <a:lnTo>
                    <a:pt x="81" y="391"/>
                  </a:lnTo>
                  <a:lnTo>
                    <a:pt x="85" y="396"/>
                  </a:lnTo>
                  <a:lnTo>
                    <a:pt x="81" y="400"/>
                  </a:lnTo>
                  <a:lnTo>
                    <a:pt x="76" y="405"/>
                  </a:lnTo>
                  <a:lnTo>
                    <a:pt x="85" y="408"/>
                  </a:lnTo>
                  <a:lnTo>
                    <a:pt x="81" y="417"/>
                  </a:lnTo>
                  <a:lnTo>
                    <a:pt x="76" y="417"/>
                  </a:lnTo>
                  <a:lnTo>
                    <a:pt x="71" y="417"/>
                  </a:lnTo>
                  <a:lnTo>
                    <a:pt x="64" y="417"/>
                  </a:lnTo>
                  <a:lnTo>
                    <a:pt x="56" y="417"/>
                  </a:lnTo>
                  <a:lnTo>
                    <a:pt x="49" y="418"/>
                  </a:lnTo>
                  <a:lnTo>
                    <a:pt x="42" y="420"/>
                  </a:lnTo>
                  <a:lnTo>
                    <a:pt x="36" y="423"/>
                  </a:lnTo>
                  <a:lnTo>
                    <a:pt x="34" y="423"/>
                  </a:lnTo>
                  <a:lnTo>
                    <a:pt x="32" y="422"/>
                  </a:lnTo>
                  <a:lnTo>
                    <a:pt x="32" y="420"/>
                  </a:lnTo>
                  <a:lnTo>
                    <a:pt x="30" y="417"/>
                  </a:lnTo>
                  <a:lnTo>
                    <a:pt x="29" y="415"/>
                  </a:lnTo>
                  <a:lnTo>
                    <a:pt x="29" y="413"/>
                  </a:lnTo>
                  <a:lnTo>
                    <a:pt x="27" y="413"/>
                  </a:lnTo>
                  <a:lnTo>
                    <a:pt x="39" y="400"/>
                  </a:lnTo>
                  <a:lnTo>
                    <a:pt x="41" y="390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34" name="Freeform 61"/>
            <p:cNvSpPr>
              <a:spLocks/>
            </p:cNvSpPr>
            <p:nvPr/>
          </p:nvSpPr>
          <p:spPr bwMode="auto">
            <a:xfrm>
              <a:off x="3486" y="1959"/>
              <a:ext cx="289" cy="512"/>
            </a:xfrm>
            <a:custGeom>
              <a:avLst/>
              <a:gdLst>
                <a:gd name="T0" fmla="*/ 0 w 298"/>
                <a:gd name="T1" fmla="*/ 333 h 528"/>
                <a:gd name="T2" fmla="*/ 5 w 298"/>
                <a:gd name="T3" fmla="*/ 327 h 528"/>
                <a:gd name="T4" fmla="*/ 7 w 298"/>
                <a:gd name="T5" fmla="*/ 317 h 528"/>
                <a:gd name="T6" fmla="*/ 10 w 298"/>
                <a:gd name="T7" fmla="*/ 307 h 528"/>
                <a:gd name="T8" fmla="*/ 16 w 298"/>
                <a:gd name="T9" fmla="*/ 297 h 528"/>
                <a:gd name="T10" fmla="*/ 20 w 298"/>
                <a:gd name="T11" fmla="*/ 277 h 528"/>
                <a:gd name="T12" fmla="*/ 24 w 298"/>
                <a:gd name="T13" fmla="*/ 271 h 528"/>
                <a:gd name="T14" fmla="*/ 29 w 298"/>
                <a:gd name="T15" fmla="*/ 255 h 528"/>
                <a:gd name="T16" fmla="*/ 18 w 298"/>
                <a:gd name="T17" fmla="*/ 238 h 528"/>
                <a:gd name="T18" fmla="*/ 16 w 298"/>
                <a:gd name="T19" fmla="*/ 217 h 528"/>
                <a:gd name="T20" fmla="*/ 18 w 298"/>
                <a:gd name="T21" fmla="*/ 208 h 528"/>
                <a:gd name="T22" fmla="*/ 16 w 298"/>
                <a:gd name="T23" fmla="*/ 189 h 528"/>
                <a:gd name="T24" fmla="*/ 16 w 298"/>
                <a:gd name="T25" fmla="*/ 161 h 528"/>
                <a:gd name="T26" fmla="*/ 16 w 298"/>
                <a:gd name="T27" fmla="*/ 127 h 528"/>
                <a:gd name="T28" fmla="*/ 16 w 298"/>
                <a:gd name="T29" fmla="*/ 91 h 528"/>
                <a:gd name="T30" fmla="*/ 12 w 298"/>
                <a:gd name="T31" fmla="*/ 59 h 528"/>
                <a:gd name="T32" fmla="*/ 9 w 298"/>
                <a:gd name="T33" fmla="*/ 37 h 528"/>
                <a:gd name="T34" fmla="*/ 7 w 298"/>
                <a:gd name="T35" fmla="*/ 20 h 528"/>
                <a:gd name="T36" fmla="*/ 9 w 298"/>
                <a:gd name="T37" fmla="*/ 22 h 528"/>
                <a:gd name="T38" fmla="*/ 16 w 298"/>
                <a:gd name="T39" fmla="*/ 29 h 528"/>
                <a:gd name="T40" fmla="*/ 18 w 298"/>
                <a:gd name="T41" fmla="*/ 30 h 528"/>
                <a:gd name="T42" fmla="*/ 41 w 298"/>
                <a:gd name="T43" fmla="*/ 16 h 528"/>
                <a:gd name="T44" fmla="*/ 168 w 298"/>
                <a:gd name="T45" fmla="*/ 16 h 528"/>
                <a:gd name="T46" fmla="*/ 191 w 298"/>
                <a:gd name="T47" fmla="*/ 218 h 528"/>
                <a:gd name="T48" fmla="*/ 189 w 298"/>
                <a:gd name="T49" fmla="*/ 228 h 528"/>
                <a:gd name="T50" fmla="*/ 192 w 298"/>
                <a:gd name="T51" fmla="*/ 238 h 528"/>
                <a:gd name="T52" fmla="*/ 193 w 298"/>
                <a:gd name="T53" fmla="*/ 245 h 528"/>
                <a:gd name="T54" fmla="*/ 179 w 298"/>
                <a:gd name="T55" fmla="*/ 247 h 528"/>
                <a:gd name="T56" fmla="*/ 170 w 298"/>
                <a:gd name="T57" fmla="*/ 249 h 528"/>
                <a:gd name="T58" fmla="*/ 166 w 298"/>
                <a:gd name="T59" fmla="*/ 249 h 528"/>
                <a:gd name="T60" fmla="*/ 156 w 298"/>
                <a:gd name="T61" fmla="*/ 256 h 528"/>
                <a:gd name="T62" fmla="*/ 159 w 298"/>
                <a:gd name="T63" fmla="*/ 267 h 528"/>
                <a:gd name="T64" fmla="*/ 156 w 298"/>
                <a:gd name="T65" fmla="*/ 271 h 528"/>
                <a:gd name="T66" fmla="*/ 149 w 298"/>
                <a:gd name="T67" fmla="*/ 278 h 528"/>
                <a:gd name="T68" fmla="*/ 146 w 298"/>
                <a:gd name="T69" fmla="*/ 286 h 528"/>
                <a:gd name="T70" fmla="*/ 146 w 298"/>
                <a:gd name="T71" fmla="*/ 288 h 528"/>
                <a:gd name="T72" fmla="*/ 143 w 298"/>
                <a:gd name="T73" fmla="*/ 289 h 528"/>
                <a:gd name="T74" fmla="*/ 137 w 298"/>
                <a:gd name="T75" fmla="*/ 293 h 528"/>
                <a:gd name="T76" fmla="*/ 133 w 298"/>
                <a:gd name="T77" fmla="*/ 306 h 528"/>
                <a:gd name="T78" fmla="*/ 132 w 298"/>
                <a:gd name="T79" fmla="*/ 311 h 528"/>
                <a:gd name="T80" fmla="*/ 123 w 298"/>
                <a:gd name="T81" fmla="*/ 315 h 528"/>
                <a:gd name="T82" fmla="*/ 110 w 298"/>
                <a:gd name="T83" fmla="*/ 306 h 528"/>
                <a:gd name="T84" fmla="*/ 104 w 298"/>
                <a:gd name="T85" fmla="*/ 302 h 528"/>
                <a:gd name="T86" fmla="*/ 98 w 298"/>
                <a:gd name="T87" fmla="*/ 317 h 528"/>
                <a:gd name="T88" fmla="*/ 92 w 298"/>
                <a:gd name="T89" fmla="*/ 332 h 528"/>
                <a:gd name="T90" fmla="*/ 81 w 298"/>
                <a:gd name="T91" fmla="*/ 324 h 528"/>
                <a:gd name="T92" fmla="*/ 76 w 298"/>
                <a:gd name="T93" fmla="*/ 321 h 528"/>
                <a:gd name="T94" fmla="*/ 67 w 298"/>
                <a:gd name="T95" fmla="*/ 332 h 528"/>
                <a:gd name="T96" fmla="*/ 59 w 298"/>
                <a:gd name="T97" fmla="*/ 337 h 528"/>
                <a:gd name="T98" fmla="*/ 48 w 298"/>
                <a:gd name="T99" fmla="*/ 332 h 528"/>
                <a:gd name="T100" fmla="*/ 42 w 298"/>
                <a:gd name="T101" fmla="*/ 328 h 528"/>
                <a:gd name="T102" fmla="*/ 37 w 298"/>
                <a:gd name="T103" fmla="*/ 329 h 528"/>
                <a:gd name="T104" fmla="*/ 32 w 298"/>
                <a:gd name="T105" fmla="*/ 328 h 528"/>
                <a:gd name="T106" fmla="*/ 32 w 298"/>
                <a:gd name="T107" fmla="*/ 336 h 528"/>
                <a:gd name="T108" fmla="*/ 29 w 298"/>
                <a:gd name="T109" fmla="*/ 339 h 528"/>
                <a:gd name="T110" fmla="*/ 16 w 298"/>
                <a:gd name="T111" fmla="*/ 335 h 528"/>
                <a:gd name="T112" fmla="*/ 12 w 298"/>
                <a:gd name="T113" fmla="*/ 333 h 528"/>
                <a:gd name="T114" fmla="*/ 16 w 298"/>
                <a:gd name="T115" fmla="*/ 339 h 528"/>
                <a:gd name="T116" fmla="*/ 10 w 298"/>
                <a:gd name="T117" fmla="*/ 343 h 528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w 298"/>
                <a:gd name="T178" fmla="*/ 0 h 528"/>
                <a:gd name="T179" fmla="*/ 298 w 298"/>
                <a:gd name="T180" fmla="*/ 528 h 528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T177" t="T178" r="T179" b="T180"/>
              <a:pathLst>
                <a:path w="298" h="528">
                  <a:moveTo>
                    <a:pt x="7" y="528"/>
                  </a:moveTo>
                  <a:lnTo>
                    <a:pt x="2" y="523"/>
                  </a:lnTo>
                  <a:lnTo>
                    <a:pt x="0" y="518"/>
                  </a:lnTo>
                  <a:lnTo>
                    <a:pt x="0" y="513"/>
                  </a:lnTo>
                  <a:lnTo>
                    <a:pt x="0" y="510"/>
                  </a:lnTo>
                  <a:lnTo>
                    <a:pt x="2" y="506"/>
                  </a:lnTo>
                  <a:lnTo>
                    <a:pt x="4" y="505"/>
                  </a:lnTo>
                  <a:lnTo>
                    <a:pt x="5" y="503"/>
                  </a:lnTo>
                  <a:lnTo>
                    <a:pt x="7" y="493"/>
                  </a:lnTo>
                  <a:lnTo>
                    <a:pt x="7" y="491"/>
                  </a:lnTo>
                  <a:lnTo>
                    <a:pt x="7" y="489"/>
                  </a:lnTo>
                  <a:lnTo>
                    <a:pt x="7" y="486"/>
                  </a:lnTo>
                  <a:lnTo>
                    <a:pt x="9" y="481"/>
                  </a:lnTo>
                  <a:lnTo>
                    <a:pt x="9" y="478"/>
                  </a:lnTo>
                  <a:lnTo>
                    <a:pt x="10" y="474"/>
                  </a:lnTo>
                  <a:lnTo>
                    <a:pt x="10" y="471"/>
                  </a:lnTo>
                  <a:lnTo>
                    <a:pt x="10" y="469"/>
                  </a:lnTo>
                  <a:lnTo>
                    <a:pt x="17" y="464"/>
                  </a:lnTo>
                  <a:lnTo>
                    <a:pt x="22" y="456"/>
                  </a:lnTo>
                  <a:lnTo>
                    <a:pt x="26" y="447"/>
                  </a:lnTo>
                  <a:lnTo>
                    <a:pt x="29" y="440"/>
                  </a:lnTo>
                  <a:lnTo>
                    <a:pt x="32" y="432"/>
                  </a:lnTo>
                  <a:lnTo>
                    <a:pt x="34" y="427"/>
                  </a:lnTo>
                  <a:lnTo>
                    <a:pt x="36" y="422"/>
                  </a:lnTo>
                  <a:lnTo>
                    <a:pt x="36" y="420"/>
                  </a:lnTo>
                  <a:lnTo>
                    <a:pt x="38" y="417"/>
                  </a:lnTo>
                  <a:lnTo>
                    <a:pt x="39" y="413"/>
                  </a:lnTo>
                  <a:lnTo>
                    <a:pt x="41" y="412"/>
                  </a:lnTo>
                  <a:lnTo>
                    <a:pt x="43" y="401"/>
                  </a:lnTo>
                  <a:lnTo>
                    <a:pt x="43" y="393"/>
                  </a:lnTo>
                  <a:lnTo>
                    <a:pt x="41" y="384"/>
                  </a:lnTo>
                  <a:lnTo>
                    <a:pt x="38" y="378"/>
                  </a:lnTo>
                  <a:lnTo>
                    <a:pt x="36" y="371"/>
                  </a:lnTo>
                  <a:lnTo>
                    <a:pt x="32" y="366"/>
                  </a:lnTo>
                  <a:lnTo>
                    <a:pt x="31" y="362"/>
                  </a:lnTo>
                  <a:lnTo>
                    <a:pt x="29" y="361"/>
                  </a:lnTo>
                  <a:lnTo>
                    <a:pt x="29" y="357"/>
                  </a:lnTo>
                  <a:lnTo>
                    <a:pt x="29" y="334"/>
                  </a:lnTo>
                  <a:lnTo>
                    <a:pt x="32" y="329"/>
                  </a:lnTo>
                  <a:lnTo>
                    <a:pt x="32" y="327"/>
                  </a:lnTo>
                  <a:lnTo>
                    <a:pt x="32" y="325"/>
                  </a:lnTo>
                  <a:lnTo>
                    <a:pt x="32" y="320"/>
                  </a:lnTo>
                  <a:lnTo>
                    <a:pt x="31" y="315"/>
                  </a:lnTo>
                  <a:lnTo>
                    <a:pt x="31" y="308"/>
                  </a:lnTo>
                  <a:lnTo>
                    <a:pt x="31" y="300"/>
                  </a:lnTo>
                  <a:lnTo>
                    <a:pt x="29" y="291"/>
                  </a:lnTo>
                  <a:lnTo>
                    <a:pt x="29" y="281"/>
                  </a:lnTo>
                  <a:lnTo>
                    <a:pt x="27" y="271"/>
                  </a:lnTo>
                  <a:lnTo>
                    <a:pt x="27" y="259"/>
                  </a:lnTo>
                  <a:lnTo>
                    <a:pt x="26" y="247"/>
                  </a:lnTo>
                  <a:lnTo>
                    <a:pt x="24" y="234"/>
                  </a:lnTo>
                  <a:lnTo>
                    <a:pt x="24" y="222"/>
                  </a:lnTo>
                  <a:lnTo>
                    <a:pt x="22" y="208"/>
                  </a:lnTo>
                  <a:lnTo>
                    <a:pt x="21" y="195"/>
                  </a:lnTo>
                  <a:lnTo>
                    <a:pt x="21" y="181"/>
                  </a:lnTo>
                  <a:lnTo>
                    <a:pt x="19" y="166"/>
                  </a:lnTo>
                  <a:lnTo>
                    <a:pt x="17" y="153"/>
                  </a:lnTo>
                  <a:lnTo>
                    <a:pt x="17" y="139"/>
                  </a:lnTo>
                  <a:lnTo>
                    <a:pt x="16" y="127"/>
                  </a:lnTo>
                  <a:lnTo>
                    <a:pt x="14" y="114"/>
                  </a:lnTo>
                  <a:lnTo>
                    <a:pt x="14" y="102"/>
                  </a:lnTo>
                  <a:lnTo>
                    <a:pt x="12" y="90"/>
                  </a:lnTo>
                  <a:lnTo>
                    <a:pt x="12" y="80"/>
                  </a:lnTo>
                  <a:lnTo>
                    <a:pt x="10" y="70"/>
                  </a:lnTo>
                  <a:lnTo>
                    <a:pt x="10" y="60"/>
                  </a:lnTo>
                  <a:lnTo>
                    <a:pt x="9" y="53"/>
                  </a:lnTo>
                  <a:lnTo>
                    <a:pt x="9" y="46"/>
                  </a:lnTo>
                  <a:lnTo>
                    <a:pt x="9" y="41"/>
                  </a:lnTo>
                  <a:lnTo>
                    <a:pt x="7" y="36"/>
                  </a:lnTo>
                  <a:lnTo>
                    <a:pt x="7" y="34"/>
                  </a:lnTo>
                  <a:lnTo>
                    <a:pt x="7" y="32"/>
                  </a:lnTo>
                  <a:lnTo>
                    <a:pt x="7" y="34"/>
                  </a:lnTo>
                  <a:lnTo>
                    <a:pt x="9" y="36"/>
                  </a:lnTo>
                  <a:lnTo>
                    <a:pt x="10" y="38"/>
                  </a:lnTo>
                  <a:lnTo>
                    <a:pt x="12" y="39"/>
                  </a:lnTo>
                  <a:lnTo>
                    <a:pt x="14" y="41"/>
                  </a:lnTo>
                  <a:lnTo>
                    <a:pt x="16" y="43"/>
                  </a:lnTo>
                  <a:lnTo>
                    <a:pt x="19" y="44"/>
                  </a:lnTo>
                  <a:lnTo>
                    <a:pt x="22" y="44"/>
                  </a:lnTo>
                  <a:lnTo>
                    <a:pt x="27" y="44"/>
                  </a:lnTo>
                  <a:lnTo>
                    <a:pt x="32" y="44"/>
                  </a:lnTo>
                  <a:lnTo>
                    <a:pt x="38" y="43"/>
                  </a:lnTo>
                  <a:lnTo>
                    <a:pt x="46" y="39"/>
                  </a:lnTo>
                  <a:lnTo>
                    <a:pt x="53" y="36"/>
                  </a:lnTo>
                  <a:lnTo>
                    <a:pt x="61" y="29"/>
                  </a:lnTo>
                  <a:lnTo>
                    <a:pt x="71" y="22"/>
                  </a:lnTo>
                  <a:lnTo>
                    <a:pt x="70" y="22"/>
                  </a:lnTo>
                  <a:lnTo>
                    <a:pt x="254" y="0"/>
                  </a:lnTo>
                  <a:lnTo>
                    <a:pt x="258" y="17"/>
                  </a:lnTo>
                  <a:lnTo>
                    <a:pt x="293" y="335"/>
                  </a:lnTo>
                  <a:lnTo>
                    <a:pt x="295" y="334"/>
                  </a:lnTo>
                  <a:lnTo>
                    <a:pt x="293" y="334"/>
                  </a:lnTo>
                  <a:lnTo>
                    <a:pt x="293" y="335"/>
                  </a:lnTo>
                  <a:lnTo>
                    <a:pt x="291" y="337"/>
                  </a:lnTo>
                  <a:lnTo>
                    <a:pt x="291" y="340"/>
                  </a:lnTo>
                  <a:lnTo>
                    <a:pt x="290" y="346"/>
                  </a:lnTo>
                  <a:lnTo>
                    <a:pt x="290" y="351"/>
                  </a:lnTo>
                  <a:lnTo>
                    <a:pt x="290" y="356"/>
                  </a:lnTo>
                  <a:lnTo>
                    <a:pt x="291" y="362"/>
                  </a:lnTo>
                  <a:lnTo>
                    <a:pt x="293" y="364"/>
                  </a:lnTo>
                  <a:lnTo>
                    <a:pt x="295" y="366"/>
                  </a:lnTo>
                  <a:lnTo>
                    <a:pt x="296" y="369"/>
                  </a:lnTo>
                  <a:lnTo>
                    <a:pt x="298" y="371"/>
                  </a:lnTo>
                  <a:lnTo>
                    <a:pt x="298" y="374"/>
                  </a:lnTo>
                  <a:lnTo>
                    <a:pt x="296" y="376"/>
                  </a:lnTo>
                  <a:lnTo>
                    <a:pt x="290" y="378"/>
                  </a:lnTo>
                  <a:lnTo>
                    <a:pt x="281" y="379"/>
                  </a:lnTo>
                  <a:lnTo>
                    <a:pt x="280" y="379"/>
                  </a:lnTo>
                  <a:lnTo>
                    <a:pt x="276" y="379"/>
                  </a:lnTo>
                  <a:lnTo>
                    <a:pt x="273" y="381"/>
                  </a:lnTo>
                  <a:lnTo>
                    <a:pt x="268" y="383"/>
                  </a:lnTo>
                  <a:lnTo>
                    <a:pt x="264" y="383"/>
                  </a:lnTo>
                  <a:lnTo>
                    <a:pt x="261" y="384"/>
                  </a:lnTo>
                  <a:lnTo>
                    <a:pt x="259" y="384"/>
                  </a:lnTo>
                  <a:lnTo>
                    <a:pt x="258" y="384"/>
                  </a:lnTo>
                  <a:lnTo>
                    <a:pt x="254" y="384"/>
                  </a:lnTo>
                  <a:lnTo>
                    <a:pt x="251" y="386"/>
                  </a:lnTo>
                  <a:lnTo>
                    <a:pt x="246" y="388"/>
                  </a:lnTo>
                  <a:lnTo>
                    <a:pt x="242" y="390"/>
                  </a:lnTo>
                  <a:lnTo>
                    <a:pt x="239" y="395"/>
                  </a:lnTo>
                  <a:lnTo>
                    <a:pt x="241" y="400"/>
                  </a:lnTo>
                  <a:lnTo>
                    <a:pt x="244" y="408"/>
                  </a:lnTo>
                  <a:lnTo>
                    <a:pt x="244" y="410"/>
                  </a:lnTo>
                  <a:lnTo>
                    <a:pt x="244" y="412"/>
                  </a:lnTo>
                  <a:lnTo>
                    <a:pt x="242" y="413"/>
                  </a:lnTo>
                  <a:lnTo>
                    <a:pt x="241" y="417"/>
                  </a:lnTo>
                  <a:lnTo>
                    <a:pt x="239" y="418"/>
                  </a:lnTo>
                  <a:lnTo>
                    <a:pt x="236" y="422"/>
                  </a:lnTo>
                  <a:lnTo>
                    <a:pt x="232" y="425"/>
                  </a:lnTo>
                  <a:lnTo>
                    <a:pt x="232" y="427"/>
                  </a:lnTo>
                  <a:lnTo>
                    <a:pt x="230" y="428"/>
                  </a:lnTo>
                  <a:lnTo>
                    <a:pt x="229" y="430"/>
                  </a:lnTo>
                  <a:lnTo>
                    <a:pt x="229" y="434"/>
                  </a:lnTo>
                  <a:lnTo>
                    <a:pt x="227" y="435"/>
                  </a:lnTo>
                  <a:lnTo>
                    <a:pt x="225" y="439"/>
                  </a:lnTo>
                  <a:lnTo>
                    <a:pt x="225" y="440"/>
                  </a:lnTo>
                  <a:lnTo>
                    <a:pt x="225" y="442"/>
                  </a:lnTo>
                  <a:lnTo>
                    <a:pt x="224" y="442"/>
                  </a:lnTo>
                  <a:lnTo>
                    <a:pt x="224" y="444"/>
                  </a:lnTo>
                  <a:lnTo>
                    <a:pt x="222" y="445"/>
                  </a:lnTo>
                  <a:lnTo>
                    <a:pt x="220" y="445"/>
                  </a:lnTo>
                  <a:lnTo>
                    <a:pt x="217" y="447"/>
                  </a:lnTo>
                  <a:lnTo>
                    <a:pt x="212" y="447"/>
                  </a:lnTo>
                  <a:lnTo>
                    <a:pt x="210" y="450"/>
                  </a:lnTo>
                  <a:lnTo>
                    <a:pt x="208" y="456"/>
                  </a:lnTo>
                  <a:lnTo>
                    <a:pt x="207" y="461"/>
                  </a:lnTo>
                  <a:lnTo>
                    <a:pt x="205" y="467"/>
                  </a:lnTo>
                  <a:lnTo>
                    <a:pt x="203" y="471"/>
                  </a:lnTo>
                  <a:lnTo>
                    <a:pt x="203" y="474"/>
                  </a:lnTo>
                  <a:lnTo>
                    <a:pt x="203" y="476"/>
                  </a:lnTo>
                  <a:lnTo>
                    <a:pt x="203" y="478"/>
                  </a:lnTo>
                  <a:lnTo>
                    <a:pt x="202" y="479"/>
                  </a:lnTo>
                  <a:lnTo>
                    <a:pt x="200" y="481"/>
                  </a:lnTo>
                  <a:lnTo>
                    <a:pt x="198" y="483"/>
                  </a:lnTo>
                  <a:lnTo>
                    <a:pt x="193" y="484"/>
                  </a:lnTo>
                  <a:lnTo>
                    <a:pt x="188" y="484"/>
                  </a:lnTo>
                  <a:lnTo>
                    <a:pt x="180" y="483"/>
                  </a:lnTo>
                  <a:lnTo>
                    <a:pt x="170" y="478"/>
                  </a:lnTo>
                  <a:lnTo>
                    <a:pt x="170" y="476"/>
                  </a:lnTo>
                  <a:lnTo>
                    <a:pt x="170" y="472"/>
                  </a:lnTo>
                  <a:lnTo>
                    <a:pt x="168" y="469"/>
                  </a:lnTo>
                  <a:lnTo>
                    <a:pt x="166" y="466"/>
                  </a:lnTo>
                  <a:lnTo>
                    <a:pt x="163" y="464"/>
                  </a:lnTo>
                  <a:lnTo>
                    <a:pt x="159" y="464"/>
                  </a:lnTo>
                  <a:lnTo>
                    <a:pt x="156" y="471"/>
                  </a:lnTo>
                  <a:lnTo>
                    <a:pt x="151" y="481"/>
                  </a:lnTo>
                  <a:lnTo>
                    <a:pt x="151" y="484"/>
                  </a:lnTo>
                  <a:lnTo>
                    <a:pt x="149" y="489"/>
                  </a:lnTo>
                  <a:lnTo>
                    <a:pt x="149" y="496"/>
                  </a:lnTo>
                  <a:lnTo>
                    <a:pt x="148" y="503"/>
                  </a:lnTo>
                  <a:lnTo>
                    <a:pt x="144" y="506"/>
                  </a:lnTo>
                  <a:lnTo>
                    <a:pt x="141" y="510"/>
                  </a:lnTo>
                  <a:lnTo>
                    <a:pt x="134" y="508"/>
                  </a:lnTo>
                  <a:lnTo>
                    <a:pt x="127" y="501"/>
                  </a:lnTo>
                  <a:lnTo>
                    <a:pt x="126" y="500"/>
                  </a:lnTo>
                  <a:lnTo>
                    <a:pt x="126" y="498"/>
                  </a:lnTo>
                  <a:lnTo>
                    <a:pt x="126" y="496"/>
                  </a:lnTo>
                  <a:lnTo>
                    <a:pt x="124" y="493"/>
                  </a:lnTo>
                  <a:lnTo>
                    <a:pt x="122" y="493"/>
                  </a:lnTo>
                  <a:lnTo>
                    <a:pt x="117" y="493"/>
                  </a:lnTo>
                  <a:lnTo>
                    <a:pt x="112" y="498"/>
                  </a:lnTo>
                  <a:lnTo>
                    <a:pt x="104" y="505"/>
                  </a:lnTo>
                  <a:lnTo>
                    <a:pt x="104" y="506"/>
                  </a:lnTo>
                  <a:lnTo>
                    <a:pt x="102" y="510"/>
                  </a:lnTo>
                  <a:lnTo>
                    <a:pt x="100" y="513"/>
                  </a:lnTo>
                  <a:lnTo>
                    <a:pt x="98" y="516"/>
                  </a:lnTo>
                  <a:lnTo>
                    <a:pt x="95" y="520"/>
                  </a:lnTo>
                  <a:lnTo>
                    <a:pt x="90" y="520"/>
                  </a:lnTo>
                  <a:lnTo>
                    <a:pt x="85" y="518"/>
                  </a:lnTo>
                  <a:lnTo>
                    <a:pt x="78" y="513"/>
                  </a:lnTo>
                  <a:lnTo>
                    <a:pt x="78" y="511"/>
                  </a:lnTo>
                  <a:lnTo>
                    <a:pt x="76" y="510"/>
                  </a:lnTo>
                  <a:lnTo>
                    <a:pt x="73" y="508"/>
                  </a:lnTo>
                  <a:lnTo>
                    <a:pt x="70" y="506"/>
                  </a:lnTo>
                  <a:lnTo>
                    <a:pt x="66" y="505"/>
                  </a:lnTo>
                  <a:lnTo>
                    <a:pt x="63" y="505"/>
                  </a:lnTo>
                  <a:lnTo>
                    <a:pt x="58" y="505"/>
                  </a:lnTo>
                  <a:lnTo>
                    <a:pt x="54" y="508"/>
                  </a:lnTo>
                  <a:lnTo>
                    <a:pt x="53" y="506"/>
                  </a:lnTo>
                  <a:lnTo>
                    <a:pt x="51" y="505"/>
                  </a:lnTo>
                  <a:lnTo>
                    <a:pt x="49" y="505"/>
                  </a:lnTo>
                  <a:lnTo>
                    <a:pt x="48" y="505"/>
                  </a:lnTo>
                  <a:lnTo>
                    <a:pt x="46" y="505"/>
                  </a:lnTo>
                  <a:lnTo>
                    <a:pt x="46" y="510"/>
                  </a:lnTo>
                  <a:lnTo>
                    <a:pt x="46" y="515"/>
                  </a:lnTo>
                  <a:lnTo>
                    <a:pt x="46" y="516"/>
                  </a:lnTo>
                  <a:lnTo>
                    <a:pt x="46" y="518"/>
                  </a:lnTo>
                  <a:lnTo>
                    <a:pt x="44" y="520"/>
                  </a:lnTo>
                  <a:lnTo>
                    <a:pt x="44" y="522"/>
                  </a:lnTo>
                  <a:lnTo>
                    <a:pt x="43" y="522"/>
                  </a:lnTo>
                  <a:lnTo>
                    <a:pt x="39" y="520"/>
                  </a:lnTo>
                  <a:lnTo>
                    <a:pt x="36" y="516"/>
                  </a:lnTo>
                  <a:lnTo>
                    <a:pt x="34" y="516"/>
                  </a:lnTo>
                  <a:lnTo>
                    <a:pt x="29" y="515"/>
                  </a:lnTo>
                  <a:lnTo>
                    <a:pt x="24" y="513"/>
                  </a:lnTo>
                  <a:lnTo>
                    <a:pt x="19" y="513"/>
                  </a:lnTo>
                  <a:lnTo>
                    <a:pt x="16" y="513"/>
                  </a:lnTo>
                  <a:lnTo>
                    <a:pt x="12" y="513"/>
                  </a:lnTo>
                  <a:lnTo>
                    <a:pt x="12" y="516"/>
                  </a:lnTo>
                  <a:lnTo>
                    <a:pt x="16" y="520"/>
                  </a:lnTo>
                  <a:lnTo>
                    <a:pt x="16" y="522"/>
                  </a:lnTo>
                  <a:lnTo>
                    <a:pt x="14" y="525"/>
                  </a:lnTo>
                  <a:lnTo>
                    <a:pt x="14" y="527"/>
                  </a:lnTo>
                  <a:lnTo>
                    <a:pt x="12" y="527"/>
                  </a:lnTo>
                  <a:lnTo>
                    <a:pt x="10" y="528"/>
                  </a:lnTo>
                  <a:lnTo>
                    <a:pt x="9" y="528"/>
                  </a:lnTo>
                  <a:lnTo>
                    <a:pt x="7" y="528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35" name="Freeform 62"/>
            <p:cNvSpPr>
              <a:spLocks/>
            </p:cNvSpPr>
            <p:nvPr/>
          </p:nvSpPr>
          <p:spPr bwMode="auto">
            <a:xfrm>
              <a:off x="3357" y="2283"/>
              <a:ext cx="703" cy="359"/>
            </a:xfrm>
            <a:custGeom>
              <a:avLst/>
              <a:gdLst>
                <a:gd name="T0" fmla="*/ 426 w 723"/>
                <a:gd name="T1" fmla="*/ 23 h 370"/>
                <a:gd name="T2" fmla="*/ 415 w 723"/>
                <a:gd name="T3" fmla="*/ 16 h 370"/>
                <a:gd name="T4" fmla="*/ 394 w 723"/>
                <a:gd name="T5" fmla="*/ 26 h 370"/>
                <a:gd name="T6" fmla="*/ 378 w 723"/>
                <a:gd name="T7" fmla="*/ 21 h 370"/>
                <a:gd name="T8" fmla="*/ 362 w 723"/>
                <a:gd name="T9" fmla="*/ 28 h 370"/>
                <a:gd name="T10" fmla="*/ 329 w 723"/>
                <a:gd name="T11" fmla="*/ 16 h 370"/>
                <a:gd name="T12" fmla="*/ 300 w 723"/>
                <a:gd name="T13" fmla="*/ 1 h 370"/>
                <a:gd name="T14" fmla="*/ 289 w 723"/>
                <a:gd name="T15" fmla="*/ 0 h 370"/>
                <a:gd name="T16" fmla="*/ 285 w 723"/>
                <a:gd name="T17" fmla="*/ 16 h 370"/>
                <a:gd name="T18" fmla="*/ 289 w 723"/>
                <a:gd name="T19" fmla="*/ 28 h 370"/>
                <a:gd name="T20" fmla="*/ 267 w 723"/>
                <a:gd name="T21" fmla="*/ 35 h 370"/>
                <a:gd name="T22" fmla="*/ 256 w 723"/>
                <a:gd name="T23" fmla="*/ 38 h 370"/>
                <a:gd name="T24" fmla="*/ 254 w 723"/>
                <a:gd name="T25" fmla="*/ 50 h 370"/>
                <a:gd name="T26" fmla="*/ 245 w 723"/>
                <a:gd name="T27" fmla="*/ 62 h 370"/>
                <a:gd name="T28" fmla="*/ 241 w 723"/>
                <a:gd name="T29" fmla="*/ 70 h 370"/>
                <a:gd name="T30" fmla="*/ 232 w 723"/>
                <a:gd name="T31" fmla="*/ 75 h 370"/>
                <a:gd name="T32" fmla="*/ 226 w 723"/>
                <a:gd name="T33" fmla="*/ 92 h 370"/>
                <a:gd name="T34" fmla="*/ 216 w 723"/>
                <a:gd name="T35" fmla="*/ 99 h 370"/>
                <a:gd name="T36" fmla="*/ 199 w 723"/>
                <a:gd name="T37" fmla="*/ 84 h 370"/>
                <a:gd name="T38" fmla="*/ 188 w 723"/>
                <a:gd name="T39" fmla="*/ 111 h 370"/>
                <a:gd name="T40" fmla="*/ 174 w 723"/>
                <a:gd name="T41" fmla="*/ 106 h 370"/>
                <a:gd name="T42" fmla="*/ 158 w 723"/>
                <a:gd name="T43" fmla="*/ 115 h 370"/>
                <a:gd name="T44" fmla="*/ 142 w 723"/>
                <a:gd name="T45" fmla="*/ 115 h 370"/>
                <a:gd name="T46" fmla="*/ 125 w 723"/>
                <a:gd name="T47" fmla="*/ 114 h 370"/>
                <a:gd name="T48" fmla="*/ 120 w 723"/>
                <a:gd name="T49" fmla="*/ 115 h 370"/>
                <a:gd name="T50" fmla="*/ 118 w 723"/>
                <a:gd name="T51" fmla="*/ 123 h 370"/>
                <a:gd name="T52" fmla="*/ 100 w 723"/>
                <a:gd name="T53" fmla="*/ 117 h 370"/>
                <a:gd name="T54" fmla="*/ 97 w 723"/>
                <a:gd name="T55" fmla="*/ 127 h 370"/>
                <a:gd name="T56" fmla="*/ 90 w 723"/>
                <a:gd name="T57" fmla="*/ 131 h 370"/>
                <a:gd name="T58" fmla="*/ 88 w 723"/>
                <a:gd name="T59" fmla="*/ 146 h 370"/>
                <a:gd name="T60" fmla="*/ 86 w 723"/>
                <a:gd name="T61" fmla="*/ 156 h 370"/>
                <a:gd name="T62" fmla="*/ 65 w 723"/>
                <a:gd name="T63" fmla="*/ 167 h 370"/>
                <a:gd name="T64" fmla="*/ 71 w 723"/>
                <a:gd name="T65" fmla="*/ 188 h 370"/>
                <a:gd name="T66" fmla="*/ 43 w 723"/>
                <a:gd name="T67" fmla="*/ 178 h 370"/>
                <a:gd name="T68" fmla="*/ 18 w 723"/>
                <a:gd name="T69" fmla="*/ 188 h 370"/>
                <a:gd name="T70" fmla="*/ 18 w 723"/>
                <a:gd name="T71" fmla="*/ 198 h 370"/>
                <a:gd name="T72" fmla="*/ 0 w 723"/>
                <a:gd name="T73" fmla="*/ 243 h 370"/>
                <a:gd name="T74" fmla="*/ 108 w 723"/>
                <a:gd name="T75" fmla="*/ 219 h 370"/>
                <a:gd name="T76" fmla="*/ 134 w 723"/>
                <a:gd name="T77" fmla="*/ 219 h 370"/>
                <a:gd name="T78" fmla="*/ 184 w 723"/>
                <a:gd name="T79" fmla="*/ 215 h 370"/>
                <a:gd name="T80" fmla="*/ 264 w 723"/>
                <a:gd name="T81" fmla="*/ 209 h 370"/>
                <a:gd name="T82" fmla="*/ 339 w 723"/>
                <a:gd name="T83" fmla="*/ 203 h 370"/>
                <a:gd name="T84" fmla="*/ 376 w 723"/>
                <a:gd name="T85" fmla="*/ 199 h 370"/>
                <a:gd name="T86" fmla="*/ 390 w 723"/>
                <a:gd name="T87" fmla="*/ 194 h 370"/>
                <a:gd name="T88" fmla="*/ 413 w 723"/>
                <a:gd name="T89" fmla="*/ 181 h 370"/>
                <a:gd name="T90" fmla="*/ 423 w 723"/>
                <a:gd name="T91" fmla="*/ 174 h 370"/>
                <a:gd name="T92" fmla="*/ 436 w 723"/>
                <a:gd name="T93" fmla="*/ 166 h 370"/>
                <a:gd name="T94" fmla="*/ 439 w 723"/>
                <a:gd name="T95" fmla="*/ 156 h 370"/>
                <a:gd name="T96" fmla="*/ 449 w 723"/>
                <a:gd name="T97" fmla="*/ 142 h 370"/>
                <a:gd name="T98" fmla="*/ 473 w 723"/>
                <a:gd name="T99" fmla="*/ 124 h 370"/>
                <a:gd name="T100" fmla="*/ 473 w 723"/>
                <a:gd name="T101" fmla="*/ 123 h 370"/>
                <a:gd name="T102" fmla="*/ 477 w 723"/>
                <a:gd name="T103" fmla="*/ 100 h 370"/>
                <a:gd name="T104" fmla="*/ 464 w 723"/>
                <a:gd name="T105" fmla="*/ 90 h 370"/>
                <a:gd name="T106" fmla="*/ 439 w 723"/>
                <a:gd name="T107" fmla="*/ 58 h 370"/>
                <a:gd name="T108" fmla="*/ 437 w 723"/>
                <a:gd name="T109" fmla="*/ 39 h 370"/>
                <a:gd name="T110" fmla="*/ 439 w 723"/>
                <a:gd name="T111" fmla="*/ 37 h 370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w 723"/>
                <a:gd name="T169" fmla="*/ 0 h 370"/>
                <a:gd name="T170" fmla="*/ 723 w 723"/>
                <a:gd name="T171" fmla="*/ 370 h 370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T168" t="T169" r="T170" b="T171"/>
              <a:pathLst>
                <a:path w="723" h="370">
                  <a:moveTo>
                    <a:pt x="650" y="52"/>
                  </a:moveTo>
                  <a:lnTo>
                    <a:pt x="648" y="50"/>
                  </a:lnTo>
                  <a:lnTo>
                    <a:pt x="647" y="49"/>
                  </a:lnTo>
                  <a:lnTo>
                    <a:pt x="643" y="45"/>
                  </a:lnTo>
                  <a:lnTo>
                    <a:pt x="640" y="42"/>
                  </a:lnTo>
                  <a:lnTo>
                    <a:pt x="635" y="39"/>
                  </a:lnTo>
                  <a:lnTo>
                    <a:pt x="631" y="37"/>
                  </a:lnTo>
                  <a:lnTo>
                    <a:pt x="626" y="37"/>
                  </a:lnTo>
                  <a:lnTo>
                    <a:pt x="623" y="40"/>
                  </a:lnTo>
                  <a:lnTo>
                    <a:pt x="621" y="39"/>
                  </a:lnTo>
                  <a:lnTo>
                    <a:pt x="621" y="35"/>
                  </a:lnTo>
                  <a:lnTo>
                    <a:pt x="621" y="30"/>
                  </a:lnTo>
                  <a:lnTo>
                    <a:pt x="620" y="25"/>
                  </a:lnTo>
                  <a:lnTo>
                    <a:pt x="616" y="22"/>
                  </a:lnTo>
                  <a:lnTo>
                    <a:pt x="611" y="20"/>
                  </a:lnTo>
                  <a:lnTo>
                    <a:pt x="604" y="23"/>
                  </a:lnTo>
                  <a:lnTo>
                    <a:pt x="594" y="32"/>
                  </a:lnTo>
                  <a:lnTo>
                    <a:pt x="593" y="34"/>
                  </a:lnTo>
                  <a:lnTo>
                    <a:pt x="591" y="35"/>
                  </a:lnTo>
                  <a:lnTo>
                    <a:pt x="588" y="39"/>
                  </a:lnTo>
                  <a:lnTo>
                    <a:pt x="584" y="40"/>
                  </a:lnTo>
                  <a:lnTo>
                    <a:pt x="579" y="42"/>
                  </a:lnTo>
                  <a:lnTo>
                    <a:pt x="574" y="44"/>
                  </a:lnTo>
                  <a:lnTo>
                    <a:pt x="567" y="40"/>
                  </a:lnTo>
                  <a:lnTo>
                    <a:pt x="562" y="37"/>
                  </a:lnTo>
                  <a:lnTo>
                    <a:pt x="560" y="35"/>
                  </a:lnTo>
                  <a:lnTo>
                    <a:pt x="559" y="35"/>
                  </a:lnTo>
                  <a:lnTo>
                    <a:pt x="557" y="34"/>
                  </a:lnTo>
                  <a:lnTo>
                    <a:pt x="554" y="35"/>
                  </a:lnTo>
                  <a:lnTo>
                    <a:pt x="550" y="35"/>
                  </a:lnTo>
                  <a:lnTo>
                    <a:pt x="547" y="39"/>
                  </a:lnTo>
                  <a:lnTo>
                    <a:pt x="542" y="44"/>
                  </a:lnTo>
                  <a:lnTo>
                    <a:pt x="540" y="44"/>
                  </a:lnTo>
                  <a:lnTo>
                    <a:pt x="537" y="42"/>
                  </a:lnTo>
                  <a:lnTo>
                    <a:pt x="533" y="42"/>
                  </a:lnTo>
                  <a:lnTo>
                    <a:pt x="532" y="42"/>
                  </a:lnTo>
                  <a:lnTo>
                    <a:pt x="518" y="30"/>
                  </a:lnTo>
                  <a:lnTo>
                    <a:pt x="488" y="28"/>
                  </a:lnTo>
                  <a:lnTo>
                    <a:pt x="488" y="27"/>
                  </a:lnTo>
                  <a:lnTo>
                    <a:pt x="488" y="23"/>
                  </a:lnTo>
                  <a:lnTo>
                    <a:pt x="486" y="20"/>
                  </a:lnTo>
                  <a:lnTo>
                    <a:pt x="484" y="15"/>
                  </a:lnTo>
                  <a:lnTo>
                    <a:pt x="479" y="10"/>
                  </a:lnTo>
                  <a:lnTo>
                    <a:pt x="472" y="5"/>
                  </a:lnTo>
                  <a:lnTo>
                    <a:pt x="462" y="3"/>
                  </a:lnTo>
                  <a:lnTo>
                    <a:pt x="450" y="1"/>
                  </a:lnTo>
                  <a:lnTo>
                    <a:pt x="449" y="1"/>
                  </a:lnTo>
                  <a:lnTo>
                    <a:pt x="445" y="1"/>
                  </a:lnTo>
                  <a:lnTo>
                    <a:pt x="442" y="1"/>
                  </a:lnTo>
                  <a:lnTo>
                    <a:pt x="437" y="1"/>
                  </a:lnTo>
                  <a:lnTo>
                    <a:pt x="432" y="1"/>
                  </a:lnTo>
                  <a:lnTo>
                    <a:pt x="428" y="1"/>
                  </a:lnTo>
                  <a:lnTo>
                    <a:pt x="427" y="1"/>
                  </a:lnTo>
                  <a:lnTo>
                    <a:pt x="425" y="1"/>
                  </a:lnTo>
                  <a:lnTo>
                    <a:pt x="427" y="0"/>
                  </a:lnTo>
                  <a:lnTo>
                    <a:pt x="425" y="0"/>
                  </a:lnTo>
                  <a:lnTo>
                    <a:pt x="425" y="1"/>
                  </a:lnTo>
                  <a:lnTo>
                    <a:pt x="423" y="3"/>
                  </a:lnTo>
                  <a:lnTo>
                    <a:pt x="423" y="6"/>
                  </a:lnTo>
                  <a:lnTo>
                    <a:pt x="422" y="12"/>
                  </a:lnTo>
                  <a:lnTo>
                    <a:pt x="422" y="17"/>
                  </a:lnTo>
                  <a:lnTo>
                    <a:pt x="422" y="22"/>
                  </a:lnTo>
                  <a:lnTo>
                    <a:pt x="423" y="28"/>
                  </a:lnTo>
                  <a:lnTo>
                    <a:pt x="425" y="30"/>
                  </a:lnTo>
                  <a:lnTo>
                    <a:pt x="427" y="32"/>
                  </a:lnTo>
                  <a:lnTo>
                    <a:pt x="428" y="35"/>
                  </a:lnTo>
                  <a:lnTo>
                    <a:pt x="430" y="37"/>
                  </a:lnTo>
                  <a:lnTo>
                    <a:pt x="430" y="40"/>
                  </a:lnTo>
                  <a:lnTo>
                    <a:pt x="428" y="42"/>
                  </a:lnTo>
                  <a:lnTo>
                    <a:pt x="422" y="44"/>
                  </a:lnTo>
                  <a:lnTo>
                    <a:pt x="413" y="45"/>
                  </a:lnTo>
                  <a:lnTo>
                    <a:pt x="412" y="45"/>
                  </a:lnTo>
                  <a:lnTo>
                    <a:pt x="408" y="45"/>
                  </a:lnTo>
                  <a:lnTo>
                    <a:pt x="405" y="47"/>
                  </a:lnTo>
                  <a:lnTo>
                    <a:pt x="400" y="49"/>
                  </a:lnTo>
                  <a:lnTo>
                    <a:pt x="396" y="49"/>
                  </a:lnTo>
                  <a:lnTo>
                    <a:pt x="393" y="50"/>
                  </a:lnTo>
                  <a:lnTo>
                    <a:pt x="391" y="50"/>
                  </a:lnTo>
                  <a:lnTo>
                    <a:pt x="390" y="50"/>
                  </a:lnTo>
                  <a:lnTo>
                    <a:pt x="386" y="50"/>
                  </a:lnTo>
                  <a:lnTo>
                    <a:pt x="383" y="52"/>
                  </a:lnTo>
                  <a:lnTo>
                    <a:pt x="378" y="54"/>
                  </a:lnTo>
                  <a:lnTo>
                    <a:pt x="374" y="56"/>
                  </a:lnTo>
                  <a:lnTo>
                    <a:pt x="371" y="61"/>
                  </a:lnTo>
                  <a:lnTo>
                    <a:pt x="373" y="66"/>
                  </a:lnTo>
                  <a:lnTo>
                    <a:pt x="376" y="74"/>
                  </a:lnTo>
                  <a:lnTo>
                    <a:pt x="376" y="76"/>
                  </a:lnTo>
                  <a:lnTo>
                    <a:pt x="376" y="78"/>
                  </a:lnTo>
                  <a:lnTo>
                    <a:pt x="374" y="79"/>
                  </a:lnTo>
                  <a:lnTo>
                    <a:pt x="373" y="83"/>
                  </a:lnTo>
                  <a:lnTo>
                    <a:pt x="371" y="84"/>
                  </a:lnTo>
                  <a:lnTo>
                    <a:pt x="368" y="88"/>
                  </a:lnTo>
                  <a:lnTo>
                    <a:pt x="364" y="91"/>
                  </a:lnTo>
                  <a:lnTo>
                    <a:pt x="364" y="93"/>
                  </a:lnTo>
                  <a:lnTo>
                    <a:pt x="362" y="94"/>
                  </a:lnTo>
                  <a:lnTo>
                    <a:pt x="361" y="96"/>
                  </a:lnTo>
                  <a:lnTo>
                    <a:pt x="361" y="100"/>
                  </a:lnTo>
                  <a:lnTo>
                    <a:pt x="359" y="101"/>
                  </a:lnTo>
                  <a:lnTo>
                    <a:pt x="357" y="105"/>
                  </a:lnTo>
                  <a:lnTo>
                    <a:pt x="357" y="106"/>
                  </a:lnTo>
                  <a:lnTo>
                    <a:pt x="357" y="108"/>
                  </a:lnTo>
                  <a:lnTo>
                    <a:pt x="356" y="108"/>
                  </a:lnTo>
                  <a:lnTo>
                    <a:pt x="356" y="110"/>
                  </a:lnTo>
                  <a:lnTo>
                    <a:pt x="354" y="111"/>
                  </a:lnTo>
                  <a:lnTo>
                    <a:pt x="352" y="111"/>
                  </a:lnTo>
                  <a:lnTo>
                    <a:pt x="349" y="113"/>
                  </a:lnTo>
                  <a:lnTo>
                    <a:pt x="344" y="113"/>
                  </a:lnTo>
                  <a:lnTo>
                    <a:pt x="342" y="116"/>
                  </a:lnTo>
                  <a:lnTo>
                    <a:pt x="340" y="122"/>
                  </a:lnTo>
                  <a:lnTo>
                    <a:pt x="339" y="127"/>
                  </a:lnTo>
                  <a:lnTo>
                    <a:pt x="337" y="133"/>
                  </a:lnTo>
                  <a:lnTo>
                    <a:pt x="335" y="137"/>
                  </a:lnTo>
                  <a:lnTo>
                    <a:pt x="335" y="140"/>
                  </a:lnTo>
                  <a:lnTo>
                    <a:pt x="335" y="142"/>
                  </a:lnTo>
                  <a:lnTo>
                    <a:pt x="335" y="144"/>
                  </a:lnTo>
                  <a:lnTo>
                    <a:pt x="334" y="145"/>
                  </a:lnTo>
                  <a:lnTo>
                    <a:pt x="332" y="147"/>
                  </a:lnTo>
                  <a:lnTo>
                    <a:pt x="330" y="149"/>
                  </a:lnTo>
                  <a:lnTo>
                    <a:pt x="325" y="150"/>
                  </a:lnTo>
                  <a:lnTo>
                    <a:pt x="320" y="150"/>
                  </a:lnTo>
                  <a:lnTo>
                    <a:pt x="312" y="149"/>
                  </a:lnTo>
                  <a:lnTo>
                    <a:pt x="302" y="144"/>
                  </a:lnTo>
                  <a:lnTo>
                    <a:pt x="302" y="142"/>
                  </a:lnTo>
                  <a:lnTo>
                    <a:pt x="302" y="138"/>
                  </a:lnTo>
                  <a:lnTo>
                    <a:pt x="300" y="135"/>
                  </a:lnTo>
                  <a:lnTo>
                    <a:pt x="298" y="132"/>
                  </a:lnTo>
                  <a:lnTo>
                    <a:pt x="295" y="130"/>
                  </a:lnTo>
                  <a:lnTo>
                    <a:pt x="291" y="130"/>
                  </a:lnTo>
                  <a:lnTo>
                    <a:pt x="288" y="137"/>
                  </a:lnTo>
                  <a:lnTo>
                    <a:pt x="283" y="147"/>
                  </a:lnTo>
                  <a:lnTo>
                    <a:pt x="283" y="150"/>
                  </a:lnTo>
                  <a:lnTo>
                    <a:pt x="281" y="155"/>
                  </a:lnTo>
                  <a:lnTo>
                    <a:pt x="281" y="162"/>
                  </a:lnTo>
                  <a:lnTo>
                    <a:pt x="280" y="169"/>
                  </a:lnTo>
                  <a:lnTo>
                    <a:pt x="276" y="172"/>
                  </a:lnTo>
                  <a:lnTo>
                    <a:pt x="273" y="176"/>
                  </a:lnTo>
                  <a:lnTo>
                    <a:pt x="266" y="174"/>
                  </a:lnTo>
                  <a:lnTo>
                    <a:pt x="259" y="167"/>
                  </a:lnTo>
                  <a:lnTo>
                    <a:pt x="258" y="166"/>
                  </a:lnTo>
                  <a:lnTo>
                    <a:pt x="258" y="164"/>
                  </a:lnTo>
                  <a:lnTo>
                    <a:pt x="258" y="162"/>
                  </a:lnTo>
                  <a:lnTo>
                    <a:pt x="256" y="159"/>
                  </a:lnTo>
                  <a:lnTo>
                    <a:pt x="254" y="159"/>
                  </a:lnTo>
                  <a:lnTo>
                    <a:pt x="249" y="159"/>
                  </a:lnTo>
                  <a:lnTo>
                    <a:pt x="244" y="164"/>
                  </a:lnTo>
                  <a:lnTo>
                    <a:pt x="236" y="171"/>
                  </a:lnTo>
                  <a:lnTo>
                    <a:pt x="236" y="172"/>
                  </a:lnTo>
                  <a:lnTo>
                    <a:pt x="234" y="176"/>
                  </a:lnTo>
                  <a:lnTo>
                    <a:pt x="232" y="179"/>
                  </a:lnTo>
                  <a:lnTo>
                    <a:pt x="230" y="182"/>
                  </a:lnTo>
                  <a:lnTo>
                    <a:pt x="227" y="186"/>
                  </a:lnTo>
                  <a:lnTo>
                    <a:pt x="222" y="186"/>
                  </a:lnTo>
                  <a:lnTo>
                    <a:pt x="217" y="184"/>
                  </a:lnTo>
                  <a:lnTo>
                    <a:pt x="210" y="179"/>
                  </a:lnTo>
                  <a:lnTo>
                    <a:pt x="210" y="177"/>
                  </a:lnTo>
                  <a:lnTo>
                    <a:pt x="208" y="176"/>
                  </a:lnTo>
                  <a:lnTo>
                    <a:pt x="205" y="174"/>
                  </a:lnTo>
                  <a:lnTo>
                    <a:pt x="202" y="172"/>
                  </a:lnTo>
                  <a:lnTo>
                    <a:pt x="198" y="171"/>
                  </a:lnTo>
                  <a:lnTo>
                    <a:pt x="195" y="171"/>
                  </a:lnTo>
                  <a:lnTo>
                    <a:pt x="190" y="171"/>
                  </a:lnTo>
                  <a:lnTo>
                    <a:pt x="186" y="174"/>
                  </a:lnTo>
                  <a:lnTo>
                    <a:pt x="185" y="172"/>
                  </a:lnTo>
                  <a:lnTo>
                    <a:pt x="183" y="171"/>
                  </a:lnTo>
                  <a:lnTo>
                    <a:pt x="181" y="171"/>
                  </a:lnTo>
                  <a:lnTo>
                    <a:pt x="180" y="171"/>
                  </a:lnTo>
                  <a:lnTo>
                    <a:pt x="178" y="171"/>
                  </a:lnTo>
                  <a:lnTo>
                    <a:pt x="178" y="176"/>
                  </a:lnTo>
                  <a:lnTo>
                    <a:pt x="178" y="181"/>
                  </a:lnTo>
                  <a:lnTo>
                    <a:pt x="178" y="182"/>
                  </a:lnTo>
                  <a:lnTo>
                    <a:pt x="178" y="184"/>
                  </a:lnTo>
                  <a:lnTo>
                    <a:pt x="176" y="186"/>
                  </a:lnTo>
                  <a:lnTo>
                    <a:pt x="176" y="188"/>
                  </a:lnTo>
                  <a:lnTo>
                    <a:pt x="175" y="188"/>
                  </a:lnTo>
                  <a:lnTo>
                    <a:pt x="171" y="186"/>
                  </a:lnTo>
                  <a:lnTo>
                    <a:pt x="168" y="182"/>
                  </a:lnTo>
                  <a:lnTo>
                    <a:pt x="166" y="182"/>
                  </a:lnTo>
                  <a:lnTo>
                    <a:pt x="161" y="181"/>
                  </a:lnTo>
                  <a:lnTo>
                    <a:pt x="156" y="179"/>
                  </a:lnTo>
                  <a:lnTo>
                    <a:pt x="151" y="179"/>
                  </a:lnTo>
                  <a:lnTo>
                    <a:pt x="148" y="179"/>
                  </a:lnTo>
                  <a:lnTo>
                    <a:pt x="144" y="179"/>
                  </a:lnTo>
                  <a:lnTo>
                    <a:pt x="144" y="182"/>
                  </a:lnTo>
                  <a:lnTo>
                    <a:pt x="148" y="186"/>
                  </a:lnTo>
                  <a:lnTo>
                    <a:pt x="148" y="188"/>
                  </a:lnTo>
                  <a:lnTo>
                    <a:pt x="146" y="188"/>
                  </a:lnTo>
                  <a:lnTo>
                    <a:pt x="146" y="191"/>
                  </a:lnTo>
                  <a:lnTo>
                    <a:pt x="144" y="193"/>
                  </a:lnTo>
                  <a:lnTo>
                    <a:pt x="142" y="193"/>
                  </a:lnTo>
                  <a:lnTo>
                    <a:pt x="141" y="194"/>
                  </a:lnTo>
                  <a:lnTo>
                    <a:pt x="139" y="194"/>
                  </a:lnTo>
                  <a:lnTo>
                    <a:pt x="136" y="194"/>
                  </a:lnTo>
                  <a:lnTo>
                    <a:pt x="136" y="196"/>
                  </a:lnTo>
                  <a:lnTo>
                    <a:pt x="136" y="198"/>
                  </a:lnTo>
                  <a:lnTo>
                    <a:pt x="134" y="199"/>
                  </a:lnTo>
                  <a:lnTo>
                    <a:pt x="134" y="201"/>
                  </a:lnTo>
                  <a:lnTo>
                    <a:pt x="132" y="204"/>
                  </a:lnTo>
                  <a:lnTo>
                    <a:pt x="131" y="206"/>
                  </a:lnTo>
                  <a:lnTo>
                    <a:pt x="129" y="208"/>
                  </a:lnTo>
                  <a:lnTo>
                    <a:pt x="129" y="210"/>
                  </a:lnTo>
                  <a:lnTo>
                    <a:pt x="127" y="218"/>
                  </a:lnTo>
                  <a:lnTo>
                    <a:pt x="131" y="223"/>
                  </a:lnTo>
                  <a:lnTo>
                    <a:pt x="132" y="225"/>
                  </a:lnTo>
                  <a:lnTo>
                    <a:pt x="134" y="226"/>
                  </a:lnTo>
                  <a:lnTo>
                    <a:pt x="134" y="228"/>
                  </a:lnTo>
                  <a:lnTo>
                    <a:pt x="136" y="232"/>
                  </a:lnTo>
                  <a:lnTo>
                    <a:pt x="136" y="235"/>
                  </a:lnTo>
                  <a:lnTo>
                    <a:pt x="134" y="237"/>
                  </a:lnTo>
                  <a:lnTo>
                    <a:pt x="127" y="238"/>
                  </a:lnTo>
                  <a:lnTo>
                    <a:pt x="119" y="240"/>
                  </a:lnTo>
                  <a:lnTo>
                    <a:pt x="117" y="240"/>
                  </a:lnTo>
                  <a:lnTo>
                    <a:pt x="112" y="240"/>
                  </a:lnTo>
                  <a:lnTo>
                    <a:pt x="107" y="243"/>
                  </a:lnTo>
                  <a:lnTo>
                    <a:pt x="102" y="245"/>
                  </a:lnTo>
                  <a:lnTo>
                    <a:pt x="97" y="250"/>
                  </a:lnTo>
                  <a:lnTo>
                    <a:pt x="95" y="255"/>
                  </a:lnTo>
                  <a:lnTo>
                    <a:pt x="95" y="264"/>
                  </a:lnTo>
                  <a:lnTo>
                    <a:pt x="100" y="272"/>
                  </a:lnTo>
                  <a:lnTo>
                    <a:pt x="100" y="274"/>
                  </a:lnTo>
                  <a:lnTo>
                    <a:pt x="104" y="277"/>
                  </a:lnTo>
                  <a:lnTo>
                    <a:pt x="104" y="281"/>
                  </a:lnTo>
                  <a:lnTo>
                    <a:pt x="105" y="284"/>
                  </a:lnTo>
                  <a:lnTo>
                    <a:pt x="104" y="287"/>
                  </a:lnTo>
                  <a:lnTo>
                    <a:pt x="98" y="289"/>
                  </a:lnTo>
                  <a:lnTo>
                    <a:pt x="88" y="287"/>
                  </a:lnTo>
                  <a:lnTo>
                    <a:pt x="75" y="282"/>
                  </a:lnTo>
                  <a:lnTo>
                    <a:pt x="71" y="281"/>
                  </a:lnTo>
                  <a:lnTo>
                    <a:pt x="68" y="277"/>
                  </a:lnTo>
                  <a:lnTo>
                    <a:pt x="65" y="276"/>
                  </a:lnTo>
                  <a:lnTo>
                    <a:pt x="60" y="272"/>
                  </a:lnTo>
                  <a:lnTo>
                    <a:pt x="54" y="272"/>
                  </a:lnTo>
                  <a:lnTo>
                    <a:pt x="49" y="272"/>
                  </a:lnTo>
                  <a:lnTo>
                    <a:pt x="44" y="276"/>
                  </a:lnTo>
                  <a:lnTo>
                    <a:pt x="38" y="282"/>
                  </a:lnTo>
                  <a:lnTo>
                    <a:pt x="38" y="284"/>
                  </a:lnTo>
                  <a:lnTo>
                    <a:pt x="36" y="286"/>
                  </a:lnTo>
                  <a:lnTo>
                    <a:pt x="32" y="287"/>
                  </a:lnTo>
                  <a:lnTo>
                    <a:pt x="31" y="289"/>
                  </a:lnTo>
                  <a:lnTo>
                    <a:pt x="27" y="292"/>
                  </a:lnTo>
                  <a:lnTo>
                    <a:pt x="26" y="294"/>
                  </a:lnTo>
                  <a:lnTo>
                    <a:pt x="26" y="296"/>
                  </a:lnTo>
                  <a:lnTo>
                    <a:pt x="24" y="296"/>
                  </a:lnTo>
                  <a:lnTo>
                    <a:pt x="26" y="298"/>
                  </a:lnTo>
                  <a:lnTo>
                    <a:pt x="29" y="301"/>
                  </a:lnTo>
                  <a:lnTo>
                    <a:pt x="32" y="303"/>
                  </a:lnTo>
                  <a:lnTo>
                    <a:pt x="34" y="304"/>
                  </a:lnTo>
                  <a:lnTo>
                    <a:pt x="43" y="311"/>
                  </a:lnTo>
                  <a:lnTo>
                    <a:pt x="38" y="320"/>
                  </a:lnTo>
                  <a:lnTo>
                    <a:pt x="38" y="355"/>
                  </a:lnTo>
                  <a:lnTo>
                    <a:pt x="19" y="357"/>
                  </a:lnTo>
                  <a:lnTo>
                    <a:pt x="0" y="370"/>
                  </a:lnTo>
                  <a:lnTo>
                    <a:pt x="0" y="369"/>
                  </a:lnTo>
                  <a:lnTo>
                    <a:pt x="148" y="357"/>
                  </a:lnTo>
                  <a:lnTo>
                    <a:pt x="148" y="333"/>
                  </a:lnTo>
                  <a:lnTo>
                    <a:pt x="149" y="335"/>
                  </a:lnTo>
                  <a:lnTo>
                    <a:pt x="153" y="335"/>
                  </a:lnTo>
                  <a:lnTo>
                    <a:pt x="158" y="335"/>
                  </a:lnTo>
                  <a:lnTo>
                    <a:pt x="164" y="335"/>
                  </a:lnTo>
                  <a:lnTo>
                    <a:pt x="171" y="336"/>
                  </a:lnTo>
                  <a:lnTo>
                    <a:pt x="178" y="336"/>
                  </a:lnTo>
                  <a:lnTo>
                    <a:pt x="186" y="336"/>
                  </a:lnTo>
                  <a:lnTo>
                    <a:pt x="188" y="336"/>
                  </a:lnTo>
                  <a:lnTo>
                    <a:pt x="192" y="336"/>
                  </a:lnTo>
                  <a:lnTo>
                    <a:pt x="197" y="335"/>
                  </a:lnTo>
                  <a:lnTo>
                    <a:pt x="203" y="335"/>
                  </a:lnTo>
                  <a:lnTo>
                    <a:pt x="212" y="333"/>
                  </a:lnTo>
                  <a:lnTo>
                    <a:pt x="222" y="333"/>
                  </a:lnTo>
                  <a:lnTo>
                    <a:pt x="232" y="331"/>
                  </a:lnTo>
                  <a:lnTo>
                    <a:pt x="246" y="331"/>
                  </a:lnTo>
                  <a:lnTo>
                    <a:pt x="259" y="330"/>
                  </a:lnTo>
                  <a:lnTo>
                    <a:pt x="273" y="328"/>
                  </a:lnTo>
                  <a:lnTo>
                    <a:pt x="288" y="328"/>
                  </a:lnTo>
                  <a:lnTo>
                    <a:pt x="305" y="326"/>
                  </a:lnTo>
                  <a:lnTo>
                    <a:pt x="322" y="325"/>
                  </a:lnTo>
                  <a:lnTo>
                    <a:pt x="339" y="323"/>
                  </a:lnTo>
                  <a:lnTo>
                    <a:pt x="356" y="321"/>
                  </a:lnTo>
                  <a:lnTo>
                    <a:pt x="373" y="320"/>
                  </a:lnTo>
                  <a:lnTo>
                    <a:pt x="391" y="318"/>
                  </a:lnTo>
                  <a:lnTo>
                    <a:pt x="408" y="318"/>
                  </a:lnTo>
                  <a:lnTo>
                    <a:pt x="425" y="316"/>
                  </a:lnTo>
                  <a:lnTo>
                    <a:pt x="440" y="314"/>
                  </a:lnTo>
                  <a:lnTo>
                    <a:pt x="457" y="313"/>
                  </a:lnTo>
                  <a:lnTo>
                    <a:pt x="472" y="311"/>
                  </a:lnTo>
                  <a:lnTo>
                    <a:pt x="488" y="309"/>
                  </a:lnTo>
                  <a:lnTo>
                    <a:pt x="501" y="309"/>
                  </a:lnTo>
                  <a:lnTo>
                    <a:pt x="513" y="308"/>
                  </a:lnTo>
                  <a:lnTo>
                    <a:pt x="525" y="306"/>
                  </a:lnTo>
                  <a:lnTo>
                    <a:pt x="535" y="306"/>
                  </a:lnTo>
                  <a:lnTo>
                    <a:pt x="544" y="306"/>
                  </a:lnTo>
                  <a:lnTo>
                    <a:pt x="549" y="304"/>
                  </a:lnTo>
                  <a:lnTo>
                    <a:pt x="554" y="304"/>
                  </a:lnTo>
                  <a:lnTo>
                    <a:pt x="557" y="304"/>
                  </a:lnTo>
                  <a:lnTo>
                    <a:pt x="559" y="304"/>
                  </a:lnTo>
                  <a:lnTo>
                    <a:pt x="560" y="303"/>
                  </a:lnTo>
                  <a:lnTo>
                    <a:pt x="564" y="301"/>
                  </a:lnTo>
                  <a:lnTo>
                    <a:pt x="567" y="299"/>
                  </a:lnTo>
                  <a:lnTo>
                    <a:pt x="571" y="298"/>
                  </a:lnTo>
                  <a:lnTo>
                    <a:pt x="576" y="296"/>
                  </a:lnTo>
                  <a:lnTo>
                    <a:pt x="581" y="292"/>
                  </a:lnTo>
                  <a:lnTo>
                    <a:pt x="586" y="291"/>
                  </a:lnTo>
                  <a:lnTo>
                    <a:pt x="591" y="287"/>
                  </a:lnTo>
                  <a:lnTo>
                    <a:pt x="596" y="286"/>
                  </a:lnTo>
                  <a:lnTo>
                    <a:pt x="601" y="282"/>
                  </a:lnTo>
                  <a:lnTo>
                    <a:pt x="606" y="281"/>
                  </a:lnTo>
                  <a:lnTo>
                    <a:pt x="611" y="277"/>
                  </a:lnTo>
                  <a:lnTo>
                    <a:pt x="615" y="276"/>
                  </a:lnTo>
                  <a:lnTo>
                    <a:pt x="618" y="274"/>
                  </a:lnTo>
                  <a:lnTo>
                    <a:pt x="620" y="274"/>
                  </a:lnTo>
                  <a:lnTo>
                    <a:pt x="621" y="272"/>
                  </a:lnTo>
                  <a:lnTo>
                    <a:pt x="621" y="270"/>
                  </a:lnTo>
                  <a:lnTo>
                    <a:pt x="623" y="269"/>
                  </a:lnTo>
                  <a:lnTo>
                    <a:pt x="625" y="265"/>
                  </a:lnTo>
                  <a:lnTo>
                    <a:pt x="626" y="264"/>
                  </a:lnTo>
                  <a:lnTo>
                    <a:pt x="630" y="260"/>
                  </a:lnTo>
                  <a:lnTo>
                    <a:pt x="635" y="259"/>
                  </a:lnTo>
                  <a:lnTo>
                    <a:pt x="640" y="255"/>
                  </a:lnTo>
                  <a:lnTo>
                    <a:pt x="643" y="255"/>
                  </a:lnTo>
                  <a:lnTo>
                    <a:pt x="643" y="254"/>
                  </a:lnTo>
                  <a:lnTo>
                    <a:pt x="645" y="252"/>
                  </a:lnTo>
                  <a:lnTo>
                    <a:pt x="647" y="252"/>
                  </a:lnTo>
                  <a:lnTo>
                    <a:pt x="647" y="248"/>
                  </a:lnTo>
                  <a:lnTo>
                    <a:pt x="647" y="247"/>
                  </a:lnTo>
                  <a:lnTo>
                    <a:pt x="648" y="245"/>
                  </a:lnTo>
                  <a:lnTo>
                    <a:pt x="648" y="243"/>
                  </a:lnTo>
                  <a:lnTo>
                    <a:pt x="650" y="240"/>
                  </a:lnTo>
                  <a:lnTo>
                    <a:pt x="652" y="238"/>
                  </a:lnTo>
                  <a:lnTo>
                    <a:pt x="653" y="237"/>
                  </a:lnTo>
                  <a:lnTo>
                    <a:pt x="655" y="235"/>
                  </a:lnTo>
                  <a:lnTo>
                    <a:pt x="657" y="232"/>
                  </a:lnTo>
                  <a:lnTo>
                    <a:pt x="659" y="228"/>
                  </a:lnTo>
                  <a:lnTo>
                    <a:pt x="660" y="225"/>
                  </a:lnTo>
                  <a:lnTo>
                    <a:pt x="662" y="221"/>
                  </a:lnTo>
                  <a:lnTo>
                    <a:pt x="664" y="215"/>
                  </a:lnTo>
                  <a:lnTo>
                    <a:pt x="667" y="211"/>
                  </a:lnTo>
                  <a:lnTo>
                    <a:pt x="672" y="208"/>
                  </a:lnTo>
                  <a:lnTo>
                    <a:pt x="677" y="204"/>
                  </a:lnTo>
                  <a:lnTo>
                    <a:pt x="684" y="201"/>
                  </a:lnTo>
                  <a:lnTo>
                    <a:pt x="689" y="198"/>
                  </a:lnTo>
                  <a:lnTo>
                    <a:pt x="694" y="194"/>
                  </a:lnTo>
                  <a:lnTo>
                    <a:pt x="699" y="189"/>
                  </a:lnTo>
                  <a:lnTo>
                    <a:pt x="701" y="184"/>
                  </a:lnTo>
                  <a:lnTo>
                    <a:pt x="703" y="182"/>
                  </a:lnTo>
                  <a:lnTo>
                    <a:pt x="704" y="182"/>
                  </a:lnTo>
                  <a:lnTo>
                    <a:pt x="703" y="184"/>
                  </a:lnTo>
                  <a:lnTo>
                    <a:pt x="701" y="186"/>
                  </a:lnTo>
                  <a:lnTo>
                    <a:pt x="701" y="188"/>
                  </a:lnTo>
                  <a:lnTo>
                    <a:pt x="699" y="188"/>
                  </a:lnTo>
                  <a:lnTo>
                    <a:pt x="699" y="189"/>
                  </a:lnTo>
                  <a:lnTo>
                    <a:pt x="723" y="157"/>
                  </a:lnTo>
                  <a:lnTo>
                    <a:pt x="711" y="157"/>
                  </a:lnTo>
                  <a:lnTo>
                    <a:pt x="711" y="155"/>
                  </a:lnTo>
                  <a:lnTo>
                    <a:pt x="709" y="154"/>
                  </a:lnTo>
                  <a:lnTo>
                    <a:pt x="709" y="152"/>
                  </a:lnTo>
                  <a:lnTo>
                    <a:pt x="708" y="150"/>
                  </a:lnTo>
                  <a:lnTo>
                    <a:pt x="704" y="150"/>
                  </a:lnTo>
                  <a:lnTo>
                    <a:pt x="701" y="149"/>
                  </a:lnTo>
                  <a:lnTo>
                    <a:pt x="696" y="149"/>
                  </a:lnTo>
                  <a:lnTo>
                    <a:pt x="696" y="147"/>
                  </a:lnTo>
                  <a:lnTo>
                    <a:pt x="692" y="142"/>
                  </a:lnTo>
                  <a:lnTo>
                    <a:pt x="687" y="137"/>
                  </a:lnTo>
                  <a:lnTo>
                    <a:pt x="682" y="128"/>
                  </a:lnTo>
                  <a:lnTo>
                    <a:pt x="675" y="120"/>
                  </a:lnTo>
                  <a:lnTo>
                    <a:pt x="669" y="110"/>
                  </a:lnTo>
                  <a:lnTo>
                    <a:pt x="660" y="101"/>
                  </a:lnTo>
                  <a:lnTo>
                    <a:pt x="652" y="91"/>
                  </a:lnTo>
                  <a:lnTo>
                    <a:pt x="652" y="88"/>
                  </a:lnTo>
                  <a:lnTo>
                    <a:pt x="652" y="84"/>
                  </a:lnTo>
                  <a:lnTo>
                    <a:pt x="653" y="79"/>
                  </a:lnTo>
                  <a:lnTo>
                    <a:pt x="653" y="76"/>
                  </a:lnTo>
                  <a:lnTo>
                    <a:pt x="653" y="71"/>
                  </a:lnTo>
                  <a:lnTo>
                    <a:pt x="652" y="64"/>
                  </a:lnTo>
                  <a:lnTo>
                    <a:pt x="650" y="59"/>
                  </a:lnTo>
                  <a:lnTo>
                    <a:pt x="647" y="56"/>
                  </a:lnTo>
                  <a:lnTo>
                    <a:pt x="647" y="52"/>
                  </a:lnTo>
                  <a:lnTo>
                    <a:pt x="647" y="50"/>
                  </a:lnTo>
                  <a:lnTo>
                    <a:pt x="648" y="50"/>
                  </a:lnTo>
                  <a:lnTo>
                    <a:pt x="648" y="52"/>
                  </a:lnTo>
                  <a:lnTo>
                    <a:pt x="650" y="52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936" name="Group 63"/>
            <p:cNvGrpSpPr>
              <a:grpSpLocks/>
            </p:cNvGrpSpPr>
            <p:nvPr/>
          </p:nvGrpSpPr>
          <p:grpSpPr bwMode="auto">
            <a:xfrm>
              <a:off x="4830" y="1006"/>
              <a:ext cx="350" cy="562"/>
              <a:chOff x="5086" y="1113"/>
              <a:chExt cx="359" cy="579"/>
            </a:xfrm>
          </p:grpSpPr>
          <p:sp>
            <p:nvSpPr>
              <p:cNvPr id="1062" name="Freeform 64"/>
              <p:cNvSpPr>
                <a:spLocks/>
              </p:cNvSpPr>
              <p:nvPr/>
            </p:nvSpPr>
            <p:spPr bwMode="auto">
              <a:xfrm>
                <a:off x="5086" y="1113"/>
                <a:ext cx="359" cy="579"/>
              </a:xfrm>
              <a:custGeom>
                <a:avLst/>
                <a:gdLst>
                  <a:gd name="T0" fmla="*/ 90 w 359"/>
                  <a:gd name="T1" fmla="*/ 565 h 579"/>
                  <a:gd name="T2" fmla="*/ 74 w 359"/>
                  <a:gd name="T3" fmla="*/ 550 h 579"/>
                  <a:gd name="T4" fmla="*/ 0 w 359"/>
                  <a:gd name="T5" fmla="*/ 318 h 579"/>
                  <a:gd name="T6" fmla="*/ 15 w 359"/>
                  <a:gd name="T7" fmla="*/ 311 h 579"/>
                  <a:gd name="T8" fmla="*/ 18 w 359"/>
                  <a:gd name="T9" fmla="*/ 311 h 579"/>
                  <a:gd name="T10" fmla="*/ 18 w 359"/>
                  <a:gd name="T11" fmla="*/ 294 h 579"/>
                  <a:gd name="T12" fmla="*/ 27 w 359"/>
                  <a:gd name="T13" fmla="*/ 289 h 579"/>
                  <a:gd name="T14" fmla="*/ 30 w 359"/>
                  <a:gd name="T15" fmla="*/ 259 h 579"/>
                  <a:gd name="T16" fmla="*/ 39 w 359"/>
                  <a:gd name="T17" fmla="*/ 250 h 579"/>
                  <a:gd name="T18" fmla="*/ 39 w 359"/>
                  <a:gd name="T19" fmla="*/ 238 h 579"/>
                  <a:gd name="T20" fmla="*/ 47 w 359"/>
                  <a:gd name="T21" fmla="*/ 221 h 579"/>
                  <a:gd name="T22" fmla="*/ 39 w 359"/>
                  <a:gd name="T23" fmla="*/ 198 h 579"/>
                  <a:gd name="T24" fmla="*/ 39 w 359"/>
                  <a:gd name="T25" fmla="*/ 169 h 579"/>
                  <a:gd name="T26" fmla="*/ 44 w 359"/>
                  <a:gd name="T27" fmla="*/ 154 h 579"/>
                  <a:gd name="T28" fmla="*/ 44 w 359"/>
                  <a:gd name="T29" fmla="*/ 125 h 579"/>
                  <a:gd name="T30" fmla="*/ 51 w 359"/>
                  <a:gd name="T31" fmla="*/ 98 h 579"/>
                  <a:gd name="T32" fmla="*/ 91 w 359"/>
                  <a:gd name="T33" fmla="*/ 12 h 579"/>
                  <a:gd name="T34" fmla="*/ 105 w 359"/>
                  <a:gd name="T35" fmla="*/ 34 h 579"/>
                  <a:gd name="T36" fmla="*/ 125 w 359"/>
                  <a:gd name="T37" fmla="*/ 29 h 579"/>
                  <a:gd name="T38" fmla="*/ 145 w 359"/>
                  <a:gd name="T39" fmla="*/ 12 h 579"/>
                  <a:gd name="T40" fmla="*/ 152 w 359"/>
                  <a:gd name="T41" fmla="*/ 3 h 579"/>
                  <a:gd name="T42" fmla="*/ 174 w 359"/>
                  <a:gd name="T43" fmla="*/ 7 h 579"/>
                  <a:gd name="T44" fmla="*/ 205 w 359"/>
                  <a:gd name="T45" fmla="*/ 22 h 579"/>
                  <a:gd name="T46" fmla="*/ 255 w 359"/>
                  <a:gd name="T47" fmla="*/ 177 h 579"/>
                  <a:gd name="T48" fmla="*/ 294 w 359"/>
                  <a:gd name="T49" fmla="*/ 213 h 579"/>
                  <a:gd name="T50" fmla="*/ 311 w 359"/>
                  <a:gd name="T51" fmla="*/ 237 h 579"/>
                  <a:gd name="T52" fmla="*/ 332 w 359"/>
                  <a:gd name="T53" fmla="*/ 243 h 579"/>
                  <a:gd name="T54" fmla="*/ 340 w 359"/>
                  <a:gd name="T55" fmla="*/ 265 h 579"/>
                  <a:gd name="T56" fmla="*/ 359 w 359"/>
                  <a:gd name="T57" fmla="*/ 267 h 579"/>
                  <a:gd name="T58" fmla="*/ 350 w 359"/>
                  <a:gd name="T59" fmla="*/ 289 h 579"/>
                  <a:gd name="T60" fmla="*/ 335 w 359"/>
                  <a:gd name="T61" fmla="*/ 293 h 579"/>
                  <a:gd name="T62" fmla="*/ 323 w 359"/>
                  <a:gd name="T63" fmla="*/ 306 h 579"/>
                  <a:gd name="T64" fmla="*/ 320 w 359"/>
                  <a:gd name="T65" fmla="*/ 320 h 579"/>
                  <a:gd name="T66" fmla="*/ 304 w 359"/>
                  <a:gd name="T67" fmla="*/ 326 h 579"/>
                  <a:gd name="T68" fmla="*/ 299 w 359"/>
                  <a:gd name="T69" fmla="*/ 323 h 579"/>
                  <a:gd name="T70" fmla="*/ 296 w 359"/>
                  <a:gd name="T71" fmla="*/ 330 h 579"/>
                  <a:gd name="T72" fmla="*/ 284 w 359"/>
                  <a:gd name="T73" fmla="*/ 357 h 579"/>
                  <a:gd name="T74" fmla="*/ 264 w 359"/>
                  <a:gd name="T75" fmla="*/ 335 h 579"/>
                  <a:gd name="T76" fmla="*/ 262 w 359"/>
                  <a:gd name="T77" fmla="*/ 348 h 579"/>
                  <a:gd name="T78" fmla="*/ 244 w 359"/>
                  <a:gd name="T79" fmla="*/ 362 h 579"/>
                  <a:gd name="T80" fmla="*/ 220 w 359"/>
                  <a:gd name="T81" fmla="*/ 362 h 579"/>
                  <a:gd name="T82" fmla="*/ 213 w 359"/>
                  <a:gd name="T83" fmla="*/ 353 h 579"/>
                  <a:gd name="T84" fmla="*/ 208 w 359"/>
                  <a:gd name="T85" fmla="*/ 372 h 579"/>
                  <a:gd name="T86" fmla="*/ 198 w 359"/>
                  <a:gd name="T87" fmla="*/ 436 h 579"/>
                  <a:gd name="T88" fmla="*/ 171 w 359"/>
                  <a:gd name="T89" fmla="*/ 450 h 579"/>
                  <a:gd name="T90" fmla="*/ 162 w 359"/>
                  <a:gd name="T91" fmla="*/ 448 h 579"/>
                  <a:gd name="T92" fmla="*/ 156 w 359"/>
                  <a:gd name="T93" fmla="*/ 448 h 579"/>
                  <a:gd name="T94" fmla="*/ 157 w 359"/>
                  <a:gd name="T95" fmla="*/ 475 h 579"/>
                  <a:gd name="T96" fmla="*/ 144 w 359"/>
                  <a:gd name="T97" fmla="*/ 460 h 579"/>
                  <a:gd name="T98" fmla="*/ 125 w 359"/>
                  <a:gd name="T99" fmla="*/ 475 h 579"/>
                  <a:gd name="T100" fmla="*/ 122 w 359"/>
                  <a:gd name="T101" fmla="*/ 506 h 579"/>
                  <a:gd name="T102" fmla="*/ 120 w 359"/>
                  <a:gd name="T103" fmla="*/ 528 h 579"/>
                  <a:gd name="T104" fmla="*/ 106 w 359"/>
                  <a:gd name="T105" fmla="*/ 541 h 579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w 359"/>
                  <a:gd name="T160" fmla="*/ 0 h 579"/>
                  <a:gd name="T161" fmla="*/ 359 w 359"/>
                  <a:gd name="T162" fmla="*/ 579 h 579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T159" t="T160" r="T161" b="T162"/>
                <a:pathLst>
                  <a:path w="359" h="579">
                    <a:moveTo>
                      <a:pt x="98" y="579"/>
                    </a:moveTo>
                    <a:lnTo>
                      <a:pt x="96" y="577"/>
                    </a:lnTo>
                    <a:lnTo>
                      <a:pt x="95" y="575"/>
                    </a:lnTo>
                    <a:lnTo>
                      <a:pt x="91" y="573"/>
                    </a:lnTo>
                    <a:lnTo>
                      <a:pt x="90" y="572"/>
                    </a:lnTo>
                    <a:lnTo>
                      <a:pt x="90" y="565"/>
                    </a:lnTo>
                    <a:lnTo>
                      <a:pt x="88" y="560"/>
                    </a:lnTo>
                    <a:lnTo>
                      <a:pt x="84" y="557"/>
                    </a:lnTo>
                    <a:lnTo>
                      <a:pt x="83" y="553"/>
                    </a:lnTo>
                    <a:lnTo>
                      <a:pt x="79" y="551"/>
                    </a:lnTo>
                    <a:lnTo>
                      <a:pt x="78" y="551"/>
                    </a:lnTo>
                    <a:lnTo>
                      <a:pt x="74" y="550"/>
                    </a:lnTo>
                    <a:lnTo>
                      <a:pt x="68" y="541"/>
                    </a:lnTo>
                    <a:lnTo>
                      <a:pt x="2" y="323"/>
                    </a:lnTo>
                    <a:lnTo>
                      <a:pt x="0" y="323"/>
                    </a:lnTo>
                    <a:lnTo>
                      <a:pt x="0" y="321"/>
                    </a:lnTo>
                    <a:lnTo>
                      <a:pt x="0" y="318"/>
                    </a:lnTo>
                    <a:lnTo>
                      <a:pt x="0" y="315"/>
                    </a:lnTo>
                    <a:lnTo>
                      <a:pt x="2" y="311"/>
                    </a:lnTo>
                    <a:lnTo>
                      <a:pt x="3" y="308"/>
                    </a:lnTo>
                    <a:lnTo>
                      <a:pt x="7" y="306"/>
                    </a:lnTo>
                    <a:lnTo>
                      <a:pt x="10" y="308"/>
                    </a:lnTo>
                    <a:lnTo>
                      <a:pt x="15" y="311"/>
                    </a:lnTo>
                    <a:lnTo>
                      <a:pt x="15" y="313"/>
                    </a:lnTo>
                    <a:lnTo>
                      <a:pt x="17" y="313"/>
                    </a:lnTo>
                    <a:lnTo>
                      <a:pt x="17" y="315"/>
                    </a:lnTo>
                    <a:lnTo>
                      <a:pt x="18" y="315"/>
                    </a:lnTo>
                    <a:lnTo>
                      <a:pt x="18" y="313"/>
                    </a:lnTo>
                    <a:lnTo>
                      <a:pt x="18" y="311"/>
                    </a:lnTo>
                    <a:lnTo>
                      <a:pt x="20" y="306"/>
                    </a:lnTo>
                    <a:lnTo>
                      <a:pt x="20" y="301"/>
                    </a:lnTo>
                    <a:lnTo>
                      <a:pt x="20" y="299"/>
                    </a:lnTo>
                    <a:lnTo>
                      <a:pt x="18" y="298"/>
                    </a:lnTo>
                    <a:lnTo>
                      <a:pt x="18" y="296"/>
                    </a:lnTo>
                    <a:lnTo>
                      <a:pt x="18" y="294"/>
                    </a:lnTo>
                    <a:lnTo>
                      <a:pt x="18" y="293"/>
                    </a:lnTo>
                    <a:lnTo>
                      <a:pt x="20" y="291"/>
                    </a:lnTo>
                    <a:lnTo>
                      <a:pt x="24" y="293"/>
                    </a:lnTo>
                    <a:lnTo>
                      <a:pt x="30" y="294"/>
                    </a:lnTo>
                    <a:lnTo>
                      <a:pt x="29" y="293"/>
                    </a:lnTo>
                    <a:lnTo>
                      <a:pt x="27" y="289"/>
                    </a:lnTo>
                    <a:lnTo>
                      <a:pt x="25" y="284"/>
                    </a:lnTo>
                    <a:lnTo>
                      <a:pt x="24" y="279"/>
                    </a:lnTo>
                    <a:lnTo>
                      <a:pt x="22" y="274"/>
                    </a:lnTo>
                    <a:lnTo>
                      <a:pt x="24" y="267"/>
                    </a:lnTo>
                    <a:lnTo>
                      <a:pt x="25" y="262"/>
                    </a:lnTo>
                    <a:lnTo>
                      <a:pt x="30" y="259"/>
                    </a:lnTo>
                    <a:lnTo>
                      <a:pt x="32" y="257"/>
                    </a:lnTo>
                    <a:lnTo>
                      <a:pt x="34" y="255"/>
                    </a:lnTo>
                    <a:lnTo>
                      <a:pt x="35" y="254"/>
                    </a:lnTo>
                    <a:lnTo>
                      <a:pt x="37" y="252"/>
                    </a:lnTo>
                    <a:lnTo>
                      <a:pt x="39" y="250"/>
                    </a:lnTo>
                    <a:lnTo>
                      <a:pt x="39" y="249"/>
                    </a:lnTo>
                    <a:lnTo>
                      <a:pt x="40" y="249"/>
                    </a:lnTo>
                    <a:lnTo>
                      <a:pt x="40" y="247"/>
                    </a:lnTo>
                    <a:lnTo>
                      <a:pt x="39" y="245"/>
                    </a:lnTo>
                    <a:lnTo>
                      <a:pt x="39" y="242"/>
                    </a:lnTo>
                    <a:lnTo>
                      <a:pt x="39" y="238"/>
                    </a:lnTo>
                    <a:lnTo>
                      <a:pt x="40" y="235"/>
                    </a:lnTo>
                    <a:lnTo>
                      <a:pt x="42" y="230"/>
                    </a:lnTo>
                    <a:lnTo>
                      <a:pt x="44" y="227"/>
                    </a:lnTo>
                    <a:lnTo>
                      <a:pt x="49" y="223"/>
                    </a:lnTo>
                    <a:lnTo>
                      <a:pt x="47" y="223"/>
                    </a:lnTo>
                    <a:lnTo>
                      <a:pt x="47" y="221"/>
                    </a:lnTo>
                    <a:lnTo>
                      <a:pt x="47" y="218"/>
                    </a:lnTo>
                    <a:lnTo>
                      <a:pt x="46" y="215"/>
                    </a:lnTo>
                    <a:lnTo>
                      <a:pt x="44" y="211"/>
                    </a:lnTo>
                    <a:lnTo>
                      <a:pt x="42" y="208"/>
                    </a:lnTo>
                    <a:lnTo>
                      <a:pt x="40" y="203"/>
                    </a:lnTo>
                    <a:lnTo>
                      <a:pt x="39" y="198"/>
                    </a:lnTo>
                    <a:lnTo>
                      <a:pt x="39" y="193"/>
                    </a:lnTo>
                    <a:lnTo>
                      <a:pt x="37" y="188"/>
                    </a:lnTo>
                    <a:lnTo>
                      <a:pt x="37" y="183"/>
                    </a:lnTo>
                    <a:lnTo>
                      <a:pt x="37" y="177"/>
                    </a:lnTo>
                    <a:lnTo>
                      <a:pt x="39" y="172"/>
                    </a:lnTo>
                    <a:lnTo>
                      <a:pt x="39" y="169"/>
                    </a:lnTo>
                    <a:lnTo>
                      <a:pt x="42" y="164"/>
                    </a:lnTo>
                    <a:lnTo>
                      <a:pt x="46" y="161"/>
                    </a:lnTo>
                    <a:lnTo>
                      <a:pt x="46" y="159"/>
                    </a:lnTo>
                    <a:lnTo>
                      <a:pt x="44" y="157"/>
                    </a:lnTo>
                    <a:lnTo>
                      <a:pt x="44" y="154"/>
                    </a:lnTo>
                    <a:lnTo>
                      <a:pt x="44" y="149"/>
                    </a:lnTo>
                    <a:lnTo>
                      <a:pt x="44" y="145"/>
                    </a:lnTo>
                    <a:lnTo>
                      <a:pt x="44" y="140"/>
                    </a:lnTo>
                    <a:lnTo>
                      <a:pt x="44" y="135"/>
                    </a:lnTo>
                    <a:lnTo>
                      <a:pt x="44" y="130"/>
                    </a:lnTo>
                    <a:lnTo>
                      <a:pt x="44" y="125"/>
                    </a:lnTo>
                    <a:lnTo>
                      <a:pt x="44" y="120"/>
                    </a:lnTo>
                    <a:lnTo>
                      <a:pt x="44" y="115"/>
                    </a:lnTo>
                    <a:lnTo>
                      <a:pt x="46" y="110"/>
                    </a:lnTo>
                    <a:lnTo>
                      <a:pt x="47" y="105"/>
                    </a:lnTo>
                    <a:lnTo>
                      <a:pt x="49" y="101"/>
                    </a:lnTo>
                    <a:lnTo>
                      <a:pt x="51" y="98"/>
                    </a:lnTo>
                    <a:lnTo>
                      <a:pt x="78" y="15"/>
                    </a:lnTo>
                    <a:lnTo>
                      <a:pt x="79" y="13"/>
                    </a:lnTo>
                    <a:lnTo>
                      <a:pt x="81" y="13"/>
                    </a:lnTo>
                    <a:lnTo>
                      <a:pt x="84" y="12"/>
                    </a:lnTo>
                    <a:lnTo>
                      <a:pt x="88" y="10"/>
                    </a:lnTo>
                    <a:lnTo>
                      <a:pt x="91" y="12"/>
                    </a:lnTo>
                    <a:lnTo>
                      <a:pt x="95" y="13"/>
                    </a:lnTo>
                    <a:lnTo>
                      <a:pt x="98" y="18"/>
                    </a:lnTo>
                    <a:lnTo>
                      <a:pt x="101" y="29"/>
                    </a:lnTo>
                    <a:lnTo>
                      <a:pt x="101" y="30"/>
                    </a:lnTo>
                    <a:lnTo>
                      <a:pt x="103" y="32"/>
                    </a:lnTo>
                    <a:lnTo>
                      <a:pt x="105" y="34"/>
                    </a:lnTo>
                    <a:lnTo>
                      <a:pt x="108" y="35"/>
                    </a:lnTo>
                    <a:lnTo>
                      <a:pt x="110" y="37"/>
                    </a:lnTo>
                    <a:lnTo>
                      <a:pt x="115" y="37"/>
                    </a:lnTo>
                    <a:lnTo>
                      <a:pt x="118" y="34"/>
                    </a:lnTo>
                    <a:lnTo>
                      <a:pt x="125" y="30"/>
                    </a:lnTo>
                    <a:lnTo>
                      <a:pt x="125" y="29"/>
                    </a:lnTo>
                    <a:lnTo>
                      <a:pt x="128" y="27"/>
                    </a:lnTo>
                    <a:lnTo>
                      <a:pt x="132" y="23"/>
                    </a:lnTo>
                    <a:lnTo>
                      <a:pt x="135" y="20"/>
                    </a:lnTo>
                    <a:lnTo>
                      <a:pt x="139" y="17"/>
                    </a:lnTo>
                    <a:lnTo>
                      <a:pt x="142" y="13"/>
                    </a:lnTo>
                    <a:lnTo>
                      <a:pt x="145" y="12"/>
                    </a:lnTo>
                    <a:lnTo>
                      <a:pt x="152" y="10"/>
                    </a:lnTo>
                    <a:lnTo>
                      <a:pt x="152" y="8"/>
                    </a:lnTo>
                    <a:lnTo>
                      <a:pt x="152" y="5"/>
                    </a:lnTo>
                    <a:lnTo>
                      <a:pt x="152" y="3"/>
                    </a:lnTo>
                    <a:lnTo>
                      <a:pt x="154" y="1"/>
                    </a:lnTo>
                    <a:lnTo>
                      <a:pt x="157" y="0"/>
                    </a:lnTo>
                    <a:lnTo>
                      <a:pt x="162" y="1"/>
                    </a:lnTo>
                    <a:lnTo>
                      <a:pt x="169" y="3"/>
                    </a:lnTo>
                    <a:lnTo>
                      <a:pt x="171" y="5"/>
                    </a:lnTo>
                    <a:lnTo>
                      <a:pt x="174" y="7"/>
                    </a:lnTo>
                    <a:lnTo>
                      <a:pt x="179" y="10"/>
                    </a:lnTo>
                    <a:lnTo>
                      <a:pt x="186" y="13"/>
                    </a:lnTo>
                    <a:lnTo>
                      <a:pt x="193" y="15"/>
                    </a:lnTo>
                    <a:lnTo>
                      <a:pt x="198" y="18"/>
                    </a:lnTo>
                    <a:lnTo>
                      <a:pt x="203" y="20"/>
                    </a:lnTo>
                    <a:lnTo>
                      <a:pt x="205" y="22"/>
                    </a:lnTo>
                    <a:lnTo>
                      <a:pt x="213" y="30"/>
                    </a:lnTo>
                    <a:lnTo>
                      <a:pt x="254" y="164"/>
                    </a:lnTo>
                    <a:lnTo>
                      <a:pt x="254" y="166"/>
                    </a:lnTo>
                    <a:lnTo>
                      <a:pt x="254" y="169"/>
                    </a:lnTo>
                    <a:lnTo>
                      <a:pt x="254" y="172"/>
                    </a:lnTo>
                    <a:lnTo>
                      <a:pt x="255" y="177"/>
                    </a:lnTo>
                    <a:lnTo>
                      <a:pt x="260" y="184"/>
                    </a:lnTo>
                    <a:lnTo>
                      <a:pt x="266" y="188"/>
                    </a:lnTo>
                    <a:lnTo>
                      <a:pt x="276" y="191"/>
                    </a:lnTo>
                    <a:lnTo>
                      <a:pt x="289" y="193"/>
                    </a:lnTo>
                    <a:lnTo>
                      <a:pt x="294" y="196"/>
                    </a:lnTo>
                    <a:lnTo>
                      <a:pt x="294" y="213"/>
                    </a:lnTo>
                    <a:lnTo>
                      <a:pt x="303" y="221"/>
                    </a:lnTo>
                    <a:lnTo>
                      <a:pt x="304" y="225"/>
                    </a:lnTo>
                    <a:lnTo>
                      <a:pt x="306" y="228"/>
                    </a:lnTo>
                    <a:lnTo>
                      <a:pt x="308" y="233"/>
                    </a:lnTo>
                    <a:lnTo>
                      <a:pt x="311" y="237"/>
                    </a:lnTo>
                    <a:lnTo>
                      <a:pt x="315" y="238"/>
                    </a:lnTo>
                    <a:lnTo>
                      <a:pt x="318" y="238"/>
                    </a:lnTo>
                    <a:lnTo>
                      <a:pt x="321" y="237"/>
                    </a:lnTo>
                    <a:lnTo>
                      <a:pt x="323" y="237"/>
                    </a:lnTo>
                    <a:lnTo>
                      <a:pt x="326" y="240"/>
                    </a:lnTo>
                    <a:lnTo>
                      <a:pt x="332" y="243"/>
                    </a:lnTo>
                    <a:lnTo>
                      <a:pt x="337" y="247"/>
                    </a:lnTo>
                    <a:lnTo>
                      <a:pt x="340" y="250"/>
                    </a:lnTo>
                    <a:lnTo>
                      <a:pt x="345" y="254"/>
                    </a:lnTo>
                    <a:lnTo>
                      <a:pt x="348" y="257"/>
                    </a:lnTo>
                    <a:lnTo>
                      <a:pt x="340" y="265"/>
                    </a:lnTo>
                    <a:lnTo>
                      <a:pt x="347" y="276"/>
                    </a:lnTo>
                    <a:lnTo>
                      <a:pt x="350" y="272"/>
                    </a:lnTo>
                    <a:lnTo>
                      <a:pt x="354" y="271"/>
                    </a:lnTo>
                    <a:lnTo>
                      <a:pt x="357" y="267"/>
                    </a:lnTo>
                    <a:lnTo>
                      <a:pt x="359" y="267"/>
                    </a:lnTo>
                    <a:lnTo>
                      <a:pt x="359" y="269"/>
                    </a:lnTo>
                    <a:lnTo>
                      <a:pt x="359" y="274"/>
                    </a:lnTo>
                    <a:lnTo>
                      <a:pt x="354" y="284"/>
                    </a:lnTo>
                    <a:lnTo>
                      <a:pt x="352" y="287"/>
                    </a:lnTo>
                    <a:lnTo>
                      <a:pt x="350" y="289"/>
                    </a:lnTo>
                    <a:lnTo>
                      <a:pt x="347" y="293"/>
                    </a:lnTo>
                    <a:lnTo>
                      <a:pt x="345" y="296"/>
                    </a:lnTo>
                    <a:lnTo>
                      <a:pt x="343" y="298"/>
                    </a:lnTo>
                    <a:lnTo>
                      <a:pt x="342" y="299"/>
                    </a:lnTo>
                    <a:lnTo>
                      <a:pt x="342" y="301"/>
                    </a:lnTo>
                    <a:lnTo>
                      <a:pt x="335" y="293"/>
                    </a:lnTo>
                    <a:lnTo>
                      <a:pt x="330" y="298"/>
                    </a:lnTo>
                    <a:lnTo>
                      <a:pt x="333" y="306"/>
                    </a:lnTo>
                    <a:lnTo>
                      <a:pt x="326" y="308"/>
                    </a:lnTo>
                    <a:lnTo>
                      <a:pt x="325" y="308"/>
                    </a:lnTo>
                    <a:lnTo>
                      <a:pt x="323" y="306"/>
                    </a:lnTo>
                    <a:lnTo>
                      <a:pt x="321" y="306"/>
                    </a:lnTo>
                    <a:lnTo>
                      <a:pt x="318" y="306"/>
                    </a:lnTo>
                    <a:lnTo>
                      <a:pt x="318" y="308"/>
                    </a:lnTo>
                    <a:lnTo>
                      <a:pt x="318" y="311"/>
                    </a:lnTo>
                    <a:lnTo>
                      <a:pt x="320" y="316"/>
                    </a:lnTo>
                    <a:lnTo>
                      <a:pt x="320" y="320"/>
                    </a:lnTo>
                    <a:lnTo>
                      <a:pt x="318" y="321"/>
                    </a:lnTo>
                    <a:lnTo>
                      <a:pt x="316" y="323"/>
                    </a:lnTo>
                    <a:lnTo>
                      <a:pt x="313" y="325"/>
                    </a:lnTo>
                    <a:lnTo>
                      <a:pt x="310" y="326"/>
                    </a:lnTo>
                    <a:lnTo>
                      <a:pt x="306" y="326"/>
                    </a:lnTo>
                    <a:lnTo>
                      <a:pt x="304" y="326"/>
                    </a:lnTo>
                    <a:lnTo>
                      <a:pt x="301" y="325"/>
                    </a:lnTo>
                    <a:lnTo>
                      <a:pt x="298" y="321"/>
                    </a:lnTo>
                    <a:lnTo>
                      <a:pt x="299" y="323"/>
                    </a:lnTo>
                    <a:lnTo>
                      <a:pt x="299" y="321"/>
                    </a:lnTo>
                    <a:lnTo>
                      <a:pt x="298" y="321"/>
                    </a:lnTo>
                    <a:lnTo>
                      <a:pt x="298" y="323"/>
                    </a:lnTo>
                    <a:lnTo>
                      <a:pt x="296" y="326"/>
                    </a:lnTo>
                    <a:lnTo>
                      <a:pt x="296" y="330"/>
                    </a:lnTo>
                    <a:lnTo>
                      <a:pt x="296" y="338"/>
                    </a:lnTo>
                    <a:lnTo>
                      <a:pt x="294" y="340"/>
                    </a:lnTo>
                    <a:lnTo>
                      <a:pt x="293" y="345"/>
                    </a:lnTo>
                    <a:lnTo>
                      <a:pt x="289" y="347"/>
                    </a:lnTo>
                    <a:lnTo>
                      <a:pt x="289" y="348"/>
                    </a:lnTo>
                    <a:lnTo>
                      <a:pt x="284" y="357"/>
                    </a:lnTo>
                    <a:lnTo>
                      <a:pt x="277" y="348"/>
                    </a:lnTo>
                    <a:lnTo>
                      <a:pt x="277" y="342"/>
                    </a:lnTo>
                    <a:lnTo>
                      <a:pt x="267" y="337"/>
                    </a:lnTo>
                    <a:lnTo>
                      <a:pt x="267" y="335"/>
                    </a:lnTo>
                    <a:lnTo>
                      <a:pt x="266" y="335"/>
                    </a:lnTo>
                    <a:lnTo>
                      <a:pt x="264" y="335"/>
                    </a:lnTo>
                    <a:lnTo>
                      <a:pt x="262" y="335"/>
                    </a:lnTo>
                    <a:lnTo>
                      <a:pt x="260" y="337"/>
                    </a:lnTo>
                    <a:lnTo>
                      <a:pt x="260" y="338"/>
                    </a:lnTo>
                    <a:lnTo>
                      <a:pt x="260" y="342"/>
                    </a:lnTo>
                    <a:lnTo>
                      <a:pt x="262" y="347"/>
                    </a:lnTo>
                    <a:lnTo>
                      <a:pt x="262" y="348"/>
                    </a:lnTo>
                    <a:lnTo>
                      <a:pt x="260" y="350"/>
                    </a:lnTo>
                    <a:lnTo>
                      <a:pt x="257" y="353"/>
                    </a:lnTo>
                    <a:lnTo>
                      <a:pt x="254" y="355"/>
                    </a:lnTo>
                    <a:lnTo>
                      <a:pt x="249" y="359"/>
                    </a:lnTo>
                    <a:lnTo>
                      <a:pt x="245" y="360"/>
                    </a:lnTo>
                    <a:lnTo>
                      <a:pt x="244" y="362"/>
                    </a:lnTo>
                    <a:lnTo>
                      <a:pt x="242" y="362"/>
                    </a:lnTo>
                    <a:lnTo>
                      <a:pt x="244" y="375"/>
                    </a:lnTo>
                    <a:lnTo>
                      <a:pt x="223" y="375"/>
                    </a:lnTo>
                    <a:lnTo>
                      <a:pt x="230" y="364"/>
                    </a:lnTo>
                    <a:lnTo>
                      <a:pt x="220" y="364"/>
                    </a:lnTo>
                    <a:lnTo>
                      <a:pt x="220" y="362"/>
                    </a:lnTo>
                    <a:lnTo>
                      <a:pt x="220" y="359"/>
                    </a:lnTo>
                    <a:lnTo>
                      <a:pt x="218" y="353"/>
                    </a:lnTo>
                    <a:lnTo>
                      <a:pt x="218" y="350"/>
                    </a:lnTo>
                    <a:lnTo>
                      <a:pt x="216" y="348"/>
                    </a:lnTo>
                    <a:lnTo>
                      <a:pt x="215" y="348"/>
                    </a:lnTo>
                    <a:lnTo>
                      <a:pt x="213" y="353"/>
                    </a:lnTo>
                    <a:lnTo>
                      <a:pt x="210" y="364"/>
                    </a:lnTo>
                    <a:lnTo>
                      <a:pt x="210" y="365"/>
                    </a:lnTo>
                    <a:lnTo>
                      <a:pt x="210" y="367"/>
                    </a:lnTo>
                    <a:lnTo>
                      <a:pt x="210" y="370"/>
                    </a:lnTo>
                    <a:lnTo>
                      <a:pt x="208" y="372"/>
                    </a:lnTo>
                    <a:lnTo>
                      <a:pt x="208" y="375"/>
                    </a:lnTo>
                    <a:lnTo>
                      <a:pt x="208" y="377"/>
                    </a:lnTo>
                    <a:lnTo>
                      <a:pt x="210" y="411"/>
                    </a:lnTo>
                    <a:lnTo>
                      <a:pt x="205" y="421"/>
                    </a:lnTo>
                    <a:lnTo>
                      <a:pt x="198" y="436"/>
                    </a:lnTo>
                    <a:lnTo>
                      <a:pt x="193" y="428"/>
                    </a:lnTo>
                    <a:lnTo>
                      <a:pt x="183" y="431"/>
                    </a:lnTo>
                    <a:lnTo>
                      <a:pt x="179" y="450"/>
                    </a:lnTo>
                    <a:lnTo>
                      <a:pt x="171" y="448"/>
                    </a:lnTo>
                    <a:lnTo>
                      <a:pt x="171" y="450"/>
                    </a:lnTo>
                    <a:lnTo>
                      <a:pt x="171" y="453"/>
                    </a:lnTo>
                    <a:lnTo>
                      <a:pt x="169" y="453"/>
                    </a:lnTo>
                    <a:lnTo>
                      <a:pt x="169" y="455"/>
                    </a:lnTo>
                    <a:lnTo>
                      <a:pt x="167" y="455"/>
                    </a:lnTo>
                    <a:lnTo>
                      <a:pt x="166" y="453"/>
                    </a:lnTo>
                    <a:lnTo>
                      <a:pt x="162" y="448"/>
                    </a:lnTo>
                    <a:lnTo>
                      <a:pt x="162" y="447"/>
                    </a:lnTo>
                    <a:lnTo>
                      <a:pt x="161" y="447"/>
                    </a:lnTo>
                    <a:lnTo>
                      <a:pt x="161" y="445"/>
                    </a:lnTo>
                    <a:lnTo>
                      <a:pt x="159" y="445"/>
                    </a:lnTo>
                    <a:lnTo>
                      <a:pt x="157" y="447"/>
                    </a:lnTo>
                    <a:lnTo>
                      <a:pt x="156" y="448"/>
                    </a:lnTo>
                    <a:lnTo>
                      <a:pt x="156" y="453"/>
                    </a:lnTo>
                    <a:lnTo>
                      <a:pt x="154" y="462"/>
                    </a:lnTo>
                    <a:lnTo>
                      <a:pt x="156" y="463"/>
                    </a:lnTo>
                    <a:lnTo>
                      <a:pt x="156" y="467"/>
                    </a:lnTo>
                    <a:lnTo>
                      <a:pt x="156" y="472"/>
                    </a:lnTo>
                    <a:lnTo>
                      <a:pt x="157" y="475"/>
                    </a:lnTo>
                    <a:lnTo>
                      <a:pt x="156" y="477"/>
                    </a:lnTo>
                    <a:lnTo>
                      <a:pt x="154" y="475"/>
                    </a:lnTo>
                    <a:lnTo>
                      <a:pt x="152" y="469"/>
                    </a:lnTo>
                    <a:lnTo>
                      <a:pt x="147" y="457"/>
                    </a:lnTo>
                    <a:lnTo>
                      <a:pt x="144" y="460"/>
                    </a:lnTo>
                    <a:lnTo>
                      <a:pt x="140" y="462"/>
                    </a:lnTo>
                    <a:lnTo>
                      <a:pt x="137" y="465"/>
                    </a:lnTo>
                    <a:lnTo>
                      <a:pt x="132" y="469"/>
                    </a:lnTo>
                    <a:lnTo>
                      <a:pt x="128" y="472"/>
                    </a:lnTo>
                    <a:lnTo>
                      <a:pt x="127" y="475"/>
                    </a:lnTo>
                    <a:lnTo>
                      <a:pt x="125" y="475"/>
                    </a:lnTo>
                    <a:lnTo>
                      <a:pt x="122" y="497"/>
                    </a:lnTo>
                    <a:lnTo>
                      <a:pt x="127" y="499"/>
                    </a:lnTo>
                    <a:lnTo>
                      <a:pt x="127" y="506"/>
                    </a:lnTo>
                    <a:lnTo>
                      <a:pt x="123" y="506"/>
                    </a:lnTo>
                    <a:lnTo>
                      <a:pt x="122" y="506"/>
                    </a:lnTo>
                    <a:lnTo>
                      <a:pt x="118" y="507"/>
                    </a:lnTo>
                    <a:lnTo>
                      <a:pt x="117" y="511"/>
                    </a:lnTo>
                    <a:lnTo>
                      <a:pt x="115" y="514"/>
                    </a:lnTo>
                    <a:lnTo>
                      <a:pt x="117" y="519"/>
                    </a:lnTo>
                    <a:lnTo>
                      <a:pt x="120" y="528"/>
                    </a:lnTo>
                    <a:lnTo>
                      <a:pt x="118" y="529"/>
                    </a:lnTo>
                    <a:lnTo>
                      <a:pt x="117" y="533"/>
                    </a:lnTo>
                    <a:lnTo>
                      <a:pt x="113" y="536"/>
                    </a:lnTo>
                    <a:lnTo>
                      <a:pt x="110" y="538"/>
                    </a:lnTo>
                    <a:lnTo>
                      <a:pt x="108" y="541"/>
                    </a:lnTo>
                    <a:lnTo>
                      <a:pt x="106" y="541"/>
                    </a:lnTo>
                    <a:lnTo>
                      <a:pt x="106" y="543"/>
                    </a:lnTo>
                    <a:lnTo>
                      <a:pt x="106" y="565"/>
                    </a:lnTo>
                    <a:lnTo>
                      <a:pt x="98" y="57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63" name="Freeform 65"/>
              <p:cNvSpPr>
                <a:spLocks/>
              </p:cNvSpPr>
              <p:nvPr/>
            </p:nvSpPr>
            <p:spPr bwMode="auto">
              <a:xfrm>
                <a:off x="5343" y="1465"/>
                <a:ext cx="17" cy="23"/>
              </a:xfrm>
              <a:custGeom>
                <a:avLst/>
                <a:gdLst>
                  <a:gd name="T0" fmla="*/ 9 w 17"/>
                  <a:gd name="T1" fmla="*/ 0 h 23"/>
                  <a:gd name="T2" fmla="*/ 17 w 17"/>
                  <a:gd name="T3" fmla="*/ 7 h 23"/>
                  <a:gd name="T4" fmla="*/ 14 w 17"/>
                  <a:gd name="T5" fmla="*/ 15 h 23"/>
                  <a:gd name="T6" fmla="*/ 10 w 17"/>
                  <a:gd name="T7" fmla="*/ 17 h 23"/>
                  <a:gd name="T8" fmla="*/ 10 w 17"/>
                  <a:gd name="T9" fmla="*/ 17 h 23"/>
                  <a:gd name="T10" fmla="*/ 12 w 17"/>
                  <a:gd name="T11" fmla="*/ 18 h 23"/>
                  <a:gd name="T12" fmla="*/ 12 w 17"/>
                  <a:gd name="T13" fmla="*/ 20 h 23"/>
                  <a:gd name="T14" fmla="*/ 12 w 17"/>
                  <a:gd name="T15" fmla="*/ 23 h 23"/>
                  <a:gd name="T16" fmla="*/ 10 w 17"/>
                  <a:gd name="T17" fmla="*/ 23 h 23"/>
                  <a:gd name="T18" fmla="*/ 9 w 17"/>
                  <a:gd name="T19" fmla="*/ 23 h 23"/>
                  <a:gd name="T20" fmla="*/ 5 w 17"/>
                  <a:gd name="T21" fmla="*/ 22 h 23"/>
                  <a:gd name="T22" fmla="*/ 0 w 17"/>
                  <a:gd name="T23" fmla="*/ 18 h 23"/>
                  <a:gd name="T24" fmla="*/ 0 w 17"/>
                  <a:gd name="T25" fmla="*/ 17 h 23"/>
                  <a:gd name="T26" fmla="*/ 0 w 17"/>
                  <a:gd name="T27" fmla="*/ 12 h 23"/>
                  <a:gd name="T28" fmla="*/ 0 w 17"/>
                  <a:gd name="T29" fmla="*/ 10 h 23"/>
                  <a:gd name="T30" fmla="*/ 2 w 17"/>
                  <a:gd name="T31" fmla="*/ 8 h 23"/>
                  <a:gd name="T32" fmla="*/ 9 w 17"/>
                  <a:gd name="T33" fmla="*/ 0 h 23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7"/>
                  <a:gd name="T52" fmla="*/ 0 h 23"/>
                  <a:gd name="T53" fmla="*/ 17 w 17"/>
                  <a:gd name="T54" fmla="*/ 23 h 23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7" h="23">
                    <a:moveTo>
                      <a:pt x="9" y="0"/>
                    </a:moveTo>
                    <a:lnTo>
                      <a:pt x="17" y="7"/>
                    </a:lnTo>
                    <a:lnTo>
                      <a:pt x="14" y="15"/>
                    </a:lnTo>
                    <a:lnTo>
                      <a:pt x="10" y="17"/>
                    </a:lnTo>
                    <a:lnTo>
                      <a:pt x="12" y="18"/>
                    </a:lnTo>
                    <a:lnTo>
                      <a:pt x="12" y="20"/>
                    </a:lnTo>
                    <a:lnTo>
                      <a:pt x="12" y="23"/>
                    </a:lnTo>
                    <a:lnTo>
                      <a:pt x="10" y="23"/>
                    </a:lnTo>
                    <a:lnTo>
                      <a:pt x="9" y="23"/>
                    </a:lnTo>
                    <a:lnTo>
                      <a:pt x="5" y="22"/>
                    </a:lnTo>
                    <a:lnTo>
                      <a:pt x="0" y="18"/>
                    </a:lnTo>
                    <a:lnTo>
                      <a:pt x="0" y="17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2" y="8"/>
                    </a:lnTo>
                    <a:lnTo>
                      <a:pt x="9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937" name="Group 66"/>
            <p:cNvGrpSpPr>
              <a:grpSpLocks/>
            </p:cNvGrpSpPr>
            <p:nvPr/>
          </p:nvGrpSpPr>
          <p:grpSpPr bwMode="auto">
            <a:xfrm>
              <a:off x="4607" y="1852"/>
              <a:ext cx="126" cy="291"/>
              <a:chOff x="4856" y="1462"/>
              <a:chExt cx="130" cy="300"/>
            </a:xfrm>
          </p:grpSpPr>
          <p:sp>
            <p:nvSpPr>
              <p:cNvPr id="1060" name="Freeform 67"/>
              <p:cNvSpPr>
                <a:spLocks/>
              </p:cNvSpPr>
              <p:nvPr/>
            </p:nvSpPr>
            <p:spPr bwMode="auto">
              <a:xfrm>
                <a:off x="4856" y="1462"/>
                <a:ext cx="130" cy="300"/>
              </a:xfrm>
              <a:custGeom>
                <a:avLst/>
                <a:gdLst>
                  <a:gd name="T0" fmla="*/ 12 w 130"/>
                  <a:gd name="T1" fmla="*/ 202 h 300"/>
                  <a:gd name="T2" fmla="*/ 23 w 130"/>
                  <a:gd name="T3" fmla="*/ 192 h 300"/>
                  <a:gd name="T4" fmla="*/ 32 w 130"/>
                  <a:gd name="T5" fmla="*/ 186 h 300"/>
                  <a:gd name="T6" fmla="*/ 39 w 130"/>
                  <a:gd name="T7" fmla="*/ 171 h 300"/>
                  <a:gd name="T8" fmla="*/ 49 w 130"/>
                  <a:gd name="T9" fmla="*/ 159 h 300"/>
                  <a:gd name="T10" fmla="*/ 57 w 130"/>
                  <a:gd name="T11" fmla="*/ 154 h 300"/>
                  <a:gd name="T12" fmla="*/ 59 w 130"/>
                  <a:gd name="T13" fmla="*/ 146 h 300"/>
                  <a:gd name="T14" fmla="*/ 56 w 130"/>
                  <a:gd name="T15" fmla="*/ 141 h 300"/>
                  <a:gd name="T16" fmla="*/ 49 w 130"/>
                  <a:gd name="T17" fmla="*/ 137 h 300"/>
                  <a:gd name="T18" fmla="*/ 32 w 130"/>
                  <a:gd name="T19" fmla="*/ 122 h 300"/>
                  <a:gd name="T20" fmla="*/ 20 w 130"/>
                  <a:gd name="T21" fmla="*/ 112 h 300"/>
                  <a:gd name="T22" fmla="*/ 3 w 130"/>
                  <a:gd name="T23" fmla="*/ 93 h 300"/>
                  <a:gd name="T24" fmla="*/ 6 w 130"/>
                  <a:gd name="T25" fmla="*/ 76 h 300"/>
                  <a:gd name="T26" fmla="*/ 0 w 130"/>
                  <a:gd name="T27" fmla="*/ 56 h 300"/>
                  <a:gd name="T28" fmla="*/ 28 w 130"/>
                  <a:gd name="T29" fmla="*/ 0 h 300"/>
                  <a:gd name="T30" fmla="*/ 113 w 130"/>
                  <a:gd name="T31" fmla="*/ 60 h 300"/>
                  <a:gd name="T32" fmla="*/ 106 w 130"/>
                  <a:gd name="T33" fmla="*/ 76 h 300"/>
                  <a:gd name="T34" fmla="*/ 106 w 130"/>
                  <a:gd name="T35" fmla="*/ 87 h 300"/>
                  <a:gd name="T36" fmla="*/ 96 w 130"/>
                  <a:gd name="T37" fmla="*/ 95 h 300"/>
                  <a:gd name="T38" fmla="*/ 113 w 130"/>
                  <a:gd name="T39" fmla="*/ 102 h 300"/>
                  <a:gd name="T40" fmla="*/ 118 w 130"/>
                  <a:gd name="T41" fmla="*/ 100 h 300"/>
                  <a:gd name="T42" fmla="*/ 120 w 130"/>
                  <a:gd name="T43" fmla="*/ 97 h 300"/>
                  <a:gd name="T44" fmla="*/ 122 w 130"/>
                  <a:gd name="T45" fmla="*/ 95 h 300"/>
                  <a:gd name="T46" fmla="*/ 125 w 130"/>
                  <a:gd name="T47" fmla="*/ 98 h 300"/>
                  <a:gd name="T48" fmla="*/ 127 w 130"/>
                  <a:gd name="T49" fmla="*/ 107 h 300"/>
                  <a:gd name="T50" fmla="*/ 127 w 130"/>
                  <a:gd name="T51" fmla="*/ 127 h 300"/>
                  <a:gd name="T52" fmla="*/ 127 w 130"/>
                  <a:gd name="T53" fmla="*/ 141 h 300"/>
                  <a:gd name="T54" fmla="*/ 127 w 130"/>
                  <a:gd name="T55" fmla="*/ 146 h 300"/>
                  <a:gd name="T56" fmla="*/ 127 w 130"/>
                  <a:gd name="T57" fmla="*/ 151 h 300"/>
                  <a:gd name="T58" fmla="*/ 130 w 130"/>
                  <a:gd name="T59" fmla="*/ 161 h 300"/>
                  <a:gd name="T60" fmla="*/ 130 w 130"/>
                  <a:gd name="T61" fmla="*/ 173 h 300"/>
                  <a:gd name="T62" fmla="*/ 130 w 130"/>
                  <a:gd name="T63" fmla="*/ 183 h 300"/>
                  <a:gd name="T64" fmla="*/ 128 w 130"/>
                  <a:gd name="T65" fmla="*/ 181 h 300"/>
                  <a:gd name="T66" fmla="*/ 125 w 130"/>
                  <a:gd name="T67" fmla="*/ 163 h 300"/>
                  <a:gd name="T68" fmla="*/ 122 w 130"/>
                  <a:gd name="T69" fmla="*/ 151 h 300"/>
                  <a:gd name="T70" fmla="*/ 118 w 130"/>
                  <a:gd name="T71" fmla="*/ 151 h 300"/>
                  <a:gd name="T72" fmla="*/ 122 w 130"/>
                  <a:gd name="T73" fmla="*/ 168 h 300"/>
                  <a:gd name="T74" fmla="*/ 122 w 130"/>
                  <a:gd name="T75" fmla="*/ 175 h 300"/>
                  <a:gd name="T76" fmla="*/ 122 w 130"/>
                  <a:gd name="T77" fmla="*/ 186 h 300"/>
                  <a:gd name="T78" fmla="*/ 122 w 130"/>
                  <a:gd name="T79" fmla="*/ 190 h 300"/>
                  <a:gd name="T80" fmla="*/ 122 w 130"/>
                  <a:gd name="T81" fmla="*/ 193 h 300"/>
                  <a:gd name="T82" fmla="*/ 118 w 130"/>
                  <a:gd name="T83" fmla="*/ 202 h 300"/>
                  <a:gd name="T84" fmla="*/ 115 w 130"/>
                  <a:gd name="T85" fmla="*/ 208 h 300"/>
                  <a:gd name="T86" fmla="*/ 110 w 130"/>
                  <a:gd name="T87" fmla="*/ 219 h 300"/>
                  <a:gd name="T88" fmla="*/ 108 w 130"/>
                  <a:gd name="T89" fmla="*/ 230 h 300"/>
                  <a:gd name="T90" fmla="*/ 103 w 130"/>
                  <a:gd name="T91" fmla="*/ 239 h 300"/>
                  <a:gd name="T92" fmla="*/ 94 w 130"/>
                  <a:gd name="T93" fmla="*/ 249 h 300"/>
                  <a:gd name="T94" fmla="*/ 96 w 130"/>
                  <a:gd name="T95" fmla="*/ 256 h 300"/>
                  <a:gd name="T96" fmla="*/ 86 w 130"/>
                  <a:gd name="T97" fmla="*/ 290 h 300"/>
                  <a:gd name="T98" fmla="*/ 76 w 130"/>
                  <a:gd name="T99" fmla="*/ 300 h 300"/>
                  <a:gd name="T100" fmla="*/ 71 w 130"/>
                  <a:gd name="T101" fmla="*/ 295 h 300"/>
                  <a:gd name="T102" fmla="*/ 72 w 130"/>
                  <a:gd name="T103" fmla="*/ 285 h 300"/>
                  <a:gd name="T104" fmla="*/ 74 w 130"/>
                  <a:gd name="T105" fmla="*/ 276 h 300"/>
                  <a:gd name="T106" fmla="*/ 64 w 130"/>
                  <a:gd name="T107" fmla="*/ 271 h 300"/>
                  <a:gd name="T108" fmla="*/ 49 w 130"/>
                  <a:gd name="T109" fmla="*/ 278 h 300"/>
                  <a:gd name="T110" fmla="*/ 44 w 130"/>
                  <a:gd name="T111" fmla="*/ 271 h 300"/>
                  <a:gd name="T112" fmla="*/ 34 w 130"/>
                  <a:gd name="T113" fmla="*/ 266 h 300"/>
                  <a:gd name="T114" fmla="*/ 23 w 130"/>
                  <a:gd name="T115" fmla="*/ 261 h 300"/>
                  <a:gd name="T116" fmla="*/ 6 w 130"/>
                  <a:gd name="T117" fmla="*/ 247 h 300"/>
                  <a:gd name="T118" fmla="*/ 3 w 130"/>
                  <a:gd name="T119" fmla="*/ 237 h 300"/>
                  <a:gd name="T120" fmla="*/ 1 w 130"/>
                  <a:gd name="T121" fmla="*/ 227 h 300"/>
                  <a:gd name="T122" fmla="*/ 3 w 130"/>
                  <a:gd name="T123" fmla="*/ 219 h 300"/>
                  <a:gd name="T124" fmla="*/ 13 w 130"/>
                  <a:gd name="T125" fmla="*/ 205 h 300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  <a:gd name="T189" fmla="*/ 0 w 130"/>
                  <a:gd name="T190" fmla="*/ 0 h 300"/>
                  <a:gd name="T191" fmla="*/ 130 w 130"/>
                  <a:gd name="T192" fmla="*/ 300 h 300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T189" t="T190" r="T191" b="T192"/>
                <a:pathLst>
                  <a:path w="130" h="300">
                    <a:moveTo>
                      <a:pt x="8" y="205"/>
                    </a:moveTo>
                    <a:lnTo>
                      <a:pt x="8" y="203"/>
                    </a:lnTo>
                    <a:lnTo>
                      <a:pt x="12" y="202"/>
                    </a:lnTo>
                    <a:lnTo>
                      <a:pt x="15" y="198"/>
                    </a:lnTo>
                    <a:lnTo>
                      <a:pt x="20" y="195"/>
                    </a:lnTo>
                    <a:lnTo>
                      <a:pt x="23" y="192"/>
                    </a:lnTo>
                    <a:lnTo>
                      <a:pt x="28" y="190"/>
                    </a:lnTo>
                    <a:lnTo>
                      <a:pt x="30" y="186"/>
                    </a:lnTo>
                    <a:lnTo>
                      <a:pt x="32" y="186"/>
                    </a:lnTo>
                    <a:lnTo>
                      <a:pt x="32" y="181"/>
                    </a:lnTo>
                    <a:lnTo>
                      <a:pt x="35" y="176"/>
                    </a:lnTo>
                    <a:lnTo>
                      <a:pt x="39" y="171"/>
                    </a:lnTo>
                    <a:lnTo>
                      <a:pt x="42" y="166"/>
                    </a:lnTo>
                    <a:lnTo>
                      <a:pt x="45" y="163"/>
                    </a:lnTo>
                    <a:lnTo>
                      <a:pt x="49" y="159"/>
                    </a:lnTo>
                    <a:lnTo>
                      <a:pt x="52" y="158"/>
                    </a:lnTo>
                    <a:lnTo>
                      <a:pt x="54" y="156"/>
                    </a:lnTo>
                    <a:lnTo>
                      <a:pt x="57" y="154"/>
                    </a:lnTo>
                    <a:lnTo>
                      <a:pt x="59" y="151"/>
                    </a:lnTo>
                    <a:lnTo>
                      <a:pt x="59" y="149"/>
                    </a:lnTo>
                    <a:lnTo>
                      <a:pt x="59" y="146"/>
                    </a:lnTo>
                    <a:lnTo>
                      <a:pt x="57" y="144"/>
                    </a:lnTo>
                    <a:lnTo>
                      <a:pt x="56" y="142"/>
                    </a:lnTo>
                    <a:lnTo>
                      <a:pt x="56" y="141"/>
                    </a:lnTo>
                    <a:lnTo>
                      <a:pt x="54" y="141"/>
                    </a:lnTo>
                    <a:lnTo>
                      <a:pt x="52" y="139"/>
                    </a:lnTo>
                    <a:lnTo>
                      <a:pt x="49" y="137"/>
                    </a:lnTo>
                    <a:lnTo>
                      <a:pt x="44" y="132"/>
                    </a:lnTo>
                    <a:lnTo>
                      <a:pt x="39" y="127"/>
                    </a:lnTo>
                    <a:lnTo>
                      <a:pt x="32" y="122"/>
                    </a:lnTo>
                    <a:lnTo>
                      <a:pt x="27" y="117"/>
                    </a:lnTo>
                    <a:lnTo>
                      <a:pt x="22" y="114"/>
                    </a:lnTo>
                    <a:lnTo>
                      <a:pt x="20" y="112"/>
                    </a:lnTo>
                    <a:lnTo>
                      <a:pt x="10" y="107"/>
                    </a:lnTo>
                    <a:lnTo>
                      <a:pt x="5" y="100"/>
                    </a:lnTo>
                    <a:lnTo>
                      <a:pt x="3" y="93"/>
                    </a:lnTo>
                    <a:lnTo>
                      <a:pt x="3" y="87"/>
                    </a:lnTo>
                    <a:lnTo>
                      <a:pt x="5" y="82"/>
                    </a:lnTo>
                    <a:lnTo>
                      <a:pt x="6" y="76"/>
                    </a:lnTo>
                    <a:lnTo>
                      <a:pt x="8" y="73"/>
                    </a:lnTo>
                    <a:lnTo>
                      <a:pt x="10" y="73"/>
                    </a:lnTo>
                    <a:lnTo>
                      <a:pt x="0" y="56"/>
                    </a:lnTo>
                    <a:lnTo>
                      <a:pt x="17" y="31"/>
                    </a:lnTo>
                    <a:lnTo>
                      <a:pt x="23" y="9"/>
                    </a:lnTo>
                    <a:lnTo>
                      <a:pt x="28" y="0"/>
                    </a:lnTo>
                    <a:lnTo>
                      <a:pt x="113" y="27"/>
                    </a:lnTo>
                    <a:lnTo>
                      <a:pt x="115" y="60"/>
                    </a:lnTo>
                    <a:lnTo>
                      <a:pt x="113" y="60"/>
                    </a:lnTo>
                    <a:lnTo>
                      <a:pt x="105" y="75"/>
                    </a:lnTo>
                    <a:lnTo>
                      <a:pt x="105" y="76"/>
                    </a:lnTo>
                    <a:lnTo>
                      <a:pt x="106" y="76"/>
                    </a:lnTo>
                    <a:lnTo>
                      <a:pt x="106" y="80"/>
                    </a:lnTo>
                    <a:lnTo>
                      <a:pt x="106" y="83"/>
                    </a:lnTo>
                    <a:lnTo>
                      <a:pt x="106" y="87"/>
                    </a:lnTo>
                    <a:lnTo>
                      <a:pt x="105" y="90"/>
                    </a:lnTo>
                    <a:lnTo>
                      <a:pt x="101" y="93"/>
                    </a:lnTo>
                    <a:lnTo>
                      <a:pt x="96" y="95"/>
                    </a:lnTo>
                    <a:lnTo>
                      <a:pt x="94" y="100"/>
                    </a:lnTo>
                    <a:lnTo>
                      <a:pt x="113" y="100"/>
                    </a:lnTo>
                    <a:lnTo>
                      <a:pt x="113" y="102"/>
                    </a:lnTo>
                    <a:lnTo>
                      <a:pt x="116" y="104"/>
                    </a:lnTo>
                    <a:lnTo>
                      <a:pt x="118" y="104"/>
                    </a:lnTo>
                    <a:lnTo>
                      <a:pt x="118" y="100"/>
                    </a:lnTo>
                    <a:lnTo>
                      <a:pt x="118" y="98"/>
                    </a:lnTo>
                    <a:lnTo>
                      <a:pt x="120" y="97"/>
                    </a:lnTo>
                    <a:lnTo>
                      <a:pt x="122" y="95"/>
                    </a:lnTo>
                    <a:lnTo>
                      <a:pt x="123" y="95"/>
                    </a:lnTo>
                    <a:lnTo>
                      <a:pt x="123" y="97"/>
                    </a:lnTo>
                    <a:lnTo>
                      <a:pt x="125" y="98"/>
                    </a:lnTo>
                    <a:lnTo>
                      <a:pt x="125" y="100"/>
                    </a:lnTo>
                    <a:lnTo>
                      <a:pt x="125" y="104"/>
                    </a:lnTo>
                    <a:lnTo>
                      <a:pt x="127" y="107"/>
                    </a:lnTo>
                    <a:lnTo>
                      <a:pt x="127" y="112"/>
                    </a:lnTo>
                    <a:lnTo>
                      <a:pt x="127" y="119"/>
                    </a:lnTo>
                    <a:lnTo>
                      <a:pt x="127" y="127"/>
                    </a:lnTo>
                    <a:lnTo>
                      <a:pt x="125" y="137"/>
                    </a:lnTo>
                    <a:lnTo>
                      <a:pt x="125" y="139"/>
                    </a:lnTo>
                    <a:lnTo>
                      <a:pt x="127" y="141"/>
                    </a:lnTo>
                    <a:lnTo>
                      <a:pt x="127" y="142"/>
                    </a:lnTo>
                    <a:lnTo>
                      <a:pt x="127" y="144"/>
                    </a:lnTo>
                    <a:lnTo>
                      <a:pt x="127" y="146"/>
                    </a:lnTo>
                    <a:lnTo>
                      <a:pt x="127" y="148"/>
                    </a:lnTo>
                    <a:lnTo>
                      <a:pt x="127" y="149"/>
                    </a:lnTo>
                    <a:lnTo>
                      <a:pt x="127" y="151"/>
                    </a:lnTo>
                    <a:lnTo>
                      <a:pt x="128" y="153"/>
                    </a:lnTo>
                    <a:lnTo>
                      <a:pt x="128" y="156"/>
                    </a:lnTo>
                    <a:lnTo>
                      <a:pt x="130" y="161"/>
                    </a:lnTo>
                    <a:lnTo>
                      <a:pt x="130" y="164"/>
                    </a:lnTo>
                    <a:lnTo>
                      <a:pt x="130" y="170"/>
                    </a:lnTo>
                    <a:lnTo>
                      <a:pt x="130" y="173"/>
                    </a:lnTo>
                    <a:lnTo>
                      <a:pt x="130" y="178"/>
                    </a:lnTo>
                    <a:lnTo>
                      <a:pt x="130" y="180"/>
                    </a:lnTo>
                    <a:lnTo>
                      <a:pt x="130" y="183"/>
                    </a:lnTo>
                    <a:lnTo>
                      <a:pt x="128" y="181"/>
                    </a:lnTo>
                    <a:lnTo>
                      <a:pt x="127" y="178"/>
                    </a:lnTo>
                    <a:lnTo>
                      <a:pt x="127" y="171"/>
                    </a:lnTo>
                    <a:lnTo>
                      <a:pt x="125" y="163"/>
                    </a:lnTo>
                    <a:lnTo>
                      <a:pt x="123" y="153"/>
                    </a:lnTo>
                    <a:lnTo>
                      <a:pt x="123" y="151"/>
                    </a:lnTo>
                    <a:lnTo>
                      <a:pt x="122" y="151"/>
                    </a:lnTo>
                    <a:lnTo>
                      <a:pt x="120" y="149"/>
                    </a:lnTo>
                    <a:lnTo>
                      <a:pt x="118" y="151"/>
                    </a:lnTo>
                    <a:lnTo>
                      <a:pt x="118" y="154"/>
                    </a:lnTo>
                    <a:lnTo>
                      <a:pt x="120" y="159"/>
                    </a:lnTo>
                    <a:lnTo>
                      <a:pt x="122" y="168"/>
                    </a:lnTo>
                    <a:lnTo>
                      <a:pt x="122" y="170"/>
                    </a:lnTo>
                    <a:lnTo>
                      <a:pt x="122" y="171"/>
                    </a:lnTo>
                    <a:lnTo>
                      <a:pt x="122" y="175"/>
                    </a:lnTo>
                    <a:lnTo>
                      <a:pt x="122" y="178"/>
                    </a:lnTo>
                    <a:lnTo>
                      <a:pt x="122" y="183"/>
                    </a:lnTo>
                    <a:lnTo>
                      <a:pt x="122" y="186"/>
                    </a:lnTo>
                    <a:lnTo>
                      <a:pt x="122" y="188"/>
                    </a:lnTo>
                    <a:lnTo>
                      <a:pt x="122" y="190"/>
                    </a:lnTo>
                    <a:lnTo>
                      <a:pt x="122" y="192"/>
                    </a:lnTo>
                    <a:lnTo>
                      <a:pt x="122" y="193"/>
                    </a:lnTo>
                    <a:lnTo>
                      <a:pt x="122" y="197"/>
                    </a:lnTo>
                    <a:lnTo>
                      <a:pt x="122" y="198"/>
                    </a:lnTo>
                    <a:lnTo>
                      <a:pt x="118" y="202"/>
                    </a:lnTo>
                    <a:lnTo>
                      <a:pt x="116" y="205"/>
                    </a:lnTo>
                    <a:lnTo>
                      <a:pt x="116" y="207"/>
                    </a:lnTo>
                    <a:lnTo>
                      <a:pt x="115" y="208"/>
                    </a:lnTo>
                    <a:lnTo>
                      <a:pt x="115" y="212"/>
                    </a:lnTo>
                    <a:lnTo>
                      <a:pt x="115" y="214"/>
                    </a:lnTo>
                    <a:lnTo>
                      <a:pt x="110" y="219"/>
                    </a:lnTo>
                    <a:lnTo>
                      <a:pt x="108" y="227"/>
                    </a:lnTo>
                    <a:lnTo>
                      <a:pt x="108" y="229"/>
                    </a:lnTo>
                    <a:lnTo>
                      <a:pt x="108" y="230"/>
                    </a:lnTo>
                    <a:lnTo>
                      <a:pt x="106" y="232"/>
                    </a:lnTo>
                    <a:lnTo>
                      <a:pt x="105" y="236"/>
                    </a:lnTo>
                    <a:lnTo>
                      <a:pt x="103" y="239"/>
                    </a:lnTo>
                    <a:lnTo>
                      <a:pt x="100" y="244"/>
                    </a:lnTo>
                    <a:lnTo>
                      <a:pt x="98" y="247"/>
                    </a:lnTo>
                    <a:lnTo>
                      <a:pt x="94" y="249"/>
                    </a:lnTo>
                    <a:lnTo>
                      <a:pt x="94" y="251"/>
                    </a:lnTo>
                    <a:lnTo>
                      <a:pt x="96" y="254"/>
                    </a:lnTo>
                    <a:lnTo>
                      <a:pt x="96" y="256"/>
                    </a:lnTo>
                    <a:lnTo>
                      <a:pt x="96" y="258"/>
                    </a:lnTo>
                    <a:lnTo>
                      <a:pt x="89" y="281"/>
                    </a:lnTo>
                    <a:lnTo>
                      <a:pt x="86" y="290"/>
                    </a:lnTo>
                    <a:lnTo>
                      <a:pt x="83" y="296"/>
                    </a:lnTo>
                    <a:lnTo>
                      <a:pt x="79" y="300"/>
                    </a:lnTo>
                    <a:lnTo>
                      <a:pt x="76" y="300"/>
                    </a:lnTo>
                    <a:lnTo>
                      <a:pt x="74" y="300"/>
                    </a:lnTo>
                    <a:lnTo>
                      <a:pt x="72" y="296"/>
                    </a:lnTo>
                    <a:lnTo>
                      <a:pt x="71" y="295"/>
                    </a:lnTo>
                    <a:lnTo>
                      <a:pt x="71" y="290"/>
                    </a:lnTo>
                    <a:lnTo>
                      <a:pt x="72" y="286"/>
                    </a:lnTo>
                    <a:lnTo>
                      <a:pt x="72" y="285"/>
                    </a:lnTo>
                    <a:lnTo>
                      <a:pt x="74" y="283"/>
                    </a:lnTo>
                    <a:lnTo>
                      <a:pt x="74" y="280"/>
                    </a:lnTo>
                    <a:lnTo>
                      <a:pt x="74" y="276"/>
                    </a:lnTo>
                    <a:lnTo>
                      <a:pt x="72" y="273"/>
                    </a:lnTo>
                    <a:lnTo>
                      <a:pt x="69" y="271"/>
                    </a:lnTo>
                    <a:lnTo>
                      <a:pt x="64" y="271"/>
                    </a:lnTo>
                    <a:lnTo>
                      <a:pt x="56" y="273"/>
                    </a:lnTo>
                    <a:lnTo>
                      <a:pt x="49" y="278"/>
                    </a:lnTo>
                    <a:lnTo>
                      <a:pt x="49" y="276"/>
                    </a:lnTo>
                    <a:lnTo>
                      <a:pt x="47" y="274"/>
                    </a:lnTo>
                    <a:lnTo>
                      <a:pt x="44" y="271"/>
                    </a:lnTo>
                    <a:lnTo>
                      <a:pt x="42" y="269"/>
                    </a:lnTo>
                    <a:lnTo>
                      <a:pt x="39" y="266"/>
                    </a:lnTo>
                    <a:lnTo>
                      <a:pt x="34" y="266"/>
                    </a:lnTo>
                    <a:lnTo>
                      <a:pt x="28" y="264"/>
                    </a:lnTo>
                    <a:lnTo>
                      <a:pt x="27" y="263"/>
                    </a:lnTo>
                    <a:lnTo>
                      <a:pt x="23" y="261"/>
                    </a:lnTo>
                    <a:lnTo>
                      <a:pt x="20" y="258"/>
                    </a:lnTo>
                    <a:lnTo>
                      <a:pt x="18" y="256"/>
                    </a:lnTo>
                    <a:lnTo>
                      <a:pt x="6" y="247"/>
                    </a:lnTo>
                    <a:lnTo>
                      <a:pt x="6" y="239"/>
                    </a:lnTo>
                    <a:lnTo>
                      <a:pt x="3" y="237"/>
                    </a:lnTo>
                    <a:lnTo>
                      <a:pt x="1" y="234"/>
                    </a:lnTo>
                    <a:lnTo>
                      <a:pt x="1" y="230"/>
                    </a:lnTo>
                    <a:lnTo>
                      <a:pt x="1" y="227"/>
                    </a:lnTo>
                    <a:lnTo>
                      <a:pt x="1" y="224"/>
                    </a:lnTo>
                    <a:lnTo>
                      <a:pt x="1" y="220"/>
                    </a:lnTo>
                    <a:lnTo>
                      <a:pt x="3" y="219"/>
                    </a:lnTo>
                    <a:lnTo>
                      <a:pt x="5" y="217"/>
                    </a:lnTo>
                    <a:lnTo>
                      <a:pt x="12" y="208"/>
                    </a:lnTo>
                    <a:lnTo>
                      <a:pt x="13" y="205"/>
                    </a:lnTo>
                    <a:lnTo>
                      <a:pt x="8" y="20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61" name="Freeform 68"/>
              <p:cNvSpPr>
                <a:spLocks/>
              </p:cNvSpPr>
              <p:nvPr/>
            </p:nvSpPr>
            <p:spPr bwMode="auto">
              <a:xfrm>
                <a:off x="4856" y="1462"/>
                <a:ext cx="130" cy="300"/>
              </a:xfrm>
              <a:custGeom>
                <a:avLst/>
                <a:gdLst>
                  <a:gd name="T0" fmla="*/ 12 w 130"/>
                  <a:gd name="T1" fmla="*/ 202 h 300"/>
                  <a:gd name="T2" fmla="*/ 28 w 130"/>
                  <a:gd name="T3" fmla="*/ 190 h 300"/>
                  <a:gd name="T4" fmla="*/ 32 w 130"/>
                  <a:gd name="T5" fmla="*/ 181 h 300"/>
                  <a:gd name="T6" fmla="*/ 45 w 130"/>
                  <a:gd name="T7" fmla="*/ 163 h 300"/>
                  <a:gd name="T8" fmla="*/ 54 w 130"/>
                  <a:gd name="T9" fmla="*/ 156 h 300"/>
                  <a:gd name="T10" fmla="*/ 59 w 130"/>
                  <a:gd name="T11" fmla="*/ 146 h 300"/>
                  <a:gd name="T12" fmla="*/ 54 w 130"/>
                  <a:gd name="T13" fmla="*/ 141 h 300"/>
                  <a:gd name="T14" fmla="*/ 44 w 130"/>
                  <a:gd name="T15" fmla="*/ 132 h 300"/>
                  <a:gd name="T16" fmla="*/ 22 w 130"/>
                  <a:gd name="T17" fmla="*/ 114 h 300"/>
                  <a:gd name="T18" fmla="*/ 5 w 130"/>
                  <a:gd name="T19" fmla="*/ 100 h 300"/>
                  <a:gd name="T20" fmla="*/ 6 w 130"/>
                  <a:gd name="T21" fmla="*/ 76 h 300"/>
                  <a:gd name="T22" fmla="*/ 17 w 130"/>
                  <a:gd name="T23" fmla="*/ 31 h 300"/>
                  <a:gd name="T24" fmla="*/ 115 w 130"/>
                  <a:gd name="T25" fmla="*/ 60 h 300"/>
                  <a:gd name="T26" fmla="*/ 105 w 130"/>
                  <a:gd name="T27" fmla="*/ 76 h 300"/>
                  <a:gd name="T28" fmla="*/ 106 w 130"/>
                  <a:gd name="T29" fmla="*/ 87 h 300"/>
                  <a:gd name="T30" fmla="*/ 94 w 130"/>
                  <a:gd name="T31" fmla="*/ 100 h 300"/>
                  <a:gd name="T32" fmla="*/ 116 w 130"/>
                  <a:gd name="T33" fmla="*/ 104 h 300"/>
                  <a:gd name="T34" fmla="*/ 118 w 130"/>
                  <a:gd name="T35" fmla="*/ 98 h 300"/>
                  <a:gd name="T36" fmla="*/ 122 w 130"/>
                  <a:gd name="T37" fmla="*/ 95 h 300"/>
                  <a:gd name="T38" fmla="*/ 125 w 130"/>
                  <a:gd name="T39" fmla="*/ 98 h 300"/>
                  <a:gd name="T40" fmla="*/ 127 w 130"/>
                  <a:gd name="T41" fmla="*/ 112 h 300"/>
                  <a:gd name="T42" fmla="*/ 125 w 130"/>
                  <a:gd name="T43" fmla="*/ 137 h 300"/>
                  <a:gd name="T44" fmla="*/ 127 w 130"/>
                  <a:gd name="T45" fmla="*/ 144 h 300"/>
                  <a:gd name="T46" fmla="*/ 127 w 130"/>
                  <a:gd name="T47" fmla="*/ 151 h 300"/>
                  <a:gd name="T48" fmla="*/ 130 w 130"/>
                  <a:gd name="T49" fmla="*/ 161 h 300"/>
                  <a:gd name="T50" fmla="*/ 130 w 130"/>
                  <a:gd name="T51" fmla="*/ 178 h 300"/>
                  <a:gd name="T52" fmla="*/ 130 w 130"/>
                  <a:gd name="T53" fmla="*/ 183 h 300"/>
                  <a:gd name="T54" fmla="*/ 125 w 130"/>
                  <a:gd name="T55" fmla="*/ 163 h 300"/>
                  <a:gd name="T56" fmla="*/ 122 w 130"/>
                  <a:gd name="T57" fmla="*/ 151 h 300"/>
                  <a:gd name="T58" fmla="*/ 118 w 130"/>
                  <a:gd name="T59" fmla="*/ 154 h 300"/>
                  <a:gd name="T60" fmla="*/ 122 w 130"/>
                  <a:gd name="T61" fmla="*/ 170 h 300"/>
                  <a:gd name="T62" fmla="*/ 122 w 130"/>
                  <a:gd name="T63" fmla="*/ 183 h 300"/>
                  <a:gd name="T64" fmla="*/ 122 w 130"/>
                  <a:gd name="T65" fmla="*/ 190 h 300"/>
                  <a:gd name="T66" fmla="*/ 122 w 130"/>
                  <a:gd name="T67" fmla="*/ 193 h 300"/>
                  <a:gd name="T68" fmla="*/ 116 w 130"/>
                  <a:gd name="T69" fmla="*/ 205 h 300"/>
                  <a:gd name="T70" fmla="*/ 115 w 130"/>
                  <a:gd name="T71" fmla="*/ 212 h 300"/>
                  <a:gd name="T72" fmla="*/ 108 w 130"/>
                  <a:gd name="T73" fmla="*/ 227 h 300"/>
                  <a:gd name="T74" fmla="*/ 105 w 130"/>
                  <a:gd name="T75" fmla="*/ 236 h 300"/>
                  <a:gd name="T76" fmla="*/ 94 w 130"/>
                  <a:gd name="T77" fmla="*/ 249 h 300"/>
                  <a:gd name="T78" fmla="*/ 96 w 130"/>
                  <a:gd name="T79" fmla="*/ 256 h 300"/>
                  <a:gd name="T80" fmla="*/ 86 w 130"/>
                  <a:gd name="T81" fmla="*/ 290 h 300"/>
                  <a:gd name="T82" fmla="*/ 74 w 130"/>
                  <a:gd name="T83" fmla="*/ 300 h 300"/>
                  <a:gd name="T84" fmla="*/ 72 w 130"/>
                  <a:gd name="T85" fmla="*/ 286 h 300"/>
                  <a:gd name="T86" fmla="*/ 74 w 130"/>
                  <a:gd name="T87" fmla="*/ 280 h 300"/>
                  <a:gd name="T88" fmla="*/ 64 w 130"/>
                  <a:gd name="T89" fmla="*/ 271 h 300"/>
                  <a:gd name="T90" fmla="*/ 49 w 130"/>
                  <a:gd name="T91" fmla="*/ 278 h 300"/>
                  <a:gd name="T92" fmla="*/ 42 w 130"/>
                  <a:gd name="T93" fmla="*/ 269 h 300"/>
                  <a:gd name="T94" fmla="*/ 28 w 130"/>
                  <a:gd name="T95" fmla="*/ 264 h 300"/>
                  <a:gd name="T96" fmla="*/ 18 w 130"/>
                  <a:gd name="T97" fmla="*/ 256 h 300"/>
                  <a:gd name="T98" fmla="*/ 3 w 130"/>
                  <a:gd name="T99" fmla="*/ 237 h 300"/>
                  <a:gd name="T100" fmla="*/ 1 w 130"/>
                  <a:gd name="T101" fmla="*/ 227 h 300"/>
                  <a:gd name="T102" fmla="*/ 5 w 130"/>
                  <a:gd name="T103" fmla="*/ 217 h 300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w 130"/>
                  <a:gd name="T157" fmla="*/ 0 h 300"/>
                  <a:gd name="T158" fmla="*/ 130 w 130"/>
                  <a:gd name="T159" fmla="*/ 300 h 300"/>
                </a:gdLst>
                <a:ahLst/>
                <a:cxnLst>
                  <a:cxn ang="T104">
                    <a:pos x="T0" y="T1"/>
                  </a:cxn>
                  <a:cxn ang="T105">
                    <a:pos x="T2" y="T3"/>
                  </a:cxn>
                  <a:cxn ang="T106">
                    <a:pos x="T4" y="T5"/>
                  </a:cxn>
                  <a:cxn ang="T107">
                    <a:pos x="T6" y="T7"/>
                  </a:cxn>
                  <a:cxn ang="T108">
                    <a:pos x="T8" y="T9"/>
                  </a:cxn>
                  <a:cxn ang="T109">
                    <a:pos x="T10" y="T11"/>
                  </a:cxn>
                  <a:cxn ang="T110">
                    <a:pos x="T12" y="T13"/>
                  </a:cxn>
                  <a:cxn ang="T111">
                    <a:pos x="T14" y="T15"/>
                  </a:cxn>
                  <a:cxn ang="T112">
                    <a:pos x="T16" y="T17"/>
                  </a:cxn>
                  <a:cxn ang="T113">
                    <a:pos x="T18" y="T19"/>
                  </a:cxn>
                  <a:cxn ang="T114">
                    <a:pos x="T20" y="T21"/>
                  </a:cxn>
                  <a:cxn ang="T115">
                    <a:pos x="T22" y="T23"/>
                  </a:cxn>
                  <a:cxn ang="T116">
                    <a:pos x="T24" y="T25"/>
                  </a:cxn>
                  <a:cxn ang="T117">
                    <a:pos x="T26" y="T27"/>
                  </a:cxn>
                  <a:cxn ang="T118">
                    <a:pos x="T28" y="T29"/>
                  </a:cxn>
                  <a:cxn ang="T119">
                    <a:pos x="T30" y="T31"/>
                  </a:cxn>
                  <a:cxn ang="T120">
                    <a:pos x="T32" y="T33"/>
                  </a:cxn>
                  <a:cxn ang="T121">
                    <a:pos x="T34" y="T35"/>
                  </a:cxn>
                  <a:cxn ang="T122">
                    <a:pos x="T36" y="T37"/>
                  </a:cxn>
                  <a:cxn ang="T123">
                    <a:pos x="T38" y="T39"/>
                  </a:cxn>
                  <a:cxn ang="T124">
                    <a:pos x="T40" y="T41"/>
                  </a:cxn>
                  <a:cxn ang="T125">
                    <a:pos x="T42" y="T43"/>
                  </a:cxn>
                  <a:cxn ang="T126">
                    <a:pos x="T44" y="T45"/>
                  </a:cxn>
                  <a:cxn ang="T127">
                    <a:pos x="T46" y="T47"/>
                  </a:cxn>
                  <a:cxn ang="T128">
                    <a:pos x="T48" y="T49"/>
                  </a:cxn>
                  <a:cxn ang="T129">
                    <a:pos x="T50" y="T51"/>
                  </a:cxn>
                  <a:cxn ang="T130">
                    <a:pos x="T52" y="T53"/>
                  </a:cxn>
                  <a:cxn ang="T131">
                    <a:pos x="T54" y="T55"/>
                  </a:cxn>
                  <a:cxn ang="T132">
                    <a:pos x="T56" y="T57"/>
                  </a:cxn>
                  <a:cxn ang="T133">
                    <a:pos x="T58" y="T59"/>
                  </a:cxn>
                  <a:cxn ang="T134">
                    <a:pos x="T60" y="T61"/>
                  </a:cxn>
                  <a:cxn ang="T135">
                    <a:pos x="T62" y="T63"/>
                  </a:cxn>
                  <a:cxn ang="T136">
                    <a:pos x="T64" y="T65"/>
                  </a:cxn>
                  <a:cxn ang="T137">
                    <a:pos x="T66" y="T67"/>
                  </a:cxn>
                  <a:cxn ang="T138">
                    <a:pos x="T68" y="T69"/>
                  </a:cxn>
                  <a:cxn ang="T139">
                    <a:pos x="T70" y="T71"/>
                  </a:cxn>
                  <a:cxn ang="T140">
                    <a:pos x="T72" y="T73"/>
                  </a:cxn>
                  <a:cxn ang="T141">
                    <a:pos x="T74" y="T75"/>
                  </a:cxn>
                  <a:cxn ang="T142">
                    <a:pos x="T76" y="T77"/>
                  </a:cxn>
                  <a:cxn ang="T143">
                    <a:pos x="T78" y="T79"/>
                  </a:cxn>
                  <a:cxn ang="T144">
                    <a:pos x="T80" y="T81"/>
                  </a:cxn>
                  <a:cxn ang="T145">
                    <a:pos x="T82" y="T83"/>
                  </a:cxn>
                  <a:cxn ang="T146">
                    <a:pos x="T84" y="T85"/>
                  </a:cxn>
                  <a:cxn ang="T147">
                    <a:pos x="T86" y="T87"/>
                  </a:cxn>
                  <a:cxn ang="T148">
                    <a:pos x="T88" y="T89"/>
                  </a:cxn>
                  <a:cxn ang="T149">
                    <a:pos x="T90" y="T91"/>
                  </a:cxn>
                  <a:cxn ang="T150">
                    <a:pos x="T92" y="T93"/>
                  </a:cxn>
                  <a:cxn ang="T151">
                    <a:pos x="T94" y="T95"/>
                  </a:cxn>
                  <a:cxn ang="T152">
                    <a:pos x="T96" y="T97"/>
                  </a:cxn>
                  <a:cxn ang="T153">
                    <a:pos x="T98" y="T99"/>
                  </a:cxn>
                  <a:cxn ang="T154">
                    <a:pos x="T100" y="T101"/>
                  </a:cxn>
                  <a:cxn ang="T155">
                    <a:pos x="T102" y="T103"/>
                  </a:cxn>
                </a:cxnLst>
                <a:rect l="T156" t="T157" r="T158" b="T159"/>
                <a:pathLst>
                  <a:path w="130" h="300">
                    <a:moveTo>
                      <a:pt x="8" y="205"/>
                    </a:moveTo>
                    <a:lnTo>
                      <a:pt x="8" y="205"/>
                    </a:lnTo>
                    <a:lnTo>
                      <a:pt x="8" y="203"/>
                    </a:lnTo>
                    <a:lnTo>
                      <a:pt x="12" y="202"/>
                    </a:lnTo>
                    <a:lnTo>
                      <a:pt x="15" y="198"/>
                    </a:lnTo>
                    <a:lnTo>
                      <a:pt x="20" y="195"/>
                    </a:lnTo>
                    <a:lnTo>
                      <a:pt x="23" y="192"/>
                    </a:lnTo>
                    <a:lnTo>
                      <a:pt x="28" y="190"/>
                    </a:lnTo>
                    <a:lnTo>
                      <a:pt x="30" y="186"/>
                    </a:lnTo>
                    <a:lnTo>
                      <a:pt x="32" y="186"/>
                    </a:lnTo>
                    <a:lnTo>
                      <a:pt x="32" y="181"/>
                    </a:lnTo>
                    <a:lnTo>
                      <a:pt x="35" y="176"/>
                    </a:lnTo>
                    <a:lnTo>
                      <a:pt x="39" y="171"/>
                    </a:lnTo>
                    <a:lnTo>
                      <a:pt x="42" y="166"/>
                    </a:lnTo>
                    <a:lnTo>
                      <a:pt x="45" y="163"/>
                    </a:lnTo>
                    <a:lnTo>
                      <a:pt x="49" y="159"/>
                    </a:lnTo>
                    <a:lnTo>
                      <a:pt x="52" y="158"/>
                    </a:lnTo>
                    <a:lnTo>
                      <a:pt x="54" y="156"/>
                    </a:lnTo>
                    <a:lnTo>
                      <a:pt x="57" y="154"/>
                    </a:lnTo>
                    <a:lnTo>
                      <a:pt x="59" y="151"/>
                    </a:lnTo>
                    <a:lnTo>
                      <a:pt x="59" y="149"/>
                    </a:lnTo>
                    <a:lnTo>
                      <a:pt x="59" y="146"/>
                    </a:lnTo>
                    <a:lnTo>
                      <a:pt x="57" y="144"/>
                    </a:lnTo>
                    <a:lnTo>
                      <a:pt x="56" y="142"/>
                    </a:lnTo>
                    <a:lnTo>
                      <a:pt x="56" y="141"/>
                    </a:lnTo>
                    <a:lnTo>
                      <a:pt x="54" y="141"/>
                    </a:lnTo>
                    <a:lnTo>
                      <a:pt x="52" y="139"/>
                    </a:lnTo>
                    <a:lnTo>
                      <a:pt x="49" y="137"/>
                    </a:lnTo>
                    <a:lnTo>
                      <a:pt x="44" y="132"/>
                    </a:lnTo>
                    <a:lnTo>
                      <a:pt x="39" y="127"/>
                    </a:lnTo>
                    <a:lnTo>
                      <a:pt x="32" y="122"/>
                    </a:lnTo>
                    <a:lnTo>
                      <a:pt x="27" y="117"/>
                    </a:lnTo>
                    <a:lnTo>
                      <a:pt x="22" y="114"/>
                    </a:lnTo>
                    <a:lnTo>
                      <a:pt x="20" y="112"/>
                    </a:lnTo>
                    <a:lnTo>
                      <a:pt x="10" y="107"/>
                    </a:lnTo>
                    <a:lnTo>
                      <a:pt x="5" y="100"/>
                    </a:lnTo>
                    <a:lnTo>
                      <a:pt x="3" y="93"/>
                    </a:lnTo>
                    <a:lnTo>
                      <a:pt x="3" y="87"/>
                    </a:lnTo>
                    <a:lnTo>
                      <a:pt x="5" y="82"/>
                    </a:lnTo>
                    <a:lnTo>
                      <a:pt x="6" y="76"/>
                    </a:lnTo>
                    <a:lnTo>
                      <a:pt x="8" y="73"/>
                    </a:lnTo>
                    <a:lnTo>
                      <a:pt x="10" y="73"/>
                    </a:lnTo>
                    <a:lnTo>
                      <a:pt x="0" y="56"/>
                    </a:lnTo>
                    <a:lnTo>
                      <a:pt x="17" y="31"/>
                    </a:lnTo>
                    <a:lnTo>
                      <a:pt x="23" y="9"/>
                    </a:lnTo>
                    <a:lnTo>
                      <a:pt x="28" y="0"/>
                    </a:lnTo>
                    <a:lnTo>
                      <a:pt x="113" y="27"/>
                    </a:lnTo>
                    <a:lnTo>
                      <a:pt x="115" y="60"/>
                    </a:lnTo>
                    <a:lnTo>
                      <a:pt x="113" y="60"/>
                    </a:lnTo>
                    <a:lnTo>
                      <a:pt x="105" y="75"/>
                    </a:lnTo>
                    <a:lnTo>
                      <a:pt x="105" y="76"/>
                    </a:lnTo>
                    <a:lnTo>
                      <a:pt x="106" y="76"/>
                    </a:lnTo>
                    <a:lnTo>
                      <a:pt x="106" y="80"/>
                    </a:lnTo>
                    <a:lnTo>
                      <a:pt x="106" y="83"/>
                    </a:lnTo>
                    <a:lnTo>
                      <a:pt x="106" y="87"/>
                    </a:lnTo>
                    <a:lnTo>
                      <a:pt x="105" y="90"/>
                    </a:lnTo>
                    <a:lnTo>
                      <a:pt x="101" y="93"/>
                    </a:lnTo>
                    <a:lnTo>
                      <a:pt x="96" y="95"/>
                    </a:lnTo>
                    <a:lnTo>
                      <a:pt x="94" y="100"/>
                    </a:lnTo>
                    <a:lnTo>
                      <a:pt x="113" y="100"/>
                    </a:lnTo>
                    <a:lnTo>
                      <a:pt x="113" y="102"/>
                    </a:lnTo>
                    <a:lnTo>
                      <a:pt x="116" y="104"/>
                    </a:lnTo>
                    <a:lnTo>
                      <a:pt x="118" y="104"/>
                    </a:lnTo>
                    <a:lnTo>
                      <a:pt x="118" y="100"/>
                    </a:lnTo>
                    <a:lnTo>
                      <a:pt x="118" y="98"/>
                    </a:lnTo>
                    <a:lnTo>
                      <a:pt x="120" y="97"/>
                    </a:lnTo>
                    <a:lnTo>
                      <a:pt x="122" y="95"/>
                    </a:lnTo>
                    <a:lnTo>
                      <a:pt x="123" y="95"/>
                    </a:lnTo>
                    <a:lnTo>
                      <a:pt x="123" y="97"/>
                    </a:lnTo>
                    <a:lnTo>
                      <a:pt x="125" y="98"/>
                    </a:lnTo>
                    <a:lnTo>
                      <a:pt x="125" y="100"/>
                    </a:lnTo>
                    <a:lnTo>
                      <a:pt x="125" y="104"/>
                    </a:lnTo>
                    <a:lnTo>
                      <a:pt x="127" y="107"/>
                    </a:lnTo>
                    <a:lnTo>
                      <a:pt x="127" y="112"/>
                    </a:lnTo>
                    <a:lnTo>
                      <a:pt x="127" y="119"/>
                    </a:lnTo>
                    <a:lnTo>
                      <a:pt x="127" y="127"/>
                    </a:lnTo>
                    <a:lnTo>
                      <a:pt x="125" y="137"/>
                    </a:lnTo>
                    <a:lnTo>
                      <a:pt x="125" y="139"/>
                    </a:lnTo>
                    <a:lnTo>
                      <a:pt x="127" y="141"/>
                    </a:lnTo>
                    <a:lnTo>
                      <a:pt x="127" y="142"/>
                    </a:lnTo>
                    <a:lnTo>
                      <a:pt x="127" y="144"/>
                    </a:lnTo>
                    <a:lnTo>
                      <a:pt x="127" y="146"/>
                    </a:lnTo>
                    <a:lnTo>
                      <a:pt x="127" y="148"/>
                    </a:lnTo>
                    <a:lnTo>
                      <a:pt x="127" y="149"/>
                    </a:lnTo>
                    <a:lnTo>
                      <a:pt x="127" y="151"/>
                    </a:lnTo>
                    <a:lnTo>
                      <a:pt x="128" y="153"/>
                    </a:lnTo>
                    <a:lnTo>
                      <a:pt x="128" y="156"/>
                    </a:lnTo>
                    <a:lnTo>
                      <a:pt x="130" y="161"/>
                    </a:lnTo>
                    <a:lnTo>
                      <a:pt x="130" y="164"/>
                    </a:lnTo>
                    <a:lnTo>
                      <a:pt x="130" y="170"/>
                    </a:lnTo>
                    <a:lnTo>
                      <a:pt x="130" y="173"/>
                    </a:lnTo>
                    <a:lnTo>
                      <a:pt x="130" y="178"/>
                    </a:lnTo>
                    <a:lnTo>
                      <a:pt x="130" y="180"/>
                    </a:lnTo>
                    <a:lnTo>
                      <a:pt x="130" y="183"/>
                    </a:lnTo>
                    <a:lnTo>
                      <a:pt x="128" y="181"/>
                    </a:lnTo>
                    <a:lnTo>
                      <a:pt x="127" y="178"/>
                    </a:lnTo>
                    <a:lnTo>
                      <a:pt x="127" y="171"/>
                    </a:lnTo>
                    <a:lnTo>
                      <a:pt x="125" y="163"/>
                    </a:lnTo>
                    <a:lnTo>
                      <a:pt x="123" y="153"/>
                    </a:lnTo>
                    <a:lnTo>
                      <a:pt x="123" y="151"/>
                    </a:lnTo>
                    <a:lnTo>
                      <a:pt x="122" y="151"/>
                    </a:lnTo>
                    <a:lnTo>
                      <a:pt x="120" y="149"/>
                    </a:lnTo>
                    <a:lnTo>
                      <a:pt x="118" y="151"/>
                    </a:lnTo>
                    <a:lnTo>
                      <a:pt x="118" y="154"/>
                    </a:lnTo>
                    <a:lnTo>
                      <a:pt x="120" y="159"/>
                    </a:lnTo>
                    <a:lnTo>
                      <a:pt x="122" y="168"/>
                    </a:lnTo>
                    <a:lnTo>
                      <a:pt x="122" y="170"/>
                    </a:lnTo>
                    <a:lnTo>
                      <a:pt x="122" y="171"/>
                    </a:lnTo>
                    <a:lnTo>
                      <a:pt x="122" y="175"/>
                    </a:lnTo>
                    <a:lnTo>
                      <a:pt x="122" y="178"/>
                    </a:lnTo>
                    <a:lnTo>
                      <a:pt x="122" y="183"/>
                    </a:lnTo>
                    <a:lnTo>
                      <a:pt x="122" y="186"/>
                    </a:lnTo>
                    <a:lnTo>
                      <a:pt x="122" y="188"/>
                    </a:lnTo>
                    <a:lnTo>
                      <a:pt x="122" y="190"/>
                    </a:lnTo>
                    <a:lnTo>
                      <a:pt x="122" y="192"/>
                    </a:lnTo>
                    <a:lnTo>
                      <a:pt x="122" y="193"/>
                    </a:lnTo>
                    <a:lnTo>
                      <a:pt x="122" y="197"/>
                    </a:lnTo>
                    <a:lnTo>
                      <a:pt x="122" y="198"/>
                    </a:lnTo>
                    <a:lnTo>
                      <a:pt x="118" y="202"/>
                    </a:lnTo>
                    <a:lnTo>
                      <a:pt x="116" y="205"/>
                    </a:lnTo>
                    <a:lnTo>
                      <a:pt x="116" y="207"/>
                    </a:lnTo>
                    <a:lnTo>
                      <a:pt x="115" y="208"/>
                    </a:lnTo>
                    <a:lnTo>
                      <a:pt x="115" y="212"/>
                    </a:lnTo>
                    <a:lnTo>
                      <a:pt x="115" y="214"/>
                    </a:lnTo>
                    <a:lnTo>
                      <a:pt x="110" y="219"/>
                    </a:lnTo>
                    <a:lnTo>
                      <a:pt x="108" y="227"/>
                    </a:lnTo>
                    <a:lnTo>
                      <a:pt x="108" y="229"/>
                    </a:lnTo>
                    <a:lnTo>
                      <a:pt x="108" y="230"/>
                    </a:lnTo>
                    <a:lnTo>
                      <a:pt x="106" y="232"/>
                    </a:lnTo>
                    <a:lnTo>
                      <a:pt x="105" y="236"/>
                    </a:lnTo>
                    <a:lnTo>
                      <a:pt x="103" y="239"/>
                    </a:lnTo>
                    <a:lnTo>
                      <a:pt x="100" y="244"/>
                    </a:lnTo>
                    <a:lnTo>
                      <a:pt x="98" y="247"/>
                    </a:lnTo>
                    <a:lnTo>
                      <a:pt x="94" y="249"/>
                    </a:lnTo>
                    <a:lnTo>
                      <a:pt x="94" y="251"/>
                    </a:lnTo>
                    <a:lnTo>
                      <a:pt x="96" y="254"/>
                    </a:lnTo>
                    <a:lnTo>
                      <a:pt x="96" y="256"/>
                    </a:lnTo>
                    <a:lnTo>
                      <a:pt x="96" y="258"/>
                    </a:lnTo>
                    <a:lnTo>
                      <a:pt x="89" y="281"/>
                    </a:lnTo>
                    <a:lnTo>
                      <a:pt x="86" y="290"/>
                    </a:lnTo>
                    <a:lnTo>
                      <a:pt x="83" y="296"/>
                    </a:lnTo>
                    <a:lnTo>
                      <a:pt x="79" y="300"/>
                    </a:lnTo>
                    <a:lnTo>
                      <a:pt x="76" y="300"/>
                    </a:lnTo>
                    <a:lnTo>
                      <a:pt x="74" y="300"/>
                    </a:lnTo>
                    <a:lnTo>
                      <a:pt x="72" y="296"/>
                    </a:lnTo>
                    <a:lnTo>
                      <a:pt x="71" y="295"/>
                    </a:lnTo>
                    <a:lnTo>
                      <a:pt x="71" y="290"/>
                    </a:lnTo>
                    <a:lnTo>
                      <a:pt x="72" y="286"/>
                    </a:lnTo>
                    <a:lnTo>
                      <a:pt x="72" y="285"/>
                    </a:lnTo>
                    <a:lnTo>
                      <a:pt x="74" y="283"/>
                    </a:lnTo>
                    <a:lnTo>
                      <a:pt x="74" y="280"/>
                    </a:lnTo>
                    <a:lnTo>
                      <a:pt x="74" y="276"/>
                    </a:lnTo>
                    <a:lnTo>
                      <a:pt x="72" y="273"/>
                    </a:lnTo>
                    <a:lnTo>
                      <a:pt x="69" y="271"/>
                    </a:lnTo>
                    <a:lnTo>
                      <a:pt x="64" y="271"/>
                    </a:lnTo>
                    <a:lnTo>
                      <a:pt x="56" y="273"/>
                    </a:lnTo>
                    <a:lnTo>
                      <a:pt x="49" y="278"/>
                    </a:lnTo>
                    <a:lnTo>
                      <a:pt x="49" y="276"/>
                    </a:lnTo>
                    <a:lnTo>
                      <a:pt x="47" y="274"/>
                    </a:lnTo>
                    <a:lnTo>
                      <a:pt x="44" y="271"/>
                    </a:lnTo>
                    <a:lnTo>
                      <a:pt x="42" y="269"/>
                    </a:lnTo>
                    <a:lnTo>
                      <a:pt x="39" y="266"/>
                    </a:lnTo>
                    <a:lnTo>
                      <a:pt x="34" y="266"/>
                    </a:lnTo>
                    <a:lnTo>
                      <a:pt x="28" y="264"/>
                    </a:lnTo>
                    <a:lnTo>
                      <a:pt x="27" y="263"/>
                    </a:lnTo>
                    <a:lnTo>
                      <a:pt x="23" y="261"/>
                    </a:lnTo>
                    <a:lnTo>
                      <a:pt x="20" y="258"/>
                    </a:lnTo>
                    <a:lnTo>
                      <a:pt x="18" y="256"/>
                    </a:lnTo>
                    <a:lnTo>
                      <a:pt x="6" y="247"/>
                    </a:lnTo>
                    <a:lnTo>
                      <a:pt x="6" y="239"/>
                    </a:lnTo>
                    <a:lnTo>
                      <a:pt x="3" y="237"/>
                    </a:lnTo>
                    <a:lnTo>
                      <a:pt x="1" y="234"/>
                    </a:lnTo>
                    <a:lnTo>
                      <a:pt x="1" y="230"/>
                    </a:lnTo>
                    <a:lnTo>
                      <a:pt x="1" y="227"/>
                    </a:lnTo>
                    <a:lnTo>
                      <a:pt x="1" y="224"/>
                    </a:lnTo>
                    <a:lnTo>
                      <a:pt x="1" y="220"/>
                    </a:lnTo>
                    <a:lnTo>
                      <a:pt x="3" y="219"/>
                    </a:lnTo>
                    <a:lnTo>
                      <a:pt x="5" y="217"/>
                    </a:lnTo>
                    <a:lnTo>
                      <a:pt x="12" y="208"/>
                    </a:lnTo>
                    <a:lnTo>
                      <a:pt x="13" y="205"/>
                    </a:lnTo>
                    <a:lnTo>
                      <a:pt x="8" y="205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938" name="Freeform 69"/>
            <p:cNvSpPr>
              <a:spLocks/>
            </p:cNvSpPr>
            <p:nvPr/>
          </p:nvSpPr>
          <p:spPr bwMode="auto">
            <a:xfrm>
              <a:off x="3295" y="2545"/>
              <a:ext cx="810" cy="287"/>
            </a:xfrm>
            <a:custGeom>
              <a:avLst/>
              <a:gdLst>
                <a:gd name="T0" fmla="*/ 562 w 833"/>
                <a:gd name="T1" fmla="*/ 0 h 295"/>
                <a:gd name="T2" fmla="*/ 562 w 833"/>
                <a:gd name="T3" fmla="*/ 12 h 295"/>
                <a:gd name="T4" fmla="*/ 562 w 833"/>
                <a:gd name="T5" fmla="*/ 18 h 295"/>
                <a:gd name="T6" fmla="*/ 556 w 833"/>
                <a:gd name="T7" fmla="*/ 22 h 295"/>
                <a:gd name="T8" fmla="*/ 549 w 833"/>
                <a:gd name="T9" fmla="*/ 37 h 295"/>
                <a:gd name="T10" fmla="*/ 544 w 833"/>
                <a:gd name="T11" fmla="*/ 46 h 295"/>
                <a:gd name="T12" fmla="*/ 534 w 833"/>
                <a:gd name="T13" fmla="*/ 45 h 295"/>
                <a:gd name="T14" fmla="*/ 519 w 833"/>
                <a:gd name="T15" fmla="*/ 55 h 295"/>
                <a:gd name="T16" fmla="*/ 508 w 833"/>
                <a:gd name="T17" fmla="*/ 65 h 295"/>
                <a:gd name="T18" fmla="*/ 505 w 833"/>
                <a:gd name="T19" fmla="*/ 57 h 295"/>
                <a:gd name="T20" fmla="*/ 497 w 833"/>
                <a:gd name="T21" fmla="*/ 60 h 295"/>
                <a:gd name="T22" fmla="*/ 492 w 833"/>
                <a:gd name="T23" fmla="*/ 69 h 295"/>
                <a:gd name="T24" fmla="*/ 488 w 833"/>
                <a:gd name="T25" fmla="*/ 78 h 295"/>
                <a:gd name="T26" fmla="*/ 483 w 833"/>
                <a:gd name="T27" fmla="*/ 84 h 295"/>
                <a:gd name="T28" fmla="*/ 473 w 833"/>
                <a:gd name="T29" fmla="*/ 88 h 295"/>
                <a:gd name="T30" fmla="*/ 457 w 833"/>
                <a:gd name="T31" fmla="*/ 99 h 295"/>
                <a:gd name="T32" fmla="*/ 449 w 833"/>
                <a:gd name="T33" fmla="*/ 108 h 295"/>
                <a:gd name="T34" fmla="*/ 432 w 833"/>
                <a:gd name="T35" fmla="*/ 114 h 295"/>
                <a:gd name="T36" fmla="*/ 424 w 833"/>
                <a:gd name="T37" fmla="*/ 123 h 295"/>
                <a:gd name="T38" fmla="*/ 421 w 833"/>
                <a:gd name="T39" fmla="*/ 130 h 295"/>
                <a:gd name="T40" fmla="*/ 413 w 833"/>
                <a:gd name="T41" fmla="*/ 139 h 295"/>
                <a:gd name="T42" fmla="*/ 405 w 833"/>
                <a:gd name="T43" fmla="*/ 140 h 295"/>
                <a:gd name="T44" fmla="*/ 317 w 833"/>
                <a:gd name="T45" fmla="*/ 172 h 295"/>
                <a:gd name="T46" fmla="*/ 7 w 833"/>
                <a:gd name="T47" fmla="*/ 200 h 295"/>
                <a:gd name="T48" fmla="*/ 0 w 833"/>
                <a:gd name="T49" fmla="*/ 198 h 295"/>
                <a:gd name="T50" fmla="*/ 8 w 833"/>
                <a:gd name="T51" fmla="*/ 193 h 295"/>
                <a:gd name="T52" fmla="*/ 18 w 833"/>
                <a:gd name="T53" fmla="*/ 188 h 295"/>
                <a:gd name="T54" fmla="*/ 18 w 833"/>
                <a:gd name="T55" fmla="*/ 177 h 295"/>
                <a:gd name="T56" fmla="*/ 15 w 833"/>
                <a:gd name="T57" fmla="*/ 171 h 295"/>
                <a:gd name="T58" fmla="*/ 18 w 833"/>
                <a:gd name="T59" fmla="*/ 161 h 295"/>
                <a:gd name="T60" fmla="*/ 18 w 833"/>
                <a:gd name="T61" fmla="*/ 157 h 295"/>
                <a:gd name="T62" fmla="*/ 18 w 833"/>
                <a:gd name="T63" fmla="*/ 151 h 295"/>
                <a:gd name="T64" fmla="*/ 27 w 833"/>
                <a:gd name="T65" fmla="*/ 143 h 295"/>
                <a:gd name="T66" fmla="*/ 22 w 833"/>
                <a:gd name="T67" fmla="*/ 140 h 295"/>
                <a:gd name="T68" fmla="*/ 18 w 833"/>
                <a:gd name="T69" fmla="*/ 139 h 295"/>
                <a:gd name="T70" fmla="*/ 20 w 833"/>
                <a:gd name="T71" fmla="*/ 137 h 295"/>
                <a:gd name="T72" fmla="*/ 27 w 833"/>
                <a:gd name="T73" fmla="*/ 131 h 295"/>
                <a:gd name="T74" fmla="*/ 35 w 833"/>
                <a:gd name="T75" fmla="*/ 124 h 295"/>
                <a:gd name="T76" fmla="*/ 40 w 833"/>
                <a:gd name="T77" fmla="*/ 117 h 295"/>
                <a:gd name="T78" fmla="*/ 37 w 833"/>
                <a:gd name="T79" fmla="*/ 114 h 295"/>
                <a:gd name="T80" fmla="*/ 43 w 833"/>
                <a:gd name="T81" fmla="*/ 101 h 295"/>
                <a:gd name="T82" fmla="*/ 45 w 833"/>
                <a:gd name="T83" fmla="*/ 101 h 295"/>
                <a:gd name="T84" fmla="*/ 44 w 833"/>
                <a:gd name="T85" fmla="*/ 97 h 295"/>
                <a:gd name="T86" fmla="*/ 38 w 833"/>
                <a:gd name="T87" fmla="*/ 90 h 295"/>
                <a:gd name="T88" fmla="*/ 42 w 833"/>
                <a:gd name="T89" fmla="*/ 88 h 295"/>
                <a:gd name="T90" fmla="*/ 44 w 833"/>
                <a:gd name="T91" fmla="*/ 88 h 295"/>
                <a:gd name="T92" fmla="*/ 143 w 833"/>
                <a:gd name="T93" fmla="*/ 59 h 295"/>
                <a:gd name="T94" fmla="*/ 144 w 833"/>
                <a:gd name="T95" fmla="*/ 46 h 295"/>
                <a:gd name="T96" fmla="*/ 154 w 833"/>
                <a:gd name="T97" fmla="*/ 46 h 295"/>
                <a:gd name="T98" fmla="*/ 169 w 833"/>
                <a:gd name="T99" fmla="*/ 46 h 295"/>
                <a:gd name="T100" fmla="*/ 177 w 833"/>
                <a:gd name="T101" fmla="*/ 46 h 295"/>
                <a:gd name="T102" fmla="*/ 194 w 833"/>
                <a:gd name="T103" fmla="*/ 45 h 295"/>
                <a:gd name="T104" fmla="*/ 218 w 833"/>
                <a:gd name="T105" fmla="*/ 43 h 295"/>
                <a:gd name="T106" fmla="*/ 250 w 833"/>
                <a:gd name="T107" fmla="*/ 41 h 295"/>
                <a:gd name="T108" fmla="*/ 283 w 833"/>
                <a:gd name="T109" fmla="*/ 37 h 295"/>
                <a:gd name="T110" fmla="*/ 319 w 833"/>
                <a:gd name="T111" fmla="*/ 34 h 295"/>
                <a:gd name="T112" fmla="*/ 352 w 833"/>
                <a:gd name="T113" fmla="*/ 29 h 295"/>
                <a:gd name="T114" fmla="*/ 382 w 833"/>
                <a:gd name="T115" fmla="*/ 25 h 295"/>
                <a:gd name="T116" fmla="*/ 405 w 833"/>
                <a:gd name="T117" fmla="*/ 22 h 295"/>
                <a:gd name="T118" fmla="*/ 417 w 833"/>
                <a:gd name="T119" fmla="*/ 20 h 295"/>
                <a:gd name="T120" fmla="*/ 544 w 833"/>
                <a:gd name="T121" fmla="*/ 7 h 295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w 833"/>
                <a:gd name="T184" fmla="*/ 0 h 295"/>
                <a:gd name="T185" fmla="*/ 833 w 833"/>
                <a:gd name="T186" fmla="*/ 295 h 295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T183" t="T184" r="T185" b="T186"/>
              <a:pathLst>
                <a:path w="833" h="295">
                  <a:moveTo>
                    <a:pt x="804" y="7"/>
                  </a:moveTo>
                  <a:lnTo>
                    <a:pt x="816" y="0"/>
                  </a:lnTo>
                  <a:lnTo>
                    <a:pt x="831" y="0"/>
                  </a:lnTo>
                  <a:lnTo>
                    <a:pt x="831" y="2"/>
                  </a:lnTo>
                  <a:lnTo>
                    <a:pt x="831" y="6"/>
                  </a:lnTo>
                  <a:lnTo>
                    <a:pt x="831" y="12"/>
                  </a:lnTo>
                  <a:lnTo>
                    <a:pt x="831" y="17"/>
                  </a:lnTo>
                  <a:lnTo>
                    <a:pt x="833" y="24"/>
                  </a:lnTo>
                  <a:lnTo>
                    <a:pt x="831" y="31"/>
                  </a:lnTo>
                  <a:lnTo>
                    <a:pt x="831" y="34"/>
                  </a:lnTo>
                  <a:lnTo>
                    <a:pt x="831" y="36"/>
                  </a:lnTo>
                  <a:lnTo>
                    <a:pt x="824" y="36"/>
                  </a:lnTo>
                  <a:lnTo>
                    <a:pt x="819" y="39"/>
                  </a:lnTo>
                  <a:lnTo>
                    <a:pt x="814" y="44"/>
                  </a:lnTo>
                  <a:lnTo>
                    <a:pt x="811" y="51"/>
                  </a:lnTo>
                  <a:lnTo>
                    <a:pt x="807" y="58"/>
                  </a:lnTo>
                  <a:lnTo>
                    <a:pt x="805" y="63"/>
                  </a:lnTo>
                  <a:lnTo>
                    <a:pt x="804" y="66"/>
                  </a:lnTo>
                  <a:lnTo>
                    <a:pt x="797" y="63"/>
                  </a:lnTo>
                  <a:lnTo>
                    <a:pt x="790" y="63"/>
                  </a:lnTo>
                  <a:lnTo>
                    <a:pt x="782" y="68"/>
                  </a:lnTo>
                  <a:lnTo>
                    <a:pt x="773" y="75"/>
                  </a:lnTo>
                  <a:lnTo>
                    <a:pt x="767" y="83"/>
                  </a:lnTo>
                  <a:lnTo>
                    <a:pt x="760" y="90"/>
                  </a:lnTo>
                  <a:lnTo>
                    <a:pt x="755" y="94"/>
                  </a:lnTo>
                  <a:lnTo>
                    <a:pt x="753" y="94"/>
                  </a:lnTo>
                  <a:lnTo>
                    <a:pt x="751" y="88"/>
                  </a:lnTo>
                  <a:lnTo>
                    <a:pt x="748" y="87"/>
                  </a:lnTo>
                  <a:lnTo>
                    <a:pt x="746" y="85"/>
                  </a:lnTo>
                  <a:lnTo>
                    <a:pt x="743" y="85"/>
                  </a:lnTo>
                  <a:lnTo>
                    <a:pt x="739" y="87"/>
                  </a:lnTo>
                  <a:lnTo>
                    <a:pt x="736" y="88"/>
                  </a:lnTo>
                  <a:lnTo>
                    <a:pt x="733" y="92"/>
                  </a:lnTo>
                  <a:lnTo>
                    <a:pt x="731" y="97"/>
                  </a:lnTo>
                  <a:lnTo>
                    <a:pt x="728" y="100"/>
                  </a:lnTo>
                  <a:lnTo>
                    <a:pt x="724" y="105"/>
                  </a:lnTo>
                  <a:lnTo>
                    <a:pt x="723" y="110"/>
                  </a:lnTo>
                  <a:lnTo>
                    <a:pt x="721" y="114"/>
                  </a:lnTo>
                  <a:lnTo>
                    <a:pt x="717" y="119"/>
                  </a:lnTo>
                  <a:lnTo>
                    <a:pt x="717" y="121"/>
                  </a:lnTo>
                  <a:lnTo>
                    <a:pt x="716" y="122"/>
                  </a:lnTo>
                  <a:lnTo>
                    <a:pt x="716" y="124"/>
                  </a:lnTo>
                  <a:lnTo>
                    <a:pt x="707" y="126"/>
                  </a:lnTo>
                  <a:lnTo>
                    <a:pt x="699" y="129"/>
                  </a:lnTo>
                  <a:lnTo>
                    <a:pt x="690" y="134"/>
                  </a:lnTo>
                  <a:lnTo>
                    <a:pt x="682" y="141"/>
                  </a:lnTo>
                  <a:lnTo>
                    <a:pt x="677" y="146"/>
                  </a:lnTo>
                  <a:lnTo>
                    <a:pt x="670" y="153"/>
                  </a:lnTo>
                  <a:lnTo>
                    <a:pt x="667" y="156"/>
                  </a:lnTo>
                  <a:lnTo>
                    <a:pt x="665" y="158"/>
                  </a:lnTo>
                  <a:lnTo>
                    <a:pt x="655" y="158"/>
                  </a:lnTo>
                  <a:lnTo>
                    <a:pt x="646" y="161"/>
                  </a:lnTo>
                  <a:lnTo>
                    <a:pt x="640" y="165"/>
                  </a:lnTo>
                  <a:lnTo>
                    <a:pt x="633" y="170"/>
                  </a:lnTo>
                  <a:lnTo>
                    <a:pt x="630" y="175"/>
                  </a:lnTo>
                  <a:lnTo>
                    <a:pt x="626" y="180"/>
                  </a:lnTo>
                  <a:lnTo>
                    <a:pt x="624" y="183"/>
                  </a:lnTo>
                  <a:lnTo>
                    <a:pt x="624" y="185"/>
                  </a:lnTo>
                  <a:lnTo>
                    <a:pt x="623" y="192"/>
                  </a:lnTo>
                  <a:lnTo>
                    <a:pt x="619" y="197"/>
                  </a:lnTo>
                  <a:lnTo>
                    <a:pt x="616" y="202"/>
                  </a:lnTo>
                  <a:lnTo>
                    <a:pt x="611" y="204"/>
                  </a:lnTo>
                  <a:lnTo>
                    <a:pt x="608" y="205"/>
                  </a:lnTo>
                  <a:lnTo>
                    <a:pt x="602" y="205"/>
                  </a:lnTo>
                  <a:lnTo>
                    <a:pt x="599" y="205"/>
                  </a:lnTo>
                  <a:lnTo>
                    <a:pt x="599" y="239"/>
                  </a:lnTo>
                  <a:lnTo>
                    <a:pt x="470" y="253"/>
                  </a:lnTo>
                  <a:lnTo>
                    <a:pt x="218" y="275"/>
                  </a:lnTo>
                  <a:lnTo>
                    <a:pt x="7" y="293"/>
                  </a:lnTo>
                  <a:lnTo>
                    <a:pt x="7" y="295"/>
                  </a:lnTo>
                  <a:lnTo>
                    <a:pt x="2" y="295"/>
                  </a:lnTo>
                  <a:lnTo>
                    <a:pt x="0" y="293"/>
                  </a:lnTo>
                  <a:lnTo>
                    <a:pt x="0" y="292"/>
                  </a:lnTo>
                  <a:lnTo>
                    <a:pt x="3" y="290"/>
                  </a:lnTo>
                  <a:lnTo>
                    <a:pt x="7" y="286"/>
                  </a:lnTo>
                  <a:lnTo>
                    <a:pt x="8" y="285"/>
                  </a:lnTo>
                  <a:lnTo>
                    <a:pt x="12" y="283"/>
                  </a:lnTo>
                  <a:lnTo>
                    <a:pt x="14" y="283"/>
                  </a:lnTo>
                  <a:lnTo>
                    <a:pt x="19" y="276"/>
                  </a:lnTo>
                  <a:lnTo>
                    <a:pt x="20" y="270"/>
                  </a:lnTo>
                  <a:lnTo>
                    <a:pt x="22" y="264"/>
                  </a:lnTo>
                  <a:lnTo>
                    <a:pt x="20" y="259"/>
                  </a:lnTo>
                  <a:lnTo>
                    <a:pt x="19" y="256"/>
                  </a:lnTo>
                  <a:lnTo>
                    <a:pt x="17" y="254"/>
                  </a:lnTo>
                  <a:lnTo>
                    <a:pt x="15" y="251"/>
                  </a:lnTo>
                  <a:lnTo>
                    <a:pt x="20" y="239"/>
                  </a:lnTo>
                  <a:lnTo>
                    <a:pt x="20" y="237"/>
                  </a:lnTo>
                  <a:lnTo>
                    <a:pt x="22" y="236"/>
                  </a:lnTo>
                  <a:lnTo>
                    <a:pt x="24" y="234"/>
                  </a:lnTo>
                  <a:lnTo>
                    <a:pt x="25" y="231"/>
                  </a:lnTo>
                  <a:lnTo>
                    <a:pt x="29" y="227"/>
                  </a:lnTo>
                  <a:lnTo>
                    <a:pt x="30" y="224"/>
                  </a:lnTo>
                  <a:lnTo>
                    <a:pt x="32" y="222"/>
                  </a:lnTo>
                  <a:lnTo>
                    <a:pt x="34" y="222"/>
                  </a:lnTo>
                  <a:lnTo>
                    <a:pt x="39" y="215"/>
                  </a:lnTo>
                  <a:lnTo>
                    <a:pt x="41" y="210"/>
                  </a:lnTo>
                  <a:lnTo>
                    <a:pt x="41" y="209"/>
                  </a:lnTo>
                  <a:lnTo>
                    <a:pt x="39" y="205"/>
                  </a:lnTo>
                  <a:lnTo>
                    <a:pt x="36" y="205"/>
                  </a:lnTo>
                  <a:lnTo>
                    <a:pt x="32" y="204"/>
                  </a:lnTo>
                  <a:lnTo>
                    <a:pt x="30" y="204"/>
                  </a:lnTo>
                  <a:lnTo>
                    <a:pt x="32" y="202"/>
                  </a:lnTo>
                  <a:lnTo>
                    <a:pt x="34" y="200"/>
                  </a:lnTo>
                  <a:lnTo>
                    <a:pt x="36" y="198"/>
                  </a:lnTo>
                  <a:lnTo>
                    <a:pt x="39" y="195"/>
                  </a:lnTo>
                  <a:lnTo>
                    <a:pt x="41" y="193"/>
                  </a:lnTo>
                  <a:lnTo>
                    <a:pt x="42" y="192"/>
                  </a:lnTo>
                  <a:lnTo>
                    <a:pt x="44" y="190"/>
                  </a:lnTo>
                  <a:lnTo>
                    <a:pt x="49" y="183"/>
                  </a:lnTo>
                  <a:lnTo>
                    <a:pt x="52" y="178"/>
                  </a:lnTo>
                  <a:lnTo>
                    <a:pt x="54" y="175"/>
                  </a:lnTo>
                  <a:lnTo>
                    <a:pt x="54" y="171"/>
                  </a:lnTo>
                  <a:lnTo>
                    <a:pt x="54" y="168"/>
                  </a:lnTo>
                  <a:lnTo>
                    <a:pt x="52" y="166"/>
                  </a:lnTo>
                  <a:lnTo>
                    <a:pt x="51" y="165"/>
                  </a:lnTo>
                  <a:lnTo>
                    <a:pt x="61" y="148"/>
                  </a:lnTo>
                  <a:lnTo>
                    <a:pt x="63" y="148"/>
                  </a:lnTo>
                  <a:lnTo>
                    <a:pt x="64" y="148"/>
                  </a:lnTo>
                  <a:lnTo>
                    <a:pt x="64" y="146"/>
                  </a:lnTo>
                  <a:lnTo>
                    <a:pt x="63" y="143"/>
                  </a:lnTo>
                  <a:lnTo>
                    <a:pt x="58" y="139"/>
                  </a:lnTo>
                  <a:lnTo>
                    <a:pt x="54" y="136"/>
                  </a:lnTo>
                  <a:lnTo>
                    <a:pt x="52" y="132"/>
                  </a:lnTo>
                  <a:lnTo>
                    <a:pt x="52" y="131"/>
                  </a:lnTo>
                  <a:lnTo>
                    <a:pt x="54" y="129"/>
                  </a:lnTo>
                  <a:lnTo>
                    <a:pt x="58" y="129"/>
                  </a:lnTo>
                  <a:lnTo>
                    <a:pt x="59" y="129"/>
                  </a:lnTo>
                  <a:lnTo>
                    <a:pt x="61" y="129"/>
                  </a:lnTo>
                  <a:lnTo>
                    <a:pt x="63" y="129"/>
                  </a:lnTo>
                  <a:lnTo>
                    <a:pt x="64" y="100"/>
                  </a:lnTo>
                  <a:lnTo>
                    <a:pt x="64" y="99"/>
                  </a:lnTo>
                  <a:lnTo>
                    <a:pt x="212" y="87"/>
                  </a:lnTo>
                  <a:lnTo>
                    <a:pt x="212" y="63"/>
                  </a:lnTo>
                  <a:lnTo>
                    <a:pt x="213" y="65"/>
                  </a:lnTo>
                  <a:lnTo>
                    <a:pt x="217" y="65"/>
                  </a:lnTo>
                  <a:lnTo>
                    <a:pt x="222" y="65"/>
                  </a:lnTo>
                  <a:lnTo>
                    <a:pt x="228" y="65"/>
                  </a:lnTo>
                  <a:lnTo>
                    <a:pt x="235" y="66"/>
                  </a:lnTo>
                  <a:lnTo>
                    <a:pt x="242" y="66"/>
                  </a:lnTo>
                  <a:lnTo>
                    <a:pt x="250" y="66"/>
                  </a:lnTo>
                  <a:lnTo>
                    <a:pt x="252" y="66"/>
                  </a:lnTo>
                  <a:lnTo>
                    <a:pt x="256" y="66"/>
                  </a:lnTo>
                  <a:lnTo>
                    <a:pt x="261" y="65"/>
                  </a:lnTo>
                  <a:lnTo>
                    <a:pt x="267" y="65"/>
                  </a:lnTo>
                  <a:lnTo>
                    <a:pt x="276" y="63"/>
                  </a:lnTo>
                  <a:lnTo>
                    <a:pt x="286" y="63"/>
                  </a:lnTo>
                  <a:lnTo>
                    <a:pt x="296" y="61"/>
                  </a:lnTo>
                  <a:lnTo>
                    <a:pt x="310" y="61"/>
                  </a:lnTo>
                  <a:lnTo>
                    <a:pt x="323" y="60"/>
                  </a:lnTo>
                  <a:lnTo>
                    <a:pt x="337" y="58"/>
                  </a:lnTo>
                  <a:lnTo>
                    <a:pt x="352" y="58"/>
                  </a:lnTo>
                  <a:lnTo>
                    <a:pt x="369" y="56"/>
                  </a:lnTo>
                  <a:lnTo>
                    <a:pt x="386" y="55"/>
                  </a:lnTo>
                  <a:lnTo>
                    <a:pt x="403" y="53"/>
                  </a:lnTo>
                  <a:lnTo>
                    <a:pt x="420" y="51"/>
                  </a:lnTo>
                  <a:lnTo>
                    <a:pt x="437" y="50"/>
                  </a:lnTo>
                  <a:lnTo>
                    <a:pt x="455" y="48"/>
                  </a:lnTo>
                  <a:lnTo>
                    <a:pt x="472" y="48"/>
                  </a:lnTo>
                  <a:lnTo>
                    <a:pt x="489" y="46"/>
                  </a:lnTo>
                  <a:lnTo>
                    <a:pt x="504" y="44"/>
                  </a:lnTo>
                  <a:lnTo>
                    <a:pt x="521" y="43"/>
                  </a:lnTo>
                  <a:lnTo>
                    <a:pt x="536" y="41"/>
                  </a:lnTo>
                  <a:lnTo>
                    <a:pt x="552" y="39"/>
                  </a:lnTo>
                  <a:lnTo>
                    <a:pt x="565" y="39"/>
                  </a:lnTo>
                  <a:lnTo>
                    <a:pt x="577" y="38"/>
                  </a:lnTo>
                  <a:lnTo>
                    <a:pt x="589" y="36"/>
                  </a:lnTo>
                  <a:lnTo>
                    <a:pt x="599" y="36"/>
                  </a:lnTo>
                  <a:lnTo>
                    <a:pt x="608" y="36"/>
                  </a:lnTo>
                  <a:lnTo>
                    <a:pt x="613" y="34"/>
                  </a:lnTo>
                  <a:lnTo>
                    <a:pt x="618" y="34"/>
                  </a:lnTo>
                  <a:lnTo>
                    <a:pt x="621" y="34"/>
                  </a:lnTo>
                  <a:lnTo>
                    <a:pt x="623" y="34"/>
                  </a:lnTo>
                  <a:lnTo>
                    <a:pt x="804" y="7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939" name="Group 70"/>
            <p:cNvGrpSpPr>
              <a:grpSpLocks/>
            </p:cNvGrpSpPr>
            <p:nvPr/>
          </p:nvGrpSpPr>
          <p:grpSpPr bwMode="auto">
            <a:xfrm>
              <a:off x="3183" y="2812"/>
              <a:ext cx="342" cy="594"/>
              <a:chOff x="3392" y="2451"/>
              <a:chExt cx="352" cy="612"/>
            </a:xfrm>
          </p:grpSpPr>
          <p:sp>
            <p:nvSpPr>
              <p:cNvPr id="1058" name="Freeform 71"/>
              <p:cNvSpPr>
                <a:spLocks/>
              </p:cNvSpPr>
              <p:nvPr/>
            </p:nvSpPr>
            <p:spPr bwMode="auto">
              <a:xfrm>
                <a:off x="3392" y="2451"/>
                <a:ext cx="352" cy="612"/>
              </a:xfrm>
              <a:custGeom>
                <a:avLst/>
                <a:gdLst>
                  <a:gd name="T0" fmla="*/ 262 w 352"/>
                  <a:gd name="T1" fmla="*/ 594 h 612"/>
                  <a:gd name="T2" fmla="*/ 276 w 352"/>
                  <a:gd name="T3" fmla="*/ 589 h 612"/>
                  <a:gd name="T4" fmla="*/ 291 w 352"/>
                  <a:gd name="T5" fmla="*/ 585 h 612"/>
                  <a:gd name="T6" fmla="*/ 305 w 352"/>
                  <a:gd name="T7" fmla="*/ 580 h 612"/>
                  <a:gd name="T8" fmla="*/ 293 w 352"/>
                  <a:gd name="T9" fmla="*/ 577 h 612"/>
                  <a:gd name="T10" fmla="*/ 313 w 352"/>
                  <a:gd name="T11" fmla="*/ 577 h 612"/>
                  <a:gd name="T12" fmla="*/ 315 w 352"/>
                  <a:gd name="T13" fmla="*/ 583 h 612"/>
                  <a:gd name="T14" fmla="*/ 333 w 352"/>
                  <a:gd name="T15" fmla="*/ 577 h 612"/>
                  <a:gd name="T16" fmla="*/ 343 w 352"/>
                  <a:gd name="T17" fmla="*/ 585 h 612"/>
                  <a:gd name="T18" fmla="*/ 352 w 352"/>
                  <a:gd name="T19" fmla="*/ 578 h 612"/>
                  <a:gd name="T20" fmla="*/ 333 w 352"/>
                  <a:gd name="T21" fmla="*/ 0 h 612"/>
                  <a:gd name="T22" fmla="*/ 122 w 352"/>
                  <a:gd name="T23" fmla="*/ 20 h 612"/>
                  <a:gd name="T24" fmla="*/ 120 w 352"/>
                  <a:gd name="T25" fmla="*/ 28 h 612"/>
                  <a:gd name="T26" fmla="*/ 93 w 352"/>
                  <a:gd name="T27" fmla="*/ 59 h 612"/>
                  <a:gd name="T28" fmla="*/ 64 w 352"/>
                  <a:gd name="T29" fmla="*/ 113 h 612"/>
                  <a:gd name="T30" fmla="*/ 56 w 352"/>
                  <a:gd name="T31" fmla="*/ 133 h 612"/>
                  <a:gd name="T32" fmla="*/ 57 w 352"/>
                  <a:gd name="T33" fmla="*/ 142 h 612"/>
                  <a:gd name="T34" fmla="*/ 46 w 352"/>
                  <a:gd name="T35" fmla="*/ 147 h 612"/>
                  <a:gd name="T36" fmla="*/ 44 w 352"/>
                  <a:gd name="T37" fmla="*/ 157 h 612"/>
                  <a:gd name="T38" fmla="*/ 47 w 352"/>
                  <a:gd name="T39" fmla="*/ 165 h 612"/>
                  <a:gd name="T40" fmla="*/ 41 w 352"/>
                  <a:gd name="T41" fmla="*/ 174 h 612"/>
                  <a:gd name="T42" fmla="*/ 42 w 352"/>
                  <a:gd name="T43" fmla="*/ 177 h 612"/>
                  <a:gd name="T44" fmla="*/ 47 w 352"/>
                  <a:gd name="T45" fmla="*/ 182 h 612"/>
                  <a:gd name="T46" fmla="*/ 35 w 352"/>
                  <a:gd name="T47" fmla="*/ 189 h 612"/>
                  <a:gd name="T48" fmla="*/ 29 w 352"/>
                  <a:gd name="T49" fmla="*/ 204 h 612"/>
                  <a:gd name="T50" fmla="*/ 44 w 352"/>
                  <a:gd name="T51" fmla="*/ 240 h 612"/>
                  <a:gd name="T52" fmla="*/ 47 w 352"/>
                  <a:gd name="T53" fmla="*/ 248 h 612"/>
                  <a:gd name="T54" fmla="*/ 42 w 352"/>
                  <a:gd name="T55" fmla="*/ 253 h 612"/>
                  <a:gd name="T56" fmla="*/ 39 w 352"/>
                  <a:gd name="T57" fmla="*/ 265 h 612"/>
                  <a:gd name="T58" fmla="*/ 37 w 352"/>
                  <a:gd name="T59" fmla="*/ 270 h 612"/>
                  <a:gd name="T60" fmla="*/ 37 w 352"/>
                  <a:gd name="T61" fmla="*/ 279 h 612"/>
                  <a:gd name="T62" fmla="*/ 42 w 352"/>
                  <a:gd name="T63" fmla="*/ 281 h 612"/>
                  <a:gd name="T64" fmla="*/ 47 w 352"/>
                  <a:gd name="T65" fmla="*/ 287 h 612"/>
                  <a:gd name="T66" fmla="*/ 46 w 352"/>
                  <a:gd name="T67" fmla="*/ 319 h 612"/>
                  <a:gd name="T68" fmla="*/ 56 w 352"/>
                  <a:gd name="T69" fmla="*/ 331 h 612"/>
                  <a:gd name="T70" fmla="*/ 52 w 352"/>
                  <a:gd name="T71" fmla="*/ 338 h 612"/>
                  <a:gd name="T72" fmla="*/ 61 w 352"/>
                  <a:gd name="T73" fmla="*/ 341 h 612"/>
                  <a:gd name="T74" fmla="*/ 61 w 352"/>
                  <a:gd name="T75" fmla="*/ 350 h 612"/>
                  <a:gd name="T76" fmla="*/ 68 w 352"/>
                  <a:gd name="T77" fmla="*/ 355 h 612"/>
                  <a:gd name="T78" fmla="*/ 63 w 352"/>
                  <a:gd name="T79" fmla="*/ 367 h 612"/>
                  <a:gd name="T80" fmla="*/ 56 w 352"/>
                  <a:gd name="T81" fmla="*/ 370 h 612"/>
                  <a:gd name="T82" fmla="*/ 44 w 352"/>
                  <a:gd name="T83" fmla="*/ 375 h 612"/>
                  <a:gd name="T84" fmla="*/ 54 w 352"/>
                  <a:gd name="T85" fmla="*/ 384 h 612"/>
                  <a:gd name="T86" fmla="*/ 44 w 352"/>
                  <a:gd name="T87" fmla="*/ 399 h 612"/>
                  <a:gd name="T88" fmla="*/ 32 w 352"/>
                  <a:gd name="T89" fmla="*/ 416 h 612"/>
                  <a:gd name="T90" fmla="*/ 25 w 352"/>
                  <a:gd name="T91" fmla="*/ 450 h 612"/>
                  <a:gd name="T92" fmla="*/ 15 w 352"/>
                  <a:gd name="T93" fmla="*/ 458 h 612"/>
                  <a:gd name="T94" fmla="*/ 17 w 352"/>
                  <a:gd name="T95" fmla="*/ 467 h 612"/>
                  <a:gd name="T96" fmla="*/ 10 w 352"/>
                  <a:gd name="T97" fmla="*/ 477 h 612"/>
                  <a:gd name="T98" fmla="*/ 15 w 352"/>
                  <a:gd name="T99" fmla="*/ 482 h 612"/>
                  <a:gd name="T100" fmla="*/ 5 w 352"/>
                  <a:gd name="T101" fmla="*/ 494 h 612"/>
                  <a:gd name="T102" fmla="*/ 0 w 352"/>
                  <a:gd name="T103" fmla="*/ 502 h 612"/>
                  <a:gd name="T104" fmla="*/ 7 w 352"/>
                  <a:gd name="T105" fmla="*/ 507 h 612"/>
                  <a:gd name="T106" fmla="*/ 3 w 352"/>
                  <a:gd name="T107" fmla="*/ 517 h 612"/>
                  <a:gd name="T108" fmla="*/ 203 w 352"/>
                  <a:gd name="T109" fmla="*/ 511 h 612"/>
                  <a:gd name="T110" fmla="*/ 198 w 352"/>
                  <a:gd name="T111" fmla="*/ 543 h 612"/>
                  <a:gd name="T112" fmla="*/ 198 w 352"/>
                  <a:gd name="T113" fmla="*/ 563 h 612"/>
                  <a:gd name="T114" fmla="*/ 211 w 352"/>
                  <a:gd name="T115" fmla="*/ 577 h 612"/>
                  <a:gd name="T116" fmla="*/ 223 w 352"/>
                  <a:gd name="T117" fmla="*/ 605 h 612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352"/>
                  <a:gd name="T178" fmla="*/ 0 h 612"/>
                  <a:gd name="T179" fmla="*/ 352 w 352"/>
                  <a:gd name="T180" fmla="*/ 612 h 612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352" h="612">
                    <a:moveTo>
                      <a:pt x="240" y="609"/>
                    </a:moveTo>
                    <a:lnTo>
                      <a:pt x="252" y="599"/>
                    </a:lnTo>
                    <a:lnTo>
                      <a:pt x="252" y="590"/>
                    </a:lnTo>
                    <a:lnTo>
                      <a:pt x="262" y="594"/>
                    </a:lnTo>
                    <a:lnTo>
                      <a:pt x="266" y="592"/>
                    </a:lnTo>
                    <a:lnTo>
                      <a:pt x="271" y="590"/>
                    </a:lnTo>
                    <a:lnTo>
                      <a:pt x="276" y="589"/>
                    </a:lnTo>
                    <a:lnTo>
                      <a:pt x="281" y="587"/>
                    </a:lnTo>
                    <a:lnTo>
                      <a:pt x="284" y="585"/>
                    </a:lnTo>
                    <a:lnTo>
                      <a:pt x="288" y="585"/>
                    </a:lnTo>
                    <a:lnTo>
                      <a:pt x="291" y="585"/>
                    </a:lnTo>
                    <a:lnTo>
                      <a:pt x="301" y="583"/>
                    </a:lnTo>
                    <a:lnTo>
                      <a:pt x="306" y="583"/>
                    </a:lnTo>
                    <a:lnTo>
                      <a:pt x="306" y="582"/>
                    </a:lnTo>
                    <a:lnTo>
                      <a:pt x="305" y="580"/>
                    </a:lnTo>
                    <a:lnTo>
                      <a:pt x="301" y="578"/>
                    </a:lnTo>
                    <a:lnTo>
                      <a:pt x="296" y="577"/>
                    </a:lnTo>
                    <a:lnTo>
                      <a:pt x="293" y="577"/>
                    </a:lnTo>
                    <a:lnTo>
                      <a:pt x="301" y="573"/>
                    </a:lnTo>
                    <a:lnTo>
                      <a:pt x="306" y="573"/>
                    </a:lnTo>
                    <a:lnTo>
                      <a:pt x="311" y="575"/>
                    </a:lnTo>
                    <a:lnTo>
                      <a:pt x="313" y="577"/>
                    </a:lnTo>
                    <a:lnTo>
                      <a:pt x="315" y="578"/>
                    </a:lnTo>
                    <a:lnTo>
                      <a:pt x="315" y="582"/>
                    </a:lnTo>
                    <a:lnTo>
                      <a:pt x="315" y="583"/>
                    </a:lnTo>
                    <a:lnTo>
                      <a:pt x="323" y="585"/>
                    </a:lnTo>
                    <a:lnTo>
                      <a:pt x="332" y="575"/>
                    </a:lnTo>
                    <a:lnTo>
                      <a:pt x="333" y="577"/>
                    </a:lnTo>
                    <a:lnTo>
                      <a:pt x="335" y="578"/>
                    </a:lnTo>
                    <a:lnTo>
                      <a:pt x="335" y="580"/>
                    </a:lnTo>
                    <a:lnTo>
                      <a:pt x="340" y="583"/>
                    </a:lnTo>
                    <a:lnTo>
                      <a:pt x="343" y="585"/>
                    </a:lnTo>
                    <a:lnTo>
                      <a:pt x="347" y="585"/>
                    </a:lnTo>
                    <a:lnTo>
                      <a:pt x="349" y="583"/>
                    </a:lnTo>
                    <a:lnTo>
                      <a:pt x="350" y="582"/>
                    </a:lnTo>
                    <a:lnTo>
                      <a:pt x="352" y="578"/>
                    </a:lnTo>
                    <a:lnTo>
                      <a:pt x="352" y="577"/>
                    </a:lnTo>
                    <a:lnTo>
                      <a:pt x="328" y="392"/>
                    </a:lnTo>
                    <a:lnTo>
                      <a:pt x="333" y="0"/>
                    </a:lnTo>
                    <a:lnTo>
                      <a:pt x="122" y="18"/>
                    </a:lnTo>
                    <a:lnTo>
                      <a:pt x="122" y="20"/>
                    </a:lnTo>
                    <a:lnTo>
                      <a:pt x="122" y="22"/>
                    </a:lnTo>
                    <a:lnTo>
                      <a:pt x="120" y="25"/>
                    </a:lnTo>
                    <a:lnTo>
                      <a:pt x="120" y="27"/>
                    </a:lnTo>
                    <a:lnTo>
                      <a:pt x="120" y="28"/>
                    </a:lnTo>
                    <a:lnTo>
                      <a:pt x="118" y="30"/>
                    </a:lnTo>
                    <a:lnTo>
                      <a:pt x="118" y="32"/>
                    </a:lnTo>
                    <a:lnTo>
                      <a:pt x="103" y="44"/>
                    </a:lnTo>
                    <a:lnTo>
                      <a:pt x="93" y="59"/>
                    </a:lnTo>
                    <a:lnTo>
                      <a:pt x="93" y="89"/>
                    </a:lnTo>
                    <a:lnTo>
                      <a:pt x="85" y="98"/>
                    </a:lnTo>
                    <a:lnTo>
                      <a:pt x="79" y="98"/>
                    </a:lnTo>
                    <a:lnTo>
                      <a:pt x="64" y="113"/>
                    </a:lnTo>
                    <a:lnTo>
                      <a:pt x="69" y="123"/>
                    </a:lnTo>
                    <a:lnTo>
                      <a:pt x="54" y="132"/>
                    </a:lnTo>
                    <a:lnTo>
                      <a:pt x="56" y="132"/>
                    </a:lnTo>
                    <a:lnTo>
                      <a:pt x="56" y="133"/>
                    </a:lnTo>
                    <a:lnTo>
                      <a:pt x="57" y="135"/>
                    </a:lnTo>
                    <a:lnTo>
                      <a:pt x="57" y="137"/>
                    </a:lnTo>
                    <a:lnTo>
                      <a:pt x="57" y="138"/>
                    </a:lnTo>
                    <a:lnTo>
                      <a:pt x="57" y="142"/>
                    </a:lnTo>
                    <a:lnTo>
                      <a:pt x="54" y="143"/>
                    </a:lnTo>
                    <a:lnTo>
                      <a:pt x="49" y="145"/>
                    </a:lnTo>
                    <a:lnTo>
                      <a:pt x="47" y="145"/>
                    </a:lnTo>
                    <a:lnTo>
                      <a:pt x="46" y="147"/>
                    </a:lnTo>
                    <a:lnTo>
                      <a:pt x="44" y="149"/>
                    </a:lnTo>
                    <a:lnTo>
                      <a:pt x="44" y="150"/>
                    </a:lnTo>
                    <a:lnTo>
                      <a:pt x="44" y="154"/>
                    </a:lnTo>
                    <a:lnTo>
                      <a:pt x="44" y="157"/>
                    </a:lnTo>
                    <a:lnTo>
                      <a:pt x="46" y="159"/>
                    </a:lnTo>
                    <a:lnTo>
                      <a:pt x="47" y="162"/>
                    </a:lnTo>
                    <a:lnTo>
                      <a:pt x="47" y="164"/>
                    </a:lnTo>
                    <a:lnTo>
                      <a:pt x="47" y="165"/>
                    </a:lnTo>
                    <a:lnTo>
                      <a:pt x="46" y="167"/>
                    </a:lnTo>
                    <a:lnTo>
                      <a:pt x="44" y="171"/>
                    </a:lnTo>
                    <a:lnTo>
                      <a:pt x="42" y="172"/>
                    </a:lnTo>
                    <a:lnTo>
                      <a:pt x="41" y="174"/>
                    </a:lnTo>
                    <a:lnTo>
                      <a:pt x="39" y="176"/>
                    </a:lnTo>
                    <a:lnTo>
                      <a:pt x="39" y="177"/>
                    </a:lnTo>
                    <a:lnTo>
                      <a:pt x="41" y="177"/>
                    </a:lnTo>
                    <a:lnTo>
                      <a:pt x="42" y="177"/>
                    </a:lnTo>
                    <a:lnTo>
                      <a:pt x="44" y="177"/>
                    </a:lnTo>
                    <a:lnTo>
                      <a:pt x="46" y="179"/>
                    </a:lnTo>
                    <a:lnTo>
                      <a:pt x="47" y="181"/>
                    </a:lnTo>
                    <a:lnTo>
                      <a:pt x="47" y="182"/>
                    </a:lnTo>
                    <a:lnTo>
                      <a:pt x="46" y="184"/>
                    </a:lnTo>
                    <a:lnTo>
                      <a:pt x="41" y="187"/>
                    </a:lnTo>
                    <a:lnTo>
                      <a:pt x="39" y="187"/>
                    </a:lnTo>
                    <a:lnTo>
                      <a:pt x="35" y="189"/>
                    </a:lnTo>
                    <a:lnTo>
                      <a:pt x="34" y="189"/>
                    </a:lnTo>
                    <a:lnTo>
                      <a:pt x="32" y="191"/>
                    </a:lnTo>
                    <a:lnTo>
                      <a:pt x="32" y="196"/>
                    </a:lnTo>
                    <a:lnTo>
                      <a:pt x="29" y="204"/>
                    </a:lnTo>
                    <a:lnTo>
                      <a:pt x="37" y="213"/>
                    </a:lnTo>
                    <a:lnTo>
                      <a:pt x="39" y="220"/>
                    </a:lnTo>
                    <a:lnTo>
                      <a:pt x="44" y="240"/>
                    </a:lnTo>
                    <a:lnTo>
                      <a:pt x="46" y="242"/>
                    </a:lnTo>
                    <a:lnTo>
                      <a:pt x="46" y="243"/>
                    </a:lnTo>
                    <a:lnTo>
                      <a:pt x="47" y="247"/>
                    </a:lnTo>
                    <a:lnTo>
                      <a:pt x="47" y="248"/>
                    </a:lnTo>
                    <a:lnTo>
                      <a:pt x="47" y="250"/>
                    </a:lnTo>
                    <a:lnTo>
                      <a:pt x="46" y="252"/>
                    </a:lnTo>
                    <a:lnTo>
                      <a:pt x="42" y="253"/>
                    </a:lnTo>
                    <a:lnTo>
                      <a:pt x="41" y="255"/>
                    </a:lnTo>
                    <a:lnTo>
                      <a:pt x="41" y="259"/>
                    </a:lnTo>
                    <a:lnTo>
                      <a:pt x="39" y="262"/>
                    </a:lnTo>
                    <a:lnTo>
                      <a:pt x="39" y="265"/>
                    </a:lnTo>
                    <a:lnTo>
                      <a:pt x="39" y="269"/>
                    </a:lnTo>
                    <a:lnTo>
                      <a:pt x="39" y="270"/>
                    </a:lnTo>
                    <a:lnTo>
                      <a:pt x="37" y="270"/>
                    </a:lnTo>
                    <a:lnTo>
                      <a:pt x="37" y="272"/>
                    </a:lnTo>
                    <a:lnTo>
                      <a:pt x="37" y="274"/>
                    </a:lnTo>
                    <a:lnTo>
                      <a:pt x="37" y="275"/>
                    </a:lnTo>
                    <a:lnTo>
                      <a:pt x="37" y="279"/>
                    </a:lnTo>
                    <a:lnTo>
                      <a:pt x="37" y="281"/>
                    </a:lnTo>
                    <a:lnTo>
                      <a:pt x="39" y="282"/>
                    </a:lnTo>
                    <a:lnTo>
                      <a:pt x="41" y="282"/>
                    </a:lnTo>
                    <a:lnTo>
                      <a:pt x="42" y="281"/>
                    </a:lnTo>
                    <a:lnTo>
                      <a:pt x="44" y="281"/>
                    </a:lnTo>
                    <a:lnTo>
                      <a:pt x="46" y="284"/>
                    </a:lnTo>
                    <a:lnTo>
                      <a:pt x="46" y="286"/>
                    </a:lnTo>
                    <a:lnTo>
                      <a:pt x="47" y="287"/>
                    </a:lnTo>
                    <a:lnTo>
                      <a:pt x="46" y="299"/>
                    </a:lnTo>
                    <a:lnTo>
                      <a:pt x="52" y="304"/>
                    </a:lnTo>
                    <a:lnTo>
                      <a:pt x="44" y="314"/>
                    </a:lnTo>
                    <a:lnTo>
                      <a:pt x="46" y="319"/>
                    </a:lnTo>
                    <a:lnTo>
                      <a:pt x="57" y="318"/>
                    </a:lnTo>
                    <a:lnTo>
                      <a:pt x="57" y="330"/>
                    </a:lnTo>
                    <a:lnTo>
                      <a:pt x="56" y="330"/>
                    </a:lnTo>
                    <a:lnTo>
                      <a:pt x="56" y="331"/>
                    </a:lnTo>
                    <a:lnTo>
                      <a:pt x="54" y="333"/>
                    </a:lnTo>
                    <a:lnTo>
                      <a:pt x="52" y="335"/>
                    </a:lnTo>
                    <a:lnTo>
                      <a:pt x="51" y="336"/>
                    </a:lnTo>
                    <a:lnTo>
                      <a:pt x="52" y="338"/>
                    </a:lnTo>
                    <a:lnTo>
                      <a:pt x="54" y="340"/>
                    </a:lnTo>
                    <a:lnTo>
                      <a:pt x="61" y="340"/>
                    </a:lnTo>
                    <a:lnTo>
                      <a:pt x="61" y="341"/>
                    </a:lnTo>
                    <a:lnTo>
                      <a:pt x="61" y="343"/>
                    </a:lnTo>
                    <a:lnTo>
                      <a:pt x="59" y="345"/>
                    </a:lnTo>
                    <a:lnTo>
                      <a:pt x="59" y="348"/>
                    </a:lnTo>
                    <a:lnTo>
                      <a:pt x="61" y="350"/>
                    </a:lnTo>
                    <a:lnTo>
                      <a:pt x="64" y="352"/>
                    </a:lnTo>
                    <a:lnTo>
                      <a:pt x="69" y="352"/>
                    </a:lnTo>
                    <a:lnTo>
                      <a:pt x="68" y="355"/>
                    </a:lnTo>
                    <a:lnTo>
                      <a:pt x="66" y="357"/>
                    </a:lnTo>
                    <a:lnTo>
                      <a:pt x="66" y="360"/>
                    </a:lnTo>
                    <a:lnTo>
                      <a:pt x="64" y="363"/>
                    </a:lnTo>
                    <a:lnTo>
                      <a:pt x="63" y="367"/>
                    </a:lnTo>
                    <a:lnTo>
                      <a:pt x="61" y="369"/>
                    </a:lnTo>
                    <a:lnTo>
                      <a:pt x="61" y="370"/>
                    </a:lnTo>
                    <a:lnTo>
                      <a:pt x="59" y="370"/>
                    </a:lnTo>
                    <a:lnTo>
                      <a:pt x="56" y="370"/>
                    </a:lnTo>
                    <a:lnTo>
                      <a:pt x="51" y="372"/>
                    </a:lnTo>
                    <a:lnTo>
                      <a:pt x="47" y="372"/>
                    </a:lnTo>
                    <a:lnTo>
                      <a:pt x="44" y="374"/>
                    </a:lnTo>
                    <a:lnTo>
                      <a:pt x="44" y="375"/>
                    </a:lnTo>
                    <a:lnTo>
                      <a:pt x="47" y="377"/>
                    </a:lnTo>
                    <a:lnTo>
                      <a:pt x="54" y="380"/>
                    </a:lnTo>
                    <a:lnTo>
                      <a:pt x="54" y="382"/>
                    </a:lnTo>
                    <a:lnTo>
                      <a:pt x="54" y="384"/>
                    </a:lnTo>
                    <a:lnTo>
                      <a:pt x="52" y="389"/>
                    </a:lnTo>
                    <a:lnTo>
                      <a:pt x="49" y="392"/>
                    </a:lnTo>
                    <a:lnTo>
                      <a:pt x="47" y="396"/>
                    </a:lnTo>
                    <a:lnTo>
                      <a:pt x="44" y="399"/>
                    </a:lnTo>
                    <a:lnTo>
                      <a:pt x="44" y="402"/>
                    </a:lnTo>
                    <a:lnTo>
                      <a:pt x="42" y="404"/>
                    </a:lnTo>
                    <a:lnTo>
                      <a:pt x="41" y="416"/>
                    </a:lnTo>
                    <a:lnTo>
                      <a:pt x="32" y="416"/>
                    </a:lnTo>
                    <a:lnTo>
                      <a:pt x="25" y="443"/>
                    </a:lnTo>
                    <a:lnTo>
                      <a:pt x="17" y="448"/>
                    </a:lnTo>
                    <a:lnTo>
                      <a:pt x="25" y="448"/>
                    </a:lnTo>
                    <a:lnTo>
                      <a:pt x="25" y="450"/>
                    </a:lnTo>
                    <a:lnTo>
                      <a:pt x="24" y="450"/>
                    </a:lnTo>
                    <a:lnTo>
                      <a:pt x="20" y="453"/>
                    </a:lnTo>
                    <a:lnTo>
                      <a:pt x="19" y="455"/>
                    </a:lnTo>
                    <a:lnTo>
                      <a:pt x="15" y="458"/>
                    </a:lnTo>
                    <a:lnTo>
                      <a:pt x="15" y="460"/>
                    </a:lnTo>
                    <a:lnTo>
                      <a:pt x="15" y="463"/>
                    </a:lnTo>
                    <a:lnTo>
                      <a:pt x="17" y="465"/>
                    </a:lnTo>
                    <a:lnTo>
                      <a:pt x="17" y="467"/>
                    </a:lnTo>
                    <a:lnTo>
                      <a:pt x="15" y="468"/>
                    </a:lnTo>
                    <a:lnTo>
                      <a:pt x="13" y="470"/>
                    </a:lnTo>
                    <a:lnTo>
                      <a:pt x="10" y="473"/>
                    </a:lnTo>
                    <a:lnTo>
                      <a:pt x="10" y="477"/>
                    </a:lnTo>
                    <a:lnTo>
                      <a:pt x="8" y="479"/>
                    </a:lnTo>
                    <a:lnTo>
                      <a:pt x="10" y="480"/>
                    </a:lnTo>
                    <a:lnTo>
                      <a:pt x="13" y="480"/>
                    </a:lnTo>
                    <a:lnTo>
                      <a:pt x="15" y="482"/>
                    </a:lnTo>
                    <a:lnTo>
                      <a:pt x="15" y="485"/>
                    </a:lnTo>
                    <a:lnTo>
                      <a:pt x="13" y="487"/>
                    </a:lnTo>
                    <a:lnTo>
                      <a:pt x="8" y="492"/>
                    </a:lnTo>
                    <a:lnTo>
                      <a:pt x="5" y="494"/>
                    </a:lnTo>
                    <a:lnTo>
                      <a:pt x="2" y="495"/>
                    </a:lnTo>
                    <a:lnTo>
                      <a:pt x="0" y="497"/>
                    </a:lnTo>
                    <a:lnTo>
                      <a:pt x="0" y="501"/>
                    </a:lnTo>
                    <a:lnTo>
                      <a:pt x="0" y="502"/>
                    </a:lnTo>
                    <a:lnTo>
                      <a:pt x="2" y="504"/>
                    </a:lnTo>
                    <a:lnTo>
                      <a:pt x="3" y="506"/>
                    </a:lnTo>
                    <a:lnTo>
                      <a:pt x="5" y="506"/>
                    </a:lnTo>
                    <a:lnTo>
                      <a:pt x="7" y="507"/>
                    </a:lnTo>
                    <a:lnTo>
                      <a:pt x="5" y="509"/>
                    </a:lnTo>
                    <a:lnTo>
                      <a:pt x="5" y="512"/>
                    </a:lnTo>
                    <a:lnTo>
                      <a:pt x="5" y="514"/>
                    </a:lnTo>
                    <a:lnTo>
                      <a:pt x="3" y="517"/>
                    </a:lnTo>
                    <a:lnTo>
                      <a:pt x="3" y="521"/>
                    </a:lnTo>
                    <a:lnTo>
                      <a:pt x="3" y="523"/>
                    </a:lnTo>
                    <a:lnTo>
                      <a:pt x="3" y="524"/>
                    </a:lnTo>
                    <a:lnTo>
                      <a:pt x="203" y="511"/>
                    </a:lnTo>
                    <a:lnTo>
                      <a:pt x="203" y="534"/>
                    </a:lnTo>
                    <a:lnTo>
                      <a:pt x="201" y="534"/>
                    </a:lnTo>
                    <a:lnTo>
                      <a:pt x="200" y="538"/>
                    </a:lnTo>
                    <a:lnTo>
                      <a:pt x="198" y="543"/>
                    </a:lnTo>
                    <a:lnTo>
                      <a:pt x="196" y="546"/>
                    </a:lnTo>
                    <a:lnTo>
                      <a:pt x="195" y="553"/>
                    </a:lnTo>
                    <a:lnTo>
                      <a:pt x="195" y="558"/>
                    </a:lnTo>
                    <a:lnTo>
                      <a:pt x="198" y="563"/>
                    </a:lnTo>
                    <a:lnTo>
                      <a:pt x="203" y="567"/>
                    </a:lnTo>
                    <a:lnTo>
                      <a:pt x="205" y="568"/>
                    </a:lnTo>
                    <a:lnTo>
                      <a:pt x="208" y="572"/>
                    </a:lnTo>
                    <a:lnTo>
                      <a:pt x="211" y="577"/>
                    </a:lnTo>
                    <a:lnTo>
                      <a:pt x="217" y="583"/>
                    </a:lnTo>
                    <a:lnTo>
                      <a:pt x="220" y="590"/>
                    </a:lnTo>
                    <a:lnTo>
                      <a:pt x="223" y="597"/>
                    </a:lnTo>
                    <a:lnTo>
                      <a:pt x="223" y="605"/>
                    </a:lnTo>
                    <a:lnTo>
                      <a:pt x="222" y="612"/>
                    </a:lnTo>
                    <a:lnTo>
                      <a:pt x="240" y="60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59" name="Freeform 72"/>
              <p:cNvSpPr>
                <a:spLocks/>
              </p:cNvSpPr>
              <p:nvPr/>
            </p:nvSpPr>
            <p:spPr bwMode="auto">
              <a:xfrm>
                <a:off x="3392" y="2451"/>
                <a:ext cx="352" cy="612"/>
              </a:xfrm>
              <a:custGeom>
                <a:avLst/>
                <a:gdLst>
                  <a:gd name="T0" fmla="*/ 262 w 352"/>
                  <a:gd name="T1" fmla="*/ 594 h 612"/>
                  <a:gd name="T2" fmla="*/ 281 w 352"/>
                  <a:gd name="T3" fmla="*/ 587 h 612"/>
                  <a:gd name="T4" fmla="*/ 301 w 352"/>
                  <a:gd name="T5" fmla="*/ 583 h 612"/>
                  <a:gd name="T6" fmla="*/ 296 w 352"/>
                  <a:gd name="T7" fmla="*/ 577 h 612"/>
                  <a:gd name="T8" fmla="*/ 306 w 352"/>
                  <a:gd name="T9" fmla="*/ 573 h 612"/>
                  <a:gd name="T10" fmla="*/ 315 w 352"/>
                  <a:gd name="T11" fmla="*/ 582 h 612"/>
                  <a:gd name="T12" fmla="*/ 332 w 352"/>
                  <a:gd name="T13" fmla="*/ 575 h 612"/>
                  <a:gd name="T14" fmla="*/ 340 w 352"/>
                  <a:gd name="T15" fmla="*/ 583 h 612"/>
                  <a:gd name="T16" fmla="*/ 352 w 352"/>
                  <a:gd name="T17" fmla="*/ 578 h 612"/>
                  <a:gd name="T18" fmla="*/ 333 w 352"/>
                  <a:gd name="T19" fmla="*/ 0 h 612"/>
                  <a:gd name="T20" fmla="*/ 122 w 352"/>
                  <a:gd name="T21" fmla="*/ 22 h 612"/>
                  <a:gd name="T22" fmla="*/ 118 w 352"/>
                  <a:gd name="T23" fmla="*/ 32 h 612"/>
                  <a:gd name="T24" fmla="*/ 79 w 352"/>
                  <a:gd name="T25" fmla="*/ 98 h 612"/>
                  <a:gd name="T26" fmla="*/ 56 w 352"/>
                  <a:gd name="T27" fmla="*/ 132 h 612"/>
                  <a:gd name="T28" fmla="*/ 57 w 352"/>
                  <a:gd name="T29" fmla="*/ 142 h 612"/>
                  <a:gd name="T30" fmla="*/ 46 w 352"/>
                  <a:gd name="T31" fmla="*/ 147 h 612"/>
                  <a:gd name="T32" fmla="*/ 46 w 352"/>
                  <a:gd name="T33" fmla="*/ 159 h 612"/>
                  <a:gd name="T34" fmla="*/ 46 w 352"/>
                  <a:gd name="T35" fmla="*/ 167 h 612"/>
                  <a:gd name="T36" fmla="*/ 39 w 352"/>
                  <a:gd name="T37" fmla="*/ 177 h 612"/>
                  <a:gd name="T38" fmla="*/ 46 w 352"/>
                  <a:gd name="T39" fmla="*/ 179 h 612"/>
                  <a:gd name="T40" fmla="*/ 41 w 352"/>
                  <a:gd name="T41" fmla="*/ 187 h 612"/>
                  <a:gd name="T42" fmla="*/ 32 w 352"/>
                  <a:gd name="T43" fmla="*/ 196 h 612"/>
                  <a:gd name="T44" fmla="*/ 44 w 352"/>
                  <a:gd name="T45" fmla="*/ 240 h 612"/>
                  <a:gd name="T46" fmla="*/ 47 w 352"/>
                  <a:gd name="T47" fmla="*/ 248 h 612"/>
                  <a:gd name="T48" fmla="*/ 42 w 352"/>
                  <a:gd name="T49" fmla="*/ 253 h 612"/>
                  <a:gd name="T50" fmla="*/ 39 w 352"/>
                  <a:gd name="T51" fmla="*/ 269 h 612"/>
                  <a:gd name="T52" fmla="*/ 37 w 352"/>
                  <a:gd name="T53" fmla="*/ 272 h 612"/>
                  <a:gd name="T54" fmla="*/ 39 w 352"/>
                  <a:gd name="T55" fmla="*/ 282 h 612"/>
                  <a:gd name="T56" fmla="*/ 46 w 352"/>
                  <a:gd name="T57" fmla="*/ 284 h 612"/>
                  <a:gd name="T58" fmla="*/ 44 w 352"/>
                  <a:gd name="T59" fmla="*/ 314 h 612"/>
                  <a:gd name="T60" fmla="*/ 56 w 352"/>
                  <a:gd name="T61" fmla="*/ 330 h 612"/>
                  <a:gd name="T62" fmla="*/ 52 w 352"/>
                  <a:gd name="T63" fmla="*/ 338 h 612"/>
                  <a:gd name="T64" fmla="*/ 61 w 352"/>
                  <a:gd name="T65" fmla="*/ 341 h 612"/>
                  <a:gd name="T66" fmla="*/ 64 w 352"/>
                  <a:gd name="T67" fmla="*/ 352 h 612"/>
                  <a:gd name="T68" fmla="*/ 66 w 352"/>
                  <a:gd name="T69" fmla="*/ 357 h 612"/>
                  <a:gd name="T70" fmla="*/ 61 w 352"/>
                  <a:gd name="T71" fmla="*/ 370 h 612"/>
                  <a:gd name="T72" fmla="*/ 47 w 352"/>
                  <a:gd name="T73" fmla="*/ 372 h 612"/>
                  <a:gd name="T74" fmla="*/ 54 w 352"/>
                  <a:gd name="T75" fmla="*/ 380 h 612"/>
                  <a:gd name="T76" fmla="*/ 47 w 352"/>
                  <a:gd name="T77" fmla="*/ 396 h 612"/>
                  <a:gd name="T78" fmla="*/ 32 w 352"/>
                  <a:gd name="T79" fmla="*/ 416 h 612"/>
                  <a:gd name="T80" fmla="*/ 25 w 352"/>
                  <a:gd name="T81" fmla="*/ 450 h 612"/>
                  <a:gd name="T82" fmla="*/ 15 w 352"/>
                  <a:gd name="T83" fmla="*/ 460 h 612"/>
                  <a:gd name="T84" fmla="*/ 15 w 352"/>
                  <a:gd name="T85" fmla="*/ 468 h 612"/>
                  <a:gd name="T86" fmla="*/ 10 w 352"/>
                  <a:gd name="T87" fmla="*/ 480 h 612"/>
                  <a:gd name="T88" fmla="*/ 13 w 352"/>
                  <a:gd name="T89" fmla="*/ 487 h 612"/>
                  <a:gd name="T90" fmla="*/ 0 w 352"/>
                  <a:gd name="T91" fmla="*/ 497 h 612"/>
                  <a:gd name="T92" fmla="*/ 5 w 352"/>
                  <a:gd name="T93" fmla="*/ 506 h 612"/>
                  <a:gd name="T94" fmla="*/ 5 w 352"/>
                  <a:gd name="T95" fmla="*/ 514 h 612"/>
                  <a:gd name="T96" fmla="*/ 203 w 352"/>
                  <a:gd name="T97" fmla="*/ 511 h 612"/>
                  <a:gd name="T98" fmla="*/ 198 w 352"/>
                  <a:gd name="T99" fmla="*/ 543 h 612"/>
                  <a:gd name="T100" fmla="*/ 203 w 352"/>
                  <a:gd name="T101" fmla="*/ 567 h 612"/>
                  <a:gd name="T102" fmla="*/ 217 w 352"/>
                  <a:gd name="T103" fmla="*/ 583 h 612"/>
                  <a:gd name="T104" fmla="*/ 240 w 352"/>
                  <a:gd name="T105" fmla="*/ 609 h 612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w 352"/>
                  <a:gd name="T160" fmla="*/ 0 h 612"/>
                  <a:gd name="T161" fmla="*/ 352 w 352"/>
                  <a:gd name="T162" fmla="*/ 612 h 612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T159" t="T160" r="T161" b="T162"/>
                <a:pathLst>
                  <a:path w="352" h="612">
                    <a:moveTo>
                      <a:pt x="240" y="609"/>
                    </a:moveTo>
                    <a:lnTo>
                      <a:pt x="252" y="599"/>
                    </a:lnTo>
                    <a:lnTo>
                      <a:pt x="252" y="590"/>
                    </a:lnTo>
                    <a:lnTo>
                      <a:pt x="262" y="594"/>
                    </a:lnTo>
                    <a:lnTo>
                      <a:pt x="266" y="592"/>
                    </a:lnTo>
                    <a:lnTo>
                      <a:pt x="271" y="590"/>
                    </a:lnTo>
                    <a:lnTo>
                      <a:pt x="276" y="589"/>
                    </a:lnTo>
                    <a:lnTo>
                      <a:pt x="281" y="587"/>
                    </a:lnTo>
                    <a:lnTo>
                      <a:pt x="284" y="585"/>
                    </a:lnTo>
                    <a:lnTo>
                      <a:pt x="288" y="585"/>
                    </a:lnTo>
                    <a:lnTo>
                      <a:pt x="291" y="585"/>
                    </a:lnTo>
                    <a:lnTo>
                      <a:pt x="301" y="583"/>
                    </a:lnTo>
                    <a:lnTo>
                      <a:pt x="306" y="583"/>
                    </a:lnTo>
                    <a:lnTo>
                      <a:pt x="306" y="582"/>
                    </a:lnTo>
                    <a:lnTo>
                      <a:pt x="305" y="580"/>
                    </a:lnTo>
                    <a:lnTo>
                      <a:pt x="301" y="578"/>
                    </a:lnTo>
                    <a:lnTo>
                      <a:pt x="296" y="577"/>
                    </a:lnTo>
                    <a:lnTo>
                      <a:pt x="293" y="577"/>
                    </a:lnTo>
                    <a:lnTo>
                      <a:pt x="301" y="573"/>
                    </a:lnTo>
                    <a:lnTo>
                      <a:pt x="306" y="573"/>
                    </a:lnTo>
                    <a:lnTo>
                      <a:pt x="311" y="575"/>
                    </a:lnTo>
                    <a:lnTo>
                      <a:pt x="313" y="577"/>
                    </a:lnTo>
                    <a:lnTo>
                      <a:pt x="315" y="578"/>
                    </a:lnTo>
                    <a:lnTo>
                      <a:pt x="315" y="582"/>
                    </a:lnTo>
                    <a:lnTo>
                      <a:pt x="315" y="583"/>
                    </a:lnTo>
                    <a:lnTo>
                      <a:pt x="323" y="585"/>
                    </a:lnTo>
                    <a:lnTo>
                      <a:pt x="332" y="575"/>
                    </a:lnTo>
                    <a:lnTo>
                      <a:pt x="333" y="577"/>
                    </a:lnTo>
                    <a:lnTo>
                      <a:pt x="335" y="578"/>
                    </a:lnTo>
                    <a:lnTo>
                      <a:pt x="335" y="580"/>
                    </a:lnTo>
                    <a:lnTo>
                      <a:pt x="340" y="583"/>
                    </a:lnTo>
                    <a:lnTo>
                      <a:pt x="343" y="585"/>
                    </a:lnTo>
                    <a:lnTo>
                      <a:pt x="347" y="585"/>
                    </a:lnTo>
                    <a:lnTo>
                      <a:pt x="349" y="583"/>
                    </a:lnTo>
                    <a:lnTo>
                      <a:pt x="350" y="582"/>
                    </a:lnTo>
                    <a:lnTo>
                      <a:pt x="352" y="578"/>
                    </a:lnTo>
                    <a:lnTo>
                      <a:pt x="352" y="577"/>
                    </a:lnTo>
                    <a:lnTo>
                      <a:pt x="328" y="392"/>
                    </a:lnTo>
                    <a:lnTo>
                      <a:pt x="333" y="0"/>
                    </a:lnTo>
                    <a:lnTo>
                      <a:pt x="122" y="18"/>
                    </a:lnTo>
                    <a:lnTo>
                      <a:pt x="122" y="20"/>
                    </a:lnTo>
                    <a:lnTo>
                      <a:pt x="122" y="22"/>
                    </a:lnTo>
                    <a:lnTo>
                      <a:pt x="120" y="25"/>
                    </a:lnTo>
                    <a:lnTo>
                      <a:pt x="120" y="27"/>
                    </a:lnTo>
                    <a:lnTo>
                      <a:pt x="120" y="28"/>
                    </a:lnTo>
                    <a:lnTo>
                      <a:pt x="118" y="30"/>
                    </a:lnTo>
                    <a:lnTo>
                      <a:pt x="118" y="32"/>
                    </a:lnTo>
                    <a:lnTo>
                      <a:pt x="103" y="44"/>
                    </a:lnTo>
                    <a:lnTo>
                      <a:pt x="93" y="59"/>
                    </a:lnTo>
                    <a:lnTo>
                      <a:pt x="93" y="89"/>
                    </a:lnTo>
                    <a:lnTo>
                      <a:pt x="85" y="98"/>
                    </a:lnTo>
                    <a:lnTo>
                      <a:pt x="79" y="98"/>
                    </a:lnTo>
                    <a:lnTo>
                      <a:pt x="64" y="113"/>
                    </a:lnTo>
                    <a:lnTo>
                      <a:pt x="69" y="123"/>
                    </a:lnTo>
                    <a:lnTo>
                      <a:pt x="54" y="132"/>
                    </a:lnTo>
                    <a:lnTo>
                      <a:pt x="56" y="132"/>
                    </a:lnTo>
                    <a:lnTo>
                      <a:pt x="56" y="133"/>
                    </a:lnTo>
                    <a:lnTo>
                      <a:pt x="57" y="135"/>
                    </a:lnTo>
                    <a:lnTo>
                      <a:pt x="57" y="137"/>
                    </a:lnTo>
                    <a:lnTo>
                      <a:pt x="57" y="138"/>
                    </a:lnTo>
                    <a:lnTo>
                      <a:pt x="57" y="142"/>
                    </a:lnTo>
                    <a:lnTo>
                      <a:pt x="54" y="143"/>
                    </a:lnTo>
                    <a:lnTo>
                      <a:pt x="49" y="145"/>
                    </a:lnTo>
                    <a:lnTo>
                      <a:pt x="47" y="145"/>
                    </a:lnTo>
                    <a:lnTo>
                      <a:pt x="46" y="147"/>
                    </a:lnTo>
                    <a:lnTo>
                      <a:pt x="44" y="149"/>
                    </a:lnTo>
                    <a:lnTo>
                      <a:pt x="44" y="150"/>
                    </a:lnTo>
                    <a:lnTo>
                      <a:pt x="44" y="154"/>
                    </a:lnTo>
                    <a:lnTo>
                      <a:pt x="44" y="157"/>
                    </a:lnTo>
                    <a:lnTo>
                      <a:pt x="46" y="159"/>
                    </a:lnTo>
                    <a:lnTo>
                      <a:pt x="47" y="162"/>
                    </a:lnTo>
                    <a:lnTo>
                      <a:pt x="47" y="164"/>
                    </a:lnTo>
                    <a:lnTo>
                      <a:pt x="47" y="165"/>
                    </a:lnTo>
                    <a:lnTo>
                      <a:pt x="46" y="167"/>
                    </a:lnTo>
                    <a:lnTo>
                      <a:pt x="44" y="171"/>
                    </a:lnTo>
                    <a:lnTo>
                      <a:pt x="42" y="172"/>
                    </a:lnTo>
                    <a:lnTo>
                      <a:pt x="41" y="174"/>
                    </a:lnTo>
                    <a:lnTo>
                      <a:pt x="39" y="176"/>
                    </a:lnTo>
                    <a:lnTo>
                      <a:pt x="39" y="177"/>
                    </a:lnTo>
                    <a:lnTo>
                      <a:pt x="41" y="177"/>
                    </a:lnTo>
                    <a:lnTo>
                      <a:pt x="42" y="177"/>
                    </a:lnTo>
                    <a:lnTo>
                      <a:pt x="44" y="177"/>
                    </a:lnTo>
                    <a:lnTo>
                      <a:pt x="46" y="179"/>
                    </a:lnTo>
                    <a:lnTo>
                      <a:pt x="47" y="181"/>
                    </a:lnTo>
                    <a:lnTo>
                      <a:pt x="47" y="182"/>
                    </a:lnTo>
                    <a:lnTo>
                      <a:pt x="46" y="184"/>
                    </a:lnTo>
                    <a:lnTo>
                      <a:pt x="41" y="187"/>
                    </a:lnTo>
                    <a:lnTo>
                      <a:pt x="39" y="187"/>
                    </a:lnTo>
                    <a:lnTo>
                      <a:pt x="35" y="189"/>
                    </a:lnTo>
                    <a:lnTo>
                      <a:pt x="34" y="189"/>
                    </a:lnTo>
                    <a:lnTo>
                      <a:pt x="32" y="191"/>
                    </a:lnTo>
                    <a:lnTo>
                      <a:pt x="32" y="196"/>
                    </a:lnTo>
                    <a:lnTo>
                      <a:pt x="29" y="204"/>
                    </a:lnTo>
                    <a:lnTo>
                      <a:pt x="37" y="213"/>
                    </a:lnTo>
                    <a:lnTo>
                      <a:pt x="39" y="220"/>
                    </a:lnTo>
                    <a:lnTo>
                      <a:pt x="44" y="240"/>
                    </a:lnTo>
                    <a:lnTo>
                      <a:pt x="46" y="242"/>
                    </a:lnTo>
                    <a:lnTo>
                      <a:pt x="46" y="243"/>
                    </a:lnTo>
                    <a:lnTo>
                      <a:pt x="47" y="247"/>
                    </a:lnTo>
                    <a:lnTo>
                      <a:pt x="47" y="248"/>
                    </a:lnTo>
                    <a:lnTo>
                      <a:pt x="47" y="250"/>
                    </a:lnTo>
                    <a:lnTo>
                      <a:pt x="46" y="252"/>
                    </a:lnTo>
                    <a:lnTo>
                      <a:pt x="42" y="253"/>
                    </a:lnTo>
                    <a:lnTo>
                      <a:pt x="41" y="255"/>
                    </a:lnTo>
                    <a:lnTo>
                      <a:pt x="41" y="259"/>
                    </a:lnTo>
                    <a:lnTo>
                      <a:pt x="39" y="262"/>
                    </a:lnTo>
                    <a:lnTo>
                      <a:pt x="39" y="265"/>
                    </a:lnTo>
                    <a:lnTo>
                      <a:pt x="39" y="269"/>
                    </a:lnTo>
                    <a:lnTo>
                      <a:pt x="39" y="270"/>
                    </a:lnTo>
                    <a:lnTo>
                      <a:pt x="37" y="270"/>
                    </a:lnTo>
                    <a:lnTo>
                      <a:pt x="37" y="272"/>
                    </a:lnTo>
                    <a:lnTo>
                      <a:pt x="37" y="274"/>
                    </a:lnTo>
                    <a:lnTo>
                      <a:pt x="37" y="275"/>
                    </a:lnTo>
                    <a:lnTo>
                      <a:pt x="37" y="279"/>
                    </a:lnTo>
                    <a:lnTo>
                      <a:pt x="37" y="281"/>
                    </a:lnTo>
                    <a:lnTo>
                      <a:pt x="39" y="282"/>
                    </a:lnTo>
                    <a:lnTo>
                      <a:pt x="41" y="282"/>
                    </a:lnTo>
                    <a:lnTo>
                      <a:pt x="42" y="281"/>
                    </a:lnTo>
                    <a:lnTo>
                      <a:pt x="44" y="281"/>
                    </a:lnTo>
                    <a:lnTo>
                      <a:pt x="46" y="284"/>
                    </a:lnTo>
                    <a:lnTo>
                      <a:pt x="46" y="286"/>
                    </a:lnTo>
                    <a:lnTo>
                      <a:pt x="47" y="287"/>
                    </a:lnTo>
                    <a:lnTo>
                      <a:pt x="46" y="299"/>
                    </a:lnTo>
                    <a:lnTo>
                      <a:pt x="52" y="304"/>
                    </a:lnTo>
                    <a:lnTo>
                      <a:pt x="44" y="314"/>
                    </a:lnTo>
                    <a:lnTo>
                      <a:pt x="46" y="319"/>
                    </a:lnTo>
                    <a:lnTo>
                      <a:pt x="57" y="318"/>
                    </a:lnTo>
                    <a:lnTo>
                      <a:pt x="57" y="330"/>
                    </a:lnTo>
                    <a:lnTo>
                      <a:pt x="56" y="330"/>
                    </a:lnTo>
                    <a:lnTo>
                      <a:pt x="56" y="331"/>
                    </a:lnTo>
                    <a:lnTo>
                      <a:pt x="54" y="333"/>
                    </a:lnTo>
                    <a:lnTo>
                      <a:pt x="52" y="335"/>
                    </a:lnTo>
                    <a:lnTo>
                      <a:pt x="51" y="336"/>
                    </a:lnTo>
                    <a:lnTo>
                      <a:pt x="52" y="338"/>
                    </a:lnTo>
                    <a:lnTo>
                      <a:pt x="54" y="340"/>
                    </a:lnTo>
                    <a:lnTo>
                      <a:pt x="61" y="340"/>
                    </a:lnTo>
                    <a:lnTo>
                      <a:pt x="61" y="341"/>
                    </a:lnTo>
                    <a:lnTo>
                      <a:pt x="61" y="343"/>
                    </a:lnTo>
                    <a:lnTo>
                      <a:pt x="59" y="345"/>
                    </a:lnTo>
                    <a:lnTo>
                      <a:pt x="59" y="348"/>
                    </a:lnTo>
                    <a:lnTo>
                      <a:pt x="61" y="350"/>
                    </a:lnTo>
                    <a:lnTo>
                      <a:pt x="64" y="352"/>
                    </a:lnTo>
                    <a:lnTo>
                      <a:pt x="69" y="352"/>
                    </a:lnTo>
                    <a:lnTo>
                      <a:pt x="68" y="355"/>
                    </a:lnTo>
                    <a:lnTo>
                      <a:pt x="66" y="357"/>
                    </a:lnTo>
                    <a:lnTo>
                      <a:pt x="66" y="360"/>
                    </a:lnTo>
                    <a:lnTo>
                      <a:pt x="64" y="363"/>
                    </a:lnTo>
                    <a:lnTo>
                      <a:pt x="63" y="367"/>
                    </a:lnTo>
                    <a:lnTo>
                      <a:pt x="61" y="369"/>
                    </a:lnTo>
                    <a:lnTo>
                      <a:pt x="61" y="370"/>
                    </a:lnTo>
                    <a:lnTo>
                      <a:pt x="59" y="370"/>
                    </a:lnTo>
                    <a:lnTo>
                      <a:pt x="56" y="370"/>
                    </a:lnTo>
                    <a:lnTo>
                      <a:pt x="51" y="372"/>
                    </a:lnTo>
                    <a:lnTo>
                      <a:pt x="47" y="372"/>
                    </a:lnTo>
                    <a:lnTo>
                      <a:pt x="44" y="374"/>
                    </a:lnTo>
                    <a:lnTo>
                      <a:pt x="44" y="375"/>
                    </a:lnTo>
                    <a:lnTo>
                      <a:pt x="47" y="377"/>
                    </a:lnTo>
                    <a:lnTo>
                      <a:pt x="54" y="380"/>
                    </a:lnTo>
                    <a:lnTo>
                      <a:pt x="54" y="382"/>
                    </a:lnTo>
                    <a:lnTo>
                      <a:pt x="54" y="384"/>
                    </a:lnTo>
                    <a:lnTo>
                      <a:pt x="52" y="389"/>
                    </a:lnTo>
                    <a:lnTo>
                      <a:pt x="49" y="392"/>
                    </a:lnTo>
                    <a:lnTo>
                      <a:pt x="47" y="396"/>
                    </a:lnTo>
                    <a:lnTo>
                      <a:pt x="44" y="399"/>
                    </a:lnTo>
                    <a:lnTo>
                      <a:pt x="44" y="402"/>
                    </a:lnTo>
                    <a:lnTo>
                      <a:pt x="42" y="404"/>
                    </a:lnTo>
                    <a:lnTo>
                      <a:pt x="41" y="416"/>
                    </a:lnTo>
                    <a:lnTo>
                      <a:pt x="32" y="416"/>
                    </a:lnTo>
                    <a:lnTo>
                      <a:pt x="25" y="443"/>
                    </a:lnTo>
                    <a:lnTo>
                      <a:pt x="17" y="448"/>
                    </a:lnTo>
                    <a:lnTo>
                      <a:pt x="25" y="448"/>
                    </a:lnTo>
                    <a:lnTo>
                      <a:pt x="25" y="450"/>
                    </a:lnTo>
                    <a:lnTo>
                      <a:pt x="24" y="450"/>
                    </a:lnTo>
                    <a:lnTo>
                      <a:pt x="20" y="453"/>
                    </a:lnTo>
                    <a:lnTo>
                      <a:pt x="19" y="455"/>
                    </a:lnTo>
                    <a:lnTo>
                      <a:pt x="15" y="458"/>
                    </a:lnTo>
                    <a:lnTo>
                      <a:pt x="15" y="460"/>
                    </a:lnTo>
                    <a:lnTo>
                      <a:pt x="15" y="463"/>
                    </a:lnTo>
                    <a:lnTo>
                      <a:pt x="17" y="465"/>
                    </a:lnTo>
                    <a:lnTo>
                      <a:pt x="17" y="467"/>
                    </a:lnTo>
                    <a:lnTo>
                      <a:pt x="15" y="468"/>
                    </a:lnTo>
                    <a:lnTo>
                      <a:pt x="13" y="470"/>
                    </a:lnTo>
                    <a:lnTo>
                      <a:pt x="10" y="473"/>
                    </a:lnTo>
                    <a:lnTo>
                      <a:pt x="10" y="477"/>
                    </a:lnTo>
                    <a:lnTo>
                      <a:pt x="8" y="479"/>
                    </a:lnTo>
                    <a:lnTo>
                      <a:pt x="10" y="480"/>
                    </a:lnTo>
                    <a:lnTo>
                      <a:pt x="13" y="480"/>
                    </a:lnTo>
                    <a:lnTo>
                      <a:pt x="15" y="482"/>
                    </a:lnTo>
                    <a:lnTo>
                      <a:pt x="15" y="485"/>
                    </a:lnTo>
                    <a:lnTo>
                      <a:pt x="13" y="487"/>
                    </a:lnTo>
                    <a:lnTo>
                      <a:pt x="8" y="492"/>
                    </a:lnTo>
                    <a:lnTo>
                      <a:pt x="5" y="494"/>
                    </a:lnTo>
                    <a:lnTo>
                      <a:pt x="2" y="495"/>
                    </a:lnTo>
                    <a:lnTo>
                      <a:pt x="0" y="497"/>
                    </a:lnTo>
                    <a:lnTo>
                      <a:pt x="0" y="501"/>
                    </a:lnTo>
                    <a:lnTo>
                      <a:pt x="0" y="502"/>
                    </a:lnTo>
                    <a:lnTo>
                      <a:pt x="2" y="504"/>
                    </a:lnTo>
                    <a:lnTo>
                      <a:pt x="3" y="506"/>
                    </a:lnTo>
                    <a:lnTo>
                      <a:pt x="5" y="506"/>
                    </a:lnTo>
                    <a:lnTo>
                      <a:pt x="7" y="507"/>
                    </a:lnTo>
                    <a:lnTo>
                      <a:pt x="5" y="509"/>
                    </a:lnTo>
                    <a:lnTo>
                      <a:pt x="5" y="512"/>
                    </a:lnTo>
                    <a:lnTo>
                      <a:pt x="5" y="514"/>
                    </a:lnTo>
                    <a:lnTo>
                      <a:pt x="3" y="517"/>
                    </a:lnTo>
                    <a:lnTo>
                      <a:pt x="3" y="521"/>
                    </a:lnTo>
                    <a:lnTo>
                      <a:pt x="3" y="523"/>
                    </a:lnTo>
                    <a:lnTo>
                      <a:pt x="3" y="524"/>
                    </a:lnTo>
                    <a:lnTo>
                      <a:pt x="203" y="511"/>
                    </a:lnTo>
                    <a:lnTo>
                      <a:pt x="203" y="534"/>
                    </a:lnTo>
                    <a:lnTo>
                      <a:pt x="201" y="534"/>
                    </a:lnTo>
                    <a:lnTo>
                      <a:pt x="200" y="538"/>
                    </a:lnTo>
                    <a:lnTo>
                      <a:pt x="198" y="543"/>
                    </a:lnTo>
                    <a:lnTo>
                      <a:pt x="196" y="546"/>
                    </a:lnTo>
                    <a:lnTo>
                      <a:pt x="195" y="553"/>
                    </a:lnTo>
                    <a:lnTo>
                      <a:pt x="195" y="558"/>
                    </a:lnTo>
                    <a:lnTo>
                      <a:pt x="198" y="563"/>
                    </a:lnTo>
                    <a:lnTo>
                      <a:pt x="203" y="567"/>
                    </a:lnTo>
                    <a:lnTo>
                      <a:pt x="205" y="568"/>
                    </a:lnTo>
                    <a:lnTo>
                      <a:pt x="208" y="572"/>
                    </a:lnTo>
                    <a:lnTo>
                      <a:pt x="211" y="577"/>
                    </a:lnTo>
                    <a:lnTo>
                      <a:pt x="217" y="583"/>
                    </a:lnTo>
                    <a:lnTo>
                      <a:pt x="220" y="590"/>
                    </a:lnTo>
                    <a:lnTo>
                      <a:pt x="223" y="597"/>
                    </a:lnTo>
                    <a:lnTo>
                      <a:pt x="223" y="605"/>
                    </a:lnTo>
                    <a:lnTo>
                      <a:pt x="222" y="612"/>
                    </a:lnTo>
                    <a:lnTo>
                      <a:pt x="240" y="609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940" name="Group 73"/>
            <p:cNvGrpSpPr>
              <a:grpSpLocks/>
            </p:cNvGrpSpPr>
            <p:nvPr/>
          </p:nvGrpSpPr>
          <p:grpSpPr bwMode="auto">
            <a:xfrm>
              <a:off x="4248" y="2069"/>
              <a:ext cx="436" cy="217"/>
              <a:chOff x="4487" y="1686"/>
              <a:chExt cx="448" cy="223"/>
            </a:xfrm>
          </p:grpSpPr>
          <p:sp>
            <p:nvSpPr>
              <p:cNvPr id="1056" name="Freeform 74"/>
              <p:cNvSpPr>
                <a:spLocks/>
              </p:cNvSpPr>
              <p:nvPr/>
            </p:nvSpPr>
            <p:spPr bwMode="auto">
              <a:xfrm>
                <a:off x="4487" y="1686"/>
                <a:ext cx="448" cy="223"/>
              </a:xfrm>
              <a:custGeom>
                <a:avLst/>
                <a:gdLst>
                  <a:gd name="T0" fmla="*/ 249 w 448"/>
                  <a:gd name="T1" fmla="*/ 155 h 223"/>
                  <a:gd name="T2" fmla="*/ 238 w 448"/>
                  <a:gd name="T3" fmla="*/ 189 h 223"/>
                  <a:gd name="T4" fmla="*/ 252 w 448"/>
                  <a:gd name="T5" fmla="*/ 186 h 223"/>
                  <a:gd name="T6" fmla="*/ 264 w 448"/>
                  <a:gd name="T7" fmla="*/ 188 h 223"/>
                  <a:gd name="T8" fmla="*/ 284 w 448"/>
                  <a:gd name="T9" fmla="*/ 201 h 223"/>
                  <a:gd name="T10" fmla="*/ 330 w 448"/>
                  <a:gd name="T11" fmla="*/ 215 h 223"/>
                  <a:gd name="T12" fmla="*/ 299 w 448"/>
                  <a:gd name="T13" fmla="*/ 179 h 223"/>
                  <a:gd name="T14" fmla="*/ 308 w 448"/>
                  <a:gd name="T15" fmla="*/ 177 h 223"/>
                  <a:gd name="T16" fmla="*/ 316 w 448"/>
                  <a:gd name="T17" fmla="*/ 172 h 223"/>
                  <a:gd name="T18" fmla="*/ 299 w 448"/>
                  <a:gd name="T19" fmla="*/ 142 h 223"/>
                  <a:gd name="T20" fmla="*/ 299 w 448"/>
                  <a:gd name="T21" fmla="*/ 111 h 223"/>
                  <a:gd name="T22" fmla="*/ 291 w 448"/>
                  <a:gd name="T23" fmla="*/ 81 h 223"/>
                  <a:gd name="T24" fmla="*/ 301 w 448"/>
                  <a:gd name="T25" fmla="*/ 66 h 223"/>
                  <a:gd name="T26" fmla="*/ 301 w 448"/>
                  <a:gd name="T27" fmla="*/ 52 h 223"/>
                  <a:gd name="T28" fmla="*/ 308 w 448"/>
                  <a:gd name="T29" fmla="*/ 61 h 223"/>
                  <a:gd name="T30" fmla="*/ 321 w 448"/>
                  <a:gd name="T31" fmla="*/ 42 h 223"/>
                  <a:gd name="T32" fmla="*/ 320 w 448"/>
                  <a:gd name="T33" fmla="*/ 28 h 223"/>
                  <a:gd name="T34" fmla="*/ 331 w 448"/>
                  <a:gd name="T35" fmla="*/ 27 h 223"/>
                  <a:gd name="T36" fmla="*/ 337 w 448"/>
                  <a:gd name="T37" fmla="*/ 32 h 223"/>
                  <a:gd name="T38" fmla="*/ 331 w 448"/>
                  <a:gd name="T39" fmla="*/ 44 h 223"/>
                  <a:gd name="T40" fmla="*/ 316 w 448"/>
                  <a:gd name="T41" fmla="*/ 72 h 223"/>
                  <a:gd name="T42" fmla="*/ 326 w 448"/>
                  <a:gd name="T43" fmla="*/ 83 h 223"/>
                  <a:gd name="T44" fmla="*/ 335 w 448"/>
                  <a:gd name="T45" fmla="*/ 76 h 223"/>
                  <a:gd name="T46" fmla="*/ 326 w 448"/>
                  <a:gd name="T47" fmla="*/ 91 h 223"/>
                  <a:gd name="T48" fmla="*/ 325 w 448"/>
                  <a:gd name="T49" fmla="*/ 110 h 223"/>
                  <a:gd name="T50" fmla="*/ 320 w 448"/>
                  <a:gd name="T51" fmla="*/ 127 h 223"/>
                  <a:gd name="T52" fmla="*/ 340 w 448"/>
                  <a:gd name="T53" fmla="*/ 145 h 223"/>
                  <a:gd name="T54" fmla="*/ 325 w 448"/>
                  <a:gd name="T55" fmla="*/ 150 h 223"/>
                  <a:gd name="T56" fmla="*/ 335 w 448"/>
                  <a:gd name="T57" fmla="*/ 157 h 223"/>
                  <a:gd name="T58" fmla="*/ 337 w 448"/>
                  <a:gd name="T59" fmla="*/ 176 h 223"/>
                  <a:gd name="T60" fmla="*/ 348 w 448"/>
                  <a:gd name="T61" fmla="*/ 182 h 223"/>
                  <a:gd name="T62" fmla="*/ 360 w 448"/>
                  <a:gd name="T63" fmla="*/ 186 h 223"/>
                  <a:gd name="T64" fmla="*/ 355 w 448"/>
                  <a:gd name="T65" fmla="*/ 176 h 223"/>
                  <a:gd name="T66" fmla="*/ 364 w 448"/>
                  <a:gd name="T67" fmla="*/ 177 h 223"/>
                  <a:gd name="T68" fmla="*/ 372 w 448"/>
                  <a:gd name="T69" fmla="*/ 181 h 223"/>
                  <a:gd name="T70" fmla="*/ 369 w 448"/>
                  <a:gd name="T71" fmla="*/ 198 h 223"/>
                  <a:gd name="T72" fmla="*/ 382 w 448"/>
                  <a:gd name="T73" fmla="*/ 194 h 223"/>
                  <a:gd name="T74" fmla="*/ 381 w 448"/>
                  <a:gd name="T75" fmla="*/ 211 h 223"/>
                  <a:gd name="T76" fmla="*/ 387 w 448"/>
                  <a:gd name="T77" fmla="*/ 223 h 223"/>
                  <a:gd name="T78" fmla="*/ 409 w 448"/>
                  <a:gd name="T79" fmla="*/ 206 h 223"/>
                  <a:gd name="T80" fmla="*/ 440 w 448"/>
                  <a:gd name="T81" fmla="*/ 145 h 223"/>
                  <a:gd name="T82" fmla="*/ 441 w 448"/>
                  <a:gd name="T83" fmla="*/ 172 h 223"/>
                  <a:gd name="T84" fmla="*/ 435 w 448"/>
                  <a:gd name="T85" fmla="*/ 203 h 223"/>
                  <a:gd name="T86" fmla="*/ 433 w 448"/>
                  <a:gd name="T87" fmla="*/ 215 h 223"/>
                  <a:gd name="T88" fmla="*/ 436 w 448"/>
                  <a:gd name="T89" fmla="*/ 213 h 223"/>
                  <a:gd name="T90" fmla="*/ 447 w 448"/>
                  <a:gd name="T91" fmla="*/ 179 h 223"/>
                  <a:gd name="T92" fmla="*/ 448 w 448"/>
                  <a:gd name="T93" fmla="*/ 144 h 223"/>
                  <a:gd name="T94" fmla="*/ 0 w 448"/>
                  <a:gd name="T95" fmla="*/ 66 h 223"/>
                  <a:gd name="T96" fmla="*/ 52 w 448"/>
                  <a:gd name="T97" fmla="*/ 94 h 223"/>
                  <a:gd name="T98" fmla="*/ 84 w 448"/>
                  <a:gd name="T99" fmla="*/ 74 h 223"/>
                  <a:gd name="T100" fmla="*/ 111 w 448"/>
                  <a:gd name="T101" fmla="*/ 54 h 223"/>
                  <a:gd name="T102" fmla="*/ 147 w 448"/>
                  <a:gd name="T103" fmla="*/ 56 h 223"/>
                  <a:gd name="T104" fmla="*/ 159 w 448"/>
                  <a:gd name="T105" fmla="*/ 62 h 223"/>
                  <a:gd name="T106" fmla="*/ 176 w 448"/>
                  <a:gd name="T107" fmla="*/ 88 h 223"/>
                  <a:gd name="T108" fmla="*/ 193 w 448"/>
                  <a:gd name="T109" fmla="*/ 86 h 223"/>
                  <a:gd name="T110" fmla="*/ 198 w 448"/>
                  <a:gd name="T111" fmla="*/ 108 h 223"/>
                  <a:gd name="T112" fmla="*/ 228 w 448"/>
                  <a:gd name="T113" fmla="*/ 115 h 223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448"/>
                  <a:gd name="T172" fmla="*/ 0 h 223"/>
                  <a:gd name="T173" fmla="*/ 448 w 448"/>
                  <a:gd name="T174" fmla="*/ 223 h 223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448" h="223">
                    <a:moveTo>
                      <a:pt x="247" y="115"/>
                    </a:moveTo>
                    <a:lnTo>
                      <a:pt x="260" y="123"/>
                    </a:lnTo>
                    <a:lnTo>
                      <a:pt x="252" y="137"/>
                    </a:lnTo>
                    <a:lnTo>
                      <a:pt x="252" y="145"/>
                    </a:lnTo>
                    <a:lnTo>
                      <a:pt x="252" y="147"/>
                    </a:lnTo>
                    <a:lnTo>
                      <a:pt x="250" y="150"/>
                    </a:lnTo>
                    <a:lnTo>
                      <a:pt x="249" y="155"/>
                    </a:lnTo>
                    <a:lnTo>
                      <a:pt x="245" y="162"/>
                    </a:lnTo>
                    <a:lnTo>
                      <a:pt x="243" y="169"/>
                    </a:lnTo>
                    <a:lnTo>
                      <a:pt x="240" y="176"/>
                    </a:lnTo>
                    <a:lnTo>
                      <a:pt x="238" y="179"/>
                    </a:lnTo>
                    <a:lnTo>
                      <a:pt x="238" y="181"/>
                    </a:lnTo>
                    <a:lnTo>
                      <a:pt x="237" y="186"/>
                    </a:lnTo>
                    <a:lnTo>
                      <a:pt x="238" y="189"/>
                    </a:lnTo>
                    <a:lnTo>
                      <a:pt x="240" y="193"/>
                    </a:lnTo>
                    <a:lnTo>
                      <a:pt x="242" y="193"/>
                    </a:lnTo>
                    <a:lnTo>
                      <a:pt x="243" y="193"/>
                    </a:lnTo>
                    <a:lnTo>
                      <a:pt x="247" y="193"/>
                    </a:lnTo>
                    <a:lnTo>
                      <a:pt x="249" y="191"/>
                    </a:lnTo>
                    <a:lnTo>
                      <a:pt x="250" y="191"/>
                    </a:lnTo>
                    <a:lnTo>
                      <a:pt x="252" y="186"/>
                    </a:lnTo>
                    <a:lnTo>
                      <a:pt x="255" y="182"/>
                    </a:lnTo>
                    <a:lnTo>
                      <a:pt x="257" y="182"/>
                    </a:lnTo>
                    <a:lnTo>
                      <a:pt x="259" y="182"/>
                    </a:lnTo>
                    <a:lnTo>
                      <a:pt x="260" y="184"/>
                    </a:lnTo>
                    <a:lnTo>
                      <a:pt x="262" y="186"/>
                    </a:lnTo>
                    <a:lnTo>
                      <a:pt x="264" y="188"/>
                    </a:lnTo>
                    <a:lnTo>
                      <a:pt x="274" y="201"/>
                    </a:lnTo>
                    <a:lnTo>
                      <a:pt x="277" y="201"/>
                    </a:lnTo>
                    <a:lnTo>
                      <a:pt x="277" y="193"/>
                    </a:lnTo>
                    <a:lnTo>
                      <a:pt x="282" y="193"/>
                    </a:lnTo>
                    <a:lnTo>
                      <a:pt x="282" y="194"/>
                    </a:lnTo>
                    <a:lnTo>
                      <a:pt x="284" y="198"/>
                    </a:lnTo>
                    <a:lnTo>
                      <a:pt x="284" y="201"/>
                    </a:lnTo>
                    <a:lnTo>
                      <a:pt x="286" y="201"/>
                    </a:lnTo>
                    <a:lnTo>
                      <a:pt x="298" y="201"/>
                    </a:lnTo>
                    <a:lnTo>
                      <a:pt x="308" y="203"/>
                    </a:lnTo>
                    <a:lnTo>
                      <a:pt x="316" y="204"/>
                    </a:lnTo>
                    <a:lnTo>
                      <a:pt x="321" y="208"/>
                    </a:lnTo>
                    <a:lnTo>
                      <a:pt x="326" y="211"/>
                    </a:lnTo>
                    <a:lnTo>
                      <a:pt x="330" y="215"/>
                    </a:lnTo>
                    <a:lnTo>
                      <a:pt x="331" y="216"/>
                    </a:lnTo>
                    <a:lnTo>
                      <a:pt x="331" y="218"/>
                    </a:lnTo>
                    <a:lnTo>
                      <a:pt x="335" y="210"/>
                    </a:lnTo>
                    <a:lnTo>
                      <a:pt x="326" y="199"/>
                    </a:lnTo>
                    <a:lnTo>
                      <a:pt x="325" y="191"/>
                    </a:lnTo>
                    <a:lnTo>
                      <a:pt x="313" y="188"/>
                    </a:lnTo>
                    <a:lnTo>
                      <a:pt x="299" y="179"/>
                    </a:lnTo>
                    <a:lnTo>
                      <a:pt x="289" y="171"/>
                    </a:lnTo>
                    <a:lnTo>
                      <a:pt x="291" y="167"/>
                    </a:lnTo>
                    <a:lnTo>
                      <a:pt x="299" y="174"/>
                    </a:lnTo>
                    <a:lnTo>
                      <a:pt x="301" y="174"/>
                    </a:lnTo>
                    <a:lnTo>
                      <a:pt x="303" y="176"/>
                    </a:lnTo>
                    <a:lnTo>
                      <a:pt x="306" y="176"/>
                    </a:lnTo>
                    <a:lnTo>
                      <a:pt x="308" y="177"/>
                    </a:lnTo>
                    <a:lnTo>
                      <a:pt x="316" y="182"/>
                    </a:lnTo>
                    <a:lnTo>
                      <a:pt x="321" y="184"/>
                    </a:lnTo>
                    <a:lnTo>
                      <a:pt x="323" y="182"/>
                    </a:lnTo>
                    <a:lnTo>
                      <a:pt x="323" y="181"/>
                    </a:lnTo>
                    <a:lnTo>
                      <a:pt x="321" y="177"/>
                    </a:lnTo>
                    <a:lnTo>
                      <a:pt x="318" y="176"/>
                    </a:lnTo>
                    <a:lnTo>
                      <a:pt x="316" y="172"/>
                    </a:lnTo>
                    <a:lnTo>
                      <a:pt x="315" y="172"/>
                    </a:lnTo>
                    <a:lnTo>
                      <a:pt x="311" y="167"/>
                    </a:lnTo>
                    <a:lnTo>
                      <a:pt x="308" y="164"/>
                    </a:lnTo>
                    <a:lnTo>
                      <a:pt x="304" y="159"/>
                    </a:lnTo>
                    <a:lnTo>
                      <a:pt x="303" y="154"/>
                    </a:lnTo>
                    <a:lnTo>
                      <a:pt x="299" y="149"/>
                    </a:lnTo>
                    <a:lnTo>
                      <a:pt x="299" y="142"/>
                    </a:lnTo>
                    <a:lnTo>
                      <a:pt x="298" y="137"/>
                    </a:lnTo>
                    <a:lnTo>
                      <a:pt x="298" y="132"/>
                    </a:lnTo>
                    <a:lnTo>
                      <a:pt x="298" y="127"/>
                    </a:lnTo>
                    <a:lnTo>
                      <a:pt x="298" y="122"/>
                    </a:lnTo>
                    <a:lnTo>
                      <a:pt x="298" y="118"/>
                    </a:lnTo>
                    <a:lnTo>
                      <a:pt x="299" y="115"/>
                    </a:lnTo>
                    <a:lnTo>
                      <a:pt x="299" y="111"/>
                    </a:lnTo>
                    <a:lnTo>
                      <a:pt x="299" y="108"/>
                    </a:lnTo>
                    <a:lnTo>
                      <a:pt x="299" y="106"/>
                    </a:lnTo>
                    <a:lnTo>
                      <a:pt x="299" y="98"/>
                    </a:lnTo>
                    <a:lnTo>
                      <a:pt x="296" y="93"/>
                    </a:lnTo>
                    <a:lnTo>
                      <a:pt x="294" y="86"/>
                    </a:lnTo>
                    <a:lnTo>
                      <a:pt x="291" y="81"/>
                    </a:lnTo>
                    <a:lnTo>
                      <a:pt x="287" y="78"/>
                    </a:lnTo>
                    <a:lnTo>
                      <a:pt x="286" y="74"/>
                    </a:lnTo>
                    <a:lnTo>
                      <a:pt x="284" y="72"/>
                    </a:lnTo>
                    <a:lnTo>
                      <a:pt x="282" y="72"/>
                    </a:lnTo>
                    <a:lnTo>
                      <a:pt x="296" y="72"/>
                    </a:lnTo>
                    <a:lnTo>
                      <a:pt x="301" y="67"/>
                    </a:lnTo>
                    <a:lnTo>
                      <a:pt x="301" y="66"/>
                    </a:lnTo>
                    <a:lnTo>
                      <a:pt x="301" y="64"/>
                    </a:lnTo>
                    <a:lnTo>
                      <a:pt x="301" y="61"/>
                    </a:lnTo>
                    <a:lnTo>
                      <a:pt x="301" y="59"/>
                    </a:lnTo>
                    <a:lnTo>
                      <a:pt x="299" y="56"/>
                    </a:lnTo>
                    <a:lnTo>
                      <a:pt x="298" y="52"/>
                    </a:lnTo>
                    <a:lnTo>
                      <a:pt x="299" y="52"/>
                    </a:lnTo>
                    <a:lnTo>
                      <a:pt x="301" y="52"/>
                    </a:lnTo>
                    <a:lnTo>
                      <a:pt x="303" y="52"/>
                    </a:lnTo>
                    <a:lnTo>
                      <a:pt x="303" y="54"/>
                    </a:lnTo>
                    <a:lnTo>
                      <a:pt x="304" y="56"/>
                    </a:lnTo>
                    <a:lnTo>
                      <a:pt x="306" y="59"/>
                    </a:lnTo>
                    <a:lnTo>
                      <a:pt x="306" y="61"/>
                    </a:lnTo>
                    <a:lnTo>
                      <a:pt x="308" y="61"/>
                    </a:lnTo>
                    <a:lnTo>
                      <a:pt x="309" y="59"/>
                    </a:lnTo>
                    <a:lnTo>
                      <a:pt x="309" y="57"/>
                    </a:lnTo>
                    <a:lnTo>
                      <a:pt x="311" y="56"/>
                    </a:lnTo>
                    <a:lnTo>
                      <a:pt x="321" y="42"/>
                    </a:lnTo>
                    <a:lnTo>
                      <a:pt x="320" y="40"/>
                    </a:lnTo>
                    <a:lnTo>
                      <a:pt x="320" y="39"/>
                    </a:lnTo>
                    <a:lnTo>
                      <a:pt x="320" y="35"/>
                    </a:lnTo>
                    <a:lnTo>
                      <a:pt x="320" y="34"/>
                    </a:lnTo>
                    <a:lnTo>
                      <a:pt x="320" y="32"/>
                    </a:lnTo>
                    <a:lnTo>
                      <a:pt x="320" y="28"/>
                    </a:lnTo>
                    <a:lnTo>
                      <a:pt x="325" y="23"/>
                    </a:lnTo>
                    <a:lnTo>
                      <a:pt x="328" y="22"/>
                    </a:lnTo>
                    <a:lnTo>
                      <a:pt x="330" y="20"/>
                    </a:lnTo>
                    <a:lnTo>
                      <a:pt x="331" y="22"/>
                    </a:lnTo>
                    <a:lnTo>
                      <a:pt x="331" y="23"/>
                    </a:lnTo>
                    <a:lnTo>
                      <a:pt x="331" y="25"/>
                    </a:lnTo>
                    <a:lnTo>
                      <a:pt x="331" y="27"/>
                    </a:lnTo>
                    <a:lnTo>
                      <a:pt x="330" y="27"/>
                    </a:lnTo>
                    <a:lnTo>
                      <a:pt x="330" y="32"/>
                    </a:lnTo>
                    <a:lnTo>
                      <a:pt x="330" y="35"/>
                    </a:lnTo>
                    <a:lnTo>
                      <a:pt x="333" y="35"/>
                    </a:lnTo>
                    <a:lnTo>
                      <a:pt x="335" y="34"/>
                    </a:lnTo>
                    <a:lnTo>
                      <a:pt x="337" y="32"/>
                    </a:lnTo>
                    <a:lnTo>
                      <a:pt x="338" y="30"/>
                    </a:lnTo>
                    <a:lnTo>
                      <a:pt x="340" y="30"/>
                    </a:lnTo>
                    <a:lnTo>
                      <a:pt x="338" y="34"/>
                    </a:lnTo>
                    <a:lnTo>
                      <a:pt x="338" y="37"/>
                    </a:lnTo>
                    <a:lnTo>
                      <a:pt x="337" y="39"/>
                    </a:lnTo>
                    <a:lnTo>
                      <a:pt x="333" y="42"/>
                    </a:lnTo>
                    <a:lnTo>
                      <a:pt x="331" y="44"/>
                    </a:lnTo>
                    <a:lnTo>
                      <a:pt x="330" y="45"/>
                    </a:lnTo>
                    <a:lnTo>
                      <a:pt x="330" y="47"/>
                    </a:lnTo>
                    <a:lnTo>
                      <a:pt x="328" y="47"/>
                    </a:lnTo>
                    <a:lnTo>
                      <a:pt x="323" y="52"/>
                    </a:lnTo>
                    <a:lnTo>
                      <a:pt x="320" y="59"/>
                    </a:lnTo>
                    <a:lnTo>
                      <a:pt x="316" y="66"/>
                    </a:lnTo>
                    <a:lnTo>
                      <a:pt x="316" y="72"/>
                    </a:lnTo>
                    <a:lnTo>
                      <a:pt x="316" y="79"/>
                    </a:lnTo>
                    <a:lnTo>
                      <a:pt x="316" y="84"/>
                    </a:lnTo>
                    <a:lnTo>
                      <a:pt x="318" y="88"/>
                    </a:lnTo>
                    <a:lnTo>
                      <a:pt x="318" y="89"/>
                    </a:lnTo>
                    <a:lnTo>
                      <a:pt x="321" y="88"/>
                    </a:lnTo>
                    <a:lnTo>
                      <a:pt x="323" y="86"/>
                    </a:lnTo>
                    <a:lnTo>
                      <a:pt x="326" y="83"/>
                    </a:lnTo>
                    <a:lnTo>
                      <a:pt x="328" y="79"/>
                    </a:lnTo>
                    <a:lnTo>
                      <a:pt x="330" y="76"/>
                    </a:lnTo>
                    <a:lnTo>
                      <a:pt x="331" y="72"/>
                    </a:lnTo>
                    <a:lnTo>
                      <a:pt x="333" y="71"/>
                    </a:lnTo>
                    <a:lnTo>
                      <a:pt x="333" y="69"/>
                    </a:lnTo>
                    <a:lnTo>
                      <a:pt x="335" y="72"/>
                    </a:lnTo>
                    <a:lnTo>
                      <a:pt x="335" y="76"/>
                    </a:lnTo>
                    <a:lnTo>
                      <a:pt x="333" y="79"/>
                    </a:lnTo>
                    <a:lnTo>
                      <a:pt x="331" y="83"/>
                    </a:lnTo>
                    <a:lnTo>
                      <a:pt x="330" y="86"/>
                    </a:lnTo>
                    <a:lnTo>
                      <a:pt x="328" y="88"/>
                    </a:lnTo>
                    <a:lnTo>
                      <a:pt x="328" y="89"/>
                    </a:lnTo>
                    <a:lnTo>
                      <a:pt x="326" y="89"/>
                    </a:lnTo>
                    <a:lnTo>
                      <a:pt x="326" y="91"/>
                    </a:lnTo>
                    <a:lnTo>
                      <a:pt x="326" y="93"/>
                    </a:lnTo>
                    <a:lnTo>
                      <a:pt x="326" y="96"/>
                    </a:lnTo>
                    <a:lnTo>
                      <a:pt x="326" y="100"/>
                    </a:lnTo>
                    <a:lnTo>
                      <a:pt x="326" y="103"/>
                    </a:lnTo>
                    <a:lnTo>
                      <a:pt x="326" y="106"/>
                    </a:lnTo>
                    <a:lnTo>
                      <a:pt x="325" y="110"/>
                    </a:lnTo>
                    <a:lnTo>
                      <a:pt x="320" y="116"/>
                    </a:lnTo>
                    <a:lnTo>
                      <a:pt x="318" y="120"/>
                    </a:lnTo>
                    <a:lnTo>
                      <a:pt x="316" y="123"/>
                    </a:lnTo>
                    <a:lnTo>
                      <a:pt x="316" y="125"/>
                    </a:lnTo>
                    <a:lnTo>
                      <a:pt x="318" y="127"/>
                    </a:lnTo>
                    <a:lnTo>
                      <a:pt x="320" y="127"/>
                    </a:lnTo>
                    <a:lnTo>
                      <a:pt x="330" y="132"/>
                    </a:lnTo>
                    <a:lnTo>
                      <a:pt x="337" y="137"/>
                    </a:lnTo>
                    <a:lnTo>
                      <a:pt x="340" y="140"/>
                    </a:lnTo>
                    <a:lnTo>
                      <a:pt x="342" y="142"/>
                    </a:lnTo>
                    <a:lnTo>
                      <a:pt x="342" y="144"/>
                    </a:lnTo>
                    <a:lnTo>
                      <a:pt x="340" y="145"/>
                    </a:lnTo>
                    <a:lnTo>
                      <a:pt x="338" y="145"/>
                    </a:lnTo>
                    <a:lnTo>
                      <a:pt x="337" y="145"/>
                    </a:lnTo>
                    <a:lnTo>
                      <a:pt x="331" y="145"/>
                    </a:lnTo>
                    <a:lnTo>
                      <a:pt x="328" y="147"/>
                    </a:lnTo>
                    <a:lnTo>
                      <a:pt x="325" y="147"/>
                    </a:lnTo>
                    <a:lnTo>
                      <a:pt x="325" y="149"/>
                    </a:lnTo>
                    <a:lnTo>
                      <a:pt x="325" y="150"/>
                    </a:lnTo>
                    <a:lnTo>
                      <a:pt x="325" y="152"/>
                    </a:lnTo>
                    <a:lnTo>
                      <a:pt x="326" y="152"/>
                    </a:lnTo>
                    <a:lnTo>
                      <a:pt x="333" y="152"/>
                    </a:lnTo>
                    <a:lnTo>
                      <a:pt x="337" y="154"/>
                    </a:lnTo>
                    <a:lnTo>
                      <a:pt x="337" y="155"/>
                    </a:lnTo>
                    <a:lnTo>
                      <a:pt x="335" y="157"/>
                    </a:lnTo>
                    <a:lnTo>
                      <a:pt x="331" y="159"/>
                    </a:lnTo>
                    <a:lnTo>
                      <a:pt x="328" y="160"/>
                    </a:lnTo>
                    <a:lnTo>
                      <a:pt x="326" y="160"/>
                    </a:lnTo>
                    <a:lnTo>
                      <a:pt x="325" y="162"/>
                    </a:lnTo>
                    <a:lnTo>
                      <a:pt x="325" y="166"/>
                    </a:lnTo>
                    <a:lnTo>
                      <a:pt x="335" y="177"/>
                    </a:lnTo>
                    <a:lnTo>
                      <a:pt x="337" y="176"/>
                    </a:lnTo>
                    <a:lnTo>
                      <a:pt x="338" y="176"/>
                    </a:lnTo>
                    <a:lnTo>
                      <a:pt x="340" y="174"/>
                    </a:lnTo>
                    <a:lnTo>
                      <a:pt x="342" y="176"/>
                    </a:lnTo>
                    <a:lnTo>
                      <a:pt x="345" y="177"/>
                    </a:lnTo>
                    <a:lnTo>
                      <a:pt x="347" y="181"/>
                    </a:lnTo>
                    <a:lnTo>
                      <a:pt x="348" y="182"/>
                    </a:lnTo>
                    <a:lnTo>
                      <a:pt x="348" y="184"/>
                    </a:lnTo>
                    <a:lnTo>
                      <a:pt x="350" y="186"/>
                    </a:lnTo>
                    <a:lnTo>
                      <a:pt x="352" y="188"/>
                    </a:lnTo>
                    <a:lnTo>
                      <a:pt x="355" y="188"/>
                    </a:lnTo>
                    <a:lnTo>
                      <a:pt x="359" y="186"/>
                    </a:lnTo>
                    <a:lnTo>
                      <a:pt x="360" y="186"/>
                    </a:lnTo>
                    <a:lnTo>
                      <a:pt x="359" y="184"/>
                    </a:lnTo>
                    <a:lnTo>
                      <a:pt x="359" y="182"/>
                    </a:lnTo>
                    <a:lnTo>
                      <a:pt x="357" y="179"/>
                    </a:lnTo>
                    <a:lnTo>
                      <a:pt x="355" y="176"/>
                    </a:lnTo>
                    <a:lnTo>
                      <a:pt x="357" y="174"/>
                    </a:lnTo>
                    <a:lnTo>
                      <a:pt x="359" y="172"/>
                    </a:lnTo>
                    <a:lnTo>
                      <a:pt x="360" y="171"/>
                    </a:lnTo>
                    <a:lnTo>
                      <a:pt x="362" y="171"/>
                    </a:lnTo>
                    <a:lnTo>
                      <a:pt x="364" y="171"/>
                    </a:lnTo>
                    <a:lnTo>
                      <a:pt x="364" y="177"/>
                    </a:lnTo>
                    <a:lnTo>
                      <a:pt x="364" y="182"/>
                    </a:lnTo>
                    <a:lnTo>
                      <a:pt x="365" y="184"/>
                    </a:lnTo>
                    <a:lnTo>
                      <a:pt x="367" y="186"/>
                    </a:lnTo>
                    <a:lnTo>
                      <a:pt x="369" y="184"/>
                    </a:lnTo>
                    <a:lnTo>
                      <a:pt x="370" y="182"/>
                    </a:lnTo>
                    <a:lnTo>
                      <a:pt x="372" y="182"/>
                    </a:lnTo>
                    <a:lnTo>
                      <a:pt x="372" y="181"/>
                    </a:lnTo>
                    <a:lnTo>
                      <a:pt x="374" y="181"/>
                    </a:lnTo>
                    <a:lnTo>
                      <a:pt x="375" y="182"/>
                    </a:lnTo>
                    <a:lnTo>
                      <a:pt x="377" y="184"/>
                    </a:lnTo>
                    <a:lnTo>
                      <a:pt x="370" y="191"/>
                    </a:lnTo>
                    <a:lnTo>
                      <a:pt x="369" y="194"/>
                    </a:lnTo>
                    <a:lnTo>
                      <a:pt x="369" y="198"/>
                    </a:lnTo>
                    <a:lnTo>
                      <a:pt x="372" y="198"/>
                    </a:lnTo>
                    <a:lnTo>
                      <a:pt x="375" y="196"/>
                    </a:lnTo>
                    <a:lnTo>
                      <a:pt x="379" y="194"/>
                    </a:lnTo>
                    <a:lnTo>
                      <a:pt x="382" y="193"/>
                    </a:lnTo>
                    <a:lnTo>
                      <a:pt x="382" y="194"/>
                    </a:lnTo>
                    <a:lnTo>
                      <a:pt x="382" y="198"/>
                    </a:lnTo>
                    <a:lnTo>
                      <a:pt x="382" y="199"/>
                    </a:lnTo>
                    <a:lnTo>
                      <a:pt x="382" y="203"/>
                    </a:lnTo>
                    <a:lnTo>
                      <a:pt x="382" y="204"/>
                    </a:lnTo>
                    <a:lnTo>
                      <a:pt x="382" y="206"/>
                    </a:lnTo>
                    <a:lnTo>
                      <a:pt x="381" y="211"/>
                    </a:lnTo>
                    <a:lnTo>
                      <a:pt x="381" y="215"/>
                    </a:lnTo>
                    <a:lnTo>
                      <a:pt x="381" y="218"/>
                    </a:lnTo>
                    <a:lnTo>
                      <a:pt x="382" y="220"/>
                    </a:lnTo>
                    <a:lnTo>
                      <a:pt x="384" y="221"/>
                    </a:lnTo>
                    <a:lnTo>
                      <a:pt x="386" y="223"/>
                    </a:lnTo>
                    <a:lnTo>
                      <a:pt x="387" y="223"/>
                    </a:lnTo>
                    <a:lnTo>
                      <a:pt x="394" y="220"/>
                    </a:lnTo>
                    <a:lnTo>
                      <a:pt x="397" y="216"/>
                    </a:lnTo>
                    <a:lnTo>
                      <a:pt x="399" y="215"/>
                    </a:lnTo>
                    <a:lnTo>
                      <a:pt x="403" y="211"/>
                    </a:lnTo>
                    <a:lnTo>
                      <a:pt x="406" y="210"/>
                    </a:lnTo>
                    <a:lnTo>
                      <a:pt x="409" y="206"/>
                    </a:lnTo>
                    <a:lnTo>
                      <a:pt x="413" y="204"/>
                    </a:lnTo>
                    <a:lnTo>
                      <a:pt x="418" y="203"/>
                    </a:lnTo>
                    <a:lnTo>
                      <a:pt x="425" y="203"/>
                    </a:lnTo>
                    <a:lnTo>
                      <a:pt x="430" y="198"/>
                    </a:lnTo>
                    <a:lnTo>
                      <a:pt x="431" y="171"/>
                    </a:lnTo>
                    <a:lnTo>
                      <a:pt x="436" y="171"/>
                    </a:lnTo>
                    <a:lnTo>
                      <a:pt x="440" y="145"/>
                    </a:lnTo>
                    <a:lnTo>
                      <a:pt x="441" y="144"/>
                    </a:lnTo>
                    <a:lnTo>
                      <a:pt x="443" y="144"/>
                    </a:lnTo>
                    <a:lnTo>
                      <a:pt x="443" y="145"/>
                    </a:lnTo>
                    <a:lnTo>
                      <a:pt x="443" y="155"/>
                    </a:lnTo>
                    <a:lnTo>
                      <a:pt x="441" y="164"/>
                    </a:lnTo>
                    <a:lnTo>
                      <a:pt x="441" y="172"/>
                    </a:lnTo>
                    <a:lnTo>
                      <a:pt x="440" y="179"/>
                    </a:lnTo>
                    <a:lnTo>
                      <a:pt x="438" y="184"/>
                    </a:lnTo>
                    <a:lnTo>
                      <a:pt x="438" y="189"/>
                    </a:lnTo>
                    <a:lnTo>
                      <a:pt x="436" y="194"/>
                    </a:lnTo>
                    <a:lnTo>
                      <a:pt x="436" y="198"/>
                    </a:lnTo>
                    <a:lnTo>
                      <a:pt x="435" y="201"/>
                    </a:lnTo>
                    <a:lnTo>
                      <a:pt x="435" y="203"/>
                    </a:lnTo>
                    <a:lnTo>
                      <a:pt x="435" y="204"/>
                    </a:lnTo>
                    <a:lnTo>
                      <a:pt x="433" y="206"/>
                    </a:lnTo>
                    <a:lnTo>
                      <a:pt x="433" y="208"/>
                    </a:lnTo>
                    <a:lnTo>
                      <a:pt x="433" y="210"/>
                    </a:lnTo>
                    <a:lnTo>
                      <a:pt x="433" y="215"/>
                    </a:lnTo>
                    <a:lnTo>
                      <a:pt x="433" y="216"/>
                    </a:lnTo>
                    <a:lnTo>
                      <a:pt x="433" y="218"/>
                    </a:lnTo>
                    <a:lnTo>
                      <a:pt x="435" y="216"/>
                    </a:lnTo>
                    <a:lnTo>
                      <a:pt x="435" y="215"/>
                    </a:lnTo>
                    <a:lnTo>
                      <a:pt x="436" y="215"/>
                    </a:lnTo>
                    <a:lnTo>
                      <a:pt x="436" y="213"/>
                    </a:lnTo>
                    <a:lnTo>
                      <a:pt x="438" y="211"/>
                    </a:lnTo>
                    <a:lnTo>
                      <a:pt x="440" y="206"/>
                    </a:lnTo>
                    <a:lnTo>
                      <a:pt x="441" y="203"/>
                    </a:lnTo>
                    <a:lnTo>
                      <a:pt x="443" y="198"/>
                    </a:lnTo>
                    <a:lnTo>
                      <a:pt x="443" y="191"/>
                    </a:lnTo>
                    <a:lnTo>
                      <a:pt x="445" y="186"/>
                    </a:lnTo>
                    <a:lnTo>
                      <a:pt x="447" y="179"/>
                    </a:lnTo>
                    <a:lnTo>
                      <a:pt x="447" y="172"/>
                    </a:lnTo>
                    <a:lnTo>
                      <a:pt x="447" y="167"/>
                    </a:lnTo>
                    <a:lnTo>
                      <a:pt x="447" y="160"/>
                    </a:lnTo>
                    <a:lnTo>
                      <a:pt x="447" y="155"/>
                    </a:lnTo>
                    <a:lnTo>
                      <a:pt x="448" y="150"/>
                    </a:lnTo>
                    <a:lnTo>
                      <a:pt x="448" y="147"/>
                    </a:lnTo>
                    <a:lnTo>
                      <a:pt x="448" y="144"/>
                    </a:lnTo>
                    <a:lnTo>
                      <a:pt x="448" y="142"/>
                    </a:lnTo>
                    <a:lnTo>
                      <a:pt x="386" y="154"/>
                    </a:lnTo>
                    <a:lnTo>
                      <a:pt x="345" y="0"/>
                    </a:lnTo>
                    <a:lnTo>
                      <a:pt x="0" y="66"/>
                    </a:lnTo>
                    <a:lnTo>
                      <a:pt x="10" y="127"/>
                    </a:lnTo>
                    <a:lnTo>
                      <a:pt x="45" y="94"/>
                    </a:lnTo>
                    <a:lnTo>
                      <a:pt x="45" y="96"/>
                    </a:lnTo>
                    <a:lnTo>
                      <a:pt x="47" y="96"/>
                    </a:lnTo>
                    <a:lnTo>
                      <a:pt x="49" y="96"/>
                    </a:lnTo>
                    <a:lnTo>
                      <a:pt x="52" y="94"/>
                    </a:lnTo>
                    <a:lnTo>
                      <a:pt x="57" y="89"/>
                    </a:lnTo>
                    <a:lnTo>
                      <a:pt x="62" y="83"/>
                    </a:lnTo>
                    <a:lnTo>
                      <a:pt x="69" y="71"/>
                    </a:lnTo>
                    <a:lnTo>
                      <a:pt x="71" y="71"/>
                    </a:lnTo>
                    <a:lnTo>
                      <a:pt x="74" y="72"/>
                    </a:lnTo>
                    <a:lnTo>
                      <a:pt x="79" y="74"/>
                    </a:lnTo>
                    <a:lnTo>
                      <a:pt x="84" y="74"/>
                    </a:lnTo>
                    <a:lnTo>
                      <a:pt x="89" y="74"/>
                    </a:lnTo>
                    <a:lnTo>
                      <a:pt x="96" y="72"/>
                    </a:lnTo>
                    <a:lnTo>
                      <a:pt x="101" y="67"/>
                    </a:lnTo>
                    <a:lnTo>
                      <a:pt x="106" y="61"/>
                    </a:lnTo>
                    <a:lnTo>
                      <a:pt x="108" y="59"/>
                    </a:lnTo>
                    <a:lnTo>
                      <a:pt x="108" y="57"/>
                    </a:lnTo>
                    <a:lnTo>
                      <a:pt x="111" y="54"/>
                    </a:lnTo>
                    <a:lnTo>
                      <a:pt x="115" y="52"/>
                    </a:lnTo>
                    <a:lnTo>
                      <a:pt x="120" y="50"/>
                    </a:lnTo>
                    <a:lnTo>
                      <a:pt x="125" y="50"/>
                    </a:lnTo>
                    <a:lnTo>
                      <a:pt x="133" y="52"/>
                    </a:lnTo>
                    <a:lnTo>
                      <a:pt x="144" y="56"/>
                    </a:lnTo>
                    <a:lnTo>
                      <a:pt x="145" y="56"/>
                    </a:lnTo>
                    <a:lnTo>
                      <a:pt x="147" y="56"/>
                    </a:lnTo>
                    <a:lnTo>
                      <a:pt x="149" y="56"/>
                    </a:lnTo>
                    <a:lnTo>
                      <a:pt x="150" y="56"/>
                    </a:lnTo>
                    <a:lnTo>
                      <a:pt x="154" y="56"/>
                    </a:lnTo>
                    <a:lnTo>
                      <a:pt x="155" y="56"/>
                    </a:lnTo>
                    <a:lnTo>
                      <a:pt x="157" y="56"/>
                    </a:lnTo>
                    <a:lnTo>
                      <a:pt x="159" y="62"/>
                    </a:lnTo>
                    <a:lnTo>
                      <a:pt x="161" y="64"/>
                    </a:lnTo>
                    <a:lnTo>
                      <a:pt x="164" y="66"/>
                    </a:lnTo>
                    <a:lnTo>
                      <a:pt x="167" y="69"/>
                    </a:lnTo>
                    <a:lnTo>
                      <a:pt x="171" y="72"/>
                    </a:lnTo>
                    <a:lnTo>
                      <a:pt x="174" y="78"/>
                    </a:lnTo>
                    <a:lnTo>
                      <a:pt x="176" y="83"/>
                    </a:lnTo>
                    <a:lnTo>
                      <a:pt x="176" y="88"/>
                    </a:lnTo>
                    <a:lnTo>
                      <a:pt x="172" y="93"/>
                    </a:lnTo>
                    <a:lnTo>
                      <a:pt x="174" y="91"/>
                    </a:lnTo>
                    <a:lnTo>
                      <a:pt x="176" y="89"/>
                    </a:lnTo>
                    <a:lnTo>
                      <a:pt x="179" y="89"/>
                    </a:lnTo>
                    <a:lnTo>
                      <a:pt x="184" y="88"/>
                    </a:lnTo>
                    <a:lnTo>
                      <a:pt x="188" y="86"/>
                    </a:lnTo>
                    <a:lnTo>
                      <a:pt x="193" y="86"/>
                    </a:lnTo>
                    <a:lnTo>
                      <a:pt x="196" y="89"/>
                    </a:lnTo>
                    <a:lnTo>
                      <a:pt x="199" y="93"/>
                    </a:lnTo>
                    <a:lnTo>
                      <a:pt x="199" y="94"/>
                    </a:lnTo>
                    <a:lnTo>
                      <a:pt x="198" y="98"/>
                    </a:lnTo>
                    <a:lnTo>
                      <a:pt x="198" y="100"/>
                    </a:lnTo>
                    <a:lnTo>
                      <a:pt x="198" y="103"/>
                    </a:lnTo>
                    <a:lnTo>
                      <a:pt x="198" y="108"/>
                    </a:lnTo>
                    <a:lnTo>
                      <a:pt x="203" y="110"/>
                    </a:lnTo>
                    <a:lnTo>
                      <a:pt x="210" y="113"/>
                    </a:lnTo>
                    <a:lnTo>
                      <a:pt x="221" y="113"/>
                    </a:lnTo>
                    <a:lnTo>
                      <a:pt x="223" y="113"/>
                    </a:lnTo>
                    <a:lnTo>
                      <a:pt x="227" y="115"/>
                    </a:lnTo>
                    <a:lnTo>
                      <a:pt x="228" y="115"/>
                    </a:lnTo>
                    <a:lnTo>
                      <a:pt x="230" y="116"/>
                    </a:lnTo>
                    <a:lnTo>
                      <a:pt x="233" y="118"/>
                    </a:lnTo>
                    <a:lnTo>
                      <a:pt x="237" y="120"/>
                    </a:lnTo>
                    <a:lnTo>
                      <a:pt x="240" y="122"/>
                    </a:lnTo>
                    <a:lnTo>
                      <a:pt x="247" y="11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57" name="Freeform 75"/>
              <p:cNvSpPr>
                <a:spLocks/>
              </p:cNvSpPr>
              <p:nvPr/>
            </p:nvSpPr>
            <p:spPr bwMode="auto">
              <a:xfrm>
                <a:off x="4487" y="1686"/>
                <a:ext cx="448" cy="223"/>
              </a:xfrm>
              <a:custGeom>
                <a:avLst/>
                <a:gdLst>
                  <a:gd name="T0" fmla="*/ 249 w 448"/>
                  <a:gd name="T1" fmla="*/ 155 h 223"/>
                  <a:gd name="T2" fmla="*/ 238 w 448"/>
                  <a:gd name="T3" fmla="*/ 189 h 223"/>
                  <a:gd name="T4" fmla="*/ 252 w 448"/>
                  <a:gd name="T5" fmla="*/ 186 h 223"/>
                  <a:gd name="T6" fmla="*/ 274 w 448"/>
                  <a:gd name="T7" fmla="*/ 201 h 223"/>
                  <a:gd name="T8" fmla="*/ 286 w 448"/>
                  <a:gd name="T9" fmla="*/ 201 h 223"/>
                  <a:gd name="T10" fmla="*/ 331 w 448"/>
                  <a:gd name="T11" fmla="*/ 216 h 223"/>
                  <a:gd name="T12" fmla="*/ 291 w 448"/>
                  <a:gd name="T13" fmla="*/ 167 h 223"/>
                  <a:gd name="T14" fmla="*/ 316 w 448"/>
                  <a:gd name="T15" fmla="*/ 182 h 223"/>
                  <a:gd name="T16" fmla="*/ 315 w 448"/>
                  <a:gd name="T17" fmla="*/ 172 h 223"/>
                  <a:gd name="T18" fmla="*/ 298 w 448"/>
                  <a:gd name="T19" fmla="*/ 132 h 223"/>
                  <a:gd name="T20" fmla="*/ 299 w 448"/>
                  <a:gd name="T21" fmla="*/ 106 h 223"/>
                  <a:gd name="T22" fmla="*/ 284 w 448"/>
                  <a:gd name="T23" fmla="*/ 72 h 223"/>
                  <a:gd name="T24" fmla="*/ 301 w 448"/>
                  <a:gd name="T25" fmla="*/ 59 h 223"/>
                  <a:gd name="T26" fmla="*/ 304 w 448"/>
                  <a:gd name="T27" fmla="*/ 56 h 223"/>
                  <a:gd name="T28" fmla="*/ 309 w 448"/>
                  <a:gd name="T29" fmla="*/ 57 h 223"/>
                  <a:gd name="T30" fmla="*/ 320 w 448"/>
                  <a:gd name="T31" fmla="*/ 35 h 223"/>
                  <a:gd name="T32" fmla="*/ 330 w 448"/>
                  <a:gd name="T33" fmla="*/ 20 h 223"/>
                  <a:gd name="T34" fmla="*/ 330 w 448"/>
                  <a:gd name="T35" fmla="*/ 35 h 223"/>
                  <a:gd name="T36" fmla="*/ 338 w 448"/>
                  <a:gd name="T37" fmla="*/ 34 h 223"/>
                  <a:gd name="T38" fmla="*/ 328 w 448"/>
                  <a:gd name="T39" fmla="*/ 47 h 223"/>
                  <a:gd name="T40" fmla="*/ 318 w 448"/>
                  <a:gd name="T41" fmla="*/ 89 h 223"/>
                  <a:gd name="T42" fmla="*/ 333 w 448"/>
                  <a:gd name="T43" fmla="*/ 71 h 223"/>
                  <a:gd name="T44" fmla="*/ 328 w 448"/>
                  <a:gd name="T45" fmla="*/ 88 h 223"/>
                  <a:gd name="T46" fmla="*/ 326 w 448"/>
                  <a:gd name="T47" fmla="*/ 103 h 223"/>
                  <a:gd name="T48" fmla="*/ 316 w 448"/>
                  <a:gd name="T49" fmla="*/ 125 h 223"/>
                  <a:gd name="T50" fmla="*/ 340 w 448"/>
                  <a:gd name="T51" fmla="*/ 140 h 223"/>
                  <a:gd name="T52" fmla="*/ 328 w 448"/>
                  <a:gd name="T53" fmla="*/ 147 h 223"/>
                  <a:gd name="T54" fmla="*/ 333 w 448"/>
                  <a:gd name="T55" fmla="*/ 152 h 223"/>
                  <a:gd name="T56" fmla="*/ 325 w 448"/>
                  <a:gd name="T57" fmla="*/ 166 h 223"/>
                  <a:gd name="T58" fmla="*/ 342 w 448"/>
                  <a:gd name="T59" fmla="*/ 176 h 223"/>
                  <a:gd name="T60" fmla="*/ 352 w 448"/>
                  <a:gd name="T61" fmla="*/ 188 h 223"/>
                  <a:gd name="T62" fmla="*/ 359 w 448"/>
                  <a:gd name="T63" fmla="*/ 182 h 223"/>
                  <a:gd name="T64" fmla="*/ 362 w 448"/>
                  <a:gd name="T65" fmla="*/ 171 h 223"/>
                  <a:gd name="T66" fmla="*/ 370 w 448"/>
                  <a:gd name="T67" fmla="*/ 182 h 223"/>
                  <a:gd name="T68" fmla="*/ 377 w 448"/>
                  <a:gd name="T69" fmla="*/ 184 h 223"/>
                  <a:gd name="T70" fmla="*/ 382 w 448"/>
                  <a:gd name="T71" fmla="*/ 193 h 223"/>
                  <a:gd name="T72" fmla="*/ 382 w 448"/>
                  <a:gd name="T73" fmla="*/ 206 h 223"/>
                  <a:gd name="T74" fmla="*/ 386 w 448"/>
                  <a:gd name="T75" fmla="*/ 223 h 223"/>
                  <a:gd name="T76" fmla="*/ 403 w 448"/>
                  <a:gd name="T77" fmla="*/ 211 h 223"/>
                  <a:gd name="T78" fmla="*/ 436 w 448"/>
                  <a:gd name="T79" fmla="*/ 171 h 223"/>
                  <a:gd name="T80" fmla="*/ 443 w 448"/>
                  <a:gd name="T81" fmla="*/ 155 h 223"/>
                  <a:gd name="T82" fmla="*/ 435 w 448"/>
                  <a:gd name="T83" fmla="*/ 201 h 223"/>
                  <a:gd name="T84" fmla="*/ 433 w 448"/>
                  <a:gd name="T85" fmla="*/ 210 h 223"/>
                  <a:gd name="T86" fmla="*/ 436 w 448"/>
                  <a:gd name="T87" fmla="*/ 213 h 223"/>
                  <a:gd name="T88" fmla="*/ 447 w 448"/>
                  <a:gd name="T89" fmla="*/ 179 h 223"/>
                  <a:gd name="T90" fmla="*/ 448 w 448"/>
                  <a:gd name="T91" fmla="*/ 142 h 223"/>
                  <a:gd name="T92" fmla="*/ 45 w 448"/>
                  <a:gd name="T93" fmla="*/ 94 h 223"/>
                  <a:gd name="T94" fmla="*/ 62 w 448"/>
                  <a:gd name="T95" fmla="*/ 83 h 223"/>
                  <a:gd name="T96" fmla="*/ 96 w 448"/>
                  <a:gd name="T97" fmla="*/ 72 h 223"/>
                  <a:gd name="T98" fmla="*/ 120 w 448"/>
                  <a:gd name="T99" fmla="*/ 50 h 223"/>
                  <a:gd name="T100" fmla="*/ 150 w 448"/>
                  <a:gd name="T101" fmla="*/ 56 h 223"/>
                  <a:gd name="T102" fmla="*/ 164 w 448"/>
                  <a:gd name="T103" fmla="*/ 66 h 223"/>
                  <a:gd name="T104" fmla="*/ 174 w 448"/>
                  <a:gd name="T105" fmla="*/ 91 h 223"/>
                  <a:gd name="T106" fmla="*/ 199 w 448"/>
                  <a:gd name="T107" fmla="*/ 93 h 223"/>
                  <a:gd name="T108" fmla="*/ 221 w 448"/>
                  <a:gd name="T109" fmla="*/ 113 h 223"/>
                  <a:gd name="T110" fmla="*/ 237 w 448"/>
                  <a:gd name="T111" fmla="*/ 120 h 223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448"/>
                  <a:gd name="T169" fmla="*/ 0 h 223"/>
                  <a:gd name="T170" fmla="*/ 448 w 448"/>
                  <a:gd name="T171" fmla="*/ 223 h 223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448" h="223">
                    <a:moveTo>
                      <a:pt x="247" y="115"/>
                    </a:moveTo>
                    <a:lnTo>
                      <a:pt x="260" y="123"/>
                    </a:lnTo>
                    <a:lnTo>
                      <a:pt x="252" y="137"/>
                    </a:lnTo>
                    <a:lnTo>
                      <a:pt x="252" y="145"/>
                    </a:lnTo>
                    <a:lnTo>
                      <a:pt x="252" y="147"/>
                    </a:lnTo>
                    <a:lnTo>
                      <a:pt x="250" y="150"/>
                    </a:lnTo>
                    <a:lnTo>
                      <a:pt x="249" y="155"/>
                    </a:lnTo>
                    <a:lnTo>
                      <a:pt x="245" y="162"/>
                    </a:lnTo>
                    <a:lnTo>
                      <a:pt x="243" y="169"/>
                    </a:lnTo>
                    <a:lnTo>
                      <a:pt x="240" y="176"/>
                    </a:lnTo>
                    <a:lnTo>
                      <a:pt x="238" y="179"/>
                    </a:lnTo>
                    <a:lnTo>
                      <a:pt x="238" y="181"/>
                    </a:lnTo>
                    <a:lnTo>
                      <a:pt x="237" y="186"/>
                    </a:lnTo>
                    <a:lnTo>
                      <a:pt x="238" y="189"/>
                    </a:lnTo>
                    <a:lnTo>
                      <a:pt x="240" y="193"/>
                    </a:lnTo>
                    <a:lnTo>
                      <a:pt x="242" y="193"/>
                    </a:lnTo>
                    <a:lnTo>
                      <a:pt x="243" y="193"/>
                    </a:lnTo>
                    <a:lnTo>
                      <a:pt x="247" y="193"/>
                    </a:lnTo>
                    <a:lnTo>
                      <a:pt x="249" y="191"/>
                    </a:lnTo>
                    <a:lnTo>
                      <a:pt x="250" y="191"/>
                    </a:lnTo>
                    <a:lnTo>
                      <a:pt x="252" y="186"/>
                    </a:lnTo>
                    <a:lnTo>
                      <a:pt x="255" y="182"/>
                    </a:lnTo>
                    <a:lnTo>
                      <a:pt x="257" y="182"/>
                    </a:lnTo>
                    <a:lnTo>
                      <a:pt x="259" y="182"/>
                    </a:lnTo>
                    <a:lnTo>
                      <a:pt x="260" y="184"/>
                    </a:lnTo>
                    <a:lnTo>
                      <a:pt x="262" y="186"/>
                    </a:lnTo>
                    <a:lnTo>
                      <a:pt x="264" y="188"/>
                    </a:lnTo>
                    <a:lnTo>
                      <a:pt x="274" y="201"/>
                    </a:lnTo>
                    <a:lnTo>
                      <a:pt x="277" y="201"/>
                    </a:lnTo>
                    <a:lnTo>
                      <a:pt x="277" y="193"/>
                    </a:lnTo>
                    <a:lnTo>
                      <a:pt x="282" y="193"/>
                    </a:lnTo>
                    <a:lnTo>
                      <a:pt x="282" y="194"/>
                    </a:lnTo>
                    <a:lnTo>
                      <a:pt x="284" y="198"/>
                    </a:lnTo>
                    <a:lnTo>
                      <a:pt x="284" y="201"/>
                    </a:lnTo>
                    <a:lnTo>
                      <a:pt x="286" y="201"/>
                    </a:lnTo>
                    <a:lnTo>
                      <a:pt x="298" y="201"/>
                    </a:lnTo>
                    <a:lnTo>
                      <a:pt x="308" y="203"/>
                    </a:lnTo>
                    <a:lnTo>
                      <a:pt x="316" y="204"/>
                    </a:lnTo>
                    <a:lnTo>
                      <a:pt x="321" y="208"/>
                    </a:lnTo>
                    <a:lnTo>
                      <a:pt x="326" y="211"/>
                    </a:lnTo>
                    <a:lnTo>
                      <a:pt x="330" y="215"/>
                    </a:lnTo>
                    <a:lnTo>
                      <a:pt x="331" y="216"/>
                    </a:lnTo>
                    <a:lnTo>
                      <a:pt x="331" y="218"/>
                    </a:lnTo>
                    <a:lnTo>
                      <a:pt x="335" y="210"/>
                    </a:lnTo>
                    <a:lnTo>
                      <a:pt x="326" y="199"/>
                    </a:lnTo>
                    <a:lnTo>
                      <a:pt x="325" y="191"/>
                    </a:lnTo>
                    <a:lnTo>
                      <a:pt x="313" y="188"/>
                    </a:lnTo>
                    <a:lnTo>
                      <a:pt x="299" y="179"/>
                    </a:lnTo>
                    <a:lnTo>
                      <a:pt x="289" y="171"/>
                    </a:lnTo>
                    <a:lnTo>
                      <a:pt x="291" y="167"/>
                    </a:lnTo>
                    <a:lnTo>
                      <a:pt x="299" y="174"/>
                    </a:lnTo>
                    <a:lnTo>
                      <a:pt x="301" y="174"/>
                    </a:lnTo>
                    <a:lnTo>
                      <a:pt x="303" y="176"/>
                    </a:lnTo>
                    <a:lnTo>
                      <a:pt x="306" y="176"/>
                    </a:lnTo>
                    <a:lnTo>
                      <a:pt x="308" y="177"/>
                    </a:lnTo>
                    <a:lnTo>
                      <a:pt x="316" y="182"/>
                    </a:lnTo>
                    <a:lnTo>
                      <a:pt x="321" y="184"/>
                    </a:lnTo>
                    <a:lnTo>
                      <a:pt x="323" y="182"/>
                    </a:lnTo>
                    <a:lnTo>
                      <a:pt x="323" y="181"/>
                    </a:lnTo>
                    <a:lnTo>
                      <a:pt x="321" y="177"/>
                    </a:lnTo>
                    <a:lnTo>
                      <a:pt x="318" y="176"/>
                    </a:lnTo>
                    <a:lnTo>
                      <a:pt x="316" y="172"/>
                    </a:lnTo>
                    <a:lnTo>
                      <a:pt x="315" y="172"/>
                    </a:lnTo>
                    <a:lnTo>
                      <a:pt x="311" y="167"/>
                    </a:lnTo>
                    <a:lnTo>
                      <a:pt x="308" y="164"/>
                    </a:lnTo>
                    <a:lnTo>
                      <a:pt x="304" y="159"/>
                    </a:lnTo>
                    <a:lnTo>
                      <a:pt x="303" y="154"/>
                    </a:lnTo>
                    <a:lnTo>
                      <a:pt x="299" y="149"/>
                    </a:lnTo>
                    <a:lnTo>
                      <a:pt x="299" y="142"/>
                    </a:lnTo>
                    <a:lnTo>
                      <a:pt x="298" y="137"/>
                    </a:lnTo>
                    <a:lnTo>
                      <a:pt x="298" y="132"/>
                    </a:lnTo>
                    <a:lnTo>
                      <a:pt x="298" y="127"/>
                    </a:lnTo>
                    <a:lnTo>
                      <a:pt x="298" y="122"/>
                    </a:lnTo>
                    <a:lnTo>
                      <a:pt x="298" y="118"/>
                    </a:lnTo>
                    <a:lnTo>
                      <a:pt x="299" y="115"/>
                    </a:lnTo>
                    <a:lnTo>
                      <a:pt x="299" y="111"/>
                    </a:lnTo>
                    <a:lnTo>
                      <a:pt x="299" y="108"/>
                    </a:lnTo>
                    <a:lnTo>
                      <a:pt x="299" y="106"/>
                    </a:lnTo>
                    <a:lnTo>
                      <a:pt x="299" y="98"/>
                    </a:lnTo>
                    <a:lnTo>
                      <a:pt x="296" y="93"/>
                    </a:lnTo>
                    <a:lnTo>
                      <a:pt x="294" y="86"/>
                    </a:lnTo>
                    <a:lnTo>
                      <a:pt x="291" y="81"/>
                    </a:lnTo>
                    <a:lnTo>
                      <a:pt x="287" y="78"/>
                    </a:lnTo>
                    <a:lnTo>
                      <a:pt x="286" y="74"/>
                    </a:lnTo>
                    <a:lnTo>
                      <a:pt x="284" y="72"/>
                    </a:lnTo>
                    <a:lnTo>
                      <a:pt x="282" y="72"/>
                    </a:lnTo>
                    <a:lnTo>
                      <a:pt x="296" y="72"/>
                    </a:lnTo>
                    <a:lnTo>
                      <a:pt x="301" y="67"/>
                    </a:lnTo>
                    <a:lnTo>
                      <a:pt x="301" y="66"/>
                    </a:lnTo>
                    <a:lnTo>
                      <a:pt x="301" y="64"/>
                    </a:lnTo>
                    <a:lnTo>
                      <a:pt x="301" y="61"/>
                    </a:lnTo>
                    <a:lnTo>
                      <a:pt x="301" y="59"/>
                    </a:lnTo>
                    <a:lnTo>
                      <a:pt x="299" y="56"/>
                    </a:lnTo>
                    <a:lnTo>
                      <a:pt x="298" y="52"/>
                    </a:lnTo>
                    <a:lnTo>
                      <a:pt x="299" y="52"/>
                    </a:lnTo>
                    <a:lnTo>
                      <a:pt x="301" y="52"/>
                    </a:lnTo>
                    <a:lnTo>
                      <a:pt x="303" y="52"/>
                    </a:lnTo>
                    <a:lnTo>
                      <a:pt x="303" y="54"/>
                    </a:lnTo>
                    <a:lnTo>
                      <a:pt x="304" y="56"/>
                    </a:lnTo>
                    <a:lnTo>
                      <a:pt x="306" y="59"/>
                    </a:lnTo>
                    <a:lnTo>
                      <a:pt x="306" y="61"/>
                    </a:lnTo>
                    <a:lnTo>
                      <a:pt x="308" y="61"/>
                    </a:lnTo>
                    <a:lnTo>
                      <a:pt x="309" y="59"/>
                    </a:lnTo>
                    <a:lnTo>
                      <a:pt x="309" y="57"/>
                    </a:lnTo>
                    <a:lnTo>
                      <a:pt x="311" y="56"/>
                    </a:lnTo>
                    <a:lnTo>
                      <a:pt x="321" y="42"/>
                    </a:lnTo>
                    <a:lnTo>
                      <a:pt x="320" y="40"/>
                    </a:lnTo>
                    <a:lnTo>
                      <a:pt x="320" y="39"/>
                    </a:lnTo>
                    <a:lnTo>
                      <a:pt x="320" y="35"/>
                    </a:lnTo>
                    <a:lnTo>
                      <a:pt x="320" y="34"/>
                    </a:lnTo>
                    <a:lnTo>
                      <a:pt x="320" y="32"/>
                    </a:lnTo>
                    <a:lnTo>
                      <a:pt x="320" y="28"/>
                    </a:lnTo>
                    <a:lnTo>
                      <a:pt x="325" y="23"/>
                    </a:lnTo>
                    <a:lnTo>
                      <a:pt x="328" y="22"/>
                    </a:lnTo>
                    <a:lnTo>
                      <a:pt x="330" y="20"/>
                    </a:lnTo>
                    <a:lnTo>
                      <a:pt x="331" y="22"/>
                    </a:lnTo>
                    <a:lnTo>
                      <a:pt x="331" y="23"/>
                    </a:lnTo>
                    <a:lnTo>
                      <a:pt x="331" y="25"/>
                    </a:lnTo>
                    <a:lnTo>
                      <a:pt x="331" y="27"/>
                    </a:lnTo>
                    <a:lnTo>
                      <a:pt x="330" y="27"/>
                    </a:lnTo>
                    <a:lnTo>
                      <a:pt x="330" y="32"/>
                    </a:lnTo>
                    <a:lnTo>
                      <a:pt x="330" y="35"/>
                    </a:lnTo>
                    <a:lnTo>
                      <a:pt x="333" y="35"/>
                    </a:lnTo>
                    <a:lnTo>
                      <a:pt x="335" y="34"/>
                    </a:lnTo>
                    <a:lnTo>
                      <a:pt x="337" y="32"/>
                    </a:lnTo>
                    <a:lnTo>
                      <a:pt x="338" y="30"/>
                    </a:lnTo>
                    <a:lnTo>
                      <a:pt x="340" y="30"/>
                    </a:lnTo>
                    <a:lnTo>
                      <a:pt x="338" y="34"/>
                    </a:lnTo>
                    <a:lnTo>
                      <a:pt x="338" y="37"/>
                    </a:lnTo>
                    <a:lnTo>
                      <a:pt x="337" y="39"/>
                    </a:lnTo>
                    <a:lnTo>
                      <a:pt x="333" y="42"/>
                    </a:lnTo>
                    <a:lnTo>
                      <a:pt x="331" y="44"/>
                    </a:lnTo>
                    <a:lnTo>
                      <a:pt x="330" y="45"/>
                    </a:lnTo>
                    <a:lnTo>
                      <a:pt x="330" y="47"/>
                    </a:lnTo>
                    <a:lnTo>
                      <a:pt x="328" y="47"/>
                    </a:lnTo>
                    <a:lnTo>
                      <a:pt x="323" y="52"/>
                    </a:lnTo>
                    <a:lnTo>
                      <a:pt x="320" y="59"/>
                    </a:lnTo>
                    <a:lnTo>
                      <a:pt x="316" y="66"/>
                    </a:lnTo>
                    <a:lnTo>
                      <a:pt x="316" y="72"/>
                    </a:lnTo>
                    <a:lnTo>
                      <a:pt x="316" y="79"/>
                    </a:lnTo>
                    <a:lnTo>
                      <a:pt x="316" y="84"/>
                    </a:lnTo>
                    <a:lnTo>
                      <a:pt x="318" y="88"/>
                    </a:lnTo>
                    <a:lnTo>
                      <a:pt x="318" y="89"/>
                    </a:lnTo>
                    <a:lnTo>
                      <a:pt x="321" y="88"/>
                    </a:lnTo>
                    <a:lnTo>
                      <a:pt x="323" y="86"/>
                    </a:lnTo>
                    <a:lnTo>
                      <a:pt x="326" y="83"/>
                    </a:lnTo>
                    <a:lnTo>
                      <a:pt x="328" y="79"/>
                    </a:lnTo>
                    <a:lnTo>
                      <a:pt x="330" y="76"/>
                    </a:lnTo>
                    <a:lnTo>
                      <a:pt x="331" y="72"/>
                    </a:lnTo>
                    <a:lnTo>
                      <a:pt x="333" y="71"/>
                    </a:lnTo>
                    <a:lnTo>
                      <a:pt x="333" y="69"/>
                    </a:lnTo>
                    <a:lnTo>
                      <a:pt x="335" y="72"/>
                    </a:lnTo>
                    <a:lnTo>
                      <a:pt x="335" y="76"/>
                    </a:lnTo>
                    <a:lnTo>
                      <a:pt x="333" y="79"/>
                    </a:lnTo>
                    <a:lnTo>
                      <a:pt x="331" y="83"/>
                    </a:lnTo>
                    <a:lnTo>
                      <a:pt x="330" y="86"/>
                    </a:lnTo>
                    <a:lnTo>
                      <a:pt x="328" y="88"/>
                    </a:lnTo>
                    <a:lnTo>
                      <a:pt x="328" y="89"/>
                    </a:lnTo>
                    <a:lnTo>
                      <a:pt x="326" y="89"/>
                    </a:lnTo>
                    <a:lnTo>
                      <a:pt x="326" y="91"/>
                    </a:lnTo>
                    <a:lnTo>
                      <a:pt x="326" y="93"/>
                    </a:lnTo>
                    <a:lnTo>
                      <a:pt x="326" y="96"/>
                    </a:lnTo>
                    <a:lnTo>
                      <a:pt x="326" y="100"/>
                    </a:lnTo>
                    <a:lnTo>
                      <a:pt x="326" y="103"/>
                    </a:lnTo>
                    <a:lnTo>
                      <a:pt x="326" y="106"/>
                    </a:lnTo>
                    <a:lnTo>
                      <a:pt x="325" y="110"/>
                    </a:lnTo>
                    <a:lnTo>
                      <a:pt x="320" y="116"/>
                    </a:lnTo>
                    <a:lnTo>
                      <a:pt x="318" y="120"/>
                    </a:lnTo>
                    <a:lnTo>
                      <a:pt x="316" y="123"/>
                    </a:lnTo>
                    <a:lnTo>
                      <a:pt x="316" y="125"/>
                    </a:lnTo>
                    <a:lnTo>
                      <a:pt x="318" y="127"/>
                    </a:lnTo>
                    <a:lnTo>
                      <a:pt x="320" y="127"/>
                    </a:lnTo>
                    <a:lnTo>
                      <a:pt x="330" y="132"/>
                    </a:lnTo>
                    <a:lnTo>
                      <a:pt x="337" y="137"/>
                    </a:lnTo>
                    <a:lnTo>
                      <a:pt x="340" y="140"/>
                    </a:lnTo>
                    <a:lnTo>
                      <a:pt x="342" y="142"/>
                    </a:lnTo>
                    <a:lnTo>
                      <a:pt x="342" y="144"/>
                    </a:lnTo>
                    <a:lnTo>
                      <a:pt x="340" y="145"/>
                    </a:lnTo>
                    <a:lnTo>
                      <a:pt x="338" y="145"/>
                    </a:lnTo>
                    <a:lnTo>
                      <a:pt x="337" y="145"/>
                    </a:lnTo>
                    <a:lnTo>
                      <a:pt x="331" y="145"/>
                    </a:lnTo>
                    <a:lnTo>
                      <a:pt x="328" y="147"/>
                    </a:lnTo>
                    <a:lnTo>
                      <a:pt x="325" y="147"/>
                    </a:lnTo>
                    <a:lnTo>
                      <a:pt x="325" y="149"/>
                    </a:lnTo>
                    <a:lnTo>
                      <a:pt x="325" y="150"/>
                    </a:lnTo>
                    <a:lnTo>
                      <a:pt x="325" y="152"/>
                    </a:lnTo>
                    <a:lnTo>
                      <a:pt x="326" y="152"/>
                    </a:lnTo>
                    <a:lnTo>
                      <a:pt x="333" y="152"/>
                    </a:lnTo>
                    <a:lnTo>
                      <a:pt x="337" y="154"/>
                    </a:lnTo>
                    <a:lnTo>
                      <a:pt x="337" y="155"/>
                    </a:lnTo>
                    <a:lnTo>
                      <a:pt x="335" y="157"/>
                    </a:lnTo>
                    <a:lnTo>
                      <a:pt x="331" y="159"/>
                    </a:lnTo>
                    <a:lnTo>
                      <a:pt x="328" y="160"/>
                    </a:lnTo>
                    <a:lnTo>
                      <a:pt x="326" y="160"/>
                    </a:lnTo>
                    <a:lnTo>
                      <a:pt x="325" y="162"/>
                    </a:lnTo>
                    <a:lnTo>
                      <a:pt x="325" y="166"/>
                    </a:lnTo>
                    <a:lnTo>
                      <a:pt x="335" y="177"/>
                    </a:lnTo>
                    <a:lnTo>
                      <a:pt x="337" y="176"/>
                    </a:lnTo>
                    <a:lnTo>
                      <a:pt x="338" y="176"/>
                    </a:lnTo>
                    <a:lnTo>
                      <a:pt x="340" y="174"/>
                    </a:lnTo>
                    <a:lnTo>
                      <a:pt x="342" y="176"/>
                    </a:lnTo>
                    <a:lnTo>
                      <a:pt x="345" y="177"/>
                    </a:lnTo>
                    <a:lnTo>
                      <a:pt x="347" y="181"/>
                    </a:lnTo>
                    <a:lnTo>
                      <a:pt x="348" y="182"/>
                    </a:lnTo>
                    <a:lnTo>
                      <a:pt x="348" y="184"/>
                    </a:lnTo>
                    <a:lnTo>
                      <a:pt x="350" y="186"/>
                    </a:lnTo>
                    <a:lnTo>
                      <a:pt x="352" y="188"/>
                    </a:lnTo>
                    <a:lnTo>
                      <a:pt x="355" y="188"/>
                    </a:lnTo>
                    <a:lnTo>
                      <a:pt x="359" y="186"/>
                    </a:lnTo>
                    <a:lnTo>
                      <a:pt x="360" y="186"/>
                    </a:lnTo>
                    <a:lnTo>
                      <a:pt x="359" y="184"/>
                    </a:lnTo>
                    <a:lnTo>
                      <a:pt x="359" y="182"/>
                    </a:lnTo>
                    <a:lnTo>
                      <a:pt x="357" y="179"/>
                    </a:lnTo>
                    <a:lnTo>
                      <a:pt x="355" y="176"/>
                    </a:lnTo>
                    <a:lnTo>
                      <a:pt x="357" y="174"/>
                    </a:lnTo>
                    <a:lnTo>
                      <a:pt x="359" y="172"/>
                    </a:lnTo>
                    <a:lnTo>
                      <a:pt x="360" y="171"/>
                    </a:lnTo>
                    <a:lnTo>
                      <a:pt x="362" y="171"/>
                    </a:lnTo>
                    <a:lnTo>
                      <a:pt x="364" y="171"/>
                    </a:lnTo>
                    <a:lnTo>
                      <a:pt x="364" y="177"/>
                    </a:lnTo>
                    <a:lnTo>
                      <a:pt x="364" y="182"/>
                    </a:lnTo>
                    <a:lnTo>
                      <a:pt x="365" y="184"/>
                    </a:lnTo>
                    <a:lnTo>
                      <a:pt x="367" y="186"/>
                    </a:lnTo>
                    <a:lnTo>
                      <a:pt x="369" y="184"/>
                    </a:lnTo>
                    <a:lnTo>
                      <a:pt x="370" y="182"/>
                    </a:lnTo>
                    <a:lnTo>
                      <a:pt x="372" y="182"/>
                    </a:lnTo>
                    <a:lnTo>
                      <a:pt x="372" y="181"/>
                    </a:lnTo>
                    <a:lnTo>
                      <a:pt x="374" y="181"/>
                    </a:lnTo>
                    <a:lnTo>
                      <a:pt x="375" y="182"/>
                    </a:lnTo>
                    <a:lnTo>
                      <a:pt x="377" y="184"/>
                    </a:lnTo>
                    <a:lnTo>
                      <a:pt x="370" y="191"/>
                    </a:lnTo>
                    <a:lnTo>
                      <a:pt x="369" y="194"/>
                    </a:lnTo>
                    <a:lnTo>
                      <a:pt x="369" y="198"/>
                    </a:lnTo>
                    <a:lnTo>
                      <a:pt x="372" y="198"/>
                    </a:lnTo>
                    <a:lnTo>
                      <a:pt x="375" y="196"/>
                    </a:lnTo>
                    <a:lnTo>
                      <a:pt x="379" y="194"/>
                    </a:lnTo>
                    <a:lnTo>
                      <a:pt x="382" y="193"/>
                    </a:lnTo>
                    <a:lnTo>
                      <a:pt x="382" y="194"/>
                    </a:lnTo>
                    <a:lnTo>
                      <a:pt x="382" y="198"/>
                    </a:lnTo>
                    <a:lnTo>
                      <a:pt x="382" y="199"/>
                    </a:lnTo>
                    <a:lnTo>
                      <a:pt x="382" y="203"/>
                    </a:lnTo>
                    <a:lnTo>
                      <a:pt x="382" y="204"/>
                    </a:lnTo>
                    <a:lnTo>
                      <a:pt x="382" y="206"/>
                    </a:lnTo>
                    <a:lnTo>
                      <a:pt x="381" y="211"/>
                    </a:lnTo>
                    <a:lnTo>
                      <a:pt x="381" y="215"/>
                    </a:lnTo>
                    <a:lnTo>
                      <a:pt x="381" y="218"/>
                    </a:lnTo>
                    <a:lnTo>
                      <a:pt x="382" y="220"/>
                    </a:lnTo>
                    <a:lnTo>
                      <a:pt x="384" y="221"/>
                    </a:lnTo>
                    <a:lnTo>
                      <a:pt x="386" y="223"/>
                    </a:lnTo>
                    <a:lnTo>
                      <a:pt x="387" y="223"/>
                    </a:lnTo>
                    <a:lnTo>
                      <a:pt x="394" y="220"/>
                    </a:lnTo>
                    <a:lnTo>
                      <a:pt x="397" y="216"/>
                    </a:lnTo>
                    <a:lnTo>
                      <a:pt x="399" y="215"/>
                    </a:lnTo>
                    <a:lnTo>
                      <a:pt x="403" y="211"/>
                    </a:lnTo>
                    <a:lnTo>
                      <a:pt x="406" y="210"/>
                    </a:lnTo>
                    <a:lnTo>
                      <a:pt x="409" y="206"/>
                    </a:lnTo>
                    <a:lnTo>
                      <a:pt x="413" y="204"/>
                    </a:lnTo>
                    <a:lnTo>
                      <a:pt x="418" y="203"/>
                    </a:lnTo>
                    <a:lnTo>
                      <a:pt x="425" y="203"/>
                    </a:lnTo>
                    <a:lnTo>
                      <a:pt x="430" y="198"/>
                    </a:lnTo>
                    <a:lnTo>
                      <a:pt x="431" y="171"/>
                    </a:lnTo>
                    <a:lnTo>
                      <a:pt x="436" y="171"/>
                    </a:lnTo>
                    <a:lnTo>
                      <a:pt x="440" y="145"/>
                    </a:lnTo>
                    <a:lnTo>
                      <a:pt x="441" y="144"/>
                    </a:lnTo>
                    <a:lnTo>
                      <a:pt x="443" y="144"/>
                    </a:lnTo>
                    <a:lnTo>
                      <a:pt x="443" y="145"/>
                    </a:lnTo>
                    <a:lnTo>
                      <a:pt x="443" y="155"/>
                    </a:lnTo>
                    <a:lnTo>
                      <a:pt x="441" y="164"/>
                    </a:lnTo>
                    <a:lnTo>
                      <a:pt x="441" y="172"/>
                    </a:lnTo>
                    <a:lnTo>
                      <a:pt x="440" y="179"/>
                    </a:lnTo>
                    <a:lnTo>
                      <a:pt x="438" y="184"/>
                    </a:lnTo>
                    <a:lnTo>
                      <a:pt x="438" y="189"/>
                    </a:lnTo>
                    <a:lnTo>
                      <a:pt x="436" y="194"/>
                    </a:lnTo>
                    <a:lnTo>
                      <a:pt x="436" y="198"/>
                    </a:lnTo>
                    <a:lnTo>
                      <a:pt x="435" y="201"/>
                    </a:lnTo>
                    <a:lnTo>
                      <a:pt x="435" y="203"/>
                    </a:lnTo>
                    <a:lnTo>
                      <a:pt x="435" y="204"/>
                    </a:lnTo>
                    <a:lnTo>
                      <a:pt x="433" y="206"/>
                    </a:lnTo>
                    <a:lnTo>
                      <a:pt x="433" y="208"/>
                    </a:lnTo>
                    <a:lnTo>
                      <a:pt x="433" y="210"/>
                    </a:lnTo>
                    <a:lnTo>
                      <a:pt x="433" y="215"/>
                    </a:lnTo>
                    <a:lnTo>
                      <a:pt x="433" y="216"/>
                    </a:lnTo>
                    <a:lnTo>
                      <a:pt x="433" y="218"/>
                    </a:lnTo>
                    <a:lnTo>
                      <a:pt x="435" y="216"/>
                    </a:lnTo>
                    <a:lnTo>
                      <a:pt x="435" y="215"/>
                    </a:lnTo>
                    <a:lnTo>
                      <a:pt x="436" y="215"/>
                    </a:lnTo>
                    <a:lnTo>
                      <a:pt x="436" y="213"/>
                    </a:lnTo>
                    <a:lnTo>
                      <a:pt x="438" y="211"/>
                    </a:lnTo>
                    <a:lnTo>
                      <a:pt x="440" y="206"/>
                    </a:lnTo>
                    <a:lnTo>
                      <a:pt x="441" y="203"/>
                    </a:lnTo>
                    <a:lnTo>
                      <a:pt x="443" y="198"/>
                    </a:lnTo>
                    <a:lnTo>
                      <a:pt x="443" y="191"/>
                    </a:lnTo>
                    <a:lnTo>
                      <a:pt x="445" y="186"/>
                    </a:lnTo>
                    <a:lnTo>
                      <a:pt x="447" y="179"/>
                    </a:lnTo>
                    <a:lnTo>
                      <a:pt x="447" y="172"/>
                    </a:lnTo>
                    <a:lnTo>
                      <a:pt x="447" y="167"/>
                    </a:lnTo>
                    <a:lnTo>
                      <a:pt x="447" y="160"/>
                    </a:lnTo>
                    <a:lnTo>
                      <a:pt x="447" y="155"/>
                    </a:lnTo>
                    <a:lnTo>
                      <a:pt x="448" y="150"/>
                    </a:lnTo>
                    <a:lnTo>
                      <a:pt x="448" y="147"/>
                    </a:lnTo>
                    <a:lnTo>
                      <a:pt x="448" y="144"/>
                    </a:lnTo>
                    <a:lnTo>
                      <a:pt x="448" y="142"/>
                    </a:lnTo>
                    <a:lnTo>
                      <a:pt x="386" y="154"/>
                    </a:lnTo>
                    <a:lnTo>
                      <a:pt x="345" y="0"/>
                    </a:lnTo>
                    <a:lnTo>
                      <a:pt x="0" y="66"/>
                    </a:lnTo>
                    <a:lnTo>
                      <a:pt x="10" y="127"/>
                    </a:lnTo>
                    <a:lnTo>
                      <a:pt x="45" y="94"/>
                    </a:lnTo>
                    <a:lnTo>
                      <a:pt x="45" y="96"/>
                    </a:lnTo>
                    <a:lnTo>
                      <a:pt x="47" y="96"/>
                    </a:lnTo>
                    <a:lnTo>
                      <a:pt x="49" y="96"/>
                    </a:lnTo>
                    <a:lnTo>
                      <a:pt x="52" y="94"/>
                    </a:lnTo>
                    <a:lnTo>
                      <a:pt x="57" y="89"/>
                    </a:lnTo>
                    <a:lnTo>
                      <a:pt x="62" y="83"/>
                    </a:lnTo>
                    <a:lnTo>
                      <a:pt x="69" y="71"/>
                    </a:lnTo>
                    <a:lnTo>
                      <a:pt x="71" y="71"/>
                    </a:lnTo>
                    <a:lnTo>
                      <a:pt x="74" y="72"/>
                    </a:lnTo>
                    <a:lnTo>
                      <a:pt x="79" y="74"/>
                    </a:lnTo>
                    <a:lnTo>
                      <a:pt x="84" y="74"/>
                    </a:lnTo>
                    <a:lnTo>
                      <a:pt x="89" y="74"/>
                    </a:lnTo>
                    <a:lnTo>
                      <a:pt x="96" y="72"/>
                    </a:lnTo>
                    <a:lnTo>
                      <a:pt x="101" y="67"/>
                    </a:lnTo>
                    <a:lnTo>
                      <a:pt x="106" y="61"/>
                    </a:lnTo>
                    <a:lnTo>
                      <a:pt x="108" y="59"/>
                    </a:lnTo>
                    <a:lnTo>
                      <a:pt x="108" y="57"/>
                    </a:lnTo>
                    <a:lnTo>
                      <a:pt x="111" y="54"/>
                    </a:lnTo>
                    <a:lnTo>
                      <a:pt x="115" y="52"/>
                    </a:lnTo>
                    <a:lnTo>
                      <a:pt x="120" y="50"/>
                    </a:lnTo>
                    <a:lnTo>
                      <a:pt x="125" y="50"/>
                    </a:lnTo>
                    <a:lnTo>
                      <a:pt x="133" y="52"/>
                    </a:lnTo>
                    <a:lnTo>
                      <a:pt x="144" y="56"/>
                    </a:lnTo>
                    <a:lnTo>
                      <a:pt x="145" y="56"/>
                    </a:lnTo>
                    <a:lnTo>
                      <a:pt x="147" y="56"/>
                    </a:lnTo>
                    <a:lnTo>
                      <a:pt x="149" y="56"/>
                    </a:lnTo>
                    <a:lnTo>
                      <a:pt x="150" y="56"/>
                    </a:lnTo>
                    <a:lnTo>
                      <a:pt x="154" y="56"/>
                    </a:lnTo>
                    <a:lnTo>
                      <a:pt x="155" y="56"/>
                    </a:lnTo>
                    <a:lnTo>
                      <a:pt x="157" y="56"/>
                    </a:lnTo>
                    <a:lnTo>
                      <a:pt x="159" y="62"/>
                    </a:lnTo>
                    <a:lnTo>
                      <a:pt x="161" y="64"/>
                    </a:lnTo>
                    <a:lnTo>
                      <a:pt x="164" y="66"/>
                    </a:lnTo>
                    <a:lnTo>
                      <a:pt x="167" y="69"/>
                    </a:lnTo>
                    <a:lnTo>
                      <a:pt x="171" y="72"/>
                    </a:lnTo>
                    <a:lnTo>
                      <a:pt x="174" y="78"/>
                    </a:lnTo>
                    <a:lnTo>
                      <a:pt x="176" y="83"/>
                    </a:lnTo>
                    <a:lnTo>
                      <a:pt x="176" y="88"/>
                    </a:lnTo>
                    <a:lnTo>
                      <a:pt x="172" y="93"/>
                    </a:lnTo>
                    <a:lnTo>
                      <a:pt x="174" y="91"/>
                    </a:lnTo>
                    <a:lnTo>
                      <a:pt x="176" y="89"/>
                    </a:lnTo>
                    <a:lnTo>
                      <a:pt x="179" y="89"/>
                    </a:lnTo>
                    <a:lnTo>
                      <a:pt x="184" y="88"/>
                    </a:lnTo>
                    <a:lnTo>
                      <a:pt x="188" y="86"/>
                    </a:lnTo>
                    <a:lnTo>
                      <a:pt x="193" y="86"/>
                    </a:lnTo>
                    <a:lnTo>
                      <a:pt x="196" y="89"/>
                    </a:lnTo>
                    <a:lnTo>
                      <a:pt x="199" y="93"/>
                    </a:lnTo>
                    <a:lnTo>
                      <a:pt x="199" y="94"/>
                    </a:lnTo>
                    <a:lnTo>
                      <a:pt x="198" y="98"/>
                    </a:lnTo>
                    <a:lnTo>
                      <a:pt x="198" y="100"/>
                    </a:lnTo>
                    <a:lnTo>
                      <a:pt x="198" y="103"/>
                    </a:lnTo>
                    <a:lnTo>
                      <a:pt x="198" y="108"/>
                    </a:lnTo>
                    <a:lnTo>
                      <a:pt x="203" y="110"/>
                    </a:lnTo>
                    <a:lnTo>
                      <a:pt x="210" y="113"/>
                    </a:lnTo>
                    <a:lnTo>
                      <a:pt x="221" y="113"/>
                    </a:lnTo>
                    <a:lnTo>
                      <a:pt x="223" y="113"/>
                    </a:lnTo>
                    <a:lnTo>
                      <a:pt x="227" y="115"/>
                    </a:lnTo>
                    <a:lnTo>
                      <a:pt x="228" y="115"/>
                    </a:lnTo>
                    <a:lnTo>
                      <a:pt x="230" y="116"/>
                    </a:lnTo>
                    <a:lnTo>
                      <a:pt x="233" y="118"/>
                    </a:lnTo>
                    <a:lnTo>
                      <a:pt x="237" y="120"/>
                    </a:lnTo>
                    <a:lnTo>
                      <a:pt x="240" y="122"/>
                    </a:lnTo>
                    <a:lnTo>
                      <a:pt x="247" y="115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941" name="Group 76"/>
            <p:cNvGrpSpPr>
              <a:grpSpLocks/>
            </p:cNvGrpSpPr>
            <p:nvPr/>
          </p:nvGrpSpPr>
          <p:grpSpPr bwMode="auto">
            <a:xfrm>
              <a:off x="311" y="3378"/>
              <a:ext cx="744" cy="497"/>
              <a:chOff x="439" y="3034"/>
              <a:chExt cx="765" cy="512"/>
            </a:xfrm>
          </p:grpSpPr>
          <p:sp>
            <p:nvSpPr>
              <p:cNvPr id="1018" name="Freeform 77"/>
              <p:cNvSpPr>
                <a:spLocks/>
              </p:cNvSpPr>
              <p:nvPr/>
            </p:nvSpPr>
            <p:spPr bwMode="auto">
              <a:xfrm>
                <a:off x="659" y="3034"/>
                <a:ext cx="545" cy="452"/>
              </a:xfrm>
              <a:custGeom>
                <a:avLst/>
                <a:gdLst>
                  <a:gd name="T0" fmla="*/ 543 w 545"/>
                  <a:gd name="T1" fmla="*/ 329 h 452"/>
                  <a:gd name="T2" fmla="*/ 514 w 545"/>
                  <a:gd name="T3" fmla="*/ 312 h 452"/>
                  <a:gd name="T4" fmla="*/ 381 w 545"/>
                  <a:gd name="T5" fmla="*/ 266 h 452"/>
                  <a:gd name="T6" fmla="*/ 347 w 545"/>
                  <a:gd name="T7" fmla="*/ 266 h 452"/>
                  <a:gd name="T8" fmla="*/ 232 w 545"/>
                  <a:gd name="T9" fmla="*/ 17 h 452"/>
                  <a:gd name="T10" fmla="*/ 193 w 545"/>
                  <a:gd name="T11" fmla="*/ 16 h 452"/>
                  <a:gd name="T12" fmla="*/ 173 w 545"/>
                  <a:gd name="T13" fmla="*/ 17 h 452"/>
                  <a:gd name="T14" fmla="*/ 147 w 545"/>
                  <a:gd name="T15" fmla="*/ 9 h 452"/>
                  <a:gd name="T16" fmla="*/ 108 w 545"/>
                  <a:gd name="T17" fmla="*/ 11 h 452"/>
                  <a:gd name="T18" fmla="*/ 86 w 545"/>
                  <a:gd name="T19" fmla="*/ 22 h 452"/>
                  <a:gd name="T20" fmla="*/ 59 w 545"/>
                  <a:gd name="T21" fmla="*/ 46 h 452"/>
                  <a:gd name="T22" fmla="*/ 30 w 545"/>
                  <a:gd name="T23" fmla="*/ 83 h 452"/>
                  <a:gd name="T24" fmla="*/ 63 w 545"/>
                  <a:gd name="T25" fmla="*/ 116 h 452"/>
                  <a:gd name="T26" fmla="*/ 63 w 545"/>
                  <a:gd name="T27" fmla="*/ 122 h 452"/>
                  <a:gd name="T28" fmla="*/ 27 w 545"/>
                  <a:gd name="T29" fmla="*/ 134 h 452"/>
                  <a:gd name="T30" fmla="*/ 8 w 545"/>
                  <a:gd name="T31" fmla="*/ 139 h 452"/>
                  <a:gd name="T32" fmla="*/ 7 w 545"/>
                  <a:gd name="T33" fmla="*/ 165 h 452"/>
                  <a:gd name="T34" fmla="*/ 29 w 545"/>
                  <a:gd name="T35" fmla="*/ 183 h 452"/>
                  <a:gd name="T36" fmla="*/ 78 w 545"/>
                  <a:gd name="T37" fmla="*/ 175 h 452"/>
                  <a:gd name="T38" fmla="*/ 79 w 545"/>
                  <a:gd name="T39" fmla="*/ 205 h 452"/>
                  <a:gd name="T40" fmla="*/ 51 w 545"/>
                  <a:gd name="T41" fmla="*/ 226 h 452"/>
                  <a:gd name="T42" fmla="*/ 30 w 545"/>
                  <a:gd name="T43" fmla="*/ 232 h 452"/>
                  <a:gd name="T44" fmla="*/ 20 w 545"/>
                  <a:gd name="T45" fmla="*/ 248 h 452"/>
                  <a:gd name="T46" fmla="*/ 8 w 545"/>
                  <a:gd name="T47" fmla="*/ 266 h 452"/>
                  <a:gd name="T48" fmla="*/ 20 w 545"/>
                  <a:gd name="T49" fmla="*/ 278 h 452"/>
                  <a:gd name="T50" fmla="*/ 29 w 545"/>
                  <a:gd name="T51" fmla="*/ 303 h 452"/>
                  <a:gd name="T52" fmla="*/ 52 w 545"/>
                  <a:gd name="T53" fmla="*/ 314 h 452"/>
                  <a:gd name="T54" fmla="*/ 61 w 545"/>
                  <a:gd name="T55" fmla="*/ 312 h 452"/>
                  <a:gd name="T56" fmla="*/ 66 w 545"/>
                  <a:gd name="T57" fmla="*/ 336 h 452"/>
                  <a:gd name="T58" fmla="*/ 78 w 545"/>
                  <a:gd name="T59" fmla="*/ 341 h 452"/>
                  <a:gd name="T60" fmla="*/ 91 w 545"/>
                  <a:gd name="T61" fmla="*/ 339 h 452"/>
                  <a:gd name="T62" fmla="*/ 103 w 545"/>
                  <a:gd name="T63" fmla="*/ 352 h 452"/>
                  <a:gd name="T64" fmla="*/ 127 w 545"/>
                  <a:gd name="T65" fmla="*/ 342 h 452"/>
                  <a:gd name="T66" fmla="*/ 127 w 545"/>
                  <a:gd name="T67" fmla="*/ 352 h 452"/>
                  <a:gd name="T68" fmla="*/ 112 w 545"/>
                  <a:gd name="T69" fmla="*/ 391 h 452"/>
                  <a:gd name="T70" fmla="*/ 88 w 545"/>
                  <a:gd name="T71" fmla="*/ 412 h 452"/>
                  <a:gd name="T72" fmla="*/ 78 w 545"/>
                  <a:gd name="T73" fmla="*/ 430 h 452"/>
                  <a:gd name="T74" fmla="*/ 63 w 545"/>
                  <a:gd name="T75" fmla="*/ 425 h 452"/>
                  <a:gd name="T76" fmla="*/ 52 w 545"/>
                  <a:gd name="T77" fmla="*/ 446 h 452"/>
                  <a:gd name="T78" fmla="*/ 68 w 545"/>
                  <a:gd name="T79" fmla="*/ 437 h 452"/>
                  <a:gd name="T80" fmla="*/ 96 w 545"/>
                  <a:gd name="T81" fmla="*/ 434 h 452"/>
                  <a:gd name="T82" fmla="*/ 113 w 545"/>
                  <a:gd name="T83" fmla="*/ 415 h 452"/>
                  <a:gd name="T84" fmla="*/ 144 w 545"/>
                  <a:gd name="T85" fmla="*/ 381 h 452"/>
                  <a:gd name="T86" fmla="*/ 183 w 545"/>
                  <a:gd name="T87" fmla="*/ 339 h 452"/>
                  <a:gd name="T88" fmla="*/ 174 w 545"/>
                  <a:gd name="T89" fmla="*/ 322 h 452"/>
                  <a:gd name="T90" fmla="*/ 220 w 545"/>
                  <a:gd name="T91" fmla="*/ 264 h 452"/>
                  <a:gd name="T92" fmla="*/ 210 w 545"/>
                  <a:gd name="T93" fmla="*/ 298 h 452"/>
                  <a:gd name="T94" fmla="*/ 210 w 545"/>
                  <a:gd name="T95" fmla="*/ 317 h 452"/>
                  <a:gd name="T96" fmla="*/ 237 w 545"/>
                  <a:gd name="T97" fmla="*/ 300 h 452"/>
                  <a:gd name="T98" fmla="*/ 247 w 545"/>
                  <a:gd name="T99" fmla="*/ 286 h 452"/>
                  <a:gd name="T100" fmla="*/ 286 w 545"/>
                  <a:gd name="T101" fmla="*/ 278 h 452"/>
                  <a:gd name="T102" fmla="*/ 357 w 545"/>
                  <a:gd name="T103" fmla="*/ 276 h 452"/>
                  <a:gd name="T104" fmla="*/ 374 w 545"/>
                  <a:gd name="T105" fmla="*/ 280 h 452"/>
                  <a:gd name="T106" fmla="*/ 418 w 545"/>
                  <a:gd name="T107" fmla="*/ 295 h 452"/>
                  <a:gd name="T108" fmla="*/ 425 w 545"/>
                  <a:gd name="T109" fmla="*/ 278 h 452"/>
                  <a:gd name="T110" fmla="*/ 430 w 545"/>
                  <a:gd name="T111" fmla="*/ 264 h 452"/>
                  <a:gd name="T112" fmla="*/ 472 w 545"/>
                  <a:gd name="T113" fmla="*/ 300 h 452"/>
                  <a:gd name="T114" fmla="*/ 509 w 545"/>
                  <a:gd name="T115" fmla="*/ 322 h 452"/>
                  <a:gd name="T116" fmla="*/ 521 w 545"/>
                  <a:gd name="T117" fmla="*/ 322 h 452"/>
                  <a:gd name="T118" fmla="*/ 541 w 545"/>
                  <a:gd name="T119" fmla="*/ 349 h 452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w 545"/>
                  <a:gd name="T181" fmla="*/ 0 h 452"/>
                  <a:gd name="T182" fmla="*/ 545 w 545"/>
                  <a:gd name="T183" fmla="*/ 452 h 452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T180" t="T181" r="T182" b="T183"/>
                <a:pathLst>
                  <a:path w="545" h="452">
                    <a:moveTo>
                      <a:pt x="541" y="349"/>
                    </a:moveTo>
                    <a:lnTo>
                      <a:pt x="541" y="349"/>
                    </a:lnTo>
                    <a:lnTo>
                      <a:pt x="541" y="347"/>
                    </a:lnTo>
                    <a:lnTo>
                      <a:pt x="543" y="346"/>
                    </a:lnTo>
                    <a:lnTo>
                      <a:pt x="543" y="344"/>
                    </a:lnTo>
                    <a:lnTo>
                      <a:pt x="545" y="341"/>
                    </a:lnTo>
                    <a:lnTo>
                      <a:pt x="545" y="339"/>
                    </a:lnTo>
                    <a:lnTo>
                      <a:pt x="545" y="336"/>
                    </a:lnTo>
                    <a:lnTo>
                      <a:pt x="545" y="332"/>
                    </a:lnTo>
                    <a:lnTo>
                      <a:pt x="543" y="329"/>
                    </a:lnTo>
                    <a:lnTo>
                      <a:pt x="541" y="325"/>
                    </a:lnTo>
                    <a:lnTo>
                      <a:pt x="538" y="320"/>
                    </a:lnTo>
                    <a:lnTo>
                      <a:pt x="535" y="317"/>
                    </a:lnTo>
                    <a:lnTo>
                      <a:pt x="533" y="315"/>
                    </a:lnTo>
                    <a:lnTo>
                      <a:pt x="530" y="315"/>
                    </a:lnTo>
                    <a:lnTo>
                      <a:pt x="526" y="314"/>
                    </a:lnTo>
                    <a:lnTo>
                      <a:pt x="523" y="314"/>
                    </a:lnTo>
                    <a:lnTo>
                      <a:pt x="519" y="314"/>
                    </a:lnTo>
                    <a:lnTo>
                      <a:pt x="516" y="312"/>
                    </a:lnTo>
                    <a:lnTo>
                      <a:pt x="514" y="312"/>
                    </a:lnTo>
                    <a:lnTo>
                      <a:pt x="506" y="310"/>
                    </a:lnTo>
                    <a:lnTo>
                      <a:pt x="452" y="271"/>
                    </a:lnTo>
                    <a:lnTo>
                      <a:pt x="435" y="259"/>
                    </a:lnTo>
                    <a:lnTo>
                      <a:pt x="421" y="251"/>
                    </a:lnTo>
                    <a:lnTo>
                      <a:pt x="413" y="263"/>
                    </a:lnTo>
                    <a:lnTo>
                      <a:pt x="413" y="271"/>
                    </a:lnTo>
                    <a:lnTo>
                      <a:pt x="403" y="280"/>
                    </a:lnTo>
                    <a:lnTo>
                      <a:pt x="381" y="266"/>
                    </a:lnTo>
                    <a:lnTo>
                      <a:pt x="379" y="264"/>
                    </a:lnTo>
                    <a:lnTo>
                      <a:pt x="377" y="261"/>
                    </a:lnTo>
                    <a:lnTo>
                      <a:pt x="374" y="259"/>
                    </a:lnTo>
                    <a:lnTo>
                      <a:pt x="369" y="258"/>
                    </a:lnTo>
                    <a:lnTo>
                      <a:pt x="365" y="258"/>
                    </a:lnTo>
                    <a:lnTo>
                      <a:pt x="360" y="259"/>
                    </a:lnTo>
                    <a:lnTo>
                      <a:pt x="355" y="263"/>
                    </a:lnTo>
                    <a:lnTo>
                      <a:pt x="354" y="264"/>
                    </a:lnTo>
                    <a:lnTo>
                      <a:pt x="350" y="264"/>
                    </a:lnTo>
                    <a:lnTo>
                      <a:pt x="347" y="266"/>
                    </a:lnTo>
                    <a:lnTo>
                      <a:pt x="345" y="266"/>
                    </a:lnTo>
                    <a:lnTo>
                      <a:pt x="271" y="17"/>
                    </a:lnTo>
                    <a:lnTo>
                      <a:pt x="269" y="17"/>
                    </a:lnTo>
                    <a:lnTo>
                      <a:pt x="266" y="16"/>
                    </a:lnTo>
                    <a:lnTo>
                      <a:pt x="261" y="14"/>
                    </a:lnTo>
                    <a:lnTo>
                      <a:pt x="255" y="12"/>
                    </a:lnTo>
                    <a:lnTo>
                      <a:pt x="249" y="11"/>
                    </a:lnTo>
                    <a:lnTo>
                      <a:pt x="244" y="12"/>
                    </a:lnTo>
                    <a:lnTo>
                      <a:pt x="237" y="14"/>
                    </a:lnTo>
                    <a:lnTo>
                      <a:pt x="232" y="17"/>
                    </a:lnTo>
                    <a:lnTo>
                      <a:pt x="230" y="17"/>
                    </a:lnTo>
                    <a:lnTo>
                      <a:pt x="225" y="17"/>
                    </a:lnTo>
                    <a:lnTo>
                      <a:pt x="218" y="17"/>
                    </a:lnTo>
                    <a:lnTo>
                      <a:pt x="211" y="17"/>
                    </a:lnTo>
                    <a:lnTo>
                      <a:pt x="205" y="17"/>
                    </a:lnTo>
                    <a:lnTo>
                      <a:pt x="200" y="17"/>
                    </a:lnTo>
                    <a:lnTo>
                      <a:pt x="195" y="16"/>
                    </a:lnTo>
                    <a:lnTo>
                      <a:pt x="193" y="16"/>
                    </a:lnTo>
                    <a:lnTo>
                      <a:pt x="191" y="16"/>
                    </a:lnTo>
                    <a:lnTo>
                      <a:pt x="189" y="16"/>
                    </a:lnTo>
                    <a:lnTo>
                      <a:pt x="188" y="16"/>
                    </a:lnTo>
                    <a:lnTo>
                      <a:pt x="184" y="16"/>
                    </a:lnTo>
                    <a:lnTo>
                      <a:pt x="183" y="16"/>
                    </a:lnTo>
                    <a:lnTo>
                      <a:pt x="181" y="16"/>
                    </a:lnTo>
                    <a:lnTo>
                      <a:pt x="179" y="16"/>
                    </a:lnTo>
                    <a:lnTo>
                      <a:pt x="176" y="17"/>
                    </a:lnTo>
                    <a:lnTo>
                      <a:pt x="173" y="17"/>
                    </a:lnTo>
                    <a:lnTo>
                      <a:pt x="169" y="17"/>
                    </a:lnTo>
                    <a:lnTo>
                      <a:pt x="166" y="16"/>
                    </a:lnTo>
                    <a:lnTo>
                      <a:pt x="162" y="12"/>
                    </a:lnTo>
                    <a:lnTo>
                      <a:pt x="157" y="7"/>
                    </a:lnTo>
                    <a:lnTo>
                      <a:pt x="156" y="7"/>
                    </a:lnTo>
                    <a:lnTo>
                      <a:pt x="154" y="9"/>
                    </a:lnTo>
                    <a:lnTo>
                      <a:pt x="152" y="9"/>
                    </a:lnTo>
                    <a:lnTo>
                      <a:pt x="149" y="9"/>
                    </a:lnTo>
                    <a:lnTo>
                      <a:pt x="147" y="9"/>
                    </a:lnTo>
                    <a:lnTo>
                      <a:pt x="145" y="11"/>
                    </a:lnTo>
                    <a:lnTo>
                      <a:pt x="137" y="2"/>
                    </a:lnTo>
                    <a:lnTo>
                      <a:pt x="130" y="7"/>
                    </a:lnTo>
                    <a:lnTo>
                      <a:pt x="129" y="0"/>
                    </a:lnTo>
                    <a:lnTo>
                      <a:pt x="117" y="0"/>
                    </a:lnTo>
                    <a:lnTo>
                      <a:pt x="110" y="9"/>
                    </a:lnTo>
                    <a:lnTo>
                      <a:pt x="108" y="11"/>
                    </a:lnTo>
                    <a:lnTo>
                      <a:pt x="108" y="12"/>
                    </a:lnTo>
                    <a:lnTo>
                      <a:pt x="107" y="12"/>
                    </a:lnTo>
                    <a:lnTo>
                      <a:pt x="103" y="14"/>
                    </a:lnTo>
                    <a:lnTo>
                      <a:pt x="100" y="14"/>
                    </a:lnTo>
                    <a:lnTo>
                      <a:pt x="95" y="14"/>
                    </a:lnTo>
                    <a:lnTo>
                      <a:pt x="93" y="16"/>
                    </a:lnTo>
                    <a:lnTo>
                      <a:pt x="91" y="17"/>
                    </a:lnTo>
                    <a:lnTo>
                      <a:pt x="90" y="19"/>
                    </a:lnTo>
                    <a:lnTo>
                      <a:pt x="86" y="22"/>
                    </a:lnTo>
                    <a:lnTo>
                      <a:pt x="85" y="24"/>
                    </a:lnTo>
                    <a:lnTo>
                      <a:pt x="83" y="26"/>
                    </a:lnTo>
                    <a:lnTo>
                      <a:pt x="81" y="26"/>
                    </a:lnTo>
                    <a:lnTo>
                      <a:pt x="78" y="26"/>
                    </a:lnTo>
                    <a:lnTo>
                      <a:pt x="74" y="29"/>
                    </a:lnTo>
                    <a:lnTo>
                      <a:pt x="69" y="33"/>
                    </a:lnTo>
                    <a:lnTo>
                      <a:pt x="64" y="38"/>
                    </a:lnTo>
                    <a:lnTo>
                      <a:pt x="59" y="46"/>
                    </a:lnTo>
                    <a:lnTo>
                      <a:pt x="54" y="56"/>
                    </a:lnTo>
                    <a:lnTo>
                      <a:pt x="52" y="58"/>
                    </a:lnTo>
                    <a:lnTo>
                      <a:pt x="51" y="61"/>
                    </a:lnTo>
                    <a:lnTo>
                      <a:pt x="47" y="63"/>
                    </a:lnTo>
                    <a:lnTo>
                      <a:pt x="47" y="65"/>
                    </a:lnTo>
                    <a:lnTo>
                      <a:pt x="30" y="65"/>
                    </a:lnTo>
                    <a:lnTo>
                      <a:pt x="22" y="78"/>
                    </a:lnTo>
                    <a:lnTo>
                      <a:pt x="22" y="80"/>
                    </a:lnTo>
                    <a:lnTo>
                      <a:pt x="25" y="82"/>
                    </a:lnTo>
                    <a:lnTo>
                      <a:pt x="30" y="83"/>
                    </a:lnTo>
                    <a:lnTo>
                      <a:pt x="35" y="87"/>
                    </a:lnTo>
                    <a:lnTo>
                      <a:pt x="42" y="92"/>
                    </a:lnTo>
                    <a:lnTo>
                      <a:pt x="46" y="97"/>
                    </a:lnTo>
                    <a:lnTo>
                      <a:pt x="49" y="105"/>
                    </a:lnTo>
                    <a:lnTo>
                      <a:pt x="51" y="114"/>
                    </a:lnTo>
                    <a:lnTo>
                      <a:pt x="54" y="116"/>
                    </a:lnTo>
                    <a:lnTo>
                      <a:pt x="56" y="116"/>
                    </a:lnTo>
                    <a:lnTo>
                      <a:pt x="59" y="116"/>
                    </a:lnTo>
                    <a:lnTo>
                      <a:pt x="63" y="116"/>
                    </a:lnTo>
                    <a:lnTo>
                      <a:pt x="66" y="116"/>
                    </a:lnTo>
                    <a:lnTo>
                      <a:pt x="68" y="117"/>
                    </a:lnTo>
                    <a:lnTo>
                      <a:pt x="71" y="129"/>
                    </a:lnTo>
                    <a:lnTo>
                      <a:pt x="81" y="129"/>
                    </a:lnTo>
                    <a:lnTo>
                      <a:pt x="79" y="132"/>
                    </a:lnTo>
                    <a:lnTo>
                      <a:pt x="68" y="132"/>
                    </a:lnTo>
                    <a:lnTo>
                      <a:pt x="63" y="122"/>
                    </a:lnTo>
                    <a:lnTo>
                      <a:pt x="59" y="126"/>
                    </a:lnTo>
                    <a:lnTo>
                      <a:pt x="68" y="136"/>
                    </a:lnTo>
                    <a:lnTo>
                      <a:pt x="76" y="138"/>
                    </a:lnTo>
                    <a:lnTo>
                      <a:pt x="68" y="144"/>
                    </a:lnTo>
                    <a:lnTo>
                      <a:pt x="46" y="139"/>
                    </a:lnTo>
                    <a:lnTo>
                      <a:pt x="46" y="127"/>
                    </a:lnTo>
                    <a:lnTo>
                      <a:pt x="27" y="132"/>
                    </a:lnTo>
                    <a:lnTo>
                      <a:pt x="27" y="134"/>
                    </a:lnTo>
                    <a:lnTo>
                      <a:pt x="27" y="138"/>
                    </a:lnTo>
                    <a:lnTo>
                      <a:pt x="27" y="139"/>
                    </a:lnTo>
                    <a:lnTo>
                      <a:pt x="27" y="141"/>
                    </a:lnTo>
                    <a:lnTo>
                      <a:pt x="25" y="141"/>
                    </a:lnTo>
                    <a:lnTo>
                      <a:pt x="22" y="139"/>
                    </a:lnTo>
                    <a:lnTo>
                      <a:pt x="19" y="136"/>
                    </a:lnTo>
                    <a:lnTo>
                      <a:pt x="15" y="138"/>
                    </a:lnTo>
                    <a:lnTo>
                      <a:pt x="12" y="138"/>
                    </a:lnTo>
                    <a:lnTo>
                      <a:pt x="8" y="139"/>
                    </a:lnTo>
                    <a:lnTo>
                      <a:pt x="5" y="143"/>
                    </a:lnTo>
                    <a:lnTo>
                      <a:pt x="2" y="144"/>
                    </a:lnTo>
                    <a:lnTo>
                      <a:pt x="0" y="148"/>
                    </a:lnTo>
                    <a:lnTo>
                      <a:pt x="0" y="151"/>
                    </a:lnTo>
                    <a:lnTo>
                      <a:pt x="0" y="153"/>
                    </a:lnTo>
                    <a:lnTo>
                      <a:pt x="0" y="154"/>
                    </a:lnTo>
                    <a:lnTo>
                      <a:pt x="2" y="156"/>
                    </a:lnTo>
                    <a:lnTo>
                      <a:pt x="3" y="160"/>
                    </a:lnTo>
                    <a:lnTo>
                      <a:pt x="5" y="161"/>
                    </a:lnTo>
                    <a:lnTo>
                      <a:pt x="7" y="165"/>
                    </a:lnTo>
                    <a:lnTo>
                      <a:pt x="8" y="165"/>
                    </a:lnTo>
                    <a:lnTo>
                      <a:pt x="8" y="166"/>
                    </a:lnTo>
                    <a:lnTo>
                      <a:pt x="13" y="171"/>
                    </a:lnTo>
                    <a:lnTo>
                      <a:pt x="13" y="173"/>
                    </a:lnTo>
                    <a:lnTo>
                      <a:pt x="13" y="175"/>
                    </a:lnTo>
                    <a:lnTo>
                      <a:pt x="15" y="178"/>
                    </a:lnTo>
                    <a:lnTo>
                      <a:pt x="17" y="180"/>
                    </a:lnTo>
                    <a:lnTo>
                      <a:pt x="22" y="182"/>
                    </a:lnTo>
                    <a:lnTo>
                      <a:pt x="29" y="183"/>
                    </a:lnTo>
                    <a:lnTo>
                      <a:pt x="39" y="183"/>
                    </a:lnTo>
                    <a:lnTo>
                      <a:pt x="41" y="183"/>
                    </a:lnTo>
                    <a:lnTo>
                      <a:pt x="44" y="185"/>
                    </a:lnTo>
                    <a:lnTo>
                      <a:pt x="47" y="187"/>
                    </a:lnTo>
                    <a:lnTo>
                      <a:pt x="49" y="187"/>
                    </a:lnTo>
                    <a:lnTo>
                      <a:pt x="59" y="187"/>
                    </a:lnTo>
                    <a:lnTo>
                      <a:pt x="71" y="176"/>
                    </a:lnTo>
                    <a:lnTo>
                      <a:pt x="74" y="176"/>
                    </a:lnTo>
                    <a:lnTo>
                      <a:pt x="78" y="175"/>
                    </a:lnTo>
                    <a:lnTo>
                      <a:pt x="81" y="175"/>
                    </a:lnTo>
                    <a:lnTo>
                      <a:pt x="83" y="176"/>
                    </a:lnTo>
                    <a:lnTo>
                      <a:pt x="83" y="178"/>
                    </a:lnTo>
                    <a:lnTo>
                      <a:pt x="81" y="182"/>
                    </a:lnTo>
                    <a:lnTo>
                      <a:pt x="74" y="185"/>
                    </a:lnTo>
                    <a:lnTo>
                      <a:pt x="74" y="187"/>
                    </a:lnTo>
                    <a:lnTo>
                      <a:pt x="76" y="190"/>
                    </a:lnTo>
                    <a:lnTo>
                      <a:pt x="78" y="195"/>
                    </a:lnTo>
                    <a:lnTo>
                      <a:pt x="79" y="200"/>
                    </a:lnTo>
                    <a:lnTo>
                      <a:pt x="79" y="205"/>
                    </a:lnTo>
                    <a:lnTo>
                      <a:pt x="78" y="209"/>
                    </a:lnTo>
                    <a:lnTo>
                      <a:pt x="71" y="212"/>
                    </a:lnTo>
                    <a:lnTo>
                      <a:pt x="63" y="212"/>
                    </a:lnTo>
                    <a:lnTo>
                      <a:pt x="61" y="214"/>
                    </a:lnTo>
                    <a:lnTo>
                      <a:pt x="59" y="214"/>
                    </a:lnTo>
                    <a:lnTo>
                      <a:pt x="57" y="217"/>
                    </a:lnTo>
                    <a:lnTo>
                      <a:pt x="56" y="219"/>
                    </a:lnTo>
                    <a:lnTo>
                      <a:pt x="54" y="220"/>
                    </a:lnTo>
                    <a:lnTo>
                      <a:pt x="52" y="224"/>
                    </a:lnTo>
                    <a:lnTo>
                      <a:pt x="51" y="226"/>
                    </a:lnTo>
                    <a:lnTo>
                      <a:pt x="51" y="224"/>
                    </a:lnTo>
                    <a:lnTo>
                      <a:pt x="47" y="222"/>
                    </a:lnTo>
                    <a:lnTo>
                      <a:pt x="44" y="220"/>
                    </a:lnTo>
                    <a:lnTo>
                      <a:pt x="41" y="220"/>
                    </a:lnTo>
                    <a:lnTo>
                      <a:pt x="35" y="220"/>
                    </a:lnTo>
                    <a:lnTo>
                      <a:pt x="34" y="220"/>
                    </a:lnTo>
                    <a:lnTo>
                      <a:pt x="30" y="224"/>
                    </a:lnTo>
                    <a:lnTo>
                      <a:pt x="30" y="231"/>
                    </a:lnTo>
                    <a:lnTo>
                      <a:pt x="30" y="232"/>
                    </a:lnTo>
                    <a:lnTo>
                      <a:pt x="30" y="234"/>
                    </a:lnTo>
                    <a:lnTo>
                      <a:pt x="30" y="236"/>
                    </a:lnTo>
                    <a:lnTo>
                      <a:pt x="29" y="237"/>
                    </a:lnTo>
                    <a:lnTo>
                      <a:pt x="29" y="239"/>
                    </a:lnTo>
                    <a:lnTo>
                      <a:pt x="27" y="242"/>
                    </a:lnTo>
                    <a:lnTo>
                      <a:pt x="25" y="242"/>
                    </a:lnTo>
                    <a:lnTo>
                      <a:pt x="22" y="242"/>
                    </a:lnTo>
                    <a:lnTo>
                      <a:pt x="22" y="244"/>
                    </a:lnTo>
                    <a:lnTo>
                      <a:pt x="20" y="244"/>
                    </a:lnTo>
                    <a:lnTo>
                      <a:pt x="20" y="248"/>
                    </a:lnTo>
                    <a:lnTo>
                      <a:pt x="19" y="249"/>
                    </a:lnTo>
                    <a:lnTo>
                      <a:pt x="17" y="251"/>
                    </a:lnTo>
                    <a:lnTo>
                      <a:pt x="17" y="254"/>
                    </a:lnTo>
                    <a:lnTo>
                      <a:pt x="17" y="256"/>
                    </a:lnTo>
                    <a:lnTo>
                      <a:pt x="15" y="256"/>
                    </a:lnTo>
                    <a:lnTo>
                      <a:pt x="13" y="258"/>
                    </a:lnTo>
                    <a:lnTo>
                      <a:pt x="12" y="261"/>
                    </a:lnTo>
                    <a:lnTo>
                      <a:pt x="10" y="263"/>
                    </a:lnTo>
                    <a:lnTo>
                      <a:pt x="8" y="266"/>
                    </a:lnTo>
                    <a:lnTo>
                      <a:pt x="10" y="266"/>
                    </a:lnTo>
                    <a:lnTo>
                      <a:pt x="12" y="266"/>
                    </a:lnTo>
                    <a:lnTo>
                      <a:pt x="19" y="264"/>
                    </a:lnTo>
                    <a:lnTo>
                      <a:pt x="19" y="268"/>
                    </a:lnTo>
                    <a:lnTo>
                      <a:pt x="17" y="271"/>
                    </a:lnTo>
                    <a:lnTo>
                      <a:pt x="17" y="273"/>
                    </a:lnTo>
                    <a:lnTo>
                      <a:pt x="19" y="275"/>
                    </a:lnTo>
                    <a:lnTo>
                      <a:pt x="20" y="278"/>
                    </a:lnTo>
                    <a:lnTo>
                      <a:pt x="24" y="280"/>
                    </a:lnTo>
                    <a:lnTo>
                      <a:pt x="27" y="283"/>
                    </a:lnTo>
                    <a:lnTo>
                      <a:pt x="30" y="286"/>
                    </a:lnTo>
                    <a:lnTo>
                      <a:pt x="35" y="288"/>
                    </a:lnTo>
                    <a:lnTo>
                      <a:pt x="41" y="288"/>
                    </a:lnTo>
                    <a:lnTo>
                      <a:pt x="39" y="290"/>
                    </a:lnTo>
                    <a:lnTo>
                      <a:pt x="37" y="292"/>
                    </a:lnTo>
                    <a:lnTo>
                      <a:pt x="34" y="295"/>
                    </a:lnTo>
                    <a:lnTo>
                      <a:pt x="30" y="300"/>
                    </a:lnTo>
                    <a:lnTo>
                      <a:pt x="29" y="303"/>
                    </a:lnTo>
                    <a:lnTo>
                      <a:pt x="27" y="307"/>
                    </a:lnTo>
                    <a:lnTo>
                      <a:pt x="29" y="308"/>
                    </a:lnTo>
                    <a:lnTo>
                      <a:pt x="32" y="310"/>
                    </a:lnTo>
                    <a:lnTo>
                      <a:pt x="34" y="310"/>
                    </a:lnTo>
                    <a:lnTo>
                      <a:pt x="35" y="314"/>
                    </a:lnTo>
                    <a:lnTo>
                      <a:pt x="37" y="317"/>
                    </a:lnTo>
                    <a:lnTo>
                      <a:pt x="41" y="319"/>
                    </a:lnTo>
                    <a:lnTo>
                      <a:pt x="44" y="320"/>
                    </a:lnTo>
                    <a:lnTo>
                      <a:pt x="47" y="319"/>
                    </a:lnTo>
                    <a:lnTo>
                      <a:pt x="52" y="314"/>
                    </a:lnTo>
                    <a:lnTo>
                      <a:pt x="56" y="305"/>
                    </a:lnTo>
                    <a:lnTo>
                      <a:pt x="57" y="303"/>
                    </a:lnTo>
                    <a:lnTo>
                      <a:pt x="59" y="300"/>
                    </a:lnTo>
                    <a:lnTo>
                      <a:pt x="59" y="298"/>
                    </a:lnTo>
                    <a:lnTo>
                      <a:pt x="59" y="300"/>
                    </a:lnTo>
                    <a:lnTo>
                      <a:pt x="59" y="302"/>
                    </a:lnTo>
                    <a:lnTo>
                      <a:pt x="59" y="305"/>
                    </a:lnTo>
                    <a:lnTo>
                      <a:pt x="59" y="308"/>
                    </a:lnTo>
                    <a:lnTo>
                      <a:pt x="61" y="312"/>
                    </a:lnTo>
                    <a:lnTo>
                      <a:pt x="63" y="315"/>
                    </a:lnTo>
                    <a:lnTo>
                      <a:pt x="64" y="319"/>
                    </a:lnTo>
                    <a:lnTo>
                      <a:pt x="68" y="322"/>
                    </a:lnTo>
                    <a:lnTo>
                      <a:pt x="69" y="322"/>
                    </a:lnTo>
                    <a:lnTo>
                      <a:pt x="69" y="324"/>
                    </a:lnTo>
                    <a:lnTo>
                      <a:pt x="69" y="327"/>
                    </a:lnTo>
                    <a:lnTo>
                      <a:pt x="68" y="329"/>
                    </a:lnTo>
                    <a:lnTo>
                      <a:pt x="68" y="332"/>
                    </a:lnTo>
                    <a:lnTo>
                      <a:pt x="66" y="334"/>
                    </a:lnTo>
                    <a:lnTo>
                      <a:pt x="66" y="336"/>
                    </a:lnTo>
                    <a:lnTo>
                      <a:pt x="64" y="346"/>
                    </a:lnTo>
                    <a:lnTo>
                      <a:pt x="64" y="347"/>
                    </a:lnTo>
                    <a:lnTo>
                      <a:pt x="66" y="351"/>
                    </a:lnTo>
                    <a:lnTo>
                      <a:pt x="66" y="352"/>
                    </a:lnTo>
                    <a:lnTo>
                      <a:pt x="68" y="352"/>
                    </a:lnTo>
                    <a:lnTo>
                      <a:pt x="69" y="352"/>
                    </a:lnTo>
                    <a:lnTo>
                      <a:pt x="73" y="349"/>
                    </a:lnTo>
                    <a:lnTo>
                      <a:pt x="78" y="341"/>
                    </a:lnTo>
                    <a:lnTo>
                      <a:pt x="79" y="341"/>
                    </a:lnTo>
                    <a:lnTo>
                      <a:pt x="79" y="339"/>
                    </a:lnTo>
                    <a:lnTo>
                      <a:pt x="79" y="336"/>
                    </a:lnTo>
                    <a:lnTo>
                      <a:pt x="81" y="334"/>
                    </a:lnTo>
                    <a:lnTo>
                      <a:pt x="83" y="336"/>
                    </a:lnTo>
                    <a:lnTo>
                      <a:pt x="86" y="337"/>
                    </a:lnTo>
                    <a:lnTo>
                      <a:pt x="90" y="341"/>
                    </a:lnTo>
                    <a:lnTo>
                      <a:pt x="91" y="341"/>
                    </a:lnTo>
                    <a:lnTo>
                      <a:pt x="91" y="339"/>
                    </a:lnTo>
                    <a:lnTo>
                      <a:pt x="91" y="337"/>
                    </a:lnTo>
                    <a:lnTo>
                      <a:pt x="93" y="336"/>
                    </a:lnTo>
                    <a:lnTo>
                      <a:pt x="93" y="334"/>
                    </a:lnTo>
                    <a:lnTo>
                      <a:pt x="95" y="336"/>
                    </a:lnTo>
                    <a:lnTo>
                      <a:pt x="96" y="337"/>
                    </a:lnTo>
                    <a:lnTo>
                      <a:pt x="98" y="344"/>
                    </a:lnTo>
                    <a:lnTo>
                      <a:pt x="100" y="346"/>
                    </a:lnTo>
                    <a:lnTo>
                      <a:pt x="100" y="347"/>
                    </a:lnTo>
                    <a:lnTo>
                      <a:pt x="101" y="351"/>
                    </a:lnTo>
                    <a:lnTo>
                      <a:pt x="103" y="352"/>
                    </a:lnTo>
                    <a:lnTo>
                      <a:pt x="105" y="354"/>
                    </a:lnTo>
                    <a:lnTo>
                      <a:pt x="107" y="352"/>
                    </a:lnTo>
                    <a:lnTo>
                      <a:pt x="108" y="351"/>
                    </a:lnTo>
                    <a:lnTo>
                      <a:pt x="108" y="344"/>
                    </a:lnTo>
                    <a:lnTo>
                      <a:pt x="110" y="344"/>
                    </a:lnTo>
                    <a:lnTo>
                      <a:pt x="113" y="346"/>
                    </a:lnTo>
                    <a:lnTo>
                      <a:pt x="117" y="346"/>
                    </a:lnTo>
                    <a:lnTo>
                      <a:pt x="122" y="346"/>
                    </a:lnTo>
                    <a:lnTo>
                      <a:pt x="127" y="342"/>
                    </a:lnTo>
                    <a:lnTo>
                      <a:pt x="132" y="337"/>
                    </a:lnTo>
                    <a:lnTo>
                      <a:pt x="139" y="329"/>
                    </a:lnTo>
                    <a:lnTo>
                      <a:pt x="137" y="332"/>
                    </a:lnTo>
                    <a:lnTo>
                      <a:pt x="135" y="336"/>
                    </a:lnTo>
                    <a:lnTo>
                      <a:pt x="134" y="341"/>
                    </a:lnTo>
                    <a:lnTo>
                      <a:pt x="130" y="344"/>
                    </a:lnTo>
                    <a:lnTo>
                      <a:pt x="130" y="347"/>
                    </a:lnTo>
                    <a:lnTo>
                      <a:pt x="129" y="351"/>
                    </a:lnTo>
                    <a:lnTo>
                      <a:pt x="127" y="352"/>
                    </a:lnTo>
                    <a:lnTo>
                      <a:pt x="127" y="358"/>
                    </a:lnTo>
                    <a:lnTo>
                      <a:pt x="125" y="364"/>
                    </a:lnTo>
                    <a:lnTo>
                      <a:pt x="125" y="371"/>
                    </a:lnTo>
                    <a:lnTo>
                      <a:pt x="122" y="378"/>
                    </a:lnTo>
                    <a:lnTo>
                      <a:pt x="120" y="383"/>
                    </a:lnTo>
                    <a:lnTo>
                      <a:pt x="117" y="388"/>
                    </a:lnTo>
                    <a:lnTo>
                      <a:pt x="112" y="390"/>
                    </a:lnTo>
                    <a:lnTo>
                      <a:pt x="112" y="391"/>
                    </a:lnTo>
                    <a:lnTo>
                      <a:pt x="113" y="391"/>
                    </a:lnTo>
                    <a:lnTo>
                      <a:pt x="113" y="393"/>
                    </a:lnTo>
                    <a:lnTo>
                      <a:pt x="112" y="396"/>
                    </a:lnTo>
                    <a:lnTo>
                      <a:pt x="110" y="398"/>
                    </a:lnTo>
                    <a:lnTo>
                      <a:pt x="107" y="402"/>
                    </a:lnTo>
                    <a:lnTo>
                      <a:pt x="100" y="405"/>
                    </a:lnTo>
                    <a:lnTo>
                      <a:pt x="96" y="407"/>
                    </a:lnTo>
                    <a:lnTo>
                      <a:pt x="91" y="408"/>
                    </a:lnTo>
                    <a:lnTo>
                      <a:pt x="88" y="412"/>
                    </a:lnTo>
                    <a:lnTo>
                      <a:pt x="85" y="413"/>
                    </a:lnTo>
                    <a:lnTo>
                      <a:pt x="83" y="418"/>
                    </a:lnTo>
                    <a:lnTo>
                      <a:pt x="83" y="422"/>
                    </a:lnTo>
                    <a:lnTo>
                      <a:pt x="85" y="425"/>
                    </a:lnTo>
                    <a:lnTo>
                      <a:pt x="85" y="427"/>
                    </a:lnTo>
                    <a:lnTo>
                      <a:pt x="85" y="429"/>
                    </a:lnTo>
                    <a:lnTo>
                      <a:pt x="83" y="430"/>
                    </a:lnTo>
                    <a:lnTo>
                      <a:pt x="81" y="430"/>
                    </a:lnTo>
                    <a:lnTo>
                      <a:pt x="79" y="432"/>
                    </a:lnTo>
                    <a:lnTo>
                      <a:pt x="78" y="430"/>
                    </a:lnTo>
                    <a:lnTo>
                      <a:pt x="76" y="429"/>
                    </a:lnTo>
                    <a:lnTo>
                      <a:pt x="76" y="424"/>
                    </a:lnTo>
                    <a:lnTo>
                      <a:pt x="74" y="424"/>
                    </a:lnTo>
                    <a:lnTo>
                      <a:pt x="71" y="424"/>
                    </a:lnTo>
                    <a:lnTo>
                      <a:pt x="69" y="424"/>
                    </a:lnTo>
                    <a:lnTo>
                      <a:pt x="68" y="425"/>
                    </a:lnTo>
                    <a:lnTo>
                      <a:pt x="64" y="425"/>
                    </a:lnTo>
                    <a:lnTo>
                      <a:pt x="63" y="425"/>
                    </a:lnTo>
                    <a:lnTo>
                      <a:pt x="46" y="442"/>
                    </a:lnTo>
                    <a:lnTo>
                      <a:pt x="44" y="442"/>
                    </a:lnTo>
                    <a:lnTo>
                      <a:pt x="44" y="444"/>
                    </a:lnTo>
                    <a:lnTo>
                      <a:pt x="42" y="447"/>
                    </a:lnTo>
                    <a:lnTo>
                      <a:pt x="41" y="449"/>
                    </a:lnTo>
                    <a:lnTo>
                      <a:pt x="41" y="452"/>
                    </a:lnTo>
                    <a:lnTo>
                      <a:pt x="42" y="452"/>
                    </a:lnTo>
                    <a:lnTo>
                      <a:pt x="44" y="451"/>
                    </a:lnTo>
                    <a:lnTo>
                      <a:pt x="51" y="447"/>
                    </a:lnTo>
                    <a:lnTo>
                      <a:pt x="52" y="446"/>
                    </a:lnTo>
                    <a:lnTo>
                      <a:pt x="56" y="444"/>
                    </a:lnTo>
                    <a:lnTo>
                      <a:pt x="57" y="440"/>
                    </a:lnTo>
                    <a:lnTo>
                      <a:pt x="61" y="439"/>
                    </a:lnTo>
                    <a:lnTo>
                      <a:pt x="64" y="435"/>
                    </a:lnTo>
                    <a:lnTo>
                      <a:pt x="66" y="434"/>
                    </a:lnTo>
                    <a:lnTo>
                      <a:pt x="68" y="432"/>
                    </a:lnTo>
                    <a:lnTo>
                      <a:pt x="68" y="434"/>
                    </a:lnTo>
                    <a:lnTo>
                      <a:pt x="68" y="437"/>
                    </a:lnTo>
                    <a:lnTo>
                      <a:pt x="68" y="439"/>
                    </a:lnTo>
                    <a:lnTo>
                      <a:pt x="69" y="440"/>
                    </a:lnTo>
                    <a:lnTo>
                      <a:pt x="73" y="440"/>
                    </a:lnTo>
                    <a:lnTo>
                      <a:pt x="78" y="439"/>
                    </a:lnTo>
                    <a:lnTo>
                      <a:pt x="86" y="434"/>
                    </a:lnTo>
                    <a:lnTo>
                      <a:pt x="88" y="430"/>
                    </a:lnTo>
                    <a:lnTo>
                      <a:pt x="90" y="429"/>
                    </a:lnTo>
                    <a:lnTo>
                      <a:pt x="91" y="429"/>
                    </a:lnTo>
                    <a:lnTo>
                      <a:pt x="95" y="434"/>
                    </a:lnTo>
                    <a:lnTo>
                      <a:pt x="96" y="434"/>
                    </a:lnTo>
                    <a:lnTo>
                      <a:pt x="96" y="432"/>
                    </a:lnTo>
                    <a:lnTo>
                      <a:pt x="96" y="430"/>
                    </a:lnTo>
                    <a:lnTo>
                      <a:pt x="98" y="427"/>
                    </a:lnTo>
                    <a:lnTo>
                      <a:pt x="101" y="424"/>
                    </a:lnTo>
                    <a:lnTo>
                      <a:pt x="105" y="422"/>
                    </a:lnTo>
                    <a:lnTo>
                      <a:pt x="110" y="420"/>
                    </a:lnTo>
                    <a:lnTo>
                      <a:pt x="117" y="420"/>
                    </a:lnTo>
                    <a:lnTo>
                      <a:pt x="117" y="418"/>
                    </a:lnTo>
                    <a:lnTo>
                      <a:pt x="115" y="418"/>
                    </a:lnTo>
                    <a:lnTo>
                      <a:pt x="113" y="415"/>
                    </a:lnTo>
                    <a:lnTo>
                      <a:pt x="113" y="413"/>
                    </a:lnTo>
                    <a:lnTo>
                      <a:pt x="115" y="408"/>
                    </a:lnTo>
                    <a:lnTo>
                      <a:pt x="120" y="405"/>
                    </a:lnTo>
                    <a:lnTo>
                      <a:pt x="127" y="398"/>
                    </a:lnTo>
                    <a:lnTo>
                      <a:pt x="139" y="391"/>
                    </a:lnTo>
                    <a:lnTo>
                      <a:pt x="140" y="391"/>
                    </a:lnTo>
                    <a:lnTo>
                      <a:pt x="139" y="390"/>
                    </a:lnTo>
                    <a:lnTo>
                      <a:pt x="139" y="388"/>
                    </a:lnTo>
                    <a:lnTo>
                      <a:pt x="140" y="385"/>
                    </a:lnTo>
                    <a:lnTo>
                      <a:pt x="144" y="381"/>
                    </a:lnTo>
                    <a:lnTo>
                      <a:pt x="151" y="374"/>
                    </a:lnTo>
                    <a:lnTo>
                      <a:pt x="161" y="366"/>
                    </a:lnTo>
                    <a:lnTo>
                      <a:pt x="174" y="354"/>
                    </a:lnTo>
                    <a:lnTo>
                      <a:pt x="176" y="352"/>
                    </a:lnTo>
                    <a:lnTo>
                      <a:pt x="178" y="347"/>
                    </a:lnTo>
                    <a:lnTo>
                      <a:pt x="178" y="344"/>
                    </a:lnTo>
                    <a:lnTo>
                      <a:pt x="179" y="342"/>
                    </a:lnTo>
                    <a:lnTo>
                      <a:pt x="181" y="341"/>
                    </a:lnTo>
                    <a:lnTo>
                      <a:pt x="183" y="339"/>
                    </a:lnTo>
                    <a:lnTo>
                      <a:pt x="183" y="337"/>
                    </a:lnTo>
                    <a:lnTo>
                      <a:pt x="184" y="336"/>
                    </a:lnTo>
                    <a:lnTo>
                      <a:pt x="183" y="332"/>
                    </a:lnTo>
                    <a:lnTo>
                      <a:pt x="181" y="330"/>
                    </a:lnTo>
                    <a:lnTo>
                      <a:pt x="174" y="330"/>
                    </a:lnTo>
                    <a:lnTo>
                      <a:pt x="173" y="330"/>
                    </a:lnTo>
                    <a:lnTo>
                      <a:pt x="173" y="329"/>
                    </a:lnTo>
                    <a:lnTo>
                      <a:pt x="173" y="327"/>
                    </a:lnTo>
                    <a:lnTo>
                      <a:pt x="174" y="322"/>
                    </a:lnTo>
                    <a:lnTo>
                      <a:pt x="178" y="317"/>
                    </a:lnTo>
                    <a:lnTo>
                      <a:pt x="183" y="310"/>
                    </a:lnTo>
                    <a:lnTo>
                      <a:pt x="191" y="302"/>
                    </a:lnTo>
                    <a:lnTo>
                      <a:pt x="193" y="298"/>
                    </a:lnTo>
                    <a:lnTo>
                      <a:pt x="195" y="293"/>
                    </a:lnTo>
                    <a:lnTo>
                      <a:pt x="196" y="285"/>
                    </a:lnTo>
                    <a:lnTo>
                      <a:pt x="200" y="276"/>
                    </a:lnTo>
                    <a:lnTo>
                      <a:pt x="205" y="268"/>
                    </a:lnTo>
                    <a:lnTo>
                      <a:pt x="211" y="264"/>
                    </a:lnTo>
                    <a:lnTo>
                      <a:pt x="220" y="264"/>
                    </a:lnTo>
                    <a:lnTo>
                      <a:pt x="230" y="271"/>
                    </a:lnTo>
                    <a:lnTo>
                      <a:pt x="228" y="271"/>
                    </a:lnTo>
                    <a:lnTo>
                      <a:pt x="225" y="271"/>
                    </a:lnTo>
                    <a:lnTo>
                      <a:pt x="220" y="273"/>
                    </a:lnTo>
                    <a:lnTo>
                      <a:pt x="213" y="273"/>
                    </a:lnTo>
                    <a:lnTo>
                      <a:pt x="210" y="276"/>
                    </a:lnTo>
                    <a:lnTo>
                      <a:pt x="206" y="281"/>
                    </a:lnTo>
                    <a:lnTo>
                      <a:pt x="206" y="288"/>
                    </a:lnTo>
                    <a:lnTo>
                      <a:pt x="210" y="297"/>
                    </a:lnTo>
                    <a:lnTo>
                      <a:pt x="210" y="298"/>
                    </a:lnTo>
                    <a:lnTo>
                      <a:pt x="208" y="302"/>
                    </a:lnTo>
                    <a:lnTo>
                      <a:pt x="205" y="305"/>
                    </a:lnTo>
                    <a:lnTo>
                      <a:pt x="203" y="308"/>
                    </a:lnTo>
                    <a:lnTo>
                      <a:pt x="203" y="310"/>
                    </a:lnTo>
                    <a:lnTo>
                      <a:pt x="205" y="312"/>
                    </a:lnTo>
                    <a:lnTo>
                      <a:pt x="208" y="310"/>
                    </a:lnTo>
                    <a:lnTo>
                      <a:pt x="215" y="307"/>
                    </a:lnTo>
                    <a:lnTo>
                      <a:pt x="213" y="308"/>
                    </a:lnTo>
                    <a:lnTo>
                      <a:pt x="211" y="312"/>
                    </a:lnTo>
                    <a:lnTo>
                      <a:pt x="210" y="317"/>
                    </a:lnTo>
                    <a:lnTo>
                      <a:pt x="208" y="320"/>
                    </a:lnTo>
                    <a:lnTo>
                      <a:pt x="208" y="324"/>
                    </a:lnTo>
                    <a:lnTo>
                      <a:pt x="210" y="322"/>
                    </a:lnTo>
                    <a:lnTo>
                      <a:pt x="217" y="319"/>
                    </a:lnTo>
                    <a:lnTo>
                      <a:pt x="227" y="308"/>
                    </a:lnTo>
                    <a:lnTo>
                      <a:pt x="227" y="307"/>
                    </a:lnTo>
                    <a:lnTo>
                      <a:pt x="230" y="305"/>
                    </a:lnTo>
                    <a:lnTo>
                      <a:pt x="232" y="303"/>
                    </a:lnTo>
                    <a:lnTo>
                      <a:pt x="233" y="302"/>
                    </a:lnTo>
                    <a:lnTo>
                      <a:pt x="237" y="300"/>
                    </a:lnTo>
                    <a:lnTo>
                      <a:pt x="239" y="298"/>
                    </a:lnTo>
                    <a:lnTo>
                      <a:pt x="240" y="297"/>
                    </a:lnTo>
                    <a:lnTo>
                      <a:pt x="242" y="297"/>
                    </a:lnTo>
                    <a:lnTo>
                      <a:pt x="244" y="297"/>
                    </a:lnTo>
                    <a:lnTo>
                      <a:pt x="245" y="295"/>
                    </a:lnTo>
                    <a:lnTo>
                      <a:pt x="247" y="293"/>
                    </a:lnTo>
                    <a:lnTo>
                      <a:pt x="249" y="290"/>
                    </a:lnTo>
                    <a:lnTo>
                      <a:pt x="247" y="286"/>
                    </a:lnTo>
                    <a:lnTo>
                      <a:pt x="245" y="281"/>
                    </a:lnTo>
                    <a:lnTo>
                      <a:pt x="245" y="280"/>
                    </a:lnTo>
                    <a:lnTo>
                      <a:pt x="244" y="276"/>
                    </a:lnTo>
                    <a:lnTo>
                      <a:pt x="242" y="273"/>
                    </a:lnTo>
                    <a:lnTo>
                      <a:pt x="240" y="271"/>
                    </a:lnTo>
                    <a:lnTo>
                      <a:pt x="250" y="264"/>
                    </a:lnTo>
                    <a:lnTo>
                      <a:pt x="255" y="268"/>
                    </a:lnTo>
                    <a:lnTo>
                      <a:pt x="266" y="263"/>
                    </a:lnTo>
                    <a:lnTo>
                      <a:pt x="281" y="271"/>
                    </a:lnTo>
                    <a:lnTo>
                      <a:pt x="286" y="278"/>
                    </a:lnTo>
                    <a:lnTo>
                      <a:pt x="293" y="270"/>
                    </a:lnTo>
                    <a:lnTo>
                      <a:pt x="303" y="286"/>
                    </a:lnTo>
                    <a:lnTo>
                      <a:pt x="305" y="285"/>
                    </a:lnTo>
                    <a:lnTo>
                      <a:pt x="310" y="281"/>
                    </a:lnTo>
                    <a:lnTo>
                      <a:pt x="315" y="278"/>
                    </a:lnTo>
                    <a:lnTo>
                      <a:pt x="323" y="276"/>
                    </a:lnTo>
                    <a:lnTo>
                      <a:pt x="333" y="275"/>
                    </a:lnTo>
                    <a:lnTo>
                      <a:pt x="343" y="275"/>
                    </a:lnTo>
                    <a:lnTo>
                      <a:pt x="357" y="276"/>
                    </a:lnTo>
                    <a:lnTo>
                      <a:pt x="359" y="276"/>
                    </a:lnTo>
                    <a:lnTo>
                      <a:pt x="360" y="275"/>
                    </a:lnTo>
                    <a:lnTo>
                      <a:pt x="362" y="273"/>
                    </a:lnTo>
                    <a:lnTo>
                      <a:pt x="364" y="271"/>
                    </a:lnTo>
                    <a:lnTo>
                      <a:pt x="365" y="271"/>
                    </a:lnTo>
                    <a:lnTo>
                      <a:pt x="369" y="271"/>
                    </a:lnTo>
                    <a:lnTo>
                      <a:pt x="371" y="275"/>
                    </a:lnTo>
                    <a:lnTo>
                      <a:pt x="371" y="278"/>
                    </a:lnTo>
                    <a:lnTo>
                      <a:pt x="371" y="280"/>
                    </a:lnTo>
                    <a:lnTo>
                      <a:pt x="374" y="280"/>
                    </a:lnTo>
                    <a:lnTo>
                      <a:pt x="377" y="281"/>
                    </a:lnTo>
                    <a:lnTo>
                      <a:pt x="381" y="281"/>
                    </a:lnTo>
                    <a:lnTo>
                      <a:pt x="384" y="281"/>
                    </a:lnTo>
                    <a:lnTo>
                      <a:pt x="387" y="283"/>
                    </a:lnTo>
                    <a:lnTo>
                      <a:pt x="389" y="283"/>
                    </a:lnTo>
                    <a:lnTo>
                      <a:pt x="391" y="283"/>
                    </a:lnTo>
                    <a:lnTo>
                      <a:pt x="411" y="295"/>
                    </a:lnTo>
                    <a:lnTo>
                      <a:pt x="413" y="295"/>
                    </a:lnTo>
                    <a:lnTo>
                      <a:pt x="415" y="295"/>
                    </a:lnTo>
                    <a:lnTo>
                      <a:pt x="418" y="295"/>
                    </a:lnTo>
                    <a:lnTo>
                      <a:pt x="421" y="295"/>
                    </a:lnTo>
                    <a:lnTo>
                      <a:pt x="425" y="295"/>
                    </a:lnTo>
                    <a:lnTo>
                      <a:pt x="425" y="292"/>
                    </a:lnTo>
                    <a:lnTo>
                      <a:pt x="423" y="288"/>
                    </a:lnTo>
                    <a:lnTo>
                      <a:pt x="416" y="280"/>
                    </a:lnTo>
                    <a:lnTo>
                      <a:pt x="418" y="280"/>
                    </a:lnTo>
                    <a:lnTo>
                      <a:pt x="420" y="278"/>
                    </a:lnTo>
                    <a:lnTo>
                      <a:pt x="423" y="276"/>
                    </a:lnTo>
                    <a:lnTo>
                      <a:pt x="425" y="278"/>
                    </a:lnTo>
                    <a:lnTo>
                      <a:pt x="428" y="280"/>
                    </a:lnTo>
                    <a:lnTo>
                      <a:pt x="431" y="283"/>
                    </a:lnTo>
                    <a:lnTo>
                      <a:pt x="435" y="286"/>
                    </a:lnTo>
                    <a:lnTo>
                      <a:pt x="438" y="288"/>
                    </a:lnTo>
                    <a:lnTo>
                      <a:pt x="438" y="286"/>
                    </a:lnTo>
                    <a:lnTo>
                      <a:pt x="435" y="281"/>
                    </a:lnTo>
                    <a:lnTo>
                      <a:pt x="430" y="271"/>
                    </a:lnTo>
                    <a:lnTo>
                      <a:pt x="428" y="270"/>
                    </a:lnTo>
                    <a:lnTo>
                      <a:pt x="430" y="266"/>
                    </a:lnTo>
                    <a:lnTo>
                      <a:pt x="430" y="264"/>
                    </a:lnTo>
                    <a:lnTo>
                      <a:pt x="431" y="264"/>
                    </a:lnTo>
                    <a:lnTo>
                      <a:pt x="445" y="283"/>
                    </a:lnTo>
                    <a:lnTo>
                      <a:pt x="455" y="280"/>
                    </a:lnTo>
                    <a:lnTo>
                      <a:pt x="455" y="281"/>
                    </a:lnTo>
                    <a:lnTo>
                      <a:pt x="457" y="281"/>
                    </a:lnTo>
                    <a:lnTo>
                      <a:pt x="460" y="283"/>
                    </a:lnTo>
                    <a:lnTo>
                      <a:pt x="462" y="286"/>
                    </a:lnTo>
                    <a:lnTo>
                      <a:pt x="465" y="290"/>
                    </a:lnTo>
                    <a:lnTo>
                      <a:pt x="469" y="295"/>
                    </a:lnTo>
                    <a:lnTo>
                      <a:pt x="472" y="300"/>
                    </a:lnTo>
                    <a:lnTo>
                      <a:pt x="475" y="305"/>
                    </a:lnTo>
                    <a:lnTo>
                      <a:pt x="479" y="312"/>
                    </a:lnTo>
                    <a:lnTo>
                      <a:pt x="482" y="314"/>
                    </a:lnTo>
                    <a:lnTo>
                      <a:pt x="484" y="314"/>
                    </a:lnTo>
                    <a:lnTo>
                      <a:pt x="486" y="312"/>
                    </a:lnTo>
                    <a:lnTo>
                      <a:pt x="487" y="310"/>
                    </a:lnTo>
                    <a:lnTo>
                      <a:pt x="487" y="308"/>
                    </a:lnTo>
                    <a:lnTo>
                      <a:pt x="487" y="307"/>
                    </a:lnTo>
                    <a:lnTo>
                      <a:pt x="509" y="322"/>
                    </a:lnTo>
                    <a:lnTo>
                      <a:pt x="508" y="325"/>
                    </a:lnTo>
                    <a:lnTo>
                      <a:pt x="508" y="327"/>
                    </a:lnTo>
                    <a:lnTo>
                      <a:pt x="508" y="330"/>
                    </a:lnTo>
                    <a:lnTo>
                      <a:pt x="508" y="332"/>
                    </a:lnTo>
                    <a:lnTo>
                      <a:pt x="509" y="332"/>
                    </a:lnTo>
                    <a:lnTo>
                      <a:pt x="514" y="329"/>
                    </a:lnTo>
                    <a:lnTo>
                      <a:pt x="519" y="324"/>
                    </a:lnTo>
                    <a:lnTo>
                      <a:pt x="521" y="322"/>
                    </a:lnTo>
                    <a:lnTo>
                      <a:pt x="523" y="322"/>
                    </a:lnTo>
                    <a:lnTo>
                      <a:pt x="525" y="324"/>
                    </a:lnTo>
                    <a:lnTo>
                      <a:pt x="528" y="325"/>
                    </a:lnTo>
                    <a:lnTo>
                      <a:pt x="531" y="330"/>
                    </a:lnTo>
                    <a:lnTo>
                      <a:pt x="535" y="339"/>
                    </a:lnTo>
                    <a:lnTo>
                      <a:pt x="536" y="341"/>
                    </a:lnTo>
                    <a:lnTo>
                      <a:pt x="538" y="344"/>
                    </a:lnTo>
                    <a:lnTo>
                      <a:pt x="540" y="347"/>
                    </a:lnTo>
                    <a:lnTo>
                      <a:pt x="541" y="349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19" name="Freeform 78"/>
              <p:cNvSpPr>
                <a:spLocks/>
              </p:cNvSpPr>
              <p:nvPr/>
            </p:nvSpPr>
            <p:spPr bwMode="auto">
              <a:xfrm>
                <a:off x="659" y="3034"/>
                <a:ext cx="545" cy="452"/>
              </a:xfrm>
              <a:custGeom>
                <a:avLst/>
                <a:gdLst>
                  <a:gd name="T0" fmla="*/ 545 w 545"/>
                  <a:gd name="T1" fmla="*/ 332 h 452"/>
                  <a:gd name="T2" fmla="*/ 516 w 545"/>
                  <a:gd name="T3" fmla="*/ 312 h 452"/>
                  <a:gd name="T4" fmla="*/ 381 w 545"/>
                  <a:gd name="T5" fmla="*/ 266 h 452"/>
                  <a:gd name="T6" fmla="*/ 350 w 545"/>
                  <a:gd name="T7" fmla="*/ 264 h 452"/>
                  <a:gd name="T8" fmla="*/ 237 w 545"/>
                  <a:gd name="T9" fmla="*/ 14 h 452"/>
                  <a:gd name="T10" fmla="*/ 195 w 545"/>
                  <a:gd name="T11" fmla="*/ 16 h 452"/>
                  <a:gd name="T12" fmla="*/ 179 w 545"/>
                  <a:gd name="T13" fmla="*/ 16 h 452"/>
                  <a:gd name="T14" fmla="*/ 152 w 545"/>
                  <a:gd name="T15" fmla="*/ 9 h 452"/>
                  <a:gd name="T16" fmla="*/ 110 w 545"/>
                  <a:gd name="T17" fmla="*/ 9 h 452"/>
                  <a:gd name="T18" fmla="*/ 91 w 545"/>
                  <a:gd name="T19" fmla="*/ 17 h 452"/>
                  <a:gd name="T20" fmla="*/ 69 w 545"/>
                  <a:gd name="T21" fmla="*/ 33 h 452"/>
                  <a:gd name="T22" fmla="*/ 22 w 545"/>
                  <a:gd name="T23" fmla="*/ 78 h 452"/>
                  <a:gd name="T24" fmla="*/ 54 w 545"/>
                  <a:gd name="T25" fmla="*/ 116 h 452"/>
                  <a:gd name="T26" fmla="*/ 68 w 545"/>
                  <a:gd name="T27" fmla="*/ 132 h 452"/>
                  <a:gd name="T28" fmla="*/ 27 w 545"/>
                  <a:gd name="T29" fmla="*/ 132 h 452"/>
                  <a:gd name="T30" fmla="*/ 15 w 545"/>
                  <a:gd name="T31" fmla="*/ 138 h 452"/>
                  <a:gd name="T32" fmla="*/ 3 w 545"/>
                  <a:gd name="T33" fmla="*/ 160 h 452"/>
                  <a:gd name="T34" fmla="*/ 17 w 545"/>
                  <a:gd name="T35" fmla="*/ 180 h 452"/>
                  <a:gd name="T36" fmla="*/ 71 w 545"/>
                  <a:gd name="T37" fmla="*/ 176 h 452"/>
                  <a:gd name="T38" fmla="*/ 76 w 545"/>
                  <a:gd name="T39" fmla="*/ 190 h 452"/>
                  <a:gd name="T40" fmla="*/ 56 w 545"/>
                  <a:gd name="T41" fmla="*/ 219 h 452"/>
                  <a:gd name="T42" fmla="*/ 34 w 545"/>
                  <a:gd name="T43" fmla="*/ 220 h 452"/>
                  <a:gd name="T44" fmla="*/ 22 w 545"/>
                  <a:gd name="T45" fmla="*/ 242 h 452"/>
                  <a:gd name="T46" fmla="*/ 15 w 545"/>
                  <a:gd name="T47" fmla="*/ 256 h 452"/>
                  <a:gd name="T48" fmla="*/ 17 w 545"/>
                  <a:gd name="T49" fmla="*/ 271 h 452"/>
                  <a:gd name="T50" fmla="*/ 41 w 545"/>
                  <a:gd name="T51" fmla="*/ 288 h 452"/>
                  <a:gd name="T52" fmla="*/ 35 w 545"/>
                  <a:gd name="T53" fmla="*/ 314 h 452"/>
                  <a:gd name="T54" fmla="*/ 59 w 545"/>
                  <a:gd name="T55" fmla="*/ 298 h 452"/>
                  <a:gd name="T56" fmla="*/ 69 w 545"/>
                  <a:gd name="T57" fmla="*/ 322 h 452"/>
                  <a:gd name="T58" fmla="*/ 64 w 545"/>
                  <a:gd name="T59" fmla="*/ 347 h 452"/>
                  <a:gd name="T60" fmla="*/ 79 w 545"/>
                  <a:gd name="T61" fmla="*/ 336 h 452"/>
                  <a:gd name="T62" fmla="*/ 95 w 545"/>
                  <a:gd name="T63" fmla="*/ 336 h 452"/>
                  <a:gd name="T64" fmla="*/ 108 w 545"/>
                  <a:gd name="T65" fmla="*/ 344 h 452"/>
                  <a:gd name="T66" fmla="*/ 139 w 545"/>
                  <a:gd name="T67" fmla="*/ 329 h 452"/>
                  <a:gd name="T68" fmla="*/ 125 w 545"/>
                  <a:gd name="T69" fmla="*/ 364 h 452"/>
                  <a:gd name="T70" fmla="*/ 112 w 545"/>
                  <a:gd name="T71" fmla="*/ 396 h 452"/>
                  <a:gd name="T72" fmla="*/ 83 w 545"/>
                  <a:gd name="T73" fmla="*/ 422 h 452"/>
                  <a:gd name="T74" fmla="*/ 76 w 545"/>
                  <a:gd name="T75" fmla="*/ 424 h 452"/>
                  <a:gd name="T76" fmla="*/ 44 w 545"/>
                  <a:gd name="T77" fmla="*/ 442 h 452"/>
                  <a:gd name="T78" fmla="*/ 57 w 545"/>
                  <a:gd name="T79" fmla="*/ 440 h 452"/>
                  <a:gd name="T80" fmla="*/ 69 w 545"/>
                  <a:gd name="T81" fmla="*/ 440 h 452"/>
                  <a:gd name="T82" fmla="*/ 96 w 545"/>
                  <a:gd name="T83" fmla="*/ 432 h 452"/>
                  <a:gd name="T84" fmla="*/ 113 w 545"/>
                  <a:gd name="T85" fmla="*/ 413 h 452"/>
                  <a:gd name="T86" fmla="*/ 151 w 545"/>
                  <a:gd name="T87" fmla="*/ 374 h 452"/>
                  <a:gd name="T88" fmla="*/ 183 w 545"/>
                  <a:gd name="T89" fmla="*/ 339 h 452"/>
                  <a:gd name="T90" fmla="*/ 174 w 545"/>
                  <a:gd name="T91" fmla="*/ 322 h 452"/>
                  <a:gd name="T92" fmla="*/ 220 w 545"/>
                  <a:gd name="T93" fmla="*/ 264 h 452"/>
                  <a:gd name="T94" fmla="*/ 210 w 545"/>
                  <a:gd name="T95" fmla="*/ 297 h 452"/>
                  <a:gd name="T96" fmla="*/ 211 w 545"/>
                  <a:gd name="T97" fmla="*/ 312 h 452"/>
                  <a:gd name="T98" fmla="*/ 233 w 545"/>
                  <a:gd name="T99" fmla="*/ 302 h 452"/>
                  <a:gd name="T100" fmla="*/ 249 w 545"/>
                  <a:gd name="T101" fmla="*/ 290 h 452"/>
                  <a:gd name="T102" fmla="*/ 281 w 545"/>
                  <a:gd name="T103" fmla="*/ 271 h 452"/>
                  <a:gd name="T104" fmla="*/ 343 w 545"/>
                  <a:gd name="T105" fmla="*/ 275 h 452"/>
                  <a:gd name="T106" fmla="*/ 371 w 545"/>
                  <a:gd name="T107" fmla="*/ 278 h 452"/>
                  <a:gd name="T108" fmla="*/ 413 w 545"/>
                  <a:gd name="T109" fmla="*/ 295 h 452"/>
                  <a:gd name="T110" fmla="*/ 423 w 545"/>
                  <a:gd name="T111" fmla="*/ 276 h 452"/>
                  <a:gd name="T112" fmla="*/ 430 w 545"/>
                  <a:gd name="T113" fmla="*/ 271 h 452"/>
                  <a:gd name="T114" fmla="*/ 462 w 545"/>
                  <a:gd name="T115" fmla="*/ 286 h 452"/>
                  <a:gd name="T116" fmla="*/ 487 w 545"/>
                  <a:gd name="T117" fmla="*/ 310 h 452"/>
                  <a:gd name="T118" fmla="*/ 514 w 545"/>
                  <a:gd name="T119" fmla="*/ 329 h 452"/>
                  <a:gd name="T120" fmla="*/ 535 w 545"/>
                  <a:gd name="T121" fmla="*/ 339 h 452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w 545"/>
                  <a:gd name="T184" fmla="*/ 0 h 452"/>
                  <a:gd name="T185" fmla="*/ 545 w 545"/>
                  <a:gd name="T186" fmla="*/ 452 h 452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T183" t="T184" r="T185" b="T186"/>
                <a:pathLst>
                  <a:path w="545" h="452">
                    <a:moveTo>
                      <a:pt x="541" y="349"/>
                    </a:moveTo>
                    <a:lnTo>
                      <a:pt x="541" y="349"/>
                    </a:lnTo>
                    <a:lnTo>
                      <a:pt x="541" y="347"/>
                    </a:lnTo>
                    <a:lnTo>
                      <a:pt x="543" y="346"/>
                    </a:lnTo>
                    <a:lnTo>
                      <a:pt x="543" y="344"/>
                    </a:lnTo>
                    <a:lnTo>
                      <a:pt x="545" y="341"/>
                    </a:lnTo>
                    <a:lnTo>
                      <a:pt x="545" y="339"/>
                    </a:lnTo>
                    <a:lnTo>
                      <a:pt x="545" y="336"/>
                    </a:lnTo>
                    <a:lnTo>
                      <a:pt x="545" y="332"/>
                    </a:lnTo>
                    <a:lnTo>
                      <a:pt x="543" y="329"/>
                    </a:lnTo>
                    <a:lnTo>
                      <a:pt x="541" y="325"/>
                    </a:lnTo>
                    <a:lnTo>
                      <a:pt x="538" y="320"/>
                    </a:lnTo>
                    <a:lnTo>
                      <a:pt x="535" y="317"/>
                    </a:lnTo>
                    <a:lnTo>
                      <a:pt x="533" y="315"/>
                    </a:lnTo>
                    <a:lnTo>
                      <a:pt x="530" y="315"/>
                    </a:lnTo>
                    <a:lnTo>
                      <a:pt x="526" y="314"/>
                    </a:lnTo>
                    <a:lnTo>
                      <a:pt x="523" y="314"/>
                    </a:lnTo>
                    <a:lnTo>
                      <a:pt x="519" y="314"/>
                    </a:lnTo>
                    <a:lnTo>
                      <a:pt x="516" y="312"/>
                    </a:lnTo>
                    <a:lnTo>
                      <a:pt x="514" y="312"/>
                    </a:lnTo>
                    <a:lnTo>
                      <a:pt x="506" y="310"/>
                    </a:lnTo>
                    <a:lnTo>
                      <a:pt x="452" y="271"/>
                    </a:lnTo>
                    <a:lnTo>
                      <a:pt x="435" y="259"/>
                    </a:lnTo>
                    <a:lnTo>
                      <a:pt x="421" y="251"/>
                    </a:lnTo>
                    <a:lnTo>
                      <a:pt x="413" y="263"/>
                    </a:lnTo>
                    <a:lnTo>
                      <a:pt x="413" y="271"/>
                    </a:lnTo>
                    <a:lnTo>
                      <a:pt x="403" y="280"/>
                    </a:lnTo>
                    <a:lnTo>
                      <a:pt x="381" y="266"/>
                    </a:lnTo>
                    <a:lnTo>
                      <a:pt x="379" y="264"/>
                    </a:lnTo>
                    <a:lnTo>
                      <a:pt x="377" y="261"/>
                    </a:lnTo>
                    <a:lnTo>
                      <a:pt x="374" y="259"/>
                    </a:lnTo>
                    <a:lnTo>
                      <a:pt x="369" y="258"/>
                    </a:lnTo>
                    <a:lnTo>
                      <a:pt x="365" y="258"/>
                    </a:lnTo>
                    <a:lnTo>
                      <a:pt x="360" y="259"/>
                    </a:lnTo>
                    <a:lnTo>
                      <a:pt x="355" y="263"/>
                    </a:lnTo>
                    <a:lnTo>
                      <a:pt x="354" y="264"/>
                    </a:lnTo>
                    <a:lnTo>
                      <a:pt x="350" y="264"/>
                    </a:lnTo>
                    <a:lnTo>
                      <a:pt x="347" y="266"/>
                    </a:lnTo>
                    <a:lnTo>
                      <a:pt x="345" y="266"/>
                    </a:lnTo>
                    <a:lnTo>
                      <a:pt x="271" y="17"/>
                    </a:lnTo>
                    <a:lnTo>
                      <a:pt x="269" y="17"/>
                    </a:lnTo>
                    <a:lnTo>
                      <a:pt x="266" y="16"/>
                    </a:lnTo>
                    <a:lnTo>
                      <a:pt x="261" y="14"/>
                    </a:lnTo>
                    <a:lnTo>
                      <a:pt x="255" y="12"/>
                    </a:lnTo>
                    <a:lnTo>
                      <a:pt x="249" y="11"/>
                    </a:lnTo>
                    <a:lnTo>
                      <a:pt x="244" y="12"/>
                    </a:lnTo>
                    <a:lnTo>
                      <a:pt x="237" y="14"/>
                    </a:lnTo>
                    <a:lnTo>
                      <a:pt x="232" y="17"/>
                    </a:lnTo>
                    <a:lnTo>
                      <a:pt x="230" y="17"/>
                    </a:lnTo>
                    <a:lnTo>
                      <a:pt x="225" y="17"/>
                    </a:lnTo>
                    <a:lnTo>
                      <a:pt x="218" y="17"/>
                    </a:lnTo>
                    <a:lnTo>
                      <a:pt x="211" y="17"/>
                    </a:lnTo>
                    <a:lnTo>
                      <a:pt x="205" y="17"/>
                    </a:lnTo>
                    <a:lnTo>
                      <a:pt x="200" y="17"/>
                    </a:lnTo>
                    <a:lnTo>
                      <a:pt x="195" y="16"/>
                    </a:lnTo>
                    <a:lnTo>
                      <a:pt x="193" y="16"/>
                    </a:lnTo>
                    <a:lnTo>
                      <a:pt x="191" y="16"/>
                    </a:lnTo>
                    <a:lnTo>
                      <a:pt x="189" y="16"/>
                    </a:lnTo>
                    <a:lnTo>
                      <a:pt x="188" y="16"/>
                    </a:lnTo>
                    <a:lnTo>
                      <a:pt x="184" y="16"/>
                    </a:lnTo>
                    <a:lnTo>
                      <a:pt x="183" y="16"/>
                    </a:lnTo>
                    <a:lnTo>
                      <a:pt x="181" y="16"/>
                    </a:lnTo>
                    <a:lnTo>
                      <a:pt x="179" y="16"/>
                    </a:lnTo>
                    <a:lnTo>
                      <a:pt x="176" y="17"/>
                    </a:lnTo>
                    <a:lnTo>
                      <a:pt x="173" y="17"/>
                    </a:lnTo>
                    <a:lnTo>
                      <a:pt x="169" y="17"/>
                    </a:lnTo>
                    <a:lnTo>
                      <a:pt x="166" y="16"/>
                    </a:lnTo>
                    <a:lnTo>
                      <a:pt x="162" y="12"/>
                    </a:lnTo>
                    <a:lnTo>
                      <a:pt x="157" y="7"/>
                    </a:lnTo>
                    <a:lnTo>
                      <a:pt x="156" y="7"/>
                    </a:lnTo>
                    <a:lnTo>
                      <a:pt x="154" y="9"/>
                    </a:lnTo>
                    <a:lnTo>
                      <a:pt x="152" y="9"/>
                    </a:lnTo>
                    <a:lnTo>
                      <a:pt x="149" y="9"/>
                    </a:lnTo>
                    <a:lnTo>
                      <a:pt x="147" y="9"/>
                    </a:lnTo>
                    <a:lnTo>
                      <a:pt x="145" y="11"/>
                    </a:lnTo>
                    <a:lnTo>
                      <a:pt x="137" y="2"/>
                    </a:lnTo>
                    <a:lnTo>
                      <a:pt x="130" y="7"/>
                    </a:lnTo>
                    <a:lnTo>
                      <a:pt x="129" y="0"/>
                    </a:lnTo>
                    <a:lnTo>
                      <a:pt x="117" y="0"/>
                    </a:lnTo>
                    <a:lnTo>
                      <a:pt x="110" y="9"/>
                    </a:lnTo>
                    <a:lnTo>
                      <a:pt x="108" y="11"/>
                    </a:lnTo>
                    <a:lnTo>
                      <a:pt x="108" y="12"/>
                    </a:lnTo>
                    <a:lnTo>
                      <a:pt x="107" y="12"/>
                    </a:lnTo>
                    <a:lnTo>
                      <a:pt x="103" y="14"/>
                    </a:lnTo>
                    <a:lnTo>
                      <a:pt x="100" y="14"/>
                    </a:lnTo>
                    <a:lnTo>
                      <a:pt x="95" y="14"/>
                    </a:lnTo>
                    <a:lnTo>
                      <a:pt x="93" y="16"/>
                    </a:lnTo>
                    <a:lnTo>
                      <a:pt x="91" y="17"/>
                    </a:lnTo>
                    <a:lnTo>
                      <a:pt x="90" y="19"/>
                    </a:lnTo>
                    <a:lnTo>
                      <a:pt x="86" y="22"/>
                    </a:lnTo>
                    <a:lnTo>
                      <a:pt x="85" y="24"/>
                    </a:lnTo>
                    <a:lnTo>
                      <a:pt x="83" y="26"/>
                    </a:lnTo>
                    <a:lnTo>
                      <a:pt x="81" y="26"/>
                    </a:lnTo>
                    <a:lnTo>
                      <a:pt x="78" y="26"/>
                    </a:lnTo>
                    <a:lnTo>
                      <a:pt x="74" y="29"/>
                    </a:lnTo>
                    <a:lnTo>
                      <a:pt x="69" y="33"/>
                    </a:lnTo>
                    <a:lnTo>
                      <a:pt x="64" y="38"/>
                    </a:lnTo>
                    <a:lnTo>
                      <a:pt x="59" y="46"/>
                    </a:lnTo>
                    <a:lnTo>
                      <a:pt x="54" y="56"/>
                    </a:lnTo>
                    <a:lnTo>
                      <a:pt x="52" y="58"/>
                    </a:lnTo>
                    <a:lnTo>
                      <a:pt x="51" y="61"/>
                    </a:lnTo>
                    <a:lnTo>
                      <a:pt x="47" y="63"/>
                    </a:lnTo>
                    <a:lnTo>
                      <a:pt x="47" y="65"/>
                    </a:lnTo>
                    <a:lnTo>
                      <a:pt x="30" y="65"/>
                    </a:lnTo>
                    <a:lnTo>
                      <a:pt x="22" y="78"/>
                    </a:lnTo>
                    <a:lnTo>
                      <a:pt x="22" y="80"/>
                    </a:lnTo>
                    <a:lnTo>
                      <a:pt x="25" y="82"/>
                    </a:lnTo>
                    <a:lnTo>
                      <a:pt x="30" y="83"/>
                    </a:lnTo>
                    <a:lnTo>
                      <a:pt x="35" y="87"/>
                    </a:lnTo>
                    <a:lnTo>
                      <a:pt x="42" y="92"/>
                    </a:lnTo>
                    <a:lnTo>
                      <a:pt x="46" y="97"/>
                    </a:lnTo>
                    <a:lnTo>
                      <a:pt x="49" y="105"/>
                    </a:lnTo>
                    <a:lnTo>
                      <a:pt x="51" y="114"/>
                    </a:lnTo>
                    <a:lnTo>
                      <a:pt x="54" y="116"/>
                    </a:lnTo>
                    <a:lnTo>
                      <a:pt x="56" y="116"/>
                    </a:lnTo>
                    <a:lnTo>
                      <a:pt x="59" y="116"/>
                    </a:lnTo>
                    <a:lnTo>
                      <a:pt x="63" y="116"/>
                    </a:lnTo>
                    <a:lnTo>
                      <a:pt x="66" y="116"/>
                    </a:lnTo>
                    <a:lnTo>
                      <a:pt x="68" y="117"/>
                    </a:lnTo>
                    <a:lnTo>
                      <a:pt x="71" y="129"/>
                    </a:lnTo>
                    <a:lnTo>
                      <a:pt x="81" y="129"/>
                    </a:lnTo>
                    <a:lnTo>
                      <a:pt x="79" y="132"/>
                    </a:lnTo>
                    <a:lnTo>
                      <a:pt x="68" y="132"/>
                    </a:lnTo>
                    <a:lnTo>
                      <a:pt x="63" y="122"/>
                    </a:lnTo>
                    <a:lnTo>
                      <a:pt x="59" y="126"/>
                    </a:lnTo>
                    <a:lnTo>
                      <a:pt x="68" y="136"/>
                    </a:lnTo>
                    <a:lnTo>
                      <a:pt x="76" y="138"/>
                    </a:lnTo>
                    <a:lnTo>
                      <a:pt x="68" y="144"/>
                    </a:lnTo>
                    <a:lnTo>
                      <a:pt x="46" y="139"/>
                    </a:lnTo>
                    <a:lnTo>
                      <a:pt x="46" y="127"/>
                    </a:lnTo>
                    <a:lnTo>
                      <a:pt x="27" y="132"/>
                    </a:lnTo>
                    <a:lnTo>
                      <a:pt x="27" y="134"/>
                    </a:lnTo>
                    <a:lnTo>
                      <a:pt x="27" y="138"/>
                    </a:lnTo>
                    <a:lnTo>
                      <a:pt x="27" y="139"/>
                    </a:lnTo>
                    <a:lnTo>
                      <a:pt x="27" y="141"/>
                    </a:lnTo>
                    <a:lnTo>
                      <a:pt x="25" y="141"/>
                    </a:lnTo>
                    <a:lnTo>
                      <a:pt x="22" y="139"/>
                    </a:lnTo>
                    <a:lnTo>
                      <a:pt x="19" y="136"/>
                    </a:lnTo>
                    <a:lnTo>
                      <a:pt x="15" y="138"/>
                    </a:lnTo>
                    <a:lnTo>
                      <a:pt x="12" y="138"/>
                    </a:lnTo>
                    <a:lnTo>
                      <a:pt x="8" y="139"/>
                    </a:lnTo>
                    <a:lnTo>
                      <a:pt x="5" y="143"/>
                    </a:lnTo>
                    <a:lnTo>
                      <a:pt x="2" y="144"/>
                    </a:lnTo>
                    <a:lnTo>
                      <a:pt x="0" y="148"/>
                    </a:lnTo>
                    <a:lnTo>
                      <a:pt x="0" y="151"/>
                    </a:lnTo>
                    <a:lnTo>
                      <a:pt x="0" y="153"/>
                    </a:lnTo>
                    <a:lnTo>
                      <a:pt x="0" y="154"/>
                    </a:lnTo>
                    <a:lnTo>
                      <a:pt x="2" y="156"/>
                    </a:lnTo>
                    <a:lnTo>
                      <a:pt x="3" y="160"/>
                    </a:lnTo>
                    <a:lnTo>
                      <a:pt x="5" y="161"/>
                    </a:lnTo>
                    <a:lnTo>
                      <a:pt x="7" y="165"/>
                    </a:lnTo>
                    <a:lnTo>
                      <a:pt x="8" y="165"/>
                    </a:lnTo>
                    <a:lnTo>
                      <a:pt x="8" y="166"/>
                    </a:lnTo>
                    <a:lnTo>
                      <a:pt x="13" y="171"/>
                    </a:lnTo>
                    <a:lnTo>
                      <a:pt x="13" y="173"/>
                    </a:lnTo>
                    <a:lnTo>
                      <a:pt x="13" y="175"/>
                    </a:lnTo>
                    <a:lnTo>
                      <a:pt x="15" y="178"/>
                    </a:lnTo>
                    <a:lnTo>
                      <a:pt x="17" y="180"/>
                    </a:lnTo>
                    <a:lnTo>
                      <a:pt x="22" y="182"/>
                    </a:lnTo>
                    <a:lnTo>
                      <a:pt x="29" y="183"/>
                    </a:lnTo>
                    <a:lnTo>
                      <a:pt x="39" y="183"/>
                    </a:lnTo>
                    <a:lnTo>
                      <a:pt x="41" y="183"/>
                    </a:lnTo>
                    <a:lnTo>
                      <a:pt x="44" y="185"/>
                    </a:lnTo>
                    <a:lnTo>
                      <a:pt x="47" y="187"/>
                    </a:lnTo>
                    <a:lnTo>
                      <a:pt x="49" y="187"/>
                    </a:lnTo>
                    <a:lnTo>
                      <a:pt x="59" y="187"/>
                    </a:lnTo>
                    <a:lnTo>
                      <a:pt x="71" y="176"/>
                    </a:lnTo>
                    <a:lnTo>
                      <a:pt x="74" y="176"/>
                    </a:lnTo>
                    <a:lnTo>
                      <a:pt x="78" y="175"/>
                    </a:lnTo>
                    <a:lnTo>
                      <a:pt x="81" y="175"/>
                    </a:lnTo>
                    <a:lnTo>
                      <a:pt x="83" y="176"/>
                    </a:lnTo>
                    <a:lnTo>
                      <a:pt x="83" y="178"/>
                    </a:lnTo>
                    <a:lnTo>
                      <a:pt x="81" y="182"/>
                    </a:lnTo>
                    <a:lnTo>
                      <a:pt x="74" y="185"/>
                    </a:lnTo>
                    <a:lnTo>
                      <a:pt x="74" y="187"/>
                    </a:lnTo>
                    <a:lnTo>
                      <a:pt x="76" y="190"/>
                    </a:lnTo>
                    <a:lnTo>
                      <a:pt x="78" y="195"/>
                    </a:lnTo>
                    <a:lnTo>
                      <a:pt x="79" y="200"/>
                    </a:lnTo>
                    <a:lnTo>
                      <a:pt x="79" y="205"/>
                    </a:lnTo>
                    <a:lnTo>
                      <a:pt x="78" y="209"/>
                    </a:lnTo>
                    <a:lnTo>
                      <a:pt x="71" y="212"/>
                    </a:lnTo>
                    <a:lnTo>
                      <a:pt x="63" y="212"/>
                    </a:lnTo>
                    <a:lnTo>
                      <a:pt x="61" y="214"/>
                    </a:lnTo>
                    <a:lnTo>
                      <a:pt x="59" y="214"/>
                    </a:lnTo>
                    <a:lnTo>
                      <a:pt x="57" y="217"/>
                    </a:lnTo>
                    <a:lnTo>
                      <a:pt x="56" y="219"/>
                    </a:lnTo>
                    <a:lnTo>
                      <a:pt x="54" y="220"/>
                    </a:lnTo>
                    <a:lnTo>
                      <a:pt x="52" y="224"/>
                    </a:lnTo>
                    <a:lnTo>
                      <a:pt x="51" y="226"/>
                    </a:lnTo>
                    <a:lnTo>
                      <a:pt x="51" y="224"/>
                    </a:lnTo>
                    <a:lnTo>
                      <a:pt x="47" y="222"/>
                    </a:lnTo>
                    <a:lnTo>
                      <a:pt x="44" y="220"/>
                    </a:lnTo>
                    <a:lnTo>
                      <a:pt x="41" y="220"/>
                    </a:lnTo>
                    <a:lnTo>
                      <a:pt x="35" y="220"/>
                    </a:lnTo>
                    <a:lnTo>
                      <a:pt x="34" y="220"/>
                    </a:lnTo>
                    <a:lnTo>
                      <a:pt x="30" y="224"/>
                    </a:lnTo>
                    <a:lnTo>
                      <a:pt x="30" y="231"/>
                    </a:lnTo>
                    <a:lnTo>
                      <a:pt x="30" y="232"/>
                    </a:lnTo>
                    <a:lnTo>
                      <a:pt x="30" y="234"/>
                    </a:lnTo>
                    <a:lnTo>
                      <a:pt x="30" y="236"/>
                    </a:lnTo>
                    <a:lnTo>
                      <a:pt x="29" y="237"/>
                    </a:lnTo>
                    <a:lnTo>
                      <a:pt x="29" y="239"/>
                    </a:lnTo>
                    <a:lnTo>
                      <a:pt x="27" y="242"/>
                    </a:lnTo>
                    <a:lnTo>
                      <a:pt x="25" y="242"/>
                    </a:lnTo>
                    <a:lnTo>
                      <a:pt x="22" y="242"/>
                    </a:lnTo>
                    <a:lnTo>
                      <a:pt x="22" y="244"/>
                    </a:lnTo>
                    <a:lnTo>
                      <a:pt x="20" y="244"/>
                    </a:lnTo>
                    <a:lnTo>
                      <a:pt x="20" y="248"/>
                    </a:lnTo>
                    <a:lnTo>
                      <a:pt x="19" y="249"/>
                    </a:lnTo>
                    <a:lnTo>
                      <a:pt x="17" y="251"/>
                    </a:lnTo>
                    <a:lnTo>
                      <a:pt x="17" y="254"/>
                    </a:lnTo>
                    <a:lnTo>
                      <a:pt x="17" y="256"/>
                    </a:lnTo>
                    <a:lnTo>
                      <a:pt x="15" y="256"/>
                    </a:lnTo>
                    <a:lnTo>
                      <a:pt x="13" y="258"/>
                    </a:lnTo>
                    <a:lnTo>
                      <a:pt x="12" y="261"/>
                    </a:lnTo>
                    <a:lnTo>
                      <a:pt x="10" y="263"/>
                    </a:lnTo>
                    <a:lnTo>
                      <a:pt x="8" y="266"/>
                    </a:lnTo>
                    <a:lnTo>
                      <a:pt x="10" y="266"/>
                    </a:lnTo>
                    <a:lnTo>
                      <a:pt x="12" y="266"/>
                    </a:lnTo>
                    <a:lnTo>
                      <a:pt x="19" y="264"/>
                    </a:lnTo>
                    <a:lnTo>
                      <a:pt x="19" y="268"/>
                    </a:lnTo>
                    <a:lnTo>
                      <a:pt x="17" y="271"/>
                    </a:lnTo>
                    <a:lnTo>
                      <a:pt x="17" y="273"/>
                    </a:lnTo>
                    <a:lnTo>
                      <a:pt x="19" y="275"/>
                    </a:lnTo>
                    <a:lnTo>
                      <a:pt x="20" y="278"/>
                    </a:lnTo>
                    <a:lnTo>
                      <a:pt x="24" y="280"/>
                    </a:lnTo>
                    <a:lnTo>
                      <a:pt x="27" y="283"/>
                    </a:lnTo>
                    <a:lnTo>
                      <a:pt x="30" y="286"/>
                    </a:lnTo>
                    <a:lnTo>
                      <a:pt x="35" y="288"/>
                    </a:lnTo>
                    <a:lnTo>
                      <a:pt x="41" y="288"/>
                    </a:lnTo>
                    <a:lnTo>
                      <a:pt x="39" y="290"/>
                    </a:lnTo>
                    <a:lnTo>
                      <a:pt x="37" y="292"/>
                    </a:lnTo>
                    <a:lnTo>
                      <a:pt x="34" y="295"/>
                    </a:lnTo>
                    <a:lnTo>
                      <a:pt x="30" y="300"/>
                    </a:lnTo>
                    <a:lnTo>
                      <a:pt x="29" y="303"/>
                    </a:lnTo>
                    <a:lnTo>
                      <a:pt x="27" y="307"/>
                    </a:lnTo>
                    <a:lnTo>
                      <a:pt x="29" y="308"/>
                    </a:lnTo>
                    <a:lnTo>
                      <a:pt x="32" y="310"/>
                    </a:lnTo>
                    <a:lnTo>
                      <a:pt x="34" y="310"/>
                    </a:lnTo>
                    <a:lnTo>
                      <a:pt x="35" y="314"/>
                    </a:lnTo>
                    <a:lnTo>
                      <a:pt x="37" y="317"/>
                    </a:lnTo>
                    <a:lnTo>
                      <a:pt x="41" y="319"/>
                    </a:lnTo>
                    <a:lnTo>
                      <a:pt x="44" y="320"/>
                    </a:lnTo>
                    <a:lnTo>
                      <a:pt x="47" y="319"/>
                    </a:lnTo>
                    <a:lnTo>
                      <a:pt x="52" y="314"/>
                    </a:lnTo>
                    <a:lnTo>
                      <a:pt x="56" y="305"/>
                    </a:lnTo>
                    <a:lnTo>
                      <a:pt x="57" y="303"/>
                    </a:lnTo>
                    <a:lnTo>
                      <a:pt x="59" y="300"/>
                    </a:lnTo>
                    <a:lnTo>
                      <a:pt x="59" y="298"/>
                    </a:lnTo>
                    <a:lnTo>
                      <a:pt x="59" y="300"/>
                    </a:lnTo>
                    <a:lnTo>
                      <a:pt x="59" y="302"/>
                    </a:lnTo>
                    <a:lnTo>
                      <a:pt x="59" y="305"/>
                    </a:lnTo>
                    <a:lnTo>
                      <a:pt x="59" y="308"/>
                    </a:lnTo>
                    <a:lnTo>
                      <a:pt x="61" y="312"/>
                    </a:lnTo>
                    <a:lnTo>
                      <a:pt x="63" y="315"/>
                    </a:lnTo>
                    <a:lnTo>
                      <a:pt x="64" y="319"/>
                    </a:lnTo>
                    <a:lnTo>
                      <a:pt x="68" y="322"/>
                    </a:lnTo>
                    <a:lnTo>
                      <a:pt x="69" y="322"/>
                    </a:lnTo>
                    <a:lnTo>
                      <a:pt x="69" y="324"/>
                    </a:lnTo>
                    <a:lnTo>
                      <a:pt x="69" y="327"/>
                    </a:lnTo>
                    <a:lnTo>
                      <a:pt x="68" y="329"/>
                    </a:lnTo>
                    <a:lnTo>
                      <a:pt x="68" y="332"/>
                    </a:lnTo>
                    <a:lnTo>
                      <a:pt x="66" y="334"/>
                    </a:lnTo>
                    <a:lnTo>
                      <a:pt x="66" y="336"/>
                    </a:lnTo>
                    <a:lnTo>
                      <a:pt x="64" y="346"/>
                    </a:lnTo>
                    <a:lnTo>
                      <a:pt x="64" y="347"/>
                    </a:lnTo>
                    <a:lnTo>
                      <a:pt x="66" y="351"/>
                    </a:lnTo>
                    <a:lnTo>
                      <a:pt x="66" y="352"/>
                    </a:lnTo>
                    <a:lnTo>
                      <a:pt x="68" y="352"/>
                    </a:lnTo>
                    <a:lnTo>
                      <a:pt x="69" y="352"/>
                    </a:lnTo>
                    <a:lnTo>
                      <a:pt x="73" y="349"/>
                    </a:lnTo>
                    <a:lnTo>
                      <a:pt x="78" y="341"/>
                    </a:lnTo>
                    <a:lnTo>
                      <a:pt x="79" y="341"/>
                    </a:lnTo>
                    <a:lnTo>
                      <a:pt x="79" y="339"/>
                    </a:lnTo>
                    <a:lnTo>
                      <a:pt x="79" y="336"/>
                    </a:lnTo>
                    <a:lnTo>
                      <a:pt x="81" y="334"/>
                    </a:lnTo>
                    <a:lnTo>
                      <a:pt x="83" y="336"/>
                    </a:lnTo>
                    <a:lnTo>
                      <a:pt x="86" y="337"/>
                    </a:lnTo>
                    <a:lnTo>
                      <a:pt x="90" y="341"/>
                    </a:lnTo>
                    <a:lnTo>
                      <a:pt x="91" y="341"/>
                    </a:lnTo>
                    <a:lnTo>
                      <a:pt x="91" y="339"/>
                    </a:lnTo>
                    <a:lnTo>
                      <a:pt x="91" y="337"/>
                    </a:lnTo>
                    <a:lnTo>
                      <a:pt x="93" y="336"/>
                    </a:lnTo>
                    <a:lnTo>
                      <a:pt x="93" y="334"/>
                    </a:lnTo>
                    <a:lnTo>
                      <a:pt x="95" y="336"/>
                    </a:lnTo>
                    <a:lnTo>
                      <a:pt x="96" y="337"/>
                    </a:lnTo>
                    <a:lnTo>
                      <a:pt x="98" y="344"/>
                    </a:lnTo>
                    <a:lnTo>
                      <a:pt x="100" y="346"/>
                    </a:lnTo>
                    <a:lnTo>
                      <a:pt x="100" y="347"/>
                    </a:lnTo>
                    <a:lnTo>
                      <a:pt x="101" y="351"/>
                    </a:lnTo>
                    <a:lnTo>
                      <a:pt x="103" y="352"/>
                    </a:lnTo>
                    <a:lnTo>
                      <a:pt x="105" y="354"/>
                    </a:lnTo>
                    <a:lnTo>
                      <a:pt x="107" y="352"/>
                    </a:lnTo>
                    <a:lnTo>
                      <a:pt x="108" y="351"/>
                    </a:lnTo>
                    <a:lnTo>
                      <a:pt x="108" y="344"/>
                    </a:lnTo>
                    <a:lnTo>
                      <a:pt x="110" y="344"/>
                    </a:lnTo>
                    <a:lnTo>
                      <a:pt x="113" y="346"/>
                    </a:lnTo>
                    <a:lnTo>
                      <a:pt x="117" y="346"/>
                    </a:lnTo>
                    <a:lnTo>
                      <a:pt x="122" y="346"/>
                    </a:lnTo>
                    <a:lnTo>
                      <a:pt x="127" y="342"/>
                    </a:lnTo>
                    <a:lnTo>
                      <a:pt x="132" y="337"/>
                    </a:lnTo>
                    <a:lnTo>
                      <a:pt x="139" y="329"/>
                    </a:lnTo>
                    <a:lnTo>
                      <a:pt x="137" y="332"/>
                    </a:lnTo>
                    <a:lnTo>
                      <a:pt x="135" y="336"/>
                    </a:lnTo>
                    <a:lnTo>
                      <a:pt x="134" y="341"/>
                    </a:lnTo>
                    <a:lnTo>
                      <a:pt x="130" y="344"/>
                    </a:lnTo>
                    <a:lnTo>
                      <a:pt x="130" y="347"/>
                    </a:lnTo>
                    <a:lnTo>
                      <a:pt x="129" y="351"/>
                    </a:lnTo>
                    <a:lnTo>
                      <a:pt x="127" y="352"/>
                    </a:lnTo>
                    <a:lnTo>
                      <a:pt x="127" y="358"/>
                    </a:lnTo>
                    <a:lnTo>
                      <a:pt x="125" y="364"/>
                    </a:lnTo>
                    <a:lnTo>
                      <a:pt x="125" y="371"/>
                    </a:lnTo>
                    <a:lnTo>
                      <a:pt x="122" y="378"/>
                    </a:lnTo>
                    <a:lnTo>
                      <a:pt x="120" y="383"/>
                    </a:lnTo>
                    <a:lnTo>
                      <a:pt x="117" y="388"/>
                    </a:lnTo>
                    <a:lnTo>
                      <a:pt x="112" y="390"/>
                    </a:lnTo>
                    <a:lnTo>
                      <a:pt x="112" y="391"/>
                    </a:lnTo>
                    <a:lnTo>
                      <a:pt x="113" y="391"/>
                    </a:lnTo>
                    <a:lnTo>
                      <a:pt x="113" y="393"/>
                    </a:lnTo>
                    <a:lnTo>
                      <a:pt x="112" y="396"/>
                    </a:lnTo>
                    <a:lnTo>
                      <a:pt x="110" y="398"/>
                    </a:lnTo>
                    <a:lnTo>
                      <a:pt x="107" y="402"/>
                    </a:lnTo>
                    <a:lnTo>
                      <a:pt x="100" y="405"/>
                    </a:lnTo>
                    <a:lnTo>
                      <a:pt x="96" y="407"/>
                    </a:lnTo>
                    <a:lnTo>
                      <a:pt x="91" y="408"/>
                    </a:lnTo>
                    <a:lnTo>
                      <a:pt x="88" y="412"/>
                    </a:lnTo>
                    <a:lnTo>
                      <a:pt x="85" y="413"/>
                    </a:lnTo>
                    <a:lnTo>
                      <a:pt x="83" y="418"/>
                    </a:lnTo>
                    <a:lnTo>
                      <a:pt x="83" y="422"/>
                    </a:lnTo>
                    <a:lnTo>
                      <a:pt x="85" y="425"/>
                    </a:lnTo>
                    <a:lnTo>
                      <a:pt x="85" y="427"/>
                    </a:lnTo>
                    <a:lnTo>
                      <a:pt x="85" y="429"/>
                    </a:lnTo>
                    <a:lnTo>
                      <a:pt x="83" y="430"/>
                    </a:lnTo>
                    <a:lnTo>
                      <a:pt x="81" y="430"/>
                    </a:lnTo>
                    <a:lnTo>
                      <a:pt x="79" y="432"/>
                    </a:lnTo>
                    <a:lnTo>
                      <a:pt x="78" y="430"/>
                    </a:lnTo>
                    <a:lnTo>
                      <a:pt x="76" y="429"/>
                    </a:lnTo>
                    <a:lnTo>
                      <a:pt x="76" y="424"/>
                    </a:lnTo>
                    <a:lnTo>
                      <a:pt x="74" y="424"/>
                    </a:lnTo>
                    <a:lnTo>
                      <a:pt x="71" y="424"/>
                    </a:lnTo>
                    <a:lnTo>
                      <a:pt x="69" y="424"/>
                    </a:lnTo>
                    <a:lnTo>
                      <a:pt x="68" y="425"/>
                    </a:lnTo>
                    <a:lnTo>
                      <a:pt x="64" y="425"/>
                    </a:lnTo>
                    <a:lnTo>
                      <a:pt x="63" y="425"/>
                    </a:lnTo>
                    <a:lnTo>
                      <a:pt x="46" y="442"/>
                    </a:lnTo>
                    <a:lnTo>
                      <a:pt x="44" y="442"/>
                    </a:lnTo>
                    <a:lnTo>
                      <a:pt x="44" y="444"/>
                    </a:lnTo>
                    <a:lnTo>
                      <a:pt x="42" y="447"/>
                    </a:lnTo>
                    <a:lnTo>
                      <a:pt x="41" y="449"/>
                    </a:lnTo>
                    <a:lnTo>
                      <a:pt x="41" y="452"/>
                    </a:lnTo>
                    <a:lnTo>
                      <a:pt x="42" y="452"/>
                    </a:lnTo>
                    <a:lnTo>
                      <a:pt x="44" y="451"/>
                    </a:lnTo>
                    <a:lnTo>
                      <a:pt x="51" y="447"/>
                    </a:lnTo>
                    <a:lnTo>
                      <a:pt x="52" y="446"/>
                    </a:lnTo>
                    <a:lnTo>
                      <a:pt x="56" y="444"/>
                    </a:lnTo>
                    <a:lnTo>
                      <a:pt x="57" y="440"/>
                    </a:lnTo>
                    <a:lnTo>
                      <a:pt x="61" y="439"/>
                    </a:lnTo>
                    <a:lnTo>
                      <a:pt x="64" y="435"/>
                    </a:lnTo>
                    <a:lnTo>
                      <a:pt x="66" y="434"/>
                    </a:lnTo>
                    <a:lnTo>
                      <a:pt x="68" y="432"/>
                    </a:lnTo>
                    <a:lnTo>
                      <a:pt x="68" y="434"/>
                    </a:lnTo>
                    <a:lnTo>
                      <a:pt x="68" y="437"/>
                    </a:lnTo>
                    <a:lnTo>
                      <a:pt x="68" y="439"/>
                    </a:lnTo>
                    <a:lnTo>
                      <a:pt x="69" y="440"/>
                    </a:lnTo>
                    <a:lnTo>
                      <a:pt x="73" y="440"/>
                    </a:lnTo>
                    <a:lnTo>
                      <a:pt x="78" y="439"/>
                    </a:lnTo>
                    <a:lnTo>
                      <a:pt x="86" y="434"/>
                    </a:lnTo>
                    <a:lnTo>
                      <a:pt x="88" y="430"/>
                    </a:lnTo>
                    <a:lnTo>
                      <a:pt x="90" y="429"/>
                    </a:lnTo>
                    <a:lnTo>
                      <a:pt x="91" y="429"/>
                    </a:lnTo>
                    <a:lnTo>
                      <a:pt x="95" y="434"/>
                    </a:lnTo>
                    <a:lnTo>
                      <a:pt x="96" y="434"/>
                    </a:lnTo>
                    <a:lnTo>
                      <a:pt x="96" y="432"/>
                    </a:lnTo>
                    <a:lnTo>
                      <a:pt x="96" y="430"/>
                    </a:lnTo>
                    <a:lnTo>
                      <a:pt x="98" y="427"/>
                    </a:lnTo>
                    <a:lnTo>
                      <a:pt x="101" y="424"/>
                    </a:lnTo>
                    <a:lnTo>
                      <a:pt x="105" y="422"/>
                    </a:lnTo>
                    <a:lnTo>
                      <a:pt x="110" y="420"/>
                    </a:lnTo>
                    <a:lnTo>
                      <a:pt x="117" y="420"/>
                    </a:lnTo>
                    <a:lnTo>
                      <a:pt x="117" y="418"/>
                    </a:lnTo>
                    <a:lnTo>
                      <a:pt x="115" y="418"/>
                    </a:lnTo>
                    <a:lnTo>
                      <a:pt x="113" y="415"/>
                    </a:lnTo>
                    <a:lnTo>
                      <a:pt x="113" y="413"/>
                    </a:lnTo>
                    <a:lnTo>
                      <a:pt x="115" y="408"/>
                    </a:lnTo>
                    <a:lnTo>
                      <a:pt x="120" y="405"/>
                    </a:lnTo>
                    <a:lnTo>
                      <a:pt x="127" y="398"/>
                    </a:lnTo>
                    <a:lnTo>
                      <a:pt x="139" y="391"/>
                    </a:lnTo>
                    <a:lnTo>
                      <a:pt x="140" y="391"/>
                    </a:lnTo>
                    <a:lnTo>
                      <a:pt x="139" y="390"/>
                    </a:lnTo>
                    <a:lnTo>
                      <a:pt x="139" y="388"/>
                    </a:lnTo>
                    <a:lnTo>
                      <a:pt x="140" y="385"/>
                    </a:lnTo>
                    <a:lnTo>
                      <a:pt x="144" y="381"/>
                    </a:lnTo>
                    <a:lnTo>
                      <a:pt x="151" y="374"/>
                    </a:lnTo>
                    <a:lnTo>
                      <a:pt x="161" y="366"/>
                    </a:lnTo>
                    <a:lnTo>
                      <a:pt x="174" y="354"/>
                    </a:lnTo>
                    <a:lnTo>
                      <a:pt x="176" y="352"/>
                    </a:lnTo>
                    <a:lnTo>
                      <a:pt x="178" y="347"/>
                    </a:lnTo>
                    <a:lnTo>
                      <a:pt x="178" y="344"/>
                    </a:lnTo>
                    <a:lnTo>
                      <a:pt x="179" y="342"/>
                    </a:lnTo>
                    <a:lnTo>
                      <a:pt x="181" y="341"/>
                    </a:lnTo>
                    <a:lnTo>
                      <a:pt x="183" y="339"/>
                    </a:lnTo>
                    <a:lnTo>
                      <a:pt x="183" y="337"/>
                    </a:lnTo>
                    <a:lnTo>
                      <a:pt x="184" y="336"/>
                    </a:lnTo>
                    <a:lnTo>
                      <a:pt x="183" y="332"/>
                    </a:lnTo>
                    <a:lnTo>
                      <a:pt x="181" y="330"/>
                    </a:lnTo>
                    <a:lnTo>
                      <a:pt x="174" y="330"/>
                    </a:lnTo>
                    <a:lnTo>
                      <a:pt x="173" y="330"/>
                    </a:lnTo>
                    <a:lnTo>
                      <a:pt x="173" y="329"/>
                    </a:lnTo>
                    <a:lnTo>
                      <a:pt x="173" y="327"/>
                    </a:lnTo>
                    <a:lnTo>
                      <a:pt x="174" y="322"/>
                    </a:lnTo>
                    <a:lnTo>
                      <a:pt x="178" y="317"/>
                    </a:lnTo>
                    <a:lnTo>
                      <a:pt x="183" y="310"/>
                    </a:lnTo>
                    <a:lnTo>
                      <a:pt x="191" y="302"/>
                    </a:lnTo>
                    <a:lnTo>
                      <a:pt x="193" y="298"/>
                    </a:lnTo>
                    <a:lnTo>
                      <a:pt x="195" y="293"/>
                    </a:lnTo>
                    <a:lnTo>
                      <a:pt x="196" y="285"/>
                    </a:lnTo>
                    <a:lnTo>
                      <a:pt x="200" y="276"/>
                    </a:lnTo>
                    <a:lnTo>
                      <a:pt x="205" y="268"/>
                    </a:lnTo>
                    <a:lnTo>
                      <a:pt x="211" y="264"/>
                    </a:lnTo>
                    <a:lnTo>
                      <a:pt x="220" y="264"/>
                    </a:lnTo>
                    <a:lnTo>
                      <a:pt x="230" y="271"/>
                    </a:lnTo>
                    <a:lnTo>
                      <a:pt x="228" y="271"/>
                    </a:lnTo>
                    <a:lnTo>
                      <a:pt x="225" y="271"/>
                    </a:lnTo>
                    <a:lnTo>
                      <a:pt x="220" y="273"/>
                    </a:lnTo>
                    <a:lnTo>
                      <a:pt x="213" y="273"/>
                    </a:lnTo>
                    <a:lnTo>
                      <a:pt x="210" y="276"/>
                    </a:lnTo>
                    <a:lnTo>
                      <a:pt x="206" y="281"/>
                    </a:lnTo>
                    <a:lnTo>
                      <a:pt x="206" y="288"/>
                    </a:lnTo>
                    <a:lnTo>
                      <a:pt x="210" y="297"/>
                    </a:lnTo>
                    <a:lnTo>
                      <a:pt x="210" y="298"/>
                    </a:lnTo>
                    <a:lnTo>
                      <a:pt x="208" y="302"/>
                    </a:lnTo>
                    <a:lnTo>
                      <a:pt x="205" y="305"/>
                    </a:lnTo>
                    <a:lnTo>
                      <a:pt x="203" y="308"/>
                    </a:lnTo>
                    <a:lnTo>
                      <a:pt x="203" y="310"/>
                    </a:lnTo>
                    <a:lnTo>
                      <a:pt x="205" y="312"/>
                    </a:lnTo>
                    <a:lnTo>
                      <a:pt x="208" y="310"/>
                    </a:lnTo>
                    <a:lnTo>
                      <a:pt x="215" y="307"/>
                    </a:lnTo>
                    <a:lnTo>
                      <a:pt x="213" y="308"/>
                    </a:lnTo>
                    <a:lnTo>
                      <a:pt x="211" y="312"/>
                    </a:lnTo>
                    <a:lnTo>
                      <a:pt x="210" y="317"/>
                    </a:lnTo>
                    <a:lnTo>
                      <a:pt x="208" y="320"/>
                    </a:lnTo>
                    <a:lnTo>
                      <a:pt x="208" y="324"/>
                    </a:lnTo>
                    <a:lnTo>
                      <a:pt x="210" y="322"/>
                    </a:lnTo>
                    <a:lnTo>
                      <a:pt x="217" y="319"/>
                    </a:lnTo>
                    <a:lnTo>
                      <a:pt x="227" y="308"/>
                    </a:lnTo>
                    <a:lnTo>
                      <a:pt x="227" y="307"/>
                    </a:lnTo>
                    <a:lnTo>
                      <a:pt x="230" y="305"/>
                    </a:lnTo>
                    <a:lnTo>
                      <a:pt x="232" y="303"/>
                    </a:lnTo>
                    <a:lnTo>
                      <a:pt x="233" y="302"/>
                    </a:lnTo>
                    <a:lnTo>
                      <a:pt x="237" y="300"/>
                    </a:lnTo>
                    <a:lnTo>
                      <a:pt x="239" y="298"/>
                    </a:lnTo>
                    <a:lnTo>
                      <a:pt x="240" y="297"/>
                    </a:lnTo>
                    <a:lnTo>
                      <a:pt x="242" y="297"/>
                    </a:lnTo>
                    <a:lnTo>
                      <a:pt x="244" y="297"/>
                    </a:lnTo>
                    <a:lnTo>
                      <a:pt x="245" y="295"/>
                    </a:lnTo>
                    <a:lnTo>
                      <a:pt x="247" y="293"/>
                    </a:lnTo>
                    <a:lnTo>
                      <a:pt x="249" y="290"/>
                    </a:lnTo>
                    <a:lnTo>
                      <a:pt x="247" y="286"/>
                    </a:lnTo>
                    <a:lnTo>
                      <a:pt x="245" y="281"/>
                    </a:lnTo>
                    <a:lnTo>
                      <a:pt x="245" y="280"/>
                    </a:lnTo>
                    <a:lnTo>
                      <a:pt x="244" y="276"/>
                    </a:lnTo>
                    <a:lnTo>
                      <a:pt x="242" y="273"/>
                    </a:lnTo>
                    <a:lnTo>
                      <a:pt x="240" y="271"/>
                    </a:lnTo>
                    <a:lnTo>
                      <a:pt x="250" y="264"/>
                    </a:lnTo>
                    <a:lnTo>
                      <a:pt x="255" y="268"/>
                    </a:lnTo>
                    <a:lnTo>
                      <a:pt x="266" y="263"/>
                    </a:lnTo>
                    <a:lnTo>
                      <a:pt x="281" y="271"/>
                    </a:lnTo>
                    <a:lnTo>
                      <a:pt x="286" y="278"/>
                    </a:lnTo>
                    <a:lnTo>
                      <a:pt x="293" y="270"/>
                    </a:lnTo>
                    <a:lnTo>
                      <a:pt x="303" y="286"/>
                    </a:lnTo>
                    <a:lnTo>
                      <a:pt x="305" y="285"/>
                    </a:lnTo>
                    <a:lnTo>
                      <a:pt x="310" y="281"/>
                    </a:lnTo>
                    <a:lnTo>
                      <a:pt x="315" y="278"/>
                    </a:lnTo>
                    <a:lnTo>
                      <a:pt x="323" y="276"/>
                    </a:lnTo>
                    <a:lnTo>
                      <a:pt x="333" y="275"/>
                    </a:lnTo>
                    <a:lnTo>
                      <a:pt x="343" y="275"/>
                    </a:lnTo>
                    <a:lnTo>
                      <a:pt x="357" y="276"/>
                    </a:lnTo>
                    <a:lnTo>
                      <a:pt x="359" y="276"/>
                    </a:lnTo>
                    <a:lnTo>
                      <a:pt x="360" y="275"/>
                    </a:lnTo>
                    <a:lnTo>
                      <a:pt x="362" y="273"/>
                    </a:lnTo>
                    <a:lnTo>
                      <a:pt x="364" y="271"/>
                    </a:lnTo>
                    <a:lnTo>
                      <a:pt x="365" y="271"/>
                    </a:lnTo>
                    <a:lnTo>
                      <a:pt x="369" y="271"/>
                    </a:lnTo>
                    <a:lnTo>
                      <a:pt x="371" y="275"/>
                    </a:lnTo>
                    <a:lnTo>
                      <a:pt x="371" y="278"/>
                    </a:lnTo>
                    <a:lnTo>
                      <a:pt x="371" y="280"/>
                    </a:lnTo>
                    <a:lnTo>
                      <a:pt x="374" y="280"/>
                    </a:lnTo>
                    <a:lnTo>
                      <a:pt x="377" y="281"/>
                    </a:lnTo>
                    <a:lnTo>
                      <a:pt x="381" y="281"/>
                    </a:lnTo>
                    <a:lnTo>
                      <a:pt x="384" y="281"/>
                    </a:lnTo>
                    <a:lnTo>
                      <a:pt x="387" y="283"/>
                    </a:lnTo>
                    <a:lnTo>
                      <a:pt x="389" y="283"/>
                    </a:lnTo>
                    <a:lnTo>
                      <a:pt x="391" y="283"/>
                    </a:lnTo>
                    <a:lnTo>
                      <a:pt x="411" y="295"/>
                    </a:lnTo>
                    <a:lnTo>
                      <a:pt x="413" y="295"/>
                    </a:lnTo>
                    <a:lnTo>
                      <a:pt x="415" y="295"/>
                    </a:lnTo>
                    <a:lnTo>
                      <a:pt x="418" y="295"/>
                    </a:lnTo>
                    <a:lnTo>
                      <a:pt x="421" y="295"/>
                    </a:lnTo>
                    <a:lnTo>
                      <a:pt x="425" y="295"/>
                    </a:lnTo>
                    <a:lnTo>
                      <a:pt x="425" y="292"/>
                    </a:lnTo>
                    <a:lnTo>
                      <a:pt x="423" y="288"/>
                    </a:lnTo>
                    <a:lnTo>
                      <a:pt x="416" y="280"/>
                    </a:lnTo>
                    <a:lnTo>
                      <a:pt x="418" y="280"/>
                    </a:lnTo>
                    <a:lnTo>
                      <a:pt x="420" y="278"/>
                    </a:lnTo>
                    <a:lnTo>
                      <a:pt x="423" y="276"/>
                    </a:lnTo>
                    <a:lnTo>
                      <a:pt x="425" y="278"/>
                    </a:lnTo>
                    <a:lnTo>
                      <a:pt x="428" y="280"/>
                    </a:lnTo>
                    <a:lnTo>
                      <a:pt x="431" y="283"/>
                    </a:lnTo>
                    <a:lnTo>
                      <a:pt x="435" y="286"/>
                    </a:lnTo>
                    <a:lnTo>
                      <a:pt x="438" y="288"/>
                    </a:lnTo>
                    <a:lnTo>
                      <a:pt x="438" y="286"/>
                    </a:lnTo>
                    <a:lnTo>
                      <a:pt x="435" y="281"/>
                    </a:lnTo>
                    <a:lnTo>
                      <a:pt x="430" y="271"/>
                    </a:lnTo>
                    <a:lnTo>
                      <a:pt x="428" y="270"/>
                    </a:lnTo>
                    <a:lnTo>
                      <a:pt x="430" y="266"/>
                    </a:lnTo>
                    <a:lnTo>
                      <a:pt x="430" y="264"/>
                    </a:lnTo>
                    <a:lnTo>
                      <a:pt x="431" y="264"/>
                    </a:lnTo>
                    <a:lnTo>
                      <a:pt x="445" y="283"/>
                    </a:lnTo>
                    <a:lnTo>
                      <a:pt x="455" y="280"/>
                    </a:lnTo>
                    <a:lnTo>
                      <a:pt x="455" y="281"/>
                    </a:lnTo>
                    <a:lnTo>
                      <a:pt x="457" y="281"/>
                    </a:lnTo>
                    <a:lnTo>
                      <a:pt x="460" y="283"/>
                    </a:lnTo>
                    <a:lnTo>
                      <a:pt x="462" y="286"/>
                    </a:lnTo>
                    <a:lnTo>
                      <a:pt x="465" y="290"/>
                    </a:lnTo>
                    <a:lnTo>
                      <a:pt x="469" y="295"/>
                    </a:lnTo>
                    <a:lnTo>
                      <a:pt x="472" y="300"/>
                    </a:lnTo>
                    <a:lnTo>
                      <a:pt x="475" y="305"/>
                    </a:lnTo>
                    <a:lnTo>
                      <a:pt x="479" y="312"/>
                    </a:lnTo>
                    <a:lnTo>
                      <a:pt x="482" y="314"/>
                    </a:lnTo>
                    <a:lnTo>
                      <a:pt x="484" y="314"/>
                    </a:lnTo>
                    <a:lnTo>
                      <a:pt x="486" y="312"/>
                    </a:lnTo>
                    <a:lnTo>
                      <a:pt x="487" y="310"/>
                    </a:lnTo>
                    <a:lnTo>
                      <a:pt x="487" y="308"/>
                    </a:lnTo>
                    <a:lnTo>
                      <a:pt x="487" y="307"/>
                    </a:lnTo>
                    <a:lnTo>
                      <a:pt x="509" y="322"/>
                    </a:lnTo>
                    <a:lnTo>
                      <a:pt x="508" y="325"/>
                    </a:lnTo>
                    <a:lnTo>
                      <a:pt x="508" y="327"/>
                    </a:lnTo>
                    <a:lnTo>
                      <a:pt x="508" y="330"/>
                    </a:lnTo>
                    <a:lnTo>
                      <a:pt x="508" y="332"/>
                    </a:lnTo>
                    <a:lnTo>
                      <a:pt x="509" y="332"/>
                    </a:lnTo>
                    <a:lnTo>
                      <a:pt x="514" y="329"/>
                    </a:lnTo>
                    <a:lnTo>
                      <a:pt x="519" y="324"/>
                    </a:lnTo>
                    <a:lnTo>
                      <a:pt x="521" y="322"/>
                    </a:lnTo>
                    <a:lnTo>
                      <a:pt x="523" y="322"/>
                    </a:lnTo>
                    <a:lnTo>
                      <a:pt x="525" y="324"/>
                    </a:lnTo>
                    <a:lnTo>
                      <a:pt x="528" y="325"/>
                    </a:lnTo>
                    <a:lnTo>
                      <a:pt x="531" y="330"/>
                    </a:lnTo>
                    <a:lnTo>
                      <a:pt x="535" y="339"/>
                    </a:lnTo>
                    <a:lnTo>
                      <a:pt x="536" y="341"/>
                    </a:lnTo>
                    <a:lnTo>
                      <a:pt x="538" y="344"/>
                    </a:lnTo>
                    <a:lnTo>
                      <a:pt x="540" y="347"/>
                    </a:lnTo>
                    <a:lnTo>
                      <a:pt x="541" y="349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20" name="Freeform 79"/>
              <p:cNvSpPr>
                <a:spLocks/>
              </p:cNvSpPr>
              <p:nvPr/>
            </p:nvSpPr>
            <p:spPr bwMode="auto">
              <a:xfrm>
                <a:off x="1085" y="3327"/>
                <a:ext cx="27" cy="22"/>
              </a:xfrm>
              <a:custGeom>
                <a:avLst/>
                <a:gdLst>
                  <a:gd name="T0" fmla="*/ 0 w 27"/>
                  <a:gd name="T1" fmla="*/ 10 h 22"/>
                  <a:gd name="T2" fmla="*/ 0 w 27"/>
                  <a:gd name="T3" fmla="*/ 7 h 22"/>
                  <a:gd name="T4" fmla="*/ 2 w 27"/>
                  <a:gd name="T5" fmla="*/ 4 h 22"/>
                  <a:gd name="T6" fmla="*/ 14 w 27"/>
                  <a:gd name="T7" fmla="*/ 0 h 22"/>
                  <a:gd name="T8" fmla="*/ 27 w 27"/>
                  <a:gd name="T9" fmla="*/ 14 h 22"/>
                  <a:gd name="T10" fmla="*/ 22 w 27"/>
                  <a:gd name="T11" fmla="*/ 15 h 22"/>
                  <a:gd name="T12" fmla="*/ 22 w 27"/>
                  <a:gd name="T13" fmla="*/ 15 h 22"/>
                  <a:gd name="T14" fmla="*/ 17 w 27"/>
                  <a:gd name="T15" fmla="*/ 10 h 22"/>
                  <a:gd name="T16" fmla="*/ 12 w 27"/>
                  <a:gd name="T17" fmla="*/ 14 h 22"/>
                  <a:gd name="T18" fmla="*/ 17 w 27"/>
                  <a:gd name="T19" fmla="*/ 19 h 22"/>
                  <a:gd name="T20" fmla="*/ 14 w 27"/>
                  <a:gd name="T21" fmla="*/ 22 h 22"/>
                  <a:gd name="T22" fmla="*/ 0 w 27"/>
                  <a:gd name="T23" fmla="*/ 10 h 22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w 27"/>
                  <a:gd name="T37" fmla="*/ 0 h 22"/>
                  <a:gd name="T38" fmla="*/ 27 w 27"/>
                  <a:gd name="T39" fmla="*/ 22 h 22"/>
                </a:gdLst>
                <a:ahLst/>
                <a:cxnLst>
                  <a:cxn ang="T24">
                    <a:pos x="T0" y="T1"/>
                  </a:cxn>
                  <a:cxn ang="T25">
                    <a:pos x="T2" y="T3"/>
                  </a:cxn>
                  <a:cxn ang="T26">
                    <a:pos x="T4" y="T5"/>
                  </a:cxn>
                  <a:cxn ang="T27">
                    <a:pos x="T6" y="T7"/>
                  </a:cxn>
                  <a:cxn ang="T28">
                    <a:pos x="T8" y="T9"/>
                  </a:cxn>
                  <a:cxn ang="T29">
                    <a:pos x="T10" y="T11"/>
                  </a:cxn>
                  <a:cxn ang="T30">
                    <a:pos x="T12" y="T13"/>
                  </a:cxn>
                  <a:cxn ang="T31">
                    <a:pos x="T14" y="T15"/>
                  </a:cxn>
                  <a:cxn ang="T32">
                    <a:pos x="T16" y="T17"/>
                  </a:cxn>
                  <a:cxn ang="T33">
                    <a:pos x="T18" y="T19"/>
                  </a:cxn>
                  <a:cxn ang="T34">
                    <a:pos x="T20" y="T21"/>
                  </a:cxn>
                  <a:cxn ang="T35">
                    <a:pos x="T22" y="T23"/>
                  </a:cxn>
                </a:cxnLst>
                <a:rect l="T36" t="T37" r="T38" b="T39"/>
                <a:pathLst>
                  <a:path w="27" h="22">
                    <a:moveTo>
                      <a:pt x="0" y="10"/>
                    </a:moveTo>
                    <a:lnTo>
                      <a:pt x="0" y="7"/>
                    </a:lnTo>
                    <a:lnTo>
                      <a:pt x="2" y="4"/>
                    </a:lnTo>
                    <a:lnTo>
                      <a:pt x="14" y="0"/>
                    </a:lnTo>
                    <a:lnTo>
                      <a:pt x="27" y="14"/>
                    </a:lnTo>
                    <a:lnTo>
                      <a:pt x="22" y="15"/>
                    </a:lnTo>
                    <a:lnTo>
                      <a:pt x="17" y="10"/>
                    </a:lnTo>
                    <a:lnTo>
                      <a:pt x="12" y="14"/>
                    </a:lnTo>
                    <a:lnTo>
                      <a:pt x="17" y="19"/>
                    </a:lnTo>
                    <a:lnTo>
                      <a:pt x="14" y="22"/>
                    </a:lnTo>
                    <a:lnTo>
                      <a:pt x="0" y="1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21" name="Freeform 80"/>
              <p:cNvSpPr>
                <a:spLocks/>
              </p:cNvSpPr>
              <p:nvPr/>
            </p:nvSpPr>
            <p:spPr bwMode="auto">
              <a:xfrm>
                <a:off x="1085" y="3327"/>
                <a:ext cx="27" cy="22"/>
              </a:xfrm>
              <a:custGeom>
                <a:avLst/>
                <a:gdLst>
                  <a:gd name="T0" fmla="*/ 0 w 27"/>
                  <a:gd name="T1" fmla="*/ 10 h 22"/>
                  <a:gd name="T2" fmla="*/ 0 w 27"/>
                  <a:gd name="T3" fmla="*/ 7 h 22"/>
                  <a:gd name="T4" fmla="*/ 2 w 27"/>
                  <a:gd name="T5" fmla="*/ 4 h 22"/>
                  <a:gd name="T6" fmla="*/ 14 w 27"/>
                  <a:gd name="T7" fmla="*/ 0 h 22"/>
                  <a:gd name="T8" fmla="*/ 27 w 27"/>
                  <a:gd name="T9" fmla="*/ 14 h 22"/>
                  <a:gd name="T10" fmla="*/ 22 w 27"/>
                  <a:gd name="T11" fmla="*/ 15 h 22"/>
                  <a:gd name="T12" fmla="*/ 22 w 27"/>
                  <a:gd name="T13" fmla="*/ 15 h 22"/>
                  <a:gd name="T14" fmla="*/ 17 w 27"/>
                  <a:gd name="T15" fmla="*/ 10 h 22"/>
                  <a:gd name="T16" fmla="*/ 12 w 27"/>
                  <a:gd name="T17" fmla="*/ 14 h 22"/>
                  <a:gd name="T18" fmla="*/ 17 w 27"/>
                  <a:gd name="T19" fmla="*/ 19 h 22"/>
                  <a:gd name="T20" fmla="*/ 14 w 27"/>
                  <a:gd name="T21" fmla="*/ 22 h 22"/>
                  <a:gd name="T22" fmla="*/ 0 w 27"/>
                  <a:gd name="T23" fmla="*/ 10 h 22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w 27"/>
                  <a:gd name="T37" fmla="*/ 0 h 22"/>
                  <a:gd name="T38" fmla="*/ 27 w 27"/>
                  <a:gd name="T39" fmla="*/ 22 h 22"/>
                </a:gdLst>
                <a:ahLst/>
                <a:cxnLst>
                  <a:cxn ang="T24">
                    <a:pos x="T0" y="T1"/>
                  </a:cxn>
                  <a:cxn ang="T25">
                    <a:pos x="T2" y="T3"/>
                  </a:cxn>
                  <a:cxn ang="T26">
                    <a:pos x="T4" y="T5"/>
                  </a:cxn>
                  <a:cxn ang="T27">
                    <a:pos x="T6" y="T7"/>
                  </a:cxn>
                  <a:cxn ang="T28">
                    <a:pos x="T8" y="T9"/>
                  </a:cxn>
                  <a:cxn ang="T29">
                    <a:pos x="T10" y="T11"/>
                  </a:cxn>
                  <a:cxn ang="T30">
                    <a:pos x="T12" y="T13"/>
                  </a:cxn>
                  <a:cxn ang="T31">
                    <a:pos x="T14" y="T15"/>
                  </a:cxn>
                  <a:cxn ang="T32">
                    <a:pos x="T16" y="T17"/>
                  </a:cxn>
                  <a:cxn ang="T33">
                    <a:pos x="T18" y="T19"/>
                  </a:cxn>
                  <a:cxn ang="T34">
                    <a:pos x="T20" y="T21"/>
                  </a:cxn>
                  <a:cxn ang="T35">
                    <a:pos x="T22" y="T23"/>
                  </a:cxn>
                </a:cxnLst>
                <a:rect l="T36" t="T37" r="T38" b="T39"/>
                <a:pathLst>
                  <a:path w="27" h="22">
                    <a:moveTo>
                      <a:pt x="0" y="10"/>
                    </a:moveTo>
                    <a:lnTo>
                      <a:pt x="0" y="7"/>
                    </a:lnTo>
                    <a:lnTo>
                      <a:pt x="2" y="4"/>
                    </a:lnTo>
                    <a:lnTo>
                      <a:pt x="14" y="0"/>
                    </a:lnTo>
                    <a:lnTo>
                      <a:pt x="27" y="14"/>
                    </a:lnTo>
                    <a:lnTo>
                      <a:pt x="22" y="15"/>
                    </a:lnTo>
                    <a:lnTo>
                      <a:pt x="17" y="10"/>
                    </a:lnTo>
                    <a:lnTo>
                      <a:pt x="12" y="14"/>
                    </a:lnTo>
                    <a:lnTo>
                      <a:pt x="17" y="19"/>
                    </a:lnTo>
                    <a:lnTo>
                      <a:pt x="14" y="22"/>
                    </a:lnTo>
                    <a:lnTo>
                      <a:pt x="0" y="1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22" name="Freeform 81"/>
              <p:cNvSpPr>
                <a:spLocks/>
              </p:cNvSpPr>
              <p:nvPr/>
            </p:nvSpPr>
            <p:spPr bwMode="auto">
              <a:xfrm>
                <a:off x="1107" y="3348"/>
                <a:ext cx="21" cy="23"/>
              </a:xfrm>
              <a:custGeom>
                <a:avLst/>
                <a:gdLst>
                  <a:gd name="T0" fmla="*/ 5 w 21"/>
                  <a:gd name="T1" fmla="*/ 0 h 23"/>
                  <a:gd name="T2" fmla="*/ 0 w 21"/>
                  <a:gd name="T3" fmla="*/ 3 h 23"/>
                  <a:gd name="T4" fmla="*/ 11 w 21"/>
                  <a:gd name="T5" fmla="*/ 16 h 23"/>
                  <a:gd name="T6" fmla="*/ 21 w 21"/>
                  <a:gd name="T7" fmla="*/ 23 h 23"/>
                  <a:gd name="T8" fmla="*/ 14 w 21"/>
                  <a:gd name="T9" fmla="*/ 6 h 23"/>
                  <a:gd name="T10" fmla="*/ 5 w 21"/>
                  <a:gd name="T11" fmla="*/ 0 h 23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21"/>
                  <a:gd name="T19" fmla="*/ 0 h 23"/>
                  <a:gd name="T20" fmla="*/ 21 w 21"/>
                  <a:gd name="T21" fmla="*/ 23 h 23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21" h="23">
                    <a:moveTo>
                      <a:pt x="5" y="0"/>
                    </a:moveTo>
                    <a:lnTo>
                      <a:pt x="0" y="3"/>
                    </a:lnTo>
                    <a:lnTo>
                      <a:pt x="11" y="16"/>
                    </a:lnTo>
                    <a:lnTo>
                      <a:pt x="21" y="23"/>
                    </a:lnTo>
                    <a:lnTo>
                      <a:pt x="14" y="6"/>
                    </a:lnTo>
                    <a:lnTo>
                      <a:pt x="5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23" name="Freeform 82"/>
              <p:cNvSpPr>
                <a:spLocks/>
              </p:cNvSpPr>
              <p:nvPr/>
            </p:nvSpPr>
            <p:spPr bwMode="auto">
              <a:xfrm>
                <a:off x="1107" y="3348"/>
                <a:ext cx="21" cy="23"/>
              </a:xfrm>
              <a:custGeom>
                <a:avLst/>
                <a:gdLst>
                  <a:gd name="T0" fmla="*/ 5 w 21"/>
                  <a:gd name="T1" fmla="*/ 0 h 23"/>
                  <a:gd name="T2" fmla="*/ 0 w 21"/>
                  <a:gd name="T3" fmla="*/ 3 h 23"/>
                  <a:gd name="T4" fmla="*/ 11 w 21"/>
                  <a:gd name="T5" fmla="*/ 16 h 23"/>
                  <a:gd name="T6" fmla="*/ 21 w 21"/>
                  <a:gd name="T7" fmla="*/ 23 h 23"/>
                  <a:gd name="T8" fmla="*/ 14 w 21"/>
                  <a:gd name="T9" fmla="*/ 6 h 23"/>
                  <a:gd name="T10" fmla="*/ 5 w 21"/>
                  <a:gd name="T11" fmla="*/ 0 h 23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21"/>
                  <a:gd name="T19" fmla="*/ 0 h 23"/>
                  <a:gd name="T20" fmla="*/ 21 w 21"/>
                  <a:gd name="T21" fmla="*/ 23 h 23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21" h="23">
                    <a:moveTo>
                      <a:pt x="5" y="0"/>
                    </a:moveTo>
                    <a:lnTo>
                      <a:pt x="0" y="3"/>
                    </a:lnTo>
                    <a:lnTo>
                      <a:pt x="11" y="16"/>
                    </a:lnTo>
                    <a:lnTo>
                      <a:pt x="21" y="23"/>
                    </a:lnTo>
                    <a:lnTo>
                      <a:pt x="14" y="6"/>
                    </a:lnTo>
                    <a:lnTo>
                      <a:pt x="5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24" name="Freeform 83"/>
              <p:cNvSpPr>
                <a:spLocks/>
              </p:cNvSpPr>
              <p:nvPr/>
            </p:nvSpPr>
            <p:spPr bwMode="auto">
              <a:xfrm>
                <a:off x="1107" y="3322"/>
                <a:ext cx="19" cy="24"/>
              </a:xfrm>
              <a:custGeom>
                <a:avLst/>
                <a:gdLst>
                  <a:gd name="T0" fmla="*/ 4 w 19"/>
                  <a:gd name="T1" fmla="*/ 0 h 24"/>
                  <a:gd name="T2" fmla="*/ 19 w 19"/>
                  <a:gd name="T3" fmla="*/ 15 h 24"/>
                  <a:gd name="T4" fmla="*/ 17 w 19"/>
                  <a:gd name="T5" fmla="*/ 24 h 24"/>
                  <a:gd name="T6" fmla="*/ 11 w 19"/>
                  <a:gd name="T7" fmla="*/ 22 h 24"/>
                  <a:gd name="T8" fmla="*/ 11 w 19"/>
                  <a:gd name="T9" fmla="*/ 15 h 24"/>
                  <a:gd name="T10" fmla="*/ 0 w 19"/>
                  <a:gd name="T11" fmla="*/ 2 h 24"/>
                  <a:gd name="T12" fmla="*/ 4 w 19"/>
                  <a:gd name="T13" fmla="*/ 0 h 24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w 19"/>
                  <a:gd name="T22" fmla="*/ 0 h 24"/>
                  <a:gd name="T23" fmla="*/ 19 w 19"/>
                  <a:gd name="T24" fmla="*/ 24 h 24"/>
                </a:gdLst>
                <a:ahLst/>
                <a:cxnLst>
                  <a:cxn ang="T14">
                    <a:pos x="T0" y="T1"/>
                  </a:cxn>
                  <a:cxn ang="T15">
                    <a:pos x="T2" y="T3"/>
                  </a:cxn>
                  <a:cxn ang="T16">
                    <a:pos x="T4" y="T5"/>
                  </a:cxn>
                  <a:cxn ang="T17">
                    <a:pos x="T6" y="T7"/>
                  </a:cxn>
                  <a:cxn ang="T18">
                    <a:pos x="T8" y="T9"/>
                  </a:cxn>
                  <a:cxn ang="T19">
                    <a:pos x="T10" y="T11"/>
                  </a:cxn>
                  <a:cxn ang="T20">
                    <a:pos x="T12" y="T13"/>
                  </a:cxn>
                </a:cxnLst>
                <a:rect l="T21" t="T22" r="T23" b="T24"/>
                <a:pathLst>
                  <a:path w="19" h="24">
                    <a:moveTo>
                      <a:pt x="4" y="0"/>
                    </a:moveTo>
                    <a:lnTo>
                      <a:pt x="19" y="15"/>
                    </a:lnTo>
                    <a:lnTo>
                      <a:pt x="17" y="24"/>
                    </a:lnTo>
                    <a:lnTo>
                      <a:pt x="11" y="22"/>
                    </a:lnTo>
                    <a:lnTo>
                      <a:pt x="11" y="15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25" name="Freeform 84"/>
              <p:cNvSpPr>
                <a:spLocks/>
              </p:cNvSpPr>
              <p:nvPr/>
            </p:nvSpPr>
            <p:spPr bwMode="auto">
              <a:xfrm>
                <a:off x="1107" y="3322"/>
                <a:ext cx="19" cy="24"/>
              </a:xfrm>
              <a:custGeom>
                <a:avLst/>
                <a:gdLst>
                  <a:gd name="T0" fmla="*/ 4 w 19"/>
                  <a:gd name="T1" fmla="*/ 0 h 24"/>
                  <a:gd name="T2" fmla="*/ 19 w 19"/>
                  <a:gd name="T3" fmla="*/ 15 h 24"/>
                  <a:gd name="T4" fmla="*/ 17 w 19"/>
                  <a:gd name="T5" fmla="*/ 24 h 24"/>
                  <a:gd name="T6" fmla="*/ 11 w 19"/>
                  <a:gd name="T7" fmla="*/ 22 h 24"/>
                  <a:gd name="T8" fmla="*/ 11 w 19"/>
                  <a:gd name="T9" fmla="*/ 15 h 24"/>
                  <a:gd name="T10" fmla="*/ 0 w 19"/>
                  <a:gd name="T11" fmla="*/ 2 h 24"/>
                  <a:gd name="T12" fmla="*/ 4 w 19"/>
                  <a:gd name="T13" fmla="*/ 0 h 24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w 19"/>
                  <a:gd name="T22" fmla="*/ 0 h 24"/>
                  <a:gd name="T23" fmla="*/ 19 w 19"/>
                  <a:gd name="T24" fmla="*/ 24 h 24"/>
                </a:gdLst>
                <a:ahLst/>
                <a:cxnLst>
                  <a:cxn ang="T14">
                    <a:pos x="T0" y="T1"/>
                  </a:cxn>
                  <a:cxn ang="T15">
                    <a:pos x="T2" y="T3"/>
                  </a:cxn>
                  <a:cxn ang="T16">
                    <a:pos x="T4" y="T5"/>
                  </a:cxn>
                  <a:cxn ang="T17">
                    <a:pos x="T6" y="T7"/>
                  </a:cxn>
                  <a:cxn ang="T18">
                    <a:pos x="T8" y="T9"/>
                  </a:cxn>
                  <a:cxn ang="T19">
                    <a:pos x="T10" y="T11"/>
                  </a:cxn>
                  <a:cxn ang="T20">
                    <a:pos x="T12" y="T13"/>
                  </a:cxn>
                </a:cxnLst>
                <a:rect l="T21" t="T22" r="T23" b="T24"/>
                <a:pathLst>
                  <a:path w="19" h="24">
                    <a:moveTo>
                      <a:pt x="4" y="0"/>
                    </a:moveTo>
                    <a:lnTo>
                      <a:pt x="19" y="15"/>
                    </a:lnTo>
                    <a:lnTo>
                      <a:pt x="17" y="24"/>
                    </a:lnTo>
                    <a:lnTo>
                      <a:pt x="11" y="22"/>
                    </a:lnTo>
                    <a:lnTo>
                      <a:pt x="11" y="15"/>
                    </a:lnTo>
                    <a:lnTo>
                      <a:pt x="0" y="2"/>
                    </a:lnTo>
                    <a:lnTo>
                      <a:pt x="4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26" name="Freeform 85"/>
              <p:cNvSpPr>
                <a:spLocks/>
              </p:cNvSpPr>
              <p:nvPr/>
            </p:nvSpPr>
            <p:spPr bwMode="auto">
              <a:xfrm>
                <a:off x="1153" y="3370"/>
                <a:ext cx="27" cy="25"/>
              </a:xfrm>
              <a:custGeom>
                <a:avLst/>
                <a:gdLst>
                  <a:gd name="T0" fmla="*/ 2 w 27"/>
                  <a:gd name="T1" fmla="*/ 0 h 25"/>
                  <a:gd name="T2" fmla="*/ 10 w 27"/>
                  <a:gd name="T3" fmla="*/ 1 h 25"/>
                  <a:gd name="T4" fmla="*/ 27 w 27"/>
                  <a:gd name="T5" fmla="*/ 20 h 25"/>
                  <a:gd name="T6" fmla="*/ 24 w 27"/>
                  <a:gd name="T7" fmla="*/ 25 h 25"/>
                  <a:gd name="T8" fmla="*/ 14 w 27"/>
                  <a:gd name="T9" fmla="*/ 16 h 25"/>
                  <a:gd name="T10" fmla="*/ 7 w 27"/>
                  <a:gd name="T11" fmla="*/ 15 h 25"/>
                  <a:gd name="T12" fmla="*/ 0 w 27"/>
                  <a:gd name="T13" fmla="*/ 6 h 25"/>
                  <a:gd name="T14" fmla="*/ 2 w 27"/>
                  <a:gd name="T15" fmla="*/ 0 h 2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7"/>
                  <a:gd name="T25" fmla="*/ 0 h 25"/>
                  <a:gd name="T26" fmla="*/ 27 w 27"/>
                  <a:gd name="T27" fmla="*/ 25 h 2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7" h="25">
                    <a:moveTo>
                      <a:pt x="2" y="0"/>
                    </a:moveTo>
                    <a:lnTo>
                      <a:pt x="10" y="1"/>
                    </a:lnTo>
                    <a:lnTo>
                      <a:pt x="27" y="20"/>
                    </a:lnTo>
                    <a:lnTo>
                      <a:pt x="24" y="25"/>
                    </a:lnTo>
                    <a:lnTo>
                      <a:pt x="14" y="16"/>
                    </a:lnTo>
                    <a:lnTo>
                      <a:pt x="7" y="15"/>
                    </a:lnTo>
                    <a:lnTo>
                      <a:pt x="0" y="6"/>
                    </a:lnTo>
                    <a:lnTo>
                      <a:pt x="2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27" name="Freeform 86"/>
              <p:cNvSpPr>
                <a:spLocks/>
              </p:cNvSpPr>
              <p:nvPr/>
            </p:nvSpPr>
            <p:spPr bwMode="auto">
              <a:xfrm>
                <a:off x="1153" y="3370"/>
                <a:ext cx="27" cy="25"/>
              </a:xfrm>
              <a:custGeom>
                <a:avLst/>
                <a:gdLst>
                  <a:gd name="T0" fmla="*/ 2 w 27"/>
                  <a:gd name="T1" fmla="*/ 0 h 25"/>
                  <a:gd name="T2" fmla="*/ 10 w 27"/>
                  <a:gd name="T3" fmla="*/ 1 h 25"/>
                  <a:gd name="T4" fmla="*/ 27 w 27"/>
                  <a:gd name="T5" fmla="*/ 20 h 25"/>
                  <a:gd name="T6" fmla="*/ 24 w 27"/>
                  <a:gd name="T7" fmla="*/ 25 h 25"/>
                  <a:gd name="T8" fmla="*/ 14 w 27"/>
                  <a:gd name="T9" fmla="*/ 16 h 25"/>
                  <a:gd name="T10" fmla="*/ 7 w 27"/>
                  <a:gd name="T11" fmla="*/ 15 h 25"/>
                  <a:gd name="T12" fmla="*/ 0 w 27"/>
                  <a:gd name="T13" fmla="*/ 6 h 25"/>
                  <a:gd name="T14" fmla="*/ 2 w 27"/>
                  <a:gd name="T15" fmla="*/ 0 h 2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7"/>
                  <a:gd name="T25" fmla="*/ 0 h 25"/>
                  <a:gd name="T26" fmla="*/ 27 w 27"/>
                  <a:gd name="T27" fmla="*/ 25 h 2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7" h="25">
                    <a:moveTo>
                      <a:pt x="2" y="0"/>
                    </a:moveTo>
                    <a:lnTo>
                      <a:pt x="10" y="1"/>
                    </a:lnTo>
                    <a:lnTo>
                      <a:pt x="27" y="20"/>
                    </a:lnTo>
                    <a:lnTo>
                      <a:pt x="24" y="25"/>
                    </a:lnTo>
                    <a:lnTo>
                      <a:pt x="14" y="16"/>
                    </a:lnTo>
                    <a:lnTo>
                      <a:pt x="7" y="15"/>
                    </a:lnTo>
                    <a:lnTo>
                      <a:pt x="0" y="6"/>
                    </a:lnTo>
                    <a:lnTo>
                      <a:pt x="2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28" name="Freeform 87"/>
              <p:cNvSpPr>
                <a:spLocks/>
              </p:cNvSpPr>
              <p:nvPr/>
            </p:nvSpPr>
            <p:spPr bwMode="auto">
              <a:xfrm>
                <a:off x="1175" y="3412"/>
                <a:ext cx="25" cy="20"/>
              </a:xfrm>
              <a:custGeom>
                <a:avLst/>
                <a:gdLst>
                  <a:gd name="T0" fmla="*/ 0 w 25"/>
                  <a:gd name="T1" fmla="*/ 2 h 20"/>
                  <a:gd name="T2" fmla="*/ 12 w 25"/>
                  <a:gd name="T3" fmla="*/ 2 h 20"/>
                  <a:gd name="T4" fmla="*/ 12 w 25"/>
                  <a:gd name="T5" fmla="*/ 12 h 20"/>
                  <a:gd name="T6" fmla="*/ 19 w 25"/>
                  <a:gd name="T7" fmla="*/ 10 h 20"/>
                  <a:gd name="T8" fmla="*/ 17 w 25"/>
                  <a:gd name="T9" fmla="*/ 0 h 20"/>
                  <a:gd name="T10" fmla="*/ 19 w 25"/>
                  <a:gd name="T11" fmla="*/ 0 h 20"/>
                  <a:gd name="T12" fmla="*/ 20 w 25"/>
                  <a:gd name="T13" fmla="*/ 2 h 20"/>
                  <a:gd name="T14" fmla="*/ 22 w 25"/>
                  <a:gd name="T15" fmla="*/ 3 h 20"/>
                  <a:gd name="T16" fmla="*/ 24 w 25"/>
                  <a:gd name="T17" fmla="*/ 5 h 20"/>
                  <a:gd name="T18" fmla="*/ 25 w 25"/>
                  <a:gd name="T19" fmla="*/ 8 h 20"/>
                  <a:gd name="T20" fmla="*/ 25 w 25"/>
                  <a:gd name="T21" fmla="*/ 12 h 20"/>
                  <a:gd name="T22" fmla="*/ 24 w 25"/>
                  <a:gd name="T23" fmla="*/ 15 h 20"/>
                  <a:gd name="T24" fmla="*/ 22 w 25"/>
                  <a:gd name="T25" fmla="*/ 20 h 20"/>
                  <a:gd name="T26" fmla="*/ 20 w 25"/>
                  <a:gd name="T27" fmla="*/ 20 h 20"/>
                  <a:gd name="T28" fmla="*/ 19 w 25"/>
                  <a:gd name="T29" fmla="*/ 20 h 20"/>
                  <a:gd name="T30" fmla="*/ 17 w 25"/>
                  <a:gd name="T31" fmla="*/ 20 h 20"/>
                  <a:gd name="T32" fmla="*/ 14 w 25"/>
                  <a:gd name="T33" fmla="*/ 18 h 20"/>
                  <a:gd name="T34" fmla="*/ 12 w 25"/>
                  <a:gd name="T35" fmla="*/ 18 h 20"/>
                  <a:gd name="T36" fmla="*/ 10 w 25"/>
                  <a:gd name="T37" fmla="*/ 18 h 20"/>
                  <a:gd name="T38" fmla="*/ 9 w 25"/>
                  <a:gd name="T39" fmla="*/ 18 h 20"/>
                  <a:gd name="T40" fmla="*/ 9 w 25"/>
                  <a:gd name="T41" fmla="*/ 18 h 20"/>
                  <a:gd name="T42" fmla="*/ 2 w 25"/>
                  <a:gd name="T43" fmla="*/ 10 h 20"/>
                  <a:gd name="T44" fmla="*/ 0 w 25"/>
                  <a:gd name="T45" fmla="*/ 2 h 20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w 25"/>
                  <a:gd name="T70" fmla="*/ 0 h 20"/>
                  <a:gd name="T71" fmla="*/ 25 w 25"/>
                  <a:gd name="T72" fmla="*/ 20 h 20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T69" t="T70" r="T71" b="T72"/>
                <a:pathLst>
                  <a:path w="25" h="20">
                    <a:moveTo>
                      <a:pt x="0" y="2"/>
                    </a:moveTo>
                    <a:lnTo>
                      <a:pt x="12" y="2"/>
                    </a:lnTo>
                    <a:lnTo>
                      <a:pt x="12" y="12"/>
                    </a:lnTo>
                    <a:lnTo>
                      <a:pt x="19" y="10"/>
                    </a:lnTo>
                    <a:lnTo>
                      <a:pt x="17" y="0"/>
                    </a:lnTo>
                    <a:lnTo>
                      <a:pt x="19" y="0"/>
                    </a:lnTo>
                    <a:lnTo>
                      <a:pt x="20" y="2"/>
                    </a:lnTo>
                    <a:lnTo>
                      <a:pt x="22" y="3"/>
                    </a:lnTo>
                    <a:lnTo>
                      <a:pt x="24" y="5"/>
                    </a:lnTo>
                    <a:lnTo>
                      <a:pt x="25" y="8"/>
                    </a:lnTo>
                    <a:lnTo>
                      <a:pt x="25" y="12"/>
                    </a:lnTo>
                    <a:lnTo>
                      <a:pt x="24" y="15"/>
                    </a:lnTo>
                    <a:lnTo>
                      <a:pt x="22" y="20"/>
                    </a:lnTo>
                    <a:lnTo>
                      <a:pt x="20" y="20"/>
                    </a:lnTo>
                    <a:lnTo>
                      <a:pt x="19" y="20"/>
                    </a:lnTo>
                    <a:lnTo>
                      <a:pt x="17" y="20"/>
                    </a:lnTo>
                    <a:lnTo>
                      <a:pt x="14" y="18"/>
                    </a:lnTo>
                    <a:lnTo>
                      <a:pt x="12" y="18"/>
                    </a:lnTo>
                    <a:lnTo>
                      <a:pt x="10" y="18"/>
                    </a:lnTo>
                    <a:lnTo>
                      <a:pt x="9" y="18"/>
                    </a:lnTo>
                    <a:lnTo>
                      <a:pt x="2" y="10"/>
                    </a:lnTo>
                    <a:lnTo>
                      <a:pt x="0" y="2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29" name="Freeform 88"/>
              <p:cNvSpPr>
                <a:spLocks/>
              </p:cNvSpPr>
              <p:nvPr/>
            </p:nvSpPr>
            <p:spPr bwMode="auto">
              <a:xfrm>
                <a:off x="1175" y="3412"/>
                <a:ext cx="25" cy="20"/>
              </a:xfrm>
              <a:custGeom>
                <a:avLst/>
                <a:gdLst>
                  <a:gd name="T0" fmla="*/ 0 w 25"/>
                  <a:gd name="T1" fmla="*/ 2 h 20"/>
                  <a:gd name="T2" fmla="*/ 12 w 25"/>
                  <a:gd name="T3" fmla="*/ 2 h 20"/>
                  <a:gd name="T4" fmla="*/ 12 w 25"/>
                  <a:gd name="T5" fmla="*/ 12 h 20"/>
                  <a:gd name="T6" fmla="*/ 19 w 25"/>
                  <a:gd name="T7" fmla="*/ 10 h 20"/>
                  <a:gd name="T8" fmla="*/ 17 w 25"/>
                  <a:gd name="T9" fmla="*/ 0 h 20"/>
                  <a:gd name="T10" fmla="*/ 17 w 25"/>
                  <a:gd name="T11" fmla="*/ 0 h 20"/>
                  <a:gd name="T12" fmla="*/ 19 w 25"/>
                  <a:gd name="T13" fmla="*/ 0 h 20"/>
                  <a:gd name="T14" fmla="*/ 20 w 25"/>
                  <a:gd name="T15" fmla="*/ 2 h 20"/>
                  <a:gd name="T16" fmla="*/ 22 w 25"/>
                  <a:gd name="T17" fmla="*/ 3 h 20"/>
                  <a:gd name="T18" fmla="*/ 24 w 25"/>
                  <a:gd name="T19" fmla="*/ 5 h 20"/>
                  <a:gd name="T20" fmla="*/ 25 w 25"/>
                  <a:gd name="T21" fmla="*/ 8 h 20"/>
                  <a:gd name="T22" fmla="*/ 25 w 25"/>
                  <a:gd name="T23" fmla="*/ 12 h 20"/>
                  <a:gd name="T24" fmla="*/ 24 w 25"/>
                  <a:gd name="T25" fmla="*/ 15 h 20"/>
                  <a:gd name="T26" fmla="*/ 22 w 25"/>
                  <a:gd name="T27" fmla="*/ 20 h 20"/>
                  <a:gd name="T28" fmla="*/ 22 w 25"/>
                  <a:gd name="T29" fmla="*/ 20 h 20"/>
                  <a:gd name="T30" fmla="*/ 20 w 25"/>
                  <a:gd name="T31" fmla="*/ 20 h 20"/>
                  <a:gd name="T32" fmla="*/ 19 w 25"/>
                  <a:gd name="T33" fmla="*/ 20 h 20"/>
                  <a:gd name="T34" fmla="*/ 17 w 25"/>
                  <a:gd name="T35" fmla="*/ 20 h 20"/>
                  <a:gd name="T36" fmla="*/ 14 w 25"/>
                  <a:gd name="T37" fmla="*/ 18 h 20"/>
                  <a:gd name="T38" fmla="*/ 12 w 25"/>
                  <a:gd name="T39" fmla="*/ 18 h 20"/>
                  <a:gd name="T40" fmla="*/ 10 w 25"/>
                  <a:gd name="T41" fmla="*/ 18 h 20"/>
                  <a:gd name="T42" fmla="*/ 9 w 25"/>
                  <a:gd name="T43" fmla="*/ 18 h 20"/>
                  <a:gd name="T44" fmla="*/ 9 w 25"/>
                  <a:gd name="T45" fmla="*/ 18 h 20"/>
                  <a:gd name="T46" fmla="*/ 2 w 25"/>
                  <a:gd name="T47" fmla="*/ 10 h 20"/>
                  <a:gd name="T48" fmla="*/ 0 w 25"/>
                  <a:gd name="T49" fmla="*/ 2 h 20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25"/>
                  <a:gd name="T76" fmla="*/ 0 h 20"/>
                  <a:gd name="T77" fmla="*/ 25 w 25"/>
                  <a:gd name="T78" fmla="*/ 20 h 20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25" h="20">
                    <a:moveTo>
                      <a:pt x="0" y="2"/>
                    </a:moveTo>
                    <a:lnTo>
                      <a:pt x="12" y="2"/>
                    </a:lnTo>
                    <a:lnTo>
                      <a:pt x="12" y="12"/>
                    </a:lnTo>
                    <a:lnTo>
                      <a:pt x="19" y="10"/>
                    </a:lnTo>
                    <a:lnTo>
                      <a:pt x="17" y="0"/>
                    </a:lnTo>
                    <a:lnTo>
                      <a:pt x="19" y="0"/>
                    </a:lnTo>
                    <a:lnTo>
                      <a:pt x="20" y="2"/>
                    </a:lnTo>
                    <a:lnTo>
                      <a:pt x="22" y="3"/>
                    </a:lnTo>
                    <a:lnTo>
                      <a:pt x="24" y="5"/>
                    </a:lnTo>
                    <a:lnTo>
                      <a:pt x="25" y="8"/>
                    </a:lnTo>
                    <a:lnTo>
                      <a:pt x="25" y="12"/>
                    </a:lnTo>
                    <a:lnTo>
                      <a:pt x="24" y="15"/>
                    </a:lnTo>
                    <a:lnTo>
                      <a:pt x="22" y="20"/>
                    </a:lnTo>
                    <a:lnTo>
                      <a:pt x="20" y="20"/>
                    </a:lnTo>
                    <a:lnTo>
                      <a:pt x="19" y="20"/>
                    </a:lnTo>
                    <a:lnTo>
                      <a:pt x="17" y="20"/>
                    </a:lnTo>
                    <a:lnTo>
                      <a:pt x="14" y="18"/>
                    </a:lnTo>
                    <a:lnTo>
                      <a:pt x="12" y="18"/>
                    </a:lnTo>
                    <a:lnTo>
                      <a:pt x="10" y="18"/>
                    </a:lnTo>
                    <a:lnTo>
                      <a:pt x="9" y="18"/>
                    </a:lnTo>
                    <a:lnTo>
                      <a:pt x="2" y="10"/>
                    </a:lnTo>
                    <a:lnTo>
                      <a:pt x="0" y="2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30" name="Freeform 89"/>
              <p:cNvSpPr>
                <a:spLocks/>
              </p:cNvSpPr>
              <p:nvPr/>
            </p:nvSpPr>
            <p:spPr bwMode="auto">
              <a:xfrm>
                <a:off x="1126" y="3351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3 h 10"/>
                  <a:gd name="T4" fmla="*/ 0 w 8"/>
                  <a:gd name="T5" fmla="*/ 2 h 10"/>
                  <a:gd name="T6" fmla="*/ 2 w 8"/>
                  <a:gd name="T7" fmla="*/ 0 h 10"/>
                  <a:gd name="T8" fmla="*/ 3 w 8"/>
                  <a:gd name="T9" fmla="*/ 0 h 10"/>
                  <a:gd name="T10" fmla="*/ 5 w 8"/>
                  <a:gd name="T11" fmla="*/ 0 h 10"/>
                  <a:gd name="T12" fmla="*/ 7 w 8"/>
                  <a:gd name="T13" fmla="*/ 2 h 10"/>
                  <a:gd name="T14" fmla="*/ 7 w 8"/>
                  <a:gd name="T15" fmla="*/ 3 h 10"/>
                  <a:gd name="T16" fmla="*/ 8 w 8"/>
                  <a:gd name="T17" fmla="*/ 5 h 10"/>
                  <a:gd name="T18" fmla="*/ 7 w 8"/>
                  <a:gd name="T19" fmla="*/ 7 h 10"/>
                  <a:gd name="T20" fmla="*/ 7 w 8"/>
                  <a:gd name="T21" fmla="*/ 8 h 10"/>
                  <a:gd name="T22" fmla="*/ 5 w 8"/>
                  <a:gd name="T23" fmla="*/ 10 h 10"/>
                  <a:gd name="T24" fmla="*/ 3 w 8"/>
                  <a:gd name="T25" fmla="*/ 10 h 10"/>
                  <a:gd name="T26" fmla="*/ 2 w 8"/>
                  <a:gd name="T27" fmla="*/ 10 h 10"/>
                  <a:gd name="T28" fmla="*/ 0 w 8"/>
                  <a:gd name="T29" fmla="*/ 8 h 10"/>
                  <a:gd name="T30" fmla="*/ 0 w 8"/>
                  <a:gd name="T31" fmla="*/ 7 h 10"/>
                  <a:gd name="T32" fmla="*/ 0 w 8"/>
                  <a:gd name="T33" fmla="*/ 5 h 1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8"/>
                  <a:gd name="T52" fmla="*/ 0 h 10"/>
                  <a:gd name="T53" fmla="*/ 8 w 8"/>
                  <a:gd name="T54" fmla="*/ 10 h 10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8" h="10">
                    <a:moveTo>
                      <a:pt x="0" y="5"/>
                    </a:moveTo>
                    <a:lnTo>
                      <a:pt x="0" y="3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2"/>
                    </a:lnTo>
                    <a:lnTo>
                      <a:pt x="7" y="3"/>
                    </a:lnTo>
                    <a:lnTo>
                      <a:pt x="8" y="5"/>
                    </a:lnTo>
                    <a:lnTo>
                      <a:pt x="7" y="7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31" name="Freeform 90"/>
              <p:cNvSpPr>
                <a:spLocks/>
              </p:cNvSpPr>
              <p:nvPr/>
            </p:nvSpPr>
            <p:spPr bwMode="auto">
              <a:xfrm>
                <a:off x="1126" y="3351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5 h 10"/>
                  <a:gd name="T4" fmla="*/ 0 w 8"/>
                  <a:gd name="T5" fmla="*/ 3 h 10"/>
                  <a:gd name="T6" fmla="*/ 0 w 8"/>
                  <a:gd name="T7" fmla="*/ 2 h 10"/>
                  <a:gd name="T8" fmla="*/ 2 w 8"/>
                  <a:gd name="T9" fmla="*/ 0 h 10"/>
                  <a:gd name="T10" fmla="*/ 3 w 8"/>
                  <a:gd name="T11" fmla="*/ 0 h 10"/>
                  <a:gd name="T12" fmla="*/ 3 w 8"/>
                  <a:gd name="T13" fmla="*/ 0 h 10"/>
                  <a:gd name="T14" fmla="*/ 5 w 8"/>
                  <a:gd name="T15" fmla="*/ 0 h 10"/>
                  <a:gd name="T16" fmla="*/ 7 w 8"/>
                  <a:gd name="T17" fmla="*/ 2 h 10"/>
                  <a:gd name="T18" fmla="*/ 7 w 8"/>
                  <a:gd name="T19" fmla="*/ 3 h 10"/>
                  <a:gd name="T20" fmla="*/ 8 w 8"/>
                  <a:gd name="T21" fmla="*/ 5 h 10"/>
                  <a:gd name="T22" fmla="*/ 8 w 8"/>
                  <a:gd name="T23" fmla="*/ 5 h 10"/>
                  <a:gd name="T24" fmla="*/ 7 w 8"/>
                  <a:gd name="T25" fmla="*/ 7 h 10"/>
                  <a:gd name="T26" fmla="*/ 7 w 8"/>
                  <a:gd name="T27" fmla="*/ 8 h 10"/>
                  <a:gd name="T28" fmla="*/ 5 w 8"/>
                  <a:gd name="T29" fmla="*/ 10 h 10"/>
                  <a:gd name="T30" fmla="*/ 3 w 8"/>
                  <a:gd name="T31" fmla="*/ 10 h 10"/>
                  <a:gd name="T32" fmla="*/ 3 w 8"/>
                  <a:gd name="T33" fmla="*/ 10 h 10"/>
                  <a:gd name="T34" fmla="*/ 2 w 8"/>
                  <a:gd name="T35" fmla="*/ 10 h 10"/>
                  <a:gd name="T36" fmla="*/ 0 w 8"/>
                  <a:gd name="T37" fmla="*/ 8 h 10"/>
                  <a:gd name="T38" fmla="*/ 0 w 8"/>
                  <a:gd name="T39" fmla="*/ 7 h 10"/>
                  <a:gd name="T40" fmla="*/ 0 w 8"/>
                  <a:gd name="T41" fmla="*/ 5 h 1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8"/>
                  <a:gd name="T64" fmla="*/ 0 h 10"/>
                  <a:gd name="T65" fmla="*/ 8 w 8"/>
                  <a:gd name="T66" fmla="*/ 10 h 10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8" h="10">
                    <a:moveTo>
                      <a:pt x="0" y="5"/>
                    </a:moveTo>
                    <a:lnTo>
                      <a:pt x="0" y="5"/>
                    </a:lnTo>
                    <a:lnTo>
                      <a:pt x="0" y="3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2"/>
                    </a:lnTo>
                    <a:lnTo>
                      <a:pt x="7" y="3"/>
                    </a:lnTo>
                    <a:lnTo>
                      <a:pt x="8" y="5"/>
                    </a:lnTo>
                    <a:lnTo>
                      <a:pt x="7" y="7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32" name="Freeform 91"/>
              <p:cNvSpPr>
                <a:spLocks/>
              </p:cNvSpPr>
              <p:nvPr/>
            </p:nvSpPr>
            <p:spPr bwMode="auto">
              <a:xfrm>
                <a:off x="1138" y="3351"/>
                <a:ext cx="10" cy="10"/>
              </a:xfrm>
              <a:custGeom>
                <a:avLst/>
                <a:gdLst>
                  <a:gd name="T0" fmla="*/ 0 w 10"/>
                  <a:gd name="T1" fmla="*/ 5 h 10"/>
                  <a:gd name="T2" fmla="*/ 0 w 10"/>
                  <a:gd name="T3" fmla="*/ 2 h 10"/>
                  <a:gd name="T4" fmla="*/ 2 w 10"/>
                  <a:gd name="T5" fmla="*/ 0 h 10"/>
                  <a:gd name="T6" fmla="*/ 3 w 10"/>
                  <a:gd name="T7" fmla="*/ 0 h 10"/>
                  <a:gd name="T8" fmla="*/ 5 w 10"/>
                  <a:gd name="T9" fmla="*/ 0 h 10"/>
                  <a:gd name="T10" fmla="*/ 7 w 10"/>
                  <a:gd name="T11" fmla="*/ 0 h 10"/>
                  <a:gd name="T12" fmla="*/ 8 w 10"/>
                  <a:gd name="T13" fmla="*/ 0 h 10"/>
                  <a:gd name="T14" fmla="*/ 8 w 10"/>
                  <a:gd name="T15" fmla="*/ 2 h 10"/>
                  <a:gd name="T16" fmla="*/ 10 w 10"/>
                  <a:gd name="T17" fmla="*/ 5 h 10"/>
                  <a:gd name="T18" fmla="*/ 8 w 10"/>
                  <a:gd name="T19" fmla="*/ 7 h 10"/>
                  <a:gd name="T20" fmla="*/ 8 w 10"/>
                  <a:gd name="T21" fmla="*/ 8 h 10"/>
                  <a:gd name="T22" fmla="*/ 7 w 10"/>
                  <a:gd name="T23" fmla="*/ 10 h 10"/>
                  <a:gd name="T24" fmla="*/ 5 w 10"/>
                  <a:gd name="T25" fmla="*/ 10 h 10"/>
                  <a:gd name="T26" fmla="*/ 3 w 10"/>
                  <a:gd name="T27" fmla="*/ 10 h 10"/>
                  <a:gd name="T28" fmla="*/ 2 w 10"/>
                  <a:gd name="T29" fmla="*/ 8 h 10"/>
                  <a:gd name="T30" fmla="*/ 0 w 10"/>
                  <a:gd name="T31" fmla="*/ 7 h 10"/>
                  <a:gd name="T32" fmla="*/ 0 w 10"/>
                  <a:gd name="T33" fmla="*/ 5 h 1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0"/>
                  <a:gd name="T52" fmla="*/ 0 h 10"/>
                  <a:gd name="T53" fmla="*/ 10 w 10"/>
                  <a:gd name="T54" fmla="*/ 10 h 10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0" h="10">
                    <a:moveTo>
                      <a:pt x="0" y="5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8" y="0"/>
                    </a:lnTo>
                    <a:lnTo>
                      <a:pt x="8" y="2"/>
                    </a:lnTo>
                    <a:lnTo>
                      <a:pt x="10" y="5"/>
                    </a:lnTo>
                    <a:lnTo>
                      <a:pt x="8" y="7"/>
                    </a:lnTo>
                    <a:lnTo>
                      <a:pt x="8" y="8"/>
                    </a:lnTo>
                    <a:lnTo>
                      <a:pt x="7" y="10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8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33" name="Freeform 92"/>
              <p:cNvSpPr>
                <a:spLocks/>
              </p:cNvSpPr>
              <p:nvPr/>
            </p:nvSpPr>
            <p:spPr bwMode="auto">
              <a:xfrm>
                <a:off x="1138" y="3351"/>
                <a:ext cx="10" cy="10"/>
              </a:xfrm>
              <a:custGeom>
                <a:avLst/>
                <a:gdLst>
                  <a:gd name="T0" fmla="*/ 0 w 10"/>
                  <a:gd name="T1" fmla="*/ 5 h 10"/>
                  <a:gd name="T2" fmla="*/ 0 w 10"/>
                  <a:gd name="T3" fmla="*/ 5 h 10"/>
                  <a:gd name="T4" fmla="*/ 0 w 10"/>
                  <a:gd name="T5" fmla="*/ 2 h 10"/>
                  <a:gd name="T6" fmla="*/ 2 w 10"/>
                  <a:gd name="T7" fmla="*/ 0 h 10"/>
                  <a:gd name="T8" fmla="*/ 3 w 10"/>
                  <a:gd name="T9" fmla="*/ 0 h 10"/>
                  <a:gd name="T10" fmla="*/ 5 w 10"/>
                  <a:gd name="T11" fmla="*/ 0 h 10"/>
                  <a:gd name="T12" fmla="*/ 5 w 10"/>
                  <a:gd name="T13" fmla="*/ 0 h 10"/>
                  <a:gd name="T14" fmla="*/ 7 w 10"/>
                  <a:gd name="T15" fmla="*/ 0 h 10"/>
                  <a:gd name="T16" fmla="*/ 8 w 10"/>
                  <a:gd name="T17" fmla="*/ 0 h 10"/>
                  <a:gd name="T18" fmla="*/ 8 w 10"/>
                  <a:gd name="T19" fmla="*/ 2 h 10"/>
                  <a:gd name="T20" fmla="*/ 10 w 10"/>
                  <a:gd name="T21" fmla="*/ 5 h 10"/>
                  <a:gd name="T22" fmla="*/ 10 w 10"/>
                  <a:gd name="T23" fmla="*/ 5 h 10"/>
                  <a:gd name="T24" fmla="*/ 8 w 10"/>
                  <a:gd name="T25" fmla="*/ 7 h 10"/>
                  <a:gd name="T26" fmla="*/ 8 w 10"/>
                  <a:gd name="T27" fmla="*/ 8 h 10"/>
                  <a:gd name="T28" fmla="*/ 7 w 10"/>
                  <a:gd name="T29" fmla="*/ 10 h 10"/>
                  <a:gd name="T30" fmla="*/ 5 w 10"/>
                  <a:gd name="T31" fmla="*/ 10 h 10"/>
                  <a:gd name="T32" fmla="*/ 5 w 10"/>
                  <a:gd name="T33" fmla="*/ 10 h 10"/>
                  <a:gd name="T34" fmla="*/ 3 w 10"/>
                  <a:gd name="T35" fmla="*/ 10 h 10"/>
                  <a:gd name="T36" fmla="*/ 2 w 10"/>
                  <a:gd name="T37" fmla="*/ 8 h 10"/>
                  <a:gd name="T38" fmla="*/ 0 w 10"/>
                  <a:gd name="T39" fmla="*/ 7 h 10"/>
                  <a:gd name="T40" fmla="*/ 0 w 10"/>
                  <a:gd name="T41" fmla="*/ 5 h 1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0"/>
                  <a:gd name="T64" fmla="*/ 0 h 10"/>
                  <a:gd name="T65" fmla="*/ 10 w 10"/>
                  <a:gd name="T66" fmla="*/ 10 h 10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0" h="10">
                    <a:moveTo>
                      <a:pt x="0" y="5"/>
                    </a:moveTo>
                    <a:lnTo>
                      <a:pt x="0" y="5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8" y="0"/>
                    </a:lnTo>
                    <a:lnTo>
                      <a:pt x="8" y="2"/>
                    </a:lnTo>
                    <a:lnTo>
                      <a:pt x="10" y="5"/>
                    </a:lnTo>
                    <a:lnTo>
                      <a:pt x="8" y="7"/>
                    </a:lnTo>
                    <a:lnTo>
                      <a:pt x="8" y="8"/>
                    </a:lnTo>
                    <a:lnTo>
                      <a:pt x="7" y="10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8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34" name="Freeform 93"/>
              <p:cNvSpPr>
                <a:spLocks/>
              </p:cNvSpPr>
              <p:nvPr/>
            </p:nvSpPr>
            <p:spPr bwMode="auto">
              <a:xfrm>
                <a:off x="828" y="3395"/>
                <a:ext cx="36" cy="29"/>
              </a:xfrm>
              <a:custGeom>
                <a:avLst/>
                <a:gdLst>
                  <a:gd name="T0" fmla="*/ 32 w 36"/>
                  <a:gd name="T1" fmla="*/ 0 h 29"/>
                  <a:gd name="T2" fmla="*/ 22 w 36"/>
                  <a:gd name="T3" fmla="*/ 2 h 29"/>
                  <a:gd name="T4" fmla="*/ 15 w 36"/>
                  <a:gd name="T5" fmla="*/ 5 h 29"/>
                  <a:gd name="T6" fmla="*/ 17 w 36"/>
                  <a:gd name="T7" fmla="*/ 12 h 29"/>
                  <a:gd name="T8" fmla="*/ 12 w 36"/>
                  <a:gd name="T9" fmla="*/ 17 h 29"/>
                  <a:gd name="T10" fmla="*/ 5 w 36"/>
                  <a:gd name="T11" fmla="*/ 8 h 29"/>
                  <a:gd name="T12" fmla="*/ 0 w 36"/>
                  <a:gd name="T13" fmla="*/ 19 h 29"/>
                  <a:gd name="T14" fmla="*/ 5 w 36"/>
                  <a:gd name="T15" fmla="*/ 29 h 29"/>
                  <a:gd name="T16" fmla="*/ 19 w 36"/>
                  <a:gd name="T17" fmla="*/ 22 h 29"/>
                  <a:gd name="T18" fmla="*/ 27 w 36"/>
                  <a:gd name="T19" fmla="*/ 12 h 29"/>
                  <a:gd name="T20" fmla="*/ 36 w 36"/>
                  <a:gd name="T21" fmla="*/ 12 h 29"/>
                  <a:gd name="T22" fmla="*/ 34 w 36"/>
                  <a:gd name="T23" fmla="*/ 5 h 29"/>
                  <a:gd name="T24" fmla="*/ 32 w 36"/>
                  <a:gd name="T25" fmla="*/ 0 h 29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w 36"/>
                  <a:gd name="T40" fmla="*/ 0 h 29"/>
                  <a:gd name="T41" fmla="*/ 36 w 36"/>
                  <a:gd name="T42" fmla="*/ 29 h 29"/>
                </a:gdLst>
                <a:ahLst/>
                <a:cxnLst>
                  <a:cxn ang="T26">
                    <a:pos x="T0" y="T1"/>
                  </a:cxn>
                  <a:cxn ang="T27">
                    <a:pos x="T2" y="T3"/>
                  </a:cxn>
                  <a:cxn ang="T28">
                    <a:pos x="T4" y="T5"/>
                  </a:cxn>
                  <a:cxn ang="T29">
                    <a:pos x="T6" y="T7"/>
                  </a:cxn>
                  <a:cxn ang="T30">
                    <a:pos x="T8" y="T9"/>
                  </a:cxn>
                  <a:cxn ang="T31">
                    <a:pos x="T10" y="T11"/>
                  </a:cxn>
                  <a:cxn ang="T32">
                    <a:pos x="T12" y="T13"/>
                  </a:cxn>
                  <a:cxn ang="T33">
                    <a:pos x="T14" y="T15"/>
                  </a:cxn>
                  <a:cxn ang="T34">
                    <a:pos x="T16" y="T17"/>
                  </a:cxn>
                  <a:cxn ang="T35">
                    <a:pos x="T18" y="T19"/>
                  </a:cxn>
                  <a:cxn ang="T36">
                    <a:pos x="T20" y="T21"/>
                  </a:cxn>
                  <a:cxn ang="T37">
                    <a:pos x="T22" y="T23"/>
                  </a:cxn>
                  <a:cxn ang="T38">
                    <a:pos x="T24" y="T25"/>
                  </a:cxn>
                </a:cxnLst>
                <a:rect l="T39" t="T40" r="T41" b="T42"/>
                <a:pathLst>
                  <a:path w="36" h="29">
                    <a:moveTo>
                      <a:pt x="32" y="0"/>
                    </a:moveTo>
                    <a:lnTo>
                      <a:pt x="22" y="2"/>
                    </a:lnTo>
                    <a:lnTo>
                      <a:pt x="15" y="5"/>
                    </a:lnTo>
                    <a:lnTo>
                      <a:pt x="17" y="12"/>
                    </a:lnTo>
                    <a:lnTo>
                      <a:pt x="12" y="17"/>
                    </a:lnTo>
                    <a:lnTo>
                      <a:pt x="5" y="8"/>
                    </a:lnTo>
                    <a:lnTo>
                      <a:pt x="0" y="19"/>
                    </a:lnTo>
                    <a:lnTo>
                      <a:pt x="5" y="29"/>
                    </a:lnTo>
                    <a:lnTo>
                      <a:pt x="19" y="22"/>
                    </a:lnTo>
                    <a:lnTo>
                      <a:pt x="27" y="12"/>
                    </a:lnTo>
                    <a:lnTo>
                      <a:pt x="36" y="12"/>
                    </a:lnTo>
                    <a:lnTo>
                      <a:pt x="34" y="5"/>
                    </a:lnTo>
                    <a:lnTo>
                      <a:pt x="32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35" name="Freeform 94"/>
              <p:cNvSpPr>
                <a:spLocks/>
              </p:cNvSpPr>
              <p:nvPr/>
            </p:nvSpPr>
            <p:spPr bwMode="auto">
              <a:xfrm>
                <a:off x="828" y="3395"/>
                <a:ext cx="36" cy="29"/>
              </a:xfrm>
              <a:custGeom>
                <a:avLst/>
                <a:gdLst>
                  <a:gd name="T0" fmla="*/ 32 w 36"/>
                  <a:gd name="T1" fmla="*/ 0 h 29"/>
                  <a:gd name="T2" fmla="*/ 22 w 36"/>
                  <a:gd name="T3" fmla="*/ 2 h 29"/>
                  <a:gd name="T4" fmla="*/ 15 w 36"/>
                  <a:gd name="T5" fmla="*/ 5 h 29"/>
                  <a:gd name="T6" fmla="*/ 17 w 36"/>
                  <a:gd name="T7" fmla="*/ 12 h 29"/>
                  <a:gd name="T8" fmla="*/ 12 w 36"/>
                  <a:gd name="T9" fmla="*/ 17 h 29"/>
                  <a:gd name="T10" fmla="*/ 5 w 36"/>
                  <a:gd name="T11" fmla="*/ 8 h 29"/>
                  <a:gd name="T12" fmla="*/ 0 w 36"/>
                  <a:gd name="T13" fmla="*/ 19 h 29"/>
                  <a:gd name="T14" fmla="*/ 5 w 36"/>
                  <a:gd name="T15" fmla="*/ 29 h 29"/>
                  <a:gd name="T16" fmla="*/ 19 w 36"/>
                  <a:gd name="T17" fmla="*/ 22 h 29"/>
                  <a:gd name="T18" fmla="*/ 27 w 36"/>
                  <a:gd name="T19" fmla="*/ 12 h 29"/>
                  <a:gd name="T20" fmla="*/ 36 w 36"/>
                  <a:gd name="T21" fmla="*/ 12 h 29"/>
                  <a:gd name="T22" fmla="*/ 34 w 36"/>
                  <a:gd name="T23" fmla="*/ 5 h 29"/>
                  <a:gd name="T24" fmla="*/ 32 w 36"/>
                  <a:gd name="T25" fmla="*/ 0 h 29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w 36"/>
                  <a:gd name="T40" fmla="*/ 0 h 29"/>
                  <a:gd name="T41" fmla="*/ 36 w 36"/>
                  <a:gd name="T42" fmla="*/ 29 h 29"/>
                </a:gdLst>
                <a:ahLst/>
                <a:cxnLst>
                  <a:cxn ang="T26">
                    <a:pos x="T0" y="T1"/>
                  </a:cxn>
                  <a:cxn ang="T27">
                    <a:pos x="T2" y="T3"/>
                  </a:cxn>
                  <a:cxn ang="T28">
                    <a:pos x="T4" y="T5"/>
                  </a:cxn>
                  <a:cxn ang="T29">
                    <a:pos x="T6" y="T7"/>
                  </a:cxn>
                  <a:cxn ang="T30">
                    <a:pos x="T8" y="T9"/>
                  </a:cxn>
                  <a:cxn ang="T31">
                    <a:pos x="T10" y="T11"/>
                  </a:cxn>
                  <a:cxn ang="T32">
                    <a:pos x="T12" y="T13"/>
                  </a:cxn>
                  <a:cxn ang="T33">
                    <a:pos x="T14" y="T15"/>
                  </a:cxn>
                  <a:cxn ang="T34">
                    <a:pos x="T16" y="T17"/>
                  </a:cxn>
                  <a:cxn ang="T35">
                    <a:pos x="T18" y="T19"/>
                  </a:cxn>
                  <a:cxn ang="T36">
                    <a:pos x="T20" y="T21"/>
                  </a:cxn>
                  <a:cxn ang="T37">
                    <a:pos x="T22" y="T23"/>
                  </a:cxn>
                  <a:cxn ang="T38">
                    <a:pos x="T24" y="T25"/>
                  </a:cxn>
                </a:cxnLst>
                <a:rect l="T39" t="T40" r="T41" b="T42"/>
                <a:pathLst>
                  <a:path w="36" h="29">
                    <a:moveTo>
                      <a:pt x="32" y="0"/>
                    </a:moveTo>
                    <a:lnTo>
                      <a:pt x="22" y="2"/>
                    </a:lnTo>
                    <a:lnTo>
                      <a:pt x="15" y="5"/>
                    </a:lnTo>
                    <a:lnTo>
                      <a:pt x="17" y="12"/>
                    </a:lnTo>
                    <a:lnTo>
                      <a:pt x="12" y="17"/>
                    </a:lnTo>
                    <a:lnTo>
                      <a:pt x="5" y="8"/>
                    </a:lnTo>
                    <a:lnTo>
                      <a:pt x="0" y="19"/>
                    </a:lnTo>
                    <a:lnTo>
                      <a:pt x="5" y="29"/>
                    </a:lnTo>
                    <a:lnTo>
                      <a:pt x="19" y="22"/>
                    </a:lnTo>
                    <a:lnTo>
                      <a:pt x="27" y="12"/>
                    </a:lnTo>
                    <a:lnTo>
                      <a:pt x="36" y="12"/>
                    </a:lnTo>
                    <a:lnTo>
                      <a:pt x="34" y="5"/>
                    </a:lnTo>
                    <a:lnTo>
                      <a:pt x="32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36" name="Freeform 95"/>
              <p:cNvSpPr>
                <a:spLocks/>
              </p:cNvSpPr>
              <p:nvPr/>
            </p:nvSpPr>
            <p:spPr bwMode="auto">
              <a:xfrm>
                <a:off x="627" y="3507"/>
                <a:ext cx="20" cy="15"/>
              </a:xfrm>
              <a:custGeom>
                <a:avLst/>
                <a:gdLst>
                  <a:gd name="T0" fmla="*/ 8 w 20"/>
                  <a:gd name="T1" fmla="*/ 3 h 15"/>
                  <a:gd name="T2" fmla="*/ 15 w 20"/>
                  <a:gd name="T3" fmla="*/ 0 h 15"/>
                  <a:gd name="T4" fmla="*/ 20 w 20"/>
                  <a:gd name="T5" fmla="*/ 8 h 15"/>
                  <a:gd name="T6" fmla="*/ 7 w 20"/>
                  <a:gd name="T7" fmla="*/ 15 h 15"/>
                  <a:gd name="T8" fmla="*/ 0 w 20"/>
                  <a:gd name="T9" fmla="*/ 15 h 15"/>
                  <a:gd name="T10" fmla="*/ 5 w 20"/>
                  <a:gd name="T11" fmla="*/ 10 h 15"/>
                  <a:gd name="T12" fmla="*/ 13 w 20"/>
                  <a:gd name="T13" fmla="*/ 8 h 15"/>
                  <a:gd name="T14" fmla="*/ 8 w 20"/>
                  <a:gd name="T15" fmla="*/ 3 h 1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0"/>
                  <a:gd name="T25" fmla="*/ 0 h 15"/>
                  <a:gd name="T26" fmla="*/ 20 w 20"/>
                  <a:gd name="T27" fmla="*/ 15 h 1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0" h="15">
                    <a:moveTo>
                      <a:pt x="8" y="3"/>
                    </a:moveTo>
                    <a:lnTo>
                      <a:pt x="15" y="0"/>
                    </a:lnTo>
                    <a:lnTo>
                      <a:pt x="20" y="8"/>
                    </a:lnTo>
                    <a:lnTo>
                      <a:pt x="7" y="15"/>
                    </a:lnTo>
                    <a:lnTo>
                      <a:pt x="0" y="15"/>
                    </a:lnTo>
                    <a:lnTo>
                      <a:pt x="5" y="10"/>
                    </a:lnTo>
                    <a:lnTo>
                      <a:pt x="13" y="8"/>
                    </a:lnTo>
                    <a:lnTo>
                      <a:pt x="8" y="3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37" name="Freeform 96"/>
              <p:cNvSpPr>
                <a:spLocks/>
              </p:cNvSpPr>
              <p:nvPr/>
            </p:nvSpPr>
            <p:spPr bwMode="auto">
              <a:xfrm>
                <a:off x="627" y="3507"/>
                <a:ext cx="20" cy="15"/>
              </a:xfrm>
              <a:custGeom>
                <a:avLst/>
                <a:gdLst>
                  <a:gd name="T0" fmla="*/ 8 w 20"/>
                  <a:gd name="T1" fmla="*/ 3 h 15"/>
                  <a:gd name="T2" fmla="*/ 15 w 20"/>
                  <a:gd name="T3" fmla="*/ 0 h 15"/>
                  <a:gd name="T4" fmla="*/ 20 w 20"/>
                  <a:gd name="T5" fmla="*/ 8 h 15"/>
                  <a:gd name="T6" fmla="*/ 7 w 20"/>
                  <a:gd name="T7" fmla="*/ 15 h 15"/>
                  <a:gd name="T8" fmla="*/ 0 w 20"/>
                  <a:gd name="T9" fmla="*/ 15 h 15"/>
                  <a:gd name="T10" fmla="*/ 5 w 20"/>
                  <a:gd name="T11" fmla="*/ 10 h 15"/>
                  <a:gd name="T12" fmla="*/ 13 w 20"/>
                  <a:gd name="T13" fmla="*/ 8 h 15"/>
                  <a:gd name="T14" fmla="*/ 8 w 20"/>
                  <a:gd name="T15" fmla="*/ 3 h 1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0"/>
                  <a:gd name="T25" fmla="*/ 0 h 15"/>
                  <a:gd name="T26" fmla="*/ 20 w 20"/>
                  <a:gd name="T27" fmla="*/ 15 h 1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0" h="15">
                    <a:moveTo>
                      <a:pt x="8" y="3"/>
                    </a:moveTo>
                    <a:lnTo>
                      <a:pt x="15" y="0"/>
                    </a:lnTo>
                    <a:lnTo>
                      <a:pt x="20" y="8"/>
                    </a:lnTo>
                    <a:lnTo>
                      <a:pt x="7" y="15"/>
                    </a:lnTo>
                    <a:lnTo>
                      <a:pt x="0" y="15"/>
                    </a:lnTo>
                    <a:lnTo>
                      <a:pt x="5" y="10"/>
                    </a:lnTo>
                    <a:lnTo>
                      <a:pt x="13" y="8"/>
                    </a:lnTo>
                    <a:lnTo>
                      <a:pt x="8" y="3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38" name="Freeform 97"/>
              <p:cNvSpPr>
                <a:spLocks/>
              </p:cNvSpPr>
              <p:nvPr/>
            </p:nvSpPr>
            <p:spPr bwMode="auto">
              <a:xfrm>
                <a:off x="600" y="3513"/>
                <a:ext cx="23" cy="19"/>
              </a:xfrm>
              <a:custGeom>
                <a:avLst/>
                <a:gdLst>
                  <a:gd name="T0" fmla="*/ 0 w 23"/>
                  <a:gd name="T1" fmla="*/ 19 h 19"/>
                  <a:gd name="T2" fmla="*/ 0 w 23"/>
                  <a:gd name="T3" fmla="*/ 17 h 19"/>
                  <a:gd name="T4" fmla="*/ 0 w 23"/>
                  <a:gd name="T5" fmla="*/ 17 h 19"/>
                  <a:gd name="T6" fmla="*/ 1 w 23"/>
                  <a:gd name="T7" fmla="*/ 16 h 19"/>
                  <a:gd name="T8" fmla="*/ 1 w 23"/>
                  <a:gd name="T9" fmla="*/ 14 h 19"/>
                  <a:gd name="T10" fmla="*/ 3 w 23"/>
                  <a:gd name="T11" fmla="*/ 12 h 19"/>
                  <a:gd name="T12" fmla="*/ 5 w 23"/>
                  <a:gd name="T13" fmla="*/ 11 h 19"/>
                  <a:gd name="T14" fmla="*/ 6 w 23"/>
                  <a:gd name="T15" fmla="*/ 9 h 19"/>
                  <a:gd name="T16" fmla="*/ 8 w 23"/>
                  <a:gd name="T17" fmla="*/ 5 h 19"/>
                  <a:gd name="T18" fmla="*/ 12 w 23"/>
                  <a:gd name="T19" fmla="*/ 4 h 19"/>
                  <a:gd name="T20" fmla="*/ 13 w 23"/>
                  <a:gd name="T21" fmla="*/ 4 h 19"/>
                  <a:gd name="T22" fmla="*/ 15 w 23"/>
                  <a:gd name="T23" fmla="*/ 2 h 19"/>
                  <a:gd name="T24" fmla="*/ 18 w 23"/>
                  <a:gd name="T25" fmla="*/ 0 h 19"/>
                  <a:gd name="T26" fmla="*/ 18 w 23"/>
                  <a:gd name="T27" fmla="*/ 0 h 19"/>
                  <a:gd name="T28" fmla="*/ 20 w 23"/>
                  <a:gd name="T29" fmla="*/ 0 h 19"/>
                  <a:gd name="T30" fmla="*/ 22 w 23"/>
                  <a:gd name="T31" fmla="*/ 0 h 19"/>
                  <a:gd name="T32" fmla="*/ 22 w 23"/>
                  <a:gd name="T33" fmla="*/ 0 h 19"/>
                  <a:gd name="T34" fmla="*/ 23 w 23"/>
                  <a:gd name="T35" fmla="*/ 2 h 19"/>
                  <a:gd name="T36" fmla="*/ 22 w 23"/>
                  <a:gd name="T37" fmla="*/ 4 h 19"/>
                  <a:gd name="T38" fmla="*/ 22 w 23"/>
                  <a:gd name="T39" fmla="*/ 4 h 19"/>
                  <a:gd name="T40" fmla="*/ 20 w 23"/>
                  <a:gd name="T41" fmla="*/ 5 h 19"/>
                  <a:gd name="T42" fmla="*/ 20 w 23"/>
                  <a:gd name="T43" fmla="*/ 7 h 19"/>
                  <a:gd name="T44" fmla="*/ 18 w 23"/>
                  <a:gd name="T45" fmla="*/ 9 h 19"/>
                  <a:gd name="T46" fmla="*/ 17 w 23"/>
                  <a:gd name="T47" fmla="*/ 11 h 19"/>
                  <a:gd name="T48" fmla="*/ 13 w 23"/>
                  <a:gd name="T49" fmla="*/ 12 h 19"/>
                  <a:gd name="T50" fmla="*/ 12 w 23"/>
                  <a:gd name="T51" fmla="*/ 14 h 19"/>
                  <a:gd name="T52" fmla="*/ 10 w 23"/>
                  <a:gd name="T53" fmla="*/ 16 h 19"/>
                  <a:gd name="T54" fmla="*/ 6 w 23"/>
                  <a:gd name="T55" fmla="*/ 17 h 19"/>
                  <a:gd name="T56" fmla="*/ 5 w 23"/>
                  <a:gd name="T57" fmla="*/ 17 h 19"/>
                  <a:gd name="T58" fmla="*/ 3 w 23"/>
                  <a:gd name="T59" fmla="*/ 19 h 19"/>
                  <a:gd name="T60" fmla="*/ 1 w 23"/>
                  <a:gd name="T61" fmla="*/ 19 h 19"/>
                  <a:gd name="T62" fmla="*/ 1 w 23"/>
                  <a:gd name="T63" fmla="*/ 19 h 19"/>
                  <a:gd name="T64" fmla="*/ 0 w 23"/>
                  <a:gd name="T65" fmla="*/ 19 h 19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w 23"/>
                  <a:gd name="T100" fmla="*/ 0 h 19"/>
                  <a:gd name="T101" fmla="*/ 23 w 23"/>
                  <a:gd name="T102" fmla="*/ 19 h 19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T99" t="T100" r="T101" b="T102"/>
                <a:pathLst>
                  <a:path w="23" h="19">
                    <a:moveTo>
                      <a:pt x="0" y="19"/>
                    </a:moveTo>
                    <a:lnTo>
                      <a:pt x="0" y="17"/>
                    </a:lnTo>
                    <a:lnTo>
                      <a:pt x="1" y="16"/>
                    </a:lnTo>
                    <a:lnTo>
                      <a:pt x="1" y="14"/>
                    </a:lnTo>
                    <a:lnTo>
                      <a:pt x="3" y="12"/>
                    </a:lnTo>
                    <a:lnTo>
                      <a:pt x="5" y="11"/>
                    </a:lnTo>
                    <a:lnTo>
                      <a:pt x="6" y="9"/>
                    </a:lnTo>
                    <a:lnTo>
                      <a:pt x="8" y="5"/>
                    </a:lnTo>
                    <a:lnTo>
                      <a:pt x="12" y="4"/>
                    </a:lnTo>
                    <a:lnTo>
                      <a:pt x="13" y="4"/>
                    </a:lnTo>
                    <a:lnTo>
                      <a:pt x="15" y="2"/>
                    </a:lnTo>
                    <a:lnTo>
                      <a:pt x="18" y="0"/>
                    </a:lnTo>
                    <a:lnTo>
                      <a:pt x="20" y="0"/>
                    </a:lnTo>
                    <a:lnTo>
                      <a:pt x="22" y="0"/>
                    </a:lnTo>
                    <a:lnTo>
                      <a:pt x="23" y="2"/>
                    </a:lnTo>
                    <a:lnTo>
                      <a:pt x="22" y="4"/>
                    </a:lnTo>
                    <a:lnTo>
                      <a:pt x="20" y="5"/>
                    </a:lnTo>
                    <a:lnTo>
                      <a:pt x="20" y="7"/>
                    </a:lnTo>
                    <a:lnTo>
                      <a:pt x="18" y="9"/>
                    </a:lnTo>
                    <a:lnTo>
                      <a:pt x="17" y="11"/>
                    </a:lnTo>
                    <a:lnTo>
                      <a:pt x="13" y="12"/>
                    </a:lnTo>
                    <a:lnTo>
                      <a:pt x="12" y="14"/>
                    </a:lnTo>
                    <a:lnTo>
                      <a:pt x="10" y="16"/>
                    </a:lnTo>
                    <a:lnTo>
                      <a:pt x="6" y="17"/>
                    </a:lnTo>
                    <a:lnTo>
                      <a:pt x="5" y="17"/>
                    </a:lnTo>
                    <a:lnTo>
                      <a:pt x="3" y="19"/>
                    </a:lnTo>
                    <a:lnTo>
                      <a:pt x="1" y="19"/>
                    </a:lnTo>
                    <a:lnTo>
                      <a:pt x="0" y="19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39" name="Freeform 98"/>
              <p:cNvSpPr>
                <a:spLocks/>
              </p:cNvSpPr>
              <p:nvPr/>
            </p:nvSpPr>
            <p:spPr bwMode="auto">
              <a:xfrm>
                <a:off x="600" y="3513"/>
                <a:ext cx="23" cy="19"/>
              </a:xfrm>
              <a:custGeom>
                <a:avLst/>
                <a:gdLst>
                  <a:gd name="T0" fmla="*/ 0 w 23"/>
                  <a:gd name="T1" fmla="*/ 19 h 19"/>
                  <a:gd name="T2" fmla="*/ 0 w 23"/>
                  <a:gd name="T3" fmla="*/ 19 h 19"/>
                  <a:gd name="T4" fmla="*/ 0 w 23"/>
                  <a:gd name="T5" fmla="*/ 17 h 19"/>
                  <a:gd name="T6" fmla="*/ 0 w 23"/>
                  <a:gd name="T7" fmla="*/ 17 h 19"/>
                  <a:gd name="T8" fmla="*/ 1 w 23"/>
                  <a:gd name="T9" fmla="*/ 16 h 19"/>
                  <a:gd name="T10" fmla="*/ 1 w 23"/>
                  <a:gd name="T11" fmla="*/ 14 h 19"/>
                  <a:gd name="T12" fmla="*/ 3 w 23"/>
                  <a:gd name="T13" fmla="*/ 12 h 19"/>
                  <a:gd name="T14" fmla="*/ 5 w 23"/>
                  <a:gd name="T15" fmla="*/ 11 h 19"/>
                  <a:gd name="T16" fmla="*/ 6 w 23"/>
                  <a:gd name="T17" fmla="*/ 9 h 19"/>
                  <a:gd name="T18" fmla="*/ 8 w 23"/>
                  <a:gd name="T19" fmla="*/ 5 h 19"/>
                  <a:gd name="T20" fmla="*/ 8 w 23"/>
                  <a:gd name="T21" fmla="*/ 5 h 19"/>
                  <a:gd name="T22" fmla="*/ 12 w 23"/>
                  <a:gd name="T23" fmla="*/ 4 h 19"/>
                  <a:gd name="T24" fmla="*/ 13 w 23"/>
                  <a:gd name="T25" fmla="*/ 4 h 19"/>
                  <a:gd name="T26" fmla="*/ 15 w 23"/>
                  <a:gd name="T27" fmla="*/ 2 h 19"/>
                  <a:gd name="T28" fmla="*/ 18 w 23"/>
                  <a:gd name="T29" fmla="*/ 0 h 19"/>
                  <a:gd name="T30" fmla="*/ 18 w 23"/>
                  <a:gd name="T31" fmla="*/ 0 h 19"/>
                  <a:gd name="T32" fmla="*/ 20 w 23"/>
                  <a:gd name="T33" fmla="*/ 0 h 19"/>
                  <a:gd name="T34" fmla="*/ 22 w 23"/>
                  <a:gd name="T35" fmla="*/ 0 h 19"/>
                  <a:gd name="T36" fmla="*/ 22 w 23"/>
                  <a:gd name="T37" fmla="*/ 0 h 19"/>
                  <a:gd name="T38" fmla="*/ 22 w 23"/>
                  <a:gd name="T39" fmla="*/ 0 h 19"/>
                  <a:gd name="T40" fmla="*/ 23 w 23"/>
                  <a:gd name="T41" fmla="*/ 2 h 19"/>
                  <a:gd name="T42" fmla="*/ 22 w 23"/>
                  <a:gd name="T43" fmla="*/ 4 h 19"/>
                  <a:gd name="T44" fmla="*/ 22 w 23"/>
                  <a:gd name="T45" fmla="*/ 4 h 19"/>
                  <a:gd name="T46" fmla="*/ 20 w 23"/>
                  <a:gd name="T47" fmla="*/ 5 h 19"/>
                  <a:gd name="T48" fmla="*/ 20 w 23"/>
                  <a:gd name="T49" fmla="*/ 7 h 19"/>
                  <a:gd name="T50" fmla="*/ 18 w 23"/>
                  <a:gd name="T51" fmla="*/ 9 h 19"/>
                  <a:gd name="T52" fmla="*/ 17 w 23"/>
                  <a:gd name="T53" fmla="*/ 11 h 19"/>
                  <a:gd name="T54" fmla="*/ 13 w 23"/>
                  <a:gd name="T55" fmla="*/ 12 h 19"/>
                  <a:gd name="T56" fmla="*/ 13 w 23"/>
                  <a:gd name="T57" fmla="*/ 12 h 19"/>
                  <a:gd name="T58" fmla="*/ 12 w 23"/>
                  <a:gd name="T59" fmla="*/ 14 h 19"/>
                  <a:gd name="T60" fmla="*/ 10 w 23"/>
                  <a:gd name="T61" fmla="*/ 16 h 19"/>
                  <a:gd name="T62" fmla="*/ 6 w 23"/>
                  <a:gd name="T63" fmla="*/ 17 h 19"/>
                  <a:gd name="T64" fmla="*/ 5 w 23"/>
                  <a:gd name="T65" fmla="*/ 17 h 19"/>
                  <a:gd name="T66" fmla="*/ 3 w 23"/>
                  <a:gd name="T67" fmla="*/ 19 h 19"/>
                  <a:gd name="T68" fmla="*/ 1 w 23"/>
                  <a:gd name="T69" fmla="*/ 19 h 19"/>
                  <a:gd name="T70" fmla="*/ 1 w 23"/>
                  <a:gd name="T71" fmla="*/ 19 h 19"/>
                  <a:gd name="T72" fmla="*/ 0 w 23"/>
                  <a:gd name="T73" fmla="*/ 19 h 19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w 23"/>
                  <a:gd name="T112" fmla="*/ 0 h 19"/>
                  <a:gd name="T113" fmla="*/ 23 w 23"/>
                  <a:gd name="T114" fmla="*/ 19 h 19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T111" t="T112" r="T113" b="T114"/>
                <a:pathLst>
                  <a:path w="23" h="19">
                    <a:moveTo>
                      <a:pt x="0" y="19"/>
                    </a:moveTo>
                    <a:lnTo>
                      <a:pt x="0" y="19"/>
                    </a:lnTo>
                    <a:lnTo>
                      <a:pt x="0" y="17"/>
                    </a:lnTo>
                    <a:lnTo>
                      <a:pt x="1" y="16"/>
                    </a:lnTo>
                    <a:lnTo>
                      <a:pt x="1" y="14"/>
                    </a:lnTo>
                    <a:lnTo>
                      <a:pt x="3" y="12"/>
                    </a:lnTo>
                    <a:lnTo>
                      <a:pt x="5" y="11"/>
                    </a:lnTo>
                    <a:lnTo>
                      <a:pt x="6" y="9"/>
                    </a:lnTo>
                    <a:lnTo>
                      <a:pt x="8" y="5"/>
                    </a:lnTo>
                    <a:lnTo>
                      <a:pt x="12" y="4"/>
                    </a:lnTo>
                    <a:lnTo>
                      <a:pt x="13" y="4"/>
                    </a:lnTo>
                    <a:lnTo>
                      <a:pt x="15" y="2"/>
                    </a:lnTo>
                    <a:lnTo>
                      <a:pt x="18" y="0"/>
                    </a:lnTo>
                    <a:lnTo>
                      <a:pt x="20" y="0"/>
                    </a:lnTo>
                    <a:lnTo>
                      <a:pt x="22" y="0"/>
                    </a:lnTo>
                    <a:lnTo>
                      <a:pt x="23" y="2"/>
                    </a:lnTo>
                    <a:lnTo>
                      <a:pt x="22" y="4"/>
                    </a:lnTo>
                    <a:lnTo>
                      <a:pt x="20" y="5"/>
                    </a:lnTo>
                    <a:lnTo>
                      <a:pt x="20" y="7"/>
                    </a:lnTo>
                    <a:lnTo>
                      <a:pt x="18" y="9"/>
                    </a:lnTo>
                    <a:lnTo>
                      <a:pt x="17" y="11"/>
                    </a:lnTo>
                    <a:lnTo>
                      <a:pt x="13" y="12"/>
                    </a:lnTo>
                    <a:lnTo>
                      <a:pt x="12" y="14"/>
                    </a:lnTo>
                    <a:lnTo>
                      <a:pt x="10" y="16"/>
                    </a:lnTo>
                    <a:lnTo>
                      <a:pt x="6" y="17"/>
                    </a:lnTo>
                    <a:lnTo>
                      <a:pt x="5" y="17"/>
                    </a:lnTo>
                    <a:lnTo>
                      <a:pt x="3" y="19"/>
                    </a:lnTo>
                    <a:lnTo>
                      <a:pt x="1" y="19"/>
                    </a:lnTo>
                    <a:lnTo>
                      <a:pt x="0" y="19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40" name="Freeform 99"/>
              <p:cNvSpPr>
                <a:spLocks/>
              </p:cNvSpPr>
              <p:nvPr/>
            </p:nvSpPr>
            <p:spPr bwMode="auto">
              <a:xfrm>
                <a:off x="674" y="3486"/>
                <a:ext cx="12" cy="12"/>
              </a:xfrm>
              <a:custGeom>
                <a:avLst/>
                <a:gdLst>
                  <a:gd name="T0" fmla="*/ 0 w 12"/>
                  <a:gd name="T1" fmla="*/ 5 h 12"/>
                  <a:gd name="T2" fmla="*/ 0 w 12"/>
                  <a:gd name="T3" fmla="*/ 4 h 12"/>
                  <a:gd name="T4" fmla="*/ 2 w 12"/>
                  <a:gd name="T5" fmla="*/ 2 h 12"/>
                  <a:gd name="T6" fmla="*/ 4 w 12"/>
                  <a:gd name="T7" fmla="*/ 0 h 12"/>
                  <a:gd name="T8" fmla="*/ 7 w 12"/>
                  <a:gd name="T9" fmla="*/ 0 h 12"/>
                  <a:gd name="T10" fmla="*/ 9 w 12"/>
                  <a:gd name="T11" fmla="*/ 0 h 12"/>
                  <a:gd name="T12" fmla="*/ 10 w 12"/>
                  <a:gd name="T13" fmla="*/ 2 h 12"/>
                  <a:gd name="T14" fmla="*/ 12 w 12"/>
                  <a:gd name="T15" fmla="*/ 4 h 12"/>
                  <a:gd name="T16" fmla="*/ 12 w 12"/>
                  <a:gd name="T17" fmla="*/ 5 h 12"/>
                  <a:gd name="T18" fmla="*/ 12 w 12"/>
                  <a:gd name="T19" fmla="*/ 9 h 12"/>
                  <a:gd name="T20" fmla="*/ 10 w 12"/>
                  <a:gd name="T21" fmla="*/ 10 h 12"/>
                  <a:gd name="T22" fmla="*/ 9 w 12"/>
                  <a:gd name="T23" fmla="*/ 10 h 12"/>
                  <a:gd name="T24" fmla="*/ 7 w 12"/>
                  <a:gd name="T25" fmla="*/ 12 h 12"/>
                  <a:gd name="T26" fmla="*/ 4 w 12"/>
                  <a:gd name="T27" fmla="*/ 10 h 12"/>
                  <a:gd name="T28" fmla="*/ 2 w 12"/>
                  <a:gd name="T29" fmla="*/ 10 h 12"/>
                  <a:gd name="T30" fmla="*/ 0 w 12"/>
                  <a:gd name="T31" fmla="*/ 9 h 12"/>
                  <a:gd name="T32" fmla="*/ 0 w 12"/>
                  <a:gd name="T33" fmla="*/ 5 h 12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2"/>
                  <a:gd name="T52" fmla="*/ 0 h 12"/>
                  <a:gd name="T53" fmla="*/ 12 w 12"/>
                  <a:gd name="T54" fmla="*/ 12 h 12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2" h="12">
                    <a:moveTo>
                      <a:pt x="0" y="5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7" y="0"/>
                    </a:lnTo>
                    <a:lnTo>
                      <a:pt x="9" y="0"/>
                    </a:lnTo>
                    <a:lnTo>
                      <a:pt x="10" y="2"/>
                    </a:lnTo>
                    <a:lnTo>
                      <a:pt x="12" y="4"/>
                    </a:lnTo>
                    <a:lnTo>
                      <a:pt x="12" y="5"/>
                    </a:lnTo>
                    <a:lnTo>
                      <a:pt x="12" y="9"/>
                    </a:lnTo>
                    <a:lnTo>
                      <a:pt x="10" y="10"/>
                    </a:lnTo>
                    <a:lnTo>
                      <a:pt x="9" y="10"/>
                    </a:lnTo>
                    <a:lnTo>
                      <a:pt x="7" y="12"/>
                    </a:lnTo>
                    <a:lnTo>
                      <a:pt x="4" y="10"/>
                    </a:lnTo>
                    <a:lnTo>
                      <a:pt x="2" y="10"/>
                    </a:lnTo>
                    <a:lnTo>
                      <a:pt x="0" y="9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41" name="Freeform 100"/>
              <p:cNvSpPr>
                <a:spLocks/>
              </p:cNvSpPr>
              <p:nvPr/>
            </p:nvSpPr>
            <p:spPr bwMode="auto">
              <a:xfrm>
                <a:off x="674" y="3486"/>
                <a:ext cx="12" cy="12"/>
              </a:xfrm>
              <a:custGeom>
                <a:avLst/>
                <a:gdLst>
                  <a:gd name="T0" fmla="*/ 0 w 12"/>
                  <a:gd name="T1" fmla="*/ 5 h 12"/>
                  <a:gd name="T2" fmla="*/ 0 w 12"/>
                  <a:gd name="T3" fmla="*/ 5 h 12"/>
                  <a:gd name="T4" fmla="*/ 0 w 12"/>
                  <a:gd name="T5" fmla="*/ 4 h 12"/>
                  <a:gd name="T6" fmla="*/ 2 w 12"/>
                  <a:gd name="T7" fmla="*/ 2 h 12"/>
                  <a:gd name="T8" fmla="*/ 4 w 12"/>
                  <a:gd name="T9" fmla="*/ 0 h 12"/>
                  <a:gd name="T10" fmla="*/ 7 w 12"/>
                  <a:gd name="T11" fmla="*/ 0 h 12"/>
                  <a:gd name="T12" fmla="*/ 7 w 12"/>
                  <a:gd name="T13" fmla="*/ 0 h 12"/>
                  <a:gd name="T14" fmla="*/ 9 w 12"/>
                  <a:gd name="T15" fmla="*/ 0 h 12"/>
                  <a:gd name="T16" fmla="*/ 10 w 12"/>
                  <a:gd name="T17" fmla="*/ 2 h 12"/>
                  <a:gd name="T18" fmla="*/ 12 w 12"/>
                  <a:gd name="T19" fmla="*/ 4 h 12"/>
                  <a:gd name="T20" fmla="*/ 12 w 12"/>
                  <a:gd name="T21" fmla="*/ 5 h 12"/>
                  <a:gd name="T22" fmla="*/ 12 w 12"/>
                  <a:gd name="T23" fmla="*/ 5 h 12"/>
                  <a:gd name="T24" fmla="*/ 12 w 12"/>
                  <a:gd name="T25" fmla="*/ 9 h 12"/>
                  <a:gd name="T26" fmla="*/ 10 w 12"/>
                  <a:gd name="T27" fmla="*/ 10 h 12"/>
                  <a:gd name="T28" fmla="*/ 9 w 12"/>
                  <a:gd name="T29" fmla="*/ 10 h 12"/>
                  <a:gd name="T30" fmla="*/ 7 w 12"/>
                  <a:gd name="T31" fmla="*/ 12 h 12"/>
                  <a:gd name="T32" fmla="*/ 7 w 12"/>
                  <a:gd name="T33" fmla="*/ 12 h 12"/>
                  <a:gd name="T34" fmla="*/ 4 w 12"/>
                  <a:gd name="T35" fmla="*/ 10 h 12"/>
                  <a:gd name="T36" fmla="*/ 2 w 12"/>
                  <a:gd name="T37" fmla="*/ 10 h 12"/>
                  <a:gd name="T38" fmla="*/ 0 w 12"/>
                  <a:gd name="T39" fmla="*/ 9 h 12"/>
                  <a:gd name="T40" fmla="*/ 0 w 12"/>
                  <a:gd name="T41" fmla="*/ 5 h 12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2"/>
                  <a:gd name="T64" fmla="*/ 0 h 12"/>
                  <a:gd name="T65" fmla="*/ 12 w 12"/>
                  <a:gd name="T66" fmla="*/ 12 h 12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2" h="12">
                    <a:moveTo>
                      <a:pt x="0" y="5"/>
                    </a:moveTo>
                    <a:lnTo>
                      <a:pt x="0" y="5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7" y="0"/>
                    </a:lnTo>
                    <a:lnTo>
                      <a:pt x="9" y="0"/>
                    </a:lnTo>
                    <a:lnTo>
                      <a:pt x="10" y="2"/>
                    </a:lnTo>
                    <a:lnTo>
                      <a:pt x="12" y="4"/>
                    </a:lnTo>
                    <a:lnTo>
                      <a:pt x="12" y="5"/>
                    </a:lnTo>
                    <a:lnTo>
                      <a:pt x="12" y="9"/>
                    </a:lnTo>
                    <a:lnTo>
                      <a:pt x="10" y="10"/>
                    </a:lnTo>
                    <a:lnTo>
                      <a:pt x="9" y="10"/>
                    </a:lnTo>
                    <a:lnTo>
                      <a:pt x="7" y="12"/>
                    </a:lnTo>
                    <a:lnTo>
                      <a:pt x="4" y="10"/>
                    </a:lnTo>
                    <a:lnTo>
                      <a:pt x="2" y="10"/>
                    </a:lnTo>
                    <a:lnTo>
                      <a:pt x="0" y="9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42" name="Freeform 101"/>
              <p:cNvSpPr>
                <a:spLocks/>
              </p:cNvSpPr>
              <p:nvPr/>
            </p:nvSpPr>
            <p:spPr bwMode="auto">
              <a:xfrm>
                <a:off x="463" y="3535"/>
                <a:ext cx="10" cy="9"/>
              </a:xfrm>
              <a:custGeom>
                <a:avLst/>
                <a:gdLst>
                  <a:gd name="T0" fmla="*/ 0 w 10"/>
                  <a:gd name="T1" fmla="*/ 5 h 9"/>
                  <a:gd name="T2" fmla="*/ 0 w 10"/>
                  <a:gd name="T3" fmla="*/ 4 h 9"/>
                  <a:gd name="T4" fmla="*/ 1 w 10"/>
                  <a:gd name="T5" fmla="*/ 2 h 9"/>
                  <a:gd name="T6" fmla="*/ 3 w 10"/>
                  <a:gd name="T7" fmla="*/ 0 h 9"/>
                  <a:gd name="T8" fmla="*/ 5 w 10"/>
                  <a:gd name="T9" fmla="*/ 0 h 9"/>
                  <a:gd name="T10" fmla="*/ 6 w 10"/>
                  <a:gd name="T11" fmla="*/ 0 h 9"/>
                  <a:gd name="T12" fmla="*/ 8 w 10"/>
                  <a:gd name="T13" fmla="*/ 2 h 9"/>
                  <a:gd name="T14" fmla="*/ 10 w 10"/>
                  <a:gd name="T15" fmla="*/ 4 h 9"/>
                  <a:gd name="T16" fmla="*/ 10 w 10"/>
                  <a:gd name="T17" fmla="*/ 5 h 9"/>
                  <a:gd name="T18" fmla="*/ 10 w 10"/>
                  <a:gd name="T19" fmla="*/ 7 h 9"/>
                  <a:gd name="T20" fmla="*/ 8 w 10"/>
                  <a:gd name="T21" fmla="*/ 9 h 9"/>
                  <a:gd name="T22" fmla="*/ 6 w 10"/>
                  <a:gd name="T23" fmla="*/ 9 h 9"/>
                  <a:gd name="T24" fmla="*/ 5 w 10"/>
                  <a:gd name="T25" fmla="*/ 9 h 9"/>
                  <a:gd name="T26" fmla="*/ 3 w 10"/>
                  <a:gd name="T27" fmla="*/ 9 h 9"/>
                  <a:gd name="T28" fmla="*/ 1 w 10"/>
                  <a:gd name="T29" fmla="*/ 9 h 9"/>
                  <a:gd name="T30" fmla="*/ 0 w 10"/>
                  <a:gd name="T31" fmla="*/ 7 h 9"/>
                  <a:gd name="T32" fmla="*/ 0 w 10"/>
                  <a:gd name="T33" fmla="*/ 5 h 9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0"/>
                  <a:gd name="T52" fmla="*/ 0 h 9"/>
                  <a:gd name="T53" fmla="*/ 10 w 10"/>
                  <a:gd name="T54" fmla="*/ 9 h 9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0" h="9">
                    <a:moveTo>
                      <a:pt x="0" y="5"/>
                    </a:moveTo>
                    <a:lnTo>
                      <a:pt x="0" y="4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6" y="0"/>
                    </a:lnTo>
                    <a:lnTo>
                      <a:pt x="8" y="2"/>
                    </a:lnTo>
                    <a:lnTo>
                      <a:pt x="10" y="4"/>
                    </a:lnTo>
                    <a:lnTo>
                      <a:pt x="10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5" y="9"/>
                    </a:lnTo>
                    <a:lnTo>
                      <a:pt x="3" y="9"/>
                    </a:lnTo>
                    <a:lnTo>
                      <a:pt x="1" y="9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43" name="Freeform 102"/>
              <p:cNvSpPr>
                <a:spLocks/>
              </p:cNvSpPr>
              <p:nvPr/>
            </p:nvSpPr>
            <p:spPr bwMode="auto">
              <a:xfrm>
                <a:off x="463" y="3535"/>
                <a:ext cx="10" cy="9"/>
              </a:xfrm>
              <a:custGeom>
                <a:avLst/>
                <a:gdLst>
                  <a:gd name="T0" fmla="*/ 0 w 10"/>
                  <a:gd name="T1" fmla="*/ 5 h 9"/>
                  <a:gd name="T2" fmla="*/ 0 w 10"/>
                  <a:gd name="T3" fmla="*/ 5 h 9"/>
                  <a:gd name="T4" fmla="*/ 0 w 10"/>
                  <a:gd name="T5" fmla="*/ 4 h 9"/>
                  <a:gd name="T6" fmla="*/ 1 w 10"/>
                  <a:gd name="T7" fmla="*/ 2 h 9"/>
                  <a:gd name="T8" fmla="*/ 3 w 10"/>
                  <a:gd name="T9" fmla="*/ 0 h 9"/>
                  <a:gd name="T10" fmla="*/ 5 w 10"/>
                  <a:gd name="T11" fmla="*/ 0 h 9"/>
                  <a:gd name="T12" fmla="*/ 5 w 10"/>
                  <a:gd name="T13" fmla="*/ 0 h 9"/>
                  <a:gd name="T14" fmla="*/ 6 w 10"/>
                  <a:gd name="T15" fmla="*/ 0 h 9"/>
                  <a:gd name="T16" fmla="*/ 8 w 10"/>
                  <a:gd name="T17" fmla="*/ 2 h 9"/>
                  <a:gd name="T18" fmla="*/ 10 w 10"/>
                  <a:gd name="T19" fmla="*/ 4 h 9"/>
                  <a:gd name="T20" fmla="*/ 10 w 10"/>
                  <a:gd name="T21" fmla="*/ 5 h 9"/>
                  <a:gd name="T22" fmla="*/ 10 w 10"/>
                  <a:gd name="T23" fmla="*/ 5 h 9"/>
                  <a:gd name="T24" fmla="*/ 10 w 10"/>
                  <a:gd name="T25" fmla="*/ 7 h 9"/>
                  <a:gd name="T26" fmla="*/ 8 w 10"/>
                  <a:gd name="T27" fmla="*/ 9 h 9"/>
                  <a:gd name="T28" fmla="*/ 6 w 10"/>
                  <a:gd name="T29" fmla="*/ 9 h 9"/>
                  <a:gd name="T30" fmla="*/ 5 w 10"/>
                  <a:gd name="T31" fmla="*/ 9 h 9"/>
                  <a:gd name="T32" fmla="*/ 5 w 10"/>
                  <a:gd name="T33" fmla="*/ 9 h 9"/>
                  <a:gd name="T34" fmla="*/ 3 w 10"/>
                  <a:gd name="T35" fmla="*/ 9 h 9"/>
                  <a:gd name="T36" fmla="*/ 1 w 10"/>
                  <a:gd name="T37" fmla="*/ 9 h 9"/>
                  <a:gd name="T38" fmla="*/ 0 w 10"/>
                  <a:gd name="T39" fmla="*/ 7 h 9"/>
                  <a:gd name="T40" fmla="*/ 0 w 10"/>
                  <a:gd name="T41" fmla="*/ 5 h 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0"/>
                  <a:gd name="T64" fmla="*/ 0 h 9"/>
                  <a:gd name="T65" fmla="*/ 10 w 10"/>
                  <a:gd name="T66" fmla="*/ 9 h 9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0" h="9">
                    <a:moveTo>
                      <a:pt x="0" y="5"/>
                    </a:moveTo>
                    <a:lnTo>
                      <a:pt x="0" y="5"/>
                    </a:lnTo>
                    <a:lnTo>
                      <a:pt x="0" y="4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6" y="0"/>
                    </a:lnTo>
                    <a:lnTo>
                      <a:pt x="8" y="2"/>
                    </a:lnTo>
                    <a:lnTo>
                      <a:pt x="10" y="4"/>
                    </a:lnTo>
                    <a:lnTo>
                      <a:pt x="10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5" y="9"/>
                    </a:lnTo>
                    <a:lnTo>
                      <a:pt x="3" y="9"/>
                    </a:lnTo>
                    <a:lnTo>
                      <a:pt x="1" y="9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44" name="Freeform 103"/>
              <p:cNvSpPr>
                <a:spLocks/>
              </p:cNvSpPr>
              <p:nvPr/>
            </p:nvSpPr>
            <p:spPr bwMode="auto">
              <a:xfrm>
                <a:off x="515" y="3537"/>
                <a:ext cx="15" cy="9"/>
              </a:xfrm>
              <a:custGeom>
                <a:avLst/>
                <a:gdLst>
                  <a:gd name="T0" fmla="*/ 0 w 15"/>
                  <a:gd name="T1" fmla="*/ 5 h 9"/>
                  <a:gd name="T2" fmla="*/ 0 w 15"/>
                  <a:gd name="T3" fmla="*/ 3 h 9"/>
                  <a:gd name="T4" fmla="*/ 2 w 15"/>
                  <a:gd name="T5" fmla="*/ 2 h 9"/>
                  <a:gd name="T6" fmla="*/ 5 w 15"/>
                  <a:gd name="T7" fmla="*/ 0 h 9"/>
                  <a:gd name="T8" fmla="*/ 7 w 15"/>
                  <a:gd name="T9" fmla="*/ 0 h 9"/>
                  <a:gd name="T10" fmla="*/ 10 w 15"/>
                  <a:gd name="T11" fmla="*/ 0 h 9"/>
                  <a:gd name="T12" fmla="*/ 12 w 15"/>
                  <a:gd name="T13" fmla="*/ 2 h 9"/>
                  <a:gd name="T14" fmla="*/ 14 w 15"/>
                  <a:gd name="T15" fmla="*/ 3 h 9"/>
                  <a:gd name="T16" fmla="*/ 15 w 15"/>
                  <a:gd name="T17" fmla="*/ 5 h 9"/>
                  <a:gd name="T18" fmla="*/ 14 w 15"/>
                  <a:gd name="T19" fmla="*/ 7 h 9"/>
                  <a:gd name="T20" fmla="*/ 12 w 15"/>
                  <a:gd name="T21" fmla="*/ 7 h 9"/>
                  <a:gd name="T22" fmla="*/ 10 w 15"/>
                  <a:gd name="T23" fmla="*/ 9 h 9"/>
                  <a:gd name="T24" fmla="*/ 7 w 15"/>
                  <a:gd name="T25" fmla="*/ 9 h 9"/>
                  <a:gd name="T26" fmla="*/ 5 w 15"/>
                  <a:gd name="T27" fmla="*/ 9 h 9"/>
                  <a:gd name="T28" fmla="*/ 2 w 15"/>
                  <a:gd name="T29" fmla="*/ 7 h 9"/>
                  <a:gd name="T30" fmla="*/ 0 w 15"/>
                  <a:gd name="T31" fmla="*/ 7 h 9"/>
                  <a:gd name="T32" fmla="*/ 0 w 15"/>
                  <a:gd name="T33" fmla="*/ 5 h 9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5"/>
                  <a:gd name="T52" fmla="*/ 0 h 9"/>
                  <a:gd name="T53" fmla="*/ 15 w 15"/>
                  <a:gd name="T54" fmla="*/ 9 h 9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5" h="9">
                    <a:moveTo>
                      <a:pt x="0" y="5"/>
                    </a:moveTo>
                    <a:lnTo>
                      <a:pt x="0" y="3"/>
                    </a:lnTo>
                    <a:lnTo>
                      <a:pt x="2" y="2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10" y="0"/>
                    </a:lnTo>
                    <a:lnTo>
                      <a:pt x="12" y="2"/>
                    </a:lnTo>
                    <a:lnTo>
                      <a:pt x="14" y="3"/>
                    </a:lnTo>
                    <a:lnTo>
                      <a:pt x="15" y="5"/>
                    </a:lnTo>
                    <a:lnTo>
                      <a:pt x="14" y="7"/>
                    </a:lnTo>
                    <a:lnTo>
                      <a:pt x="12" y="7"/>
                    </a:lnTo>
                    <a:lnTo>
                      <a:pt x="10" y="9"/>
                    </a:lnTo>
                    <a:lnTo>
                      <a:pt x="7" y="9"/>
                    </a:lnTo>
                    <a:lnTo>
                      <a:pt x="5" y="9"/>
                    </a:lnTo>
                    <a:lnTo>
                      <a:pt x="2" y="7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45" name="Freeform 104"/>
              <p:cNvSpPr>
                <a:spLocks/>
              </p:cNvSpPr>
              <p:nvPr/>
            </p:nvSpPr>
            <p:spPr bwMode="auto">
              <a:xfrm>
                <a:off x="515" y="3537"/>
                <a:ext cx="15" cy="9"/>
              </a:xfrm>
              <a:custGeom>
                <a:avLst/>
                <a:gdLst>
                  <a:gd name="T0" fmla="*/ 0 w 15"/>
                  <a:gd name="T1" fmla="*/ 5 h 9"/>
                  <a:gd name="T2" fmla="*/ 0 w 15"/>
                  <a:gd name="T3" fmla="*/ 5 h 9"/>
                  <a:gd name="T4" fmla="*/ 0 w 15"/>
                  <a:gd name="T5" fmla="*/ 3 h 9"/>
                  <a:gd name="T6" fmla="*/ 2 w 15"/>
                  <a:gd name="T7" fmla="*/ 2 h 9"/>
                  <a:gd name="T8" fmla="*/ 5 w 15"/>
                  <a:gd name="T9" fmla="*/ 0 h 9"/>
                  <a:gd name="T10" fmla="*/ 7 w 15"/>
                  <a:gd name="T11" fmla="*/ 0 h 9"/>
                  <a:gd name="T12" fmla="*/ 7 w 15"/>
                  <a:gd name="T13" fmla="*/ 0 h 9"/>
                  <a:gd name="T14" fmla="*/ 10 w 15"/>
                  <a:gd name="T15" fmla="*/ 0 h 9"/>
                  <a:gd name="T16" fmla="*/ 12 w 15"/>
                  <a:gd name="T17" fmla="*/ 2 h 9"/>
                  <a:gd name="T18" fmla="*/ 14 w 15"/>
                  <a:gd name="T19" fmla="*/ 3 h 9"/>
                  <a:gd name="T20" fmla="*/ 15 w 15"/>
                  <a:gd name="T21" fmla="*/ 5 h 9"/>
                  <a:gd name="T22" fmla="*/ 15 w 15"/>
                  <a:gd name="T23" fmla="*/ 5 h 9"/>
                  <a:gd name="T24" fmla="*/ 14 w 15"/>
                  <a:gd name="T25" fmla="*/ 7 h 9"/>
                  <a:gd name="T26" fmla="*/ 12 w 15"/>
                  <a:gd name="T27" fmla="*/ 7 h 9"/>
                  <a:gd name="T28" fmla="*/ 10 w 15"/>
                  <a:gd name="T29" fmla="*/ 9 h 9"/>
                  <a:gd name="T30" fmla="*/ 7 w 15"/>
                  <a:gd name="T31" fmla="*/ 9 h 9"/>
                  <a:gd name="T32" fmla="*/ 7 w 15"/>
                  <a:gd name="T33" fmla="*/ 9 h 9"/>
                  <a:gd name="T34" fmla="*/ 5 w 15"/>
                  <a:gd name="T35" fmla="*/ 9 h 9"/>
                  <a:gd name="T36" fmla="*/ 2 w 15"/>
                  <a:gd name="T37" fmla="*/ 7 h 9"/>
                  <a:gd name="T38" fmla="*/ 0 w 15"/>
                  <a:gd name="T39" fmla="*/ 7 h 9"/>
                  <a:gd name="T40" fmla="*/ 0 w 15"/>
                  <a:gd name="T41" fmla="*/ 5 h 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5"/>
                  <a:gd name="T64" fmla="*/ 0 h 9"/>
                  <a:gd name="T65" fmla="*/ 15 w 15"/>
                  <a:gd name="T66" fmla="*/ 9 h 9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5" h="9">
                    <a:moveTo>
                      <a:pt x="0" y="5"/>
                    </a:moveTo>
                    <a:lnTo>
                      <a:pt x="0" y="5"/>
                    </a:lnTo>
                    <a:lnTo>
                      <a:pt x="0" y="3"/>
                    </a:lnTo>
                    <a:lnTo>
                      <a:pt x="2" y="2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10" y="0"/>
                    </a:lnTo>
                    <a:lnTo>
                      <a:pt x="12" y="2"/>
                    </a:lnTo>
                    <a:lnTo>
                      <a:pt x="14" y="3"/>
                    </a:lnTo>
                    <a:lnTo>
                      <a:pt x="15" y="5"/>
                    </a:lnTo>
                    <a:lnTo>
                      <a:pt x="14" y="7"/>
                    </a:lnTo>
                    <a:lnTo>
                      <a:pt x="12" y="7"/>
                    </a:lnTo>
                    <a:lnTo>
                      <a:pt x="10" y="9"/>
                    </a:lnTo>
                    <a:lnTo>
                      <a:pt x="7" y="9"/>
                    </a:lnTo>
                    <a:lnTo>
                      <a:pt x="5" y="9"/>
                    </a:lnTo>
                    <a:lnTo>
                      <a:pt x="2" y="7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46" name="Freeform 105"/>
              <p:cNvSpPr>
                <a:spLocks/>
              </p:cNvSpPr>
              <p:nvPr/>
            </p:nvSpPr>
            <p:spPr bwMode="auto">
              <a:xfrm>
                <a:off x="439" y="3529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1 h 10"/>
                  <a:gd name="T4" fmla="*/ 2 w 8"/>
                  <a:gd name="T5" fmla="*/ 1 h 10"/>
                  <a:gd name="T6" fmla="*/ 2 w 8"/>
                  <a:gd name="T7" fmla="*/ 0 h 10"/>
                  <a:gd name="T8" fmla="*/ 3 w 8"/>
                  <a:gd name="T9" fmla="*/ 0 h 10"/>
                  <a:gd name="T10" fmla="*/ 5 w 8"/>
                  <a:gd name="T11" fmla="*/ 0 h 10"/>
                  <a:gd name="T12" fmla="*/ 7 w 8"/>
                  <a:gd name="T13" fmla="*/ 1 h 10"/>
                  <a:gd name="T14" fmla="*/ 8 w 8"/>
                  <a:gd name="T15" fmla="*/ 1 h 10"/>
                  <a:gd name="T16" fmla="*/ 8 w 8"/>
                  <a:gd name="T17" fmla="*/ 5 h 10"/>
                  <a:gd name="T18" fmla="*/ 8 w 8"/>
                  <a:gd name="T19" fmla="*/ 6 h 10"/>
                  <a:gd name="T20" fmla="*/ 7 w 8"/>
                  <a:gd name="T21" fmla="*/ 8 h 10"/>
                  <a:gd name="T22" fmla="*/ 5 w 8"/>
                  <a:gd name="T23" fmla="*/ 10 h 10"/>
                  <a:gd name="T24" fmla="*/ 3 w 8"/>
                  <a:gd name="T25" fmla="*/ 10 h 10"/>
                  <a:gd name="T26" fmla="*/ 2 w 8"/>
                  <a:gd name="T27" fmla="*/ 10 h 10"/>
                  <a:gd name="T28" fmla="*/ 2 w 8"/>
                  <a:gd name="T29" fmla="*/ 8 h 10"/>
                  <a:gd name="T30" fmla="*/ 0 w 8"/>
                  <a:gd name="T31" fmla="*/ 6 h 10"/>
                  <a:gd name="T32" fmla="*/ 0 w 8"/>
                  <a:gd name="T33" fmla="*/ 5 h 1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8"/>
                  <a:gd name="T52" fmla="*/ 0 h 10"/>
                  <a:gd name="T53" fmla="*/ 8 w 8"/>
                  <a:gd name="T54" fmla="*/ 10 h 10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8" h="10">
                    <a:moveTo>
                      <a:pt x="0" y="5"/>
                    </a:moveTo>
                    <a:lnTo>
                      <a:pt x="0" y="1"/>
                    </a:lnTo>
                    <a:lnTo>
                      <a:pt x="2" y="1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1"/>
                    </a:lnTo>
                    <a:lnTo>
                      <a:pt x="8" y="1"/>
                    </a:lnTo>
                    <a:lnTo>
                      <a:pt x="8" y="5"/>
                    </a:lnTo>
                    <a:lnTo>
                      <a:pt x="8" y="6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6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47" name="Freeform 106"/>
              <p:cNvSpPr>
                <a:spLocks/>
              </p:cNvSpPr>
              <p:nvPr/>
            </p:nvSpPr>
            <p:spPr bwMode="auto">
              <a:xfrm>
                <a:off x="439" y="3529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5 h 10"/>
                  <a:gd name="T4" fmla="*/ 0 w 8"/>
                  <a:gd name="T5" fmla="*/ 1 h 10"/>
                  <a:gd name="T6" fmla="*/ 2 w 8"/>
                  <a:gd name="T7" fmla="*/ 1 h 10"/>
                  <a:gd name="T8" fmla="*/ 2 w 8"/>
                  <a:gd name="T9" fmla="*/ 0 h 10"/>
                  <a:gd name="T10" fmla="*/ 3 w 8"/>
                  <a:gd name="T11" fmla="*/ 0 h 10"/>
                  <a:gd name="T12" fmla="*/ 3 w 8"/>
                  <a:gd name="T13" fmla="*/ 0 h 10"/>
                  <a:gd name="T14" fmla="*/ 5 w 8"/>
                  <a:gd name="T15" fmla="*/ 0 h 10"/>
                  <a:gd name="T16" fmla="*/ 7 w 8"/>
                  <a:gd name="T17" fmla="*/ 1 h 10"/>
                  <a:gd name="T18" fmla="*/ 8 w 8"/>
                  <a:gd name="T19" fmla="*/ 1 h 10"/>
                  <a:gd name="T20" fmla="*/ 8 w 8"/>
                  <a:gd name="T21" fmla="*/ 5 h 10"/>
                  <a:gd name="T22" fmla="*/ 8 w 8"/>
                  <a:gd name="T23" fmla="*/ 5 h 10"/>
                  <a:gd name="T24" fmla="*/ 8 w 8"/>
                  <a:gd name="T25" fmla="*/ 6 h 10"/>
                  <a:gd name="T26" fmla="*/ 7 w 8"/>
                  <a:gd name="T27" fmla="*/ 8 h 10"/>
                  <a:gd name="T28" fmla="*/ 5 w 8"/>
                  <a:gd name="T29" fmla="*/ 10 h 10"/>
                  <a:gd name="T30" fmla="*/ 3 w 8"/>
                  <a:gd name="T31" fmla="*/ 10 h 10"/>
                  <a:gd name="T32" fmla="*/ 3 w 8"/>
                  <a:gd name="T33" fmla="*/ 10 h 10"/>
                  <a:gd name="T34" fmla="*/ 2 w 8"/>
                  <a:gd name="T35" fmla="*/ 10 h 10"/>
                  <a:gd name="T36" fmla="*/ 2 w 8"/>
                  <a:gd name="T37" fmla="*/ 8 h 10"/>
                  <a:gd name="T38" fmla="*/ 0 w 8"/>
                  <a:gd name="T39" fmla="*/ 6 h 10"/>
                  <a:gd name="T40" fmla="*/ 0 w 8"/>
                  <a:gd name="T41" fmla="*/ 5 h 1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8"/>
                  <a:gd name="T64" fmla="*/ 0 h 10"/>
                  <a:gd name="T65" fmla="*/ 8 w 8"/>
                  <a:gd name="T66" fmla="*/ 10 h 10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8" h="10">
                    <a:moveTo>
                      <a:pt x="0" y="5"/>
                    </a:moveTo>
                    <a:lnTo>
                      <a:pt x="0" y="5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1"/>
                    </a:lnTo>
                    <a:lnTo>
                      <a:pt x="8" y="1"/>
                    </a:lnTo>
                    <a:lnTo>
                      <a:pt x="8" y="5"/>
                    </a:lnTo>
                    <a:lnTo>
                      <a:pt x="8" y="6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6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48" name="Freeform 107"/>
              <p:cNvSpPr>
                <a:spLocks/>
              </p:cNvSpPr>
              <p:nvPr/>
            </p:nvSpPr>
            <p:spPr bwMode="auto">
              <a:xfrm>
                <a:off x="738" y="3474"/>
                <a:ext cx="7" cy="11"/>
              </a:xfrm>
              <a:custGeom>
                <a:avLst/>
                <a:gdLst>
                  <a:gd name="T0" fmla="*/ 0 w 7"/>
                  <a:gd name="T1" fmla="*/ 6 h 11"/>
                  <a:gd name="T2" fmla="*/ 0 w 7"/>
                  <a:gd name="T3" fmla="*/ 4 h 11"/>
                  <a:gd name="T4" fmla="*/ 2 w 7"/>
                  <a:gd name="T5" fmla="*/ 2 h 11"/>
                  <a:gd name="T6" fmla="*/ 2 w 7"/>
                  <a:gd name="T7" fmla="*/ 0 h 11"/>
                  <a:gd name="T8" fmla="*/ 4 w 7"/>
                  <a:gd name="T9" fmla="*/ 0 h 11"/>
                  <a:gd name="T10" fmla="*/ 6 w 7"/>
                  <a:gd name="T11" fmla="*/ 0 h 11"/>
                  <a:gd name="T12" fmla="*/ 7 w 7"/>
                  <a:gd name="T13" fmla="*/ 2 h 11"/>
                  <a:gd name="T14" fmla="*/ 7 w 7"/>
                  <a:gd name="T15" fmla="*/ 4 h 11"/>
                  <a:gd name="T16" fmla="*/ 7 w 7"/>
                  <a:gd name="T17" fmla="*/ 6 h 11"/>
                  <a:gd name="T18" fmla="*/ 7 w 7"/>
                  <a:gd name="T19" fmla="*/ 7 h 11"/>
                  <a:gd name="T20" fmla="*/ 7 w 7"/>
                  <a:gd name="T21" fmla="*/ 9 h 11"/>
                  <a:gd name="T22" fmla="*/ 6 w 7"/>
                  <a:gd name="T23" fmla="*/ 9 h 11"/>
                  <a:gd name="T24" fmla="*/ 4 w 7"/>
                  <a:gd name="T25" fmla="*/ 11 h 11"/>
                  <a:gd name="T26" fmla="*/ 2 w 7"/>
                  <a:gd name="T27" fmla="*/ 9 h 11"/>
                  <a:gd name="T28" fmla="*/ 2 w 7"/>
                  <a:gd name="T29" fmla="*/ 9 h 11"/>
                  <a:gd name="T30" fmla="*/ 0 w 7"/>
                  <a:gd name="T31" fmla="*/ 7 h 11"/>
                  <a:gd name="T32" fmla="*/ 0 w 7"/>
                  <a:gd name="T33" fmla="*/ 6 h 11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7"/>
                  <a:gd name="T52" fmla="*/ 0 h 11"/>
                  <a:gd name="T53" fmla="*/ 7 w 7"/>
                  <a:gd name="T54" fmla="*/ 11 h 11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7" h="11">
                    <a:moveTo>
                      <a:pt x="0" y="6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2"/>
                    </a:lnTo>
                    <a:lnTo>
                      <a:pt x="7" y="4"/>
                    </a:lnTo>
                    <a:lnTo>
                      <a:pt x="7" y="6"/>
                    </a:lnTo>
                    <a:lnTo>
                      <a:pt x="7" y="7"/>
                    </a:lnTo>
                    <a:lnTo>
                      <a:pt x="7" y="9"/>
                    </a:lnTo>
                    <a:lnTo>
                      <a:pt x="6" y="9"/>
                    </a:lnTo>
                    <a:lnTo>
                      <a:pt x="4" y="11"/>
                    </a:lnTo>
                    <a:lnTo>
                      <a:pt x="2" y="9"/>
                    </a:lnTo>
                    <a:lnTo>
                      <a:pt x="0" y="7"/>
                    </a:lnTo>
                    <a:lnTo>
                      <a:pt x="0" y="6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49" name="Freeform 108"/>
              <p:cNvSpPr>
                <a:spLocks/>
              </p:cNvSpPr>
              <p:nvPr/>
            </p:nvSpPr>
            <p:spPr bwMode="auto">
              <a:xfrm>
                <a:off x="738" y="3474"/>
                <a:ext cx="7" cy="11"/>
              </a:xfrm>
              <a:custGeom>
                <a:avLst/>
                <a:gdLst>
                  <a:gd name="T0" fmla="*/ 0 w 7"/>
                  <a:gd name="T1" fmla="*/ 6 h 11"/>
                  <a:gd name="T2" fmla="*/ 0 w 7"/>
                  <a:gd name="T3" fmla="*/ 6 h 11"/>
                  <a:gd name="T4" fmla="*/ 0 w 7"/>
                  <a:gd name="T5" fmla="*/ 4 h 11"/>
                  <a:gd name="T6" fmla="*/ 2 w 7"/>
                  <a:gd name="T7" fmla="*/ 2 h 11"/>
                  <a:gd name="T8" fmla="*/ 2 w 7"/>
                  <a:gd name="T9" fmla="*/ 0 h 11"/>
                  <a:gd name="T10" fmla="*/ 4 w 7"/>
                  <a:gd name="T11" fmla="*/ 0 h 11"/>
                  <a:gd name="T12" fmla="*/ 4 w 7"/>
                  <a:gd name="T13" fmla="*/ 0 h 11"/>
                  <a:gd name="T14" fmla="*/ 6 w 7"/>
                  <a:gd name="T15" fmla="*/ 0 h 11"/>
                  <a:gd name="T16" fmla="*/ 7 w 7"/>
                  <a:gd name="T17" fmla="*/ 2 h 11"/>
                  <a:gd name="T18" fmla="*/ 7 w 7"/>
                  <a:gd name="T19" fmla="*/ 4 h 11"/>
                  <a:gd name="T20" fmla="*/ 7 w 7"/>
                  <a:gd name="T21" fmla="*/ 6 h 11"/>
                  <a:gd name="T22" fmla="*/ 7 w 7"/>
                  <a:gd name="T23" fmla="*/ 6 h 11"/>
                  <a:gd name="T24" fmla="*/ 7 w 7"/>
                  <a:gd name="T25" fmla="*/ 7 h 11"/>
                  <a:gd name="T26" fmla="*/ 7 w 7"/>
                  <a:gd name="T27" fmla="*/ 9 h 11"/>
                  <a:gd name="T28" fmla="*/ 6 w 7"/>
                  <a:gd name="T29" fmla="*/ 9 h 11"/>
                  <a:gd name="T30" fmla="*/ 4 w 7"/>
                  <a:gd name="T31" fmla="*/ 11 h 11"/>
                  <a:gd name="T32" fmla="*/ 4 w 7"/>
                  <a:gd name="T33" fmla="*/ 11 h 11"/>
                  <a:gd name="T34" fmla="*/ 2 w 7"/>
                  <a:gd name="T35" fmla="*/ 9 h 11"/>
                  <a:gd name="T36" fmla="*/ 2 w 7"/>
                  <a:gd name="T37" fmla="*/ 9 h 11"/>
                  <a:gd name="T38" fmla="*/ 0 w 7"/>
                  <a:gd name="T39" fmla="*/ 7 h 11"/>
                  <a:gd name="T40" fmla="*/ 0 w 7"/>
                  <a:gd name="T41" fmla="*/ 6 h 11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7"/>
                  <a:gd name="T64" fmla="*/ 0 h 11"/>
                  <a:gd name="T65" fmla="*/ 7 w 7"/>
                  <a:gd name="T66" fmla="*/ 11 h 11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7" h="11">
                    <a:moveTo>
                      <a:pt x="0" y="6"/>
                    </a:moveTo>
                    <a:lnTo>
                      <a:pt x="0" y="6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2"/>
                    </a:lnTo>
                    <a:lnTo>
                      <a:pt x="7" y="4"/>
                    </a:lnTo>
                    <a:lnTo>
                      <a:pt x="7" y="6"/>
                    </a:lnTo>
                    <a:lnTo>
                      <a:pt x="7" y="7"/>
                    </a:lnTo>
                    <a:lnTo>
                      <a:pt x="7" y="9"/>
                    </a:lnTo>
                    <a:lnTo>
                      <a:pt x="6" y="9"/>
                    </a:lnTo>
                    <a:lnTo>
                      <a:pt x="4" y="11"/>
                    </a:lnTo>
                    <a:lnTo>
                      <a:pt x="2" y="9"/>
                    </a:lnTo>
                    <a:lnTo>
                      <a:pt x="0" y="7"/>
                    </a:lnTo>
                    <a:lnTo>
                      <a:pt x="0" y="6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50" name="Freeform 109"/>
              <p:cNvSpPr>
                <a:spLocks/>
              </p:cNvSpPr>
              <p:nvPr/>
            </p:nvSpPr>
            <p:spPr bwMode="auto">
              <a:xfrm>
                <a:off x="650" y="3331"/>
                <a:ext cx="21" cy="15"/>
              </a:xfrm>
              <a:custGeom>
                <a:avLst/>
                <a:gdLst>
                  <a:gd name="T0" fmla="*/ 2 w 21"/>
                  <a:gd name="T1" fmla="*/ 1 h 15"/>
                  <a:gd name="T2" fmla="*/ 19 w 21"/>
                  <a:gd name="T3" fmla="*/ 0 h 15"/>
                  <a:gd name="T4" fmla="*/ 19 w 21"/>
                  <a:gd name="T5" fmla="*/ 1 h 15"/>
                  <a:gd name="T6" fmla="*/ 19 w 21"/>
                  <a:gd name="T7" fmla="*/ 3 h 15"/>
                  <a:gd name="T8" fmla="*/ 21 w 21"/>
                  <a:gd name="T9" fmla="*/ 5 h 15"/>
                  <a:gd name="T10" fmla="*/ 21 w 21"/>
                  <a:gd name="T11" fmla="*/ 8 h 15"/>
                  <a:gd name="T12" fmla="*/ 21 w 21"/>
                  <a:gd name="T13" fmla="*/ 10 h 15"/>
                  <a:gd name="T14" fmla="*/ 21 w 21"/>
                  <a:gd name="T15" fmla="*/ 13 h 15"/>
                  <a:gd name="T16" fmla="*/ 17 w 21"/>
                  <a:gd name="T17" fmla="*/ 15 h 15"/>
                  <a:gd name="T18" fmla="*/ 12 w 21"/>
                  <a:gd name="T19" fmla="*/ 15 h 15"/>
                  <a:gd name="T20" fmla="*/ 12 w 21"/>
                  <a:gd name="T21" fmla="*/ 15 h 15"/>
                  <a:gd name="T22" fmla="*/ 11 w 21"/>
                  <a:gd name="T23" fmla="*/ 13 h 15"/>
                  <a:gd name="T24" fmla="*/ 7 w 21"/>
                  <a:gd name="T25" fmla="*/ 11 h 15"/>
                  <a:gd name="T26" fmla="*/ 6 w 21"/>
                  <a:gd name="T27" fmla="*/ 10 h 15"/>
                  <a:gd name="T28" fmla="*/ 4 w 21"/>
                  <a:gd name="T29" fmla="*/ 8 h 15"/>
                  <a:gd name="T30" fmla="*/ 2 w 21"/>
                  <a:gd name="T31" fmla="*/ 6 h 15"/>
                  <a:gd name="T32" fmla="*/ 0 w 21"/>
                  <a:gd name="T33" fmla="*/ 6 h 15"/>
                  <a:gd name="T34" fmla="*/ 0 w 21"/>
                  <a:gd name="T35" fmla="*/ 6 h 15"/>
                  <a:gd name="T36" fmla="*/ 2 w 21"/>
                  <a:gd name="T37" fmla="*/ 1 h 15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w 21"/>
                  <a:gd name="T58" fmla="*/ 0 h 15"/>
                  <a:gd name="T59" fmla="*/ 21 w 21"/>
                  <a:gd name="T60" fmla="*/ 15 h 15"/>
                </a:gdLst>
                <a:ahLst/>
                <a:cxnLst>
                  <a:cxn ang="T38">
                    <a:pos x="T0" y="T1"/>
                  </a:cxn>
                  <a:cxn ang="T39">
                    <a:pos x="T2" y="T3"/>
                  </a:cxn>
                  <a:cxn ang="T40">
                    <a:pos x="T4" y="T5"/>
                  </a:cxn>
                  <a:cxn ang="T41">
                    <a:pos x="T6" y="T7"/>
                  </a:cxn>
                  <a:cxn ang="T42">
                    <a:pos x="T8" y="T9"/>
                  </a:cxn>
                  <a:cxn ang="T43">
                    <a:pos x="T10" y="T11"/>
                  </a:cxn>
                  <a:cxn ang="T44">
                    <a:pos x="T12" y="T13"/>
                  </a:cxn>
                  <a:cxn ang="T45">
                    <a:pos x="T14" y="T15"/>
                  </a:cxn>
                  <a:cxn ang="T46">
                    <a:pos x="T16" y="T17"/>
                  </a:cxn>
                  <a:cxn ang="T47">
                    <a:pos x="T18" y="T19"/>
                  </a:cxn>
                  <a:cxn ang="T48">
                    <a:pos x="T20" y="T21"/>
                  </a:cxn>
                  <a:cxn ang="T49">
                    <a:pos x="T22" y="T23"/>
                  </a:cxn>
                  <a:cxn ang="T50">
                    <a:pos x="T24" y="T25"/>
                  </a:cxn>
                  <a:cxn ang="T51">
                    <a:pos x="T26" y="T27"/>
                  </a:cxn>
                  <a:cxn ang="T52">
                    <a:pos x="T28" y="T29"/>
                  </a:cxn>
                  <a:cxn ang="T53">
                    <a:pos x="T30" y="T31"/>
                  </a:cxn>
                  <a:cxn ang="T54">
                    <a:pos x="T32" y="T33"/>
                  </a:cxn>
                  <a:cxn ang="T55">
                    <a:pos x="T34" y="T35"/>
                  </a:cxn>
                  <a:cxn ang="T56">
                    <a:pos x="T36" y="T37"/>
                  </a:cxn>
                </a:cxnLst>
                <a:rect l="T57" t="T58" r="T59" b="T60"/>
                <a:pathLst>
                  <a:path w="21" h="15">
                    <a:moveTo>
                      <a:pt x="2" y="1"/>
                    </a:moveTo>
                    <a:lnTo>
                      <a:pt x="19" y="0"/>
                    </a:lnTo>
                    <a:lnTo>
                      <a:pt x="19" y="1"/>
                    </a:lnTo>
                    <a:lnTo>
                      <a:pt x="19" y="3"/>
                    </a:lnTo>
                    <a:lnTo>
                      <a:pt x="21" y="5"/>
                    </a:lnTo>
                    <a:lnTo>
                      <a:pt x="21" y="8"/>
                    </a:lnTo>
                    <a:lnTo>
                      <a:pt x="21" y="10"/>
                    </a:lnTo>
                    <a:lnTo>
                      <a:pt x="21" y="13"/>
                    </a:lnTo>
                    <a:lnTo>
                      <a:pt x="17" y="15"/>
                    </a:lnTo>
                    <a:lnTo>
                      <a:pt x="12" y="15"/>
                    </a:lnTo>
                    <a:lnTo>
                      <a:pt x="11" y="13"/>
                    </a:lnTo>
                    <a:lnTo>
                      <a:pt x="7" y="11"/>
                    </a:lnTo>
                    <a:lnTo>
                      <a:pt x="6" y="10"/>
                    </a:lnTo>
                    <a:lnTo>
                      <a:pt x="4" y="8"/>
                    </a:lnTo>
                    <a:lnTo>
                      <a:pt x="2" y="6"/>
                    </a:lnTo>
                    <a:lnTo>
                      <a:pt x="0" y="6"/>
                    </a:lnTo>
                    <a:lnTo>
                      <a:pt x="2" y="1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51" name="Freeform 110"/>
              <p:cNvSpPr>
                <a:spLocks/>
              </p:cNvSpPr>
              <p:nvPr/>
            </p:nvSpPr>
            <p:spPr bwMode="auto">
              <a:xfrm>
                <a:off x="650" y="3331"/>
                <a:ext cx="21" cy="15"/>
              </a:xfrm>
              <a:custGeom>
                <a:avLst/>
                <a:gdLst>
                  <a:gd name="T0" fmla="*/ 2 w 21"/>
                  <a:gd name="T1" fmla="*/ 1 h 15"/>
                  <a:gd name="T2" fmla="*/ 19 w 21"/>
                  <a:gd name="T3" fmla="*/ 0 h 15"/>
                  <a:gd name="T4" fmla="*/ 19 w 21"/>
                  <a:gd name="T5" fmla="*/ 0 h 15"/>
                  <a:gd name="T6" fmla="*/ 19 w 21"/>
                  <a:gd name="T7" fmla="*/ 1 h 15"/>
                  <a:gd name="T8" fmla="*/ 19 w 21"/>
                  <a:gd name="T9" fmla="*/ 3 h 15"/>
                  <a:gd name="T10" fmla="*/ 21 w 21"/>
                  <a:gd name="T11" fmla="*/ 5 h 15"/>
                  <a:gd name="T12" fmla="*/ 21 w 21"/>
                  <a:gd name="T13" fmla="*/ 8 h 15"/>
                  <a:gd name="T14" fmla="*/ 21 w 21"/>
                  <a:gd name="T15" fmla="*/ 10 h 15"/>
                  <a:gd name="T16" fmla="*/ 21 w 21"/>
                  <a:gd name="T17" fmla="*/ 13 h 15"/>
                  <a:gd name="T18" fmla="*/ 17 w 21"/>
                  <a:gd name="T19" fmla="*/ 15 h 15"/>
                  <a:gd name="T20" fmla="*/ 12 w 21"/>
                  <a:gd name="T21" fmla="*/ 15 h 15"/>
                  <a:gd name="T22" fmla="*/ 12 w 21"/>
                  <a:gd name="T23" fmla="*/ 15 h 15"/>
                  <a:gd name="T24" fmla="*/ 12 w 21"/>
                  <a:gd name="T25" fmla="*/ 15 h 15"/>
                  <a:gd name="T26" fmla="*/ 11 w 21"/>
                  <a:gd name="T27" fmla="*/ 13 h 15"/>
                  <a:gd name="T28" fmla="*/ 7 w 21"/>
                  <a:gd name="T29" fmla="*/ 11 h 15"/>
                  <a:gd name="T30" fmla="*/ 6 w 21"/>
                  <a:gd name="T31" fmla="*/ 10 h 15"/>
                  <a:gd name="T32" fmla="*/ 4 w 21"/>
                  <a:gd name="T33" fmla="*/ 8 h 15"/>
                  <a:gd name="T34" fmla="*/ 2 w 21"/>
                  <a:gd name="T35" fmla="*/ 6 h 15"/>
                  <a:gd name="T36" fmla="*/ 0 w 21"/>
                  <a:gd name="T37" fmla="*/ 6 h 15"/>
                  <a:gd name="T38" fmla="*/ 0 w 21"/>
                  <a:gd name="T39" fmla="*/ 6 h 15"/>
                  <a:gd name="T40" fmla="*/ 2 w 21"/>
                  <a:gd name="T41" fmla="*/ 1 h 15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21"/>
                  <a:gd name="T64" fmla="*/ 0 h 15"/>
                  <a:gd name="T65" fmla="*/ 21 w 21"/>
                  <a:gd name="T66" fmla="*/ 15 h 15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21" h="15">
                    <a:moveTo>
                      <a:pt x="2" y="1"/>
                    </a:moveTo>
                    <a:lnTo>
                      <a:pt x="19" y="0"/>
                    </a:lnTo>
                    <a:lnTo>
                      <a:pt x="19" y="1"/>
                    </a:lnTo>
                    <a:lnTo>
                      <a:pt x="19" y="3"/>
                    </a:lnTo>
                    <a:lnTo>
                      <a:pt x="21" y="5"/>
                    </a:lnTo>
                    <a:lnTo>
                      <a:pt x="21" y="8"/>
                    </a:lnTo>
                    <a:lnTo>
                      <a:pt x="21" y="10"/>
                    </a:lnTo>
                    <a:lnTo>
                      <a:pt x="21" y="13"/>
                    </a:lnTo>
                    <a:lnTo>
                      <a:pt x="17" y="15"/>
                    </a:lnTo>
                    <a:lnTo>
                      <a:pt x="12" y="15"/>
                    </a:lnTo>
                    <a:lnTo>
                      <a:pt x="11" y="13"/>
                    </a:lnTo>
                    <a:lnTo>
                      <a:pt x="7" y="11"/>
                    </a:lnTo>
                    <a:lnTo>
                      <a:pt x="6" y="10"/>
                    </a:lnTo>
                    <a:lnTo>
                      <a:pt x="4" y="8"/>
                    </a:lnTo>
                    <a:lnTo>
                      <a:pt x="2" y="6"/>
                    </a:lnTo>
                    <a:lnTo>
                      <a:pt x="0" y="6"/>
                    </a:lnTo>
                    <a:lnTo>
                      <a:pt x="2" y="1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52" name="Freeform 111"/>
              <p:cNvSpPr>
                <a:spLocks/>
              </p:cNvSpPr>
              <p:nvPr/>
            </p:nvSpPr>
            <p:spPr bwMode="auto">
              <a:xfrm>
                <a:off x="495" y="3530"/>
                <a:ext cx="18" cy="9"/>
              </a:xfrm>
              <a:custGeom>
                <a:avLst/>
                <a:gdLst>
                  <a:gd name="T0" fmla="*/ 12 w 18"/>
                  <a:gd name="T1" fmla="*/ 2 h 9"/>
                  <a:gd name="T2" fmla="*/ 0 w 18"/>
                  <a:gd name="T3" fmla="*/ 5 h 9"/>
                  <a:gd name="T4" fmla="*/ 13 w 18"/>
                  <a:gd name="T5" fmla="*/ 9 h 9"/>
                  <a:gd name="T6" fmla="*/ 18 w 18"/>
                  <a:gd name="T7" fmla="*/ 0 h 9"/>
                  <a:gd name="T8" fmla="*/ 12 w 18"/>
                  <a:gd name="T9" fmla="*/ 2 h 9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18"/>
                  <a:gd name="T16" fmla="*/ 0 h 9"/>
                  <a:gd name="T17" fmla="*/ 18 w 18"/>
                  <a:gd name="T18" fmla="*/ 9 h 9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18" h="9">
                    <a:moveTo>
                      <a:pt x="12" y="2"/>
                    </a:moveTo>
                    <a:lnTo>
                      <a:pt x="0" y="5"/>
                    </a:lnTo>
                    <a:lnTo>
                      <a:pt x="13" y="9"/>
                    </a:lnTo>
                    <a:lnTo>
                      <a:pt x="18" y="0"/>
                    </a:lnTo>
                    <a:lnTo>
                      <a:pt x="12" y="2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53" name="Freeform 112"/>
              <p:cNvSpPr>
                <a:spLocks/>
              </p:cNvSpPr>
              <p:nvPr/>
            </p:nvSpPr>
            <p:spPr bwMode="auto">
              <a:xfrm>
                <a:off x="495" y="3530"/>
                <a:ext cx="18" cy="9"/>
              </a:xfrm>
              <a:custGeom>
                <a:avLst/>
                <a:gdLst>
                  <a:gd name="T0" fmla="*/ 12 w 18"/>
                  <a:gd name="T1" fmla="*/ 2 h 9"/>
                  <a:gd name="T2" fmla="*/ 0 w 18"/>
                  <a:gd name="T3" fmla="*/ 5 h 9"/>
                  <a:gd name="T4" fmla="*/ 13 w 18"/>
                  <a:gd name="T5" fmla="*/ 9 h 9"/>
                  <a:gd name="T6" fmla="*/ 18 w 18"/>
                  <a:gd name="T7" fmla="*/ 0 h 9"/>
                  <a:gd name="T8" fmla="*/ 12 w 18"/>
                  <a:gd name="T9" fmla="*/ 2 h 9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18"/>
                  <a:gd name="T16" fmla="*/ 0 h 9"/>
                  <a:gd name="T17" fmla="*/ 18 w 18"/>
                  <a:gd name="T18" fmla="*/ 9 h 9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18" h="9">
                    <a:moveTo>
                      <a:pt x="12" y="2"/>
                    </a:moveTo>
                    <a:lnTo>
                      <a:pt x="0" y="5"/>
                    </a:lnTo>
                    <a:lnTo>
                      <a:pt x="13" y="9"/>
                    </a:lnTo>
                    <a:lnTo>
                      <a:pt x="18" y="0"/>
                    </a:lnTo>
                    <a:lnTo>
                      <a:pt x="12" y="2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54" name="Freeform 113"/>
              <p:cNvSpPr>
                <a:spLocks/>
              </p:cNvSpPr>
              <p:nvPr/>
            </p:nvSpPr>
            <p:spPr bwMode="auto">
              <a:xfrm>
                <a:off x="606" y="3229"/>
                <a:ext cx="34" cy="25"/>
              </a:xfrm>
              <a:custGeom>
                <a:avLst/>
                <a:gdLst>
                  <a:gd name="T0" fmla="*/ 4 w 34"/>
                  <a:gd name="T1" fmla="*/ 0 h 25"/>
                  <a:gd name="T2" fmla="*/ 4 w 34"/>
                  <a:gd name="T3" fmla="*/ 0 h 25"/>
                  <a:gd name="T4" fmla="*/ 4 w 34"/>
                  <a:gd name="T5" fmla="*/ 2 h 25"/>
                  <a:gd name="T6" fmla="*/ 6 w 34"/>
                  <a:gd name="T7" fmla="*/ 3 h 25"/>
                  <a:gd name="T8" fmla="*/ 9 w 34"/>
                  <a:gd name="T9" fmla="*/ 5 h 25"/>
                  <a:gd name="T10" fmla="*/ 11 w 34"/>
                  <a:gd name="T11" fmla="*/ 7 h 25"/>
                  <a:gd name="T12" fmla="*/ 14 w 34"/>
                  <a:gd name="T13" fmla="*/ 7 h 25"/>
                  <a:gd name="T14" fmla="*/ 17 w 34"/>
                  <a:gd name="T15" fmla="*/ 5 h 25"/>
                  <a:gd name="T16" fmla="*/ 21 w 34"/>
                  <a:gd name="T17" fmla="*/ 3 h 25"/>
                  <a:gd name="T18" fmla="*/ 21 w 34"/>
                  <a:gd name="T19" fmla="*/ 3 h 25"/>
                  <a:gd name="T20" fmla="*/ 21 w 34"/>
                  <a:gd name="T21" fmla="*/ 5 h 25"/>
                  <a:gd name="T22" fmla="*/ 22 w 34"/>
                  <a:gd name="T23" fmla="*/ 7 h 25"/>
                  <a:gd name="T24" fmla="*/ 22 w 34"/>
                  <a:gd name="T25" fmla="*/ 10 h 25"/>
                  <a:gd name="T26" fmla="*/ 26 w 34"/>
                  <a:gd name="T27" fmla="*/ 14 h 25"/>
                  <a:gd name="T28" fmla="*/ 28 w 34"/>
                  <a:gd name="T29" fmla="*/ 15 h 25"/>
                  <a:gd name="T30" fmla="*/ 31 w 34"/>
                  <a:gd name="T31" fmla="*/ 17 h 25"/>
                  <a:gd name="T32" fmla="*/ 34 w 34"/>
                  <a:gd name="T33" fmla="*/ 17 h 25"/>
                  <a:gd name="T34" fmla="*/ 34 w 34"/>
                  <a:gd name="T35" fmla="*/ 19 h 25"/>
                  <a:gd name="T36" fmla="*/ 33 w 34"/>
                  <a:gd name="T37" fmla="*/ 19 h 25"/>
                  <a:gd name="T38" fmla="*/ 31 w 34"/>
                  <a:gd name="T39" fmla="*/ 20 h 25"/>
                  <a:gd name="T40" fmla="*/ 28 w 34"/>
                  <a:gd name="T41" fmla="*/ 22 h 25"/>
                  <a:gd name="T42" fmla="*/ 26 w 34"/>
                  <a:gd name="T43" fmla="*/ 24 h 25"/>
                  <a:gd name="T44" fmla="*/ 24 w 34"/>
                  <a:gd name="T45" fmla="*/ 25 h 25"/>
                  <a:gd name="T46" fmla="*/ 22 w 34"/>
                  <a:gd name="T47" fmla="*/ 25 h 25"/>
                  <a:gd name="T48" fmla="*/ 22 w 34"/>
                  <a:gd name="T49" fmla="*/ 25 h 25"/>
                  <a:gd name="T50" fmla="*/ 22 w 34"/>
                  <a:gd name="T51" fmla="*/ 25 h 25"/>
                  <a:gd name="T52" fmla="*/ 22 w 34"/>
                  <a:gd name="T53" fmla="*/ 24 h 25"/>
                  <a:gd name="T54" fmla="*/ 21 w 34"/>
                  <a:gd name="T55" fmla="*/ 20 h 25"/>
                  <a:gd name="T56" fmla="*/ 19 w 34"/>
                  <a:gd name="T57" fmla="*/ 19 h 25"/>
                  <a:gd name="T58" fmla="*/ 17 w 34"/>
                  <a:gd name="T59" fmla="*/ 15 h 25"/>
                  <a:gd name="T60" fmla="*/ 12 w 34"/>
                  <a:gd name="T61" fmla="*/ 14 h 25"/>
                  <a:gd name="T62" fmla="*/ 7 w 34"/>
                  <a:gd name="T63" fmla="*/ 10 h 25"/>
                  <a:gd name="T64" fmla="*/ 0 w 34"/>
                  <a:gd name="T65" fmla="*/ 10 h 25"/>
                  <a:gd name="T66" fmla="*/ 0 w 34"/>
                  <a:gd name="T67" fmla="*/ 9 h 25"/>
                  <a:gd name="T68" fmla="*/ 0 w 34"/>
                  <a:gd name="T69" fmla="*/ 5 h 25"/>
                  <a:gd name="T70" fmla="*/ 2 w 34"/>
                  <a:gd name="T71" fmla="*/ 2 h 25"/>
                  <a:gd name="T72" fmla="*/ 4 w 34"/>
                  <a:gd name="T73" fmla="*/ 0 h 25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w 34"/>
                  <a:gd name="T112" fmla="*/ 0 h 25"/>
                  <a:gd name="T113" fmla="*/ 34 w 34"/>
                  <a:gd name="T114" fmla="*/ 25 h 25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T111" t="T112" r="T113" b="T114"/>
                <a:pathLst>
                  <a:path w="34" h="25">
                    <a:moveTo>
                      <a:pt x="4" y="0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6" y="3"/>
                    </a:lnTo>
                    <a:lnTo>
                      <a:pt x="9" y="5"/>
                    </a:lnTo>
                    <a:lnTo>
                      <a:pt x="11" y="7"/>
                    </a:lnTo>
                    <a:lnTo>
                      <a:pt x="14" y="7"/>
                    </a:lnTo>
                    <a:lnTo>
                      <a:pt x="17" y="5"/>
                    </a:lnTo>
                    <a:lnTo>
                      <a:pt x="21" y="3"/>
                    </a:lnTo>
                    <a:lnTo>
                      <a:pt x="21" y="5"/>
                    </a:lnTo>
                    <a:lnTo>
                      <a:pt x="22" y="7"/>
                    </a:lnTo>
                    <a:lnTo>
                      <a:pt x="22" y="10"/>
                    </a:lnTo>
                    <a:lnTo>
                      <a:pt x="26" y="14"/>
                    </a:lnTo>
                    <a:lnTo>
                      <a:pt x="28" y="15"/>
                    </a:lnTo>
                    <a:lnTo>
                      <a:pt x="31" y="17"/>
                    </a:lnTo>
                    <a:lnTo>
                      <a:pt x="34" y="17"/>
                    </a:lnTo>
                    <a:lnTo>
                      <a:pt x="34" y="19"/>
                    </a:lnTo>
                    <a:lnTo>
                      <a:pt x="33" y="19"/>
                    </a:lnTo>
                    <a:lnTo>
                      <a:pt x="31" y="20"/>
                    </a:lnTo>
                    <a:lnTo>
                      <a:pt x="28" y="22"/>
                    </a:lnTo>
                    <a:lnTo>
                      <a:pt x="26" y="24"/>
                    </a:lnTo>
                    <a:lnTo>
                      <a:pt x="24" y="25"/>
                    </a:lnTo>
                    <a:lnTo>
                      <a:pt x="22" y="25"/>
                    </a:lnTo>
                    <a:lnTo>
                      <a:pt x="22" y="24"/>
                    </a:lnTo>
                    <a:lnTo>
                      <a:pt x="21" y="20"/>
                    </a:lnTo>
                    <a:lnTo>
                      <a:pt x="19" y="19"/>
                    </a:lnTo>
                    <a:lnTo>
                      <a:pt x="17" y="15"/>
                    </a:lnTo>
                    <a:lnTo>
                      <a:pt x="12" y="14"/>
                    </a:lnTo>
                    <a:lnTo>
                      <a:pt x="7" y="10"/>
                    </a:lnTo>
                    <a:lnTo>
                      <a:pt x="0" y="10"/>
                    </a:lnTo>
                    <a:lnTo>
                      <a:pt x="0" y="9"/>
                    </a:lnTo>
                    <a:lnTo>
                      <a:pt x="0" y="5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55" name="Freeform 114"/>
              <p:cNvSpPr>
                <a:spLocks/>
              </p:cNvSpPr>
              <p:nvPr/>
            </p:nvSpPr>
            <p:spPr bwMode="auto">
              <a:xfrm>
                <a:off x="606" y="3229"/>
                <a:ext cx="34" cy="25"/>
              </a:xfrm>
              <a:custGeom>
                <a:avLst/>
                <a:gdLst>
                  <a:gd name="T0" fmla="*/ 4 w 34"/>
                  <a:gd name="T1" fmla="*/ 0 h 25"/>
                  <a:gd name="T2" fmla="*/ 4 w 34"/>
                  <a:gd name="T3" fmla="*/ 0 h 25"/>
                  <a:gd name="T4" fmla="*/ 4 w 34"/>
                  <a:gd name="T5" fmla="*/ 0 h 25"/>
                  <a:gd name="T6" fmla="*/ 4 w 34"/>
                  <a:gd name="T7" fmla="*/ 2 h 25"/>
                  <a:gd name="T8" fmla="*/ 6 w 34"/>
                  <a:gd name="T9" fmla="*/ 3 h 25"/>
                  <a:gd name="T10" fmla="*/ 9 w 34"/>
                  <a:gd name="T11" fmla="*/ 5 h 25"/>
                  <a:gd name="T12" fmla="*/ 11 w 34"/>
                  <a:gd name="T13" fmla="*/ 7 h 25"/>
                  <a:gd name="T14" fmla="*/ 14 w 34"/>
                  <a:gd name="T15" fmla="*/ 7 h 25"/>
                  <a:gd name="T16" fmla="*/ 17 w 34"/>
                  <a:gd name="T17" fmla="*/ 5 h 25"/>
                  <a:gd name="T18" fmla="*/ 21 w 34"/>
                  <a:gd name="T19" fmla="*/ 3 h 25"/>
                  <a:gd name="T20" fmla="*/ 21 w 34"/>
                  <a:gd name="T21" fmla="*/ 3 h 25"/>
                  <a:gd name="T22" fmla="*/ 21 w 34"/>
                  <a:gd name="T23" fmla="*/ 3 h 25"/>
                  <a:gd name="T24" fmla="*/ 21 w 34"/>
                  <a:gd name="T25" fmla="*/ 5 h 25"/>
                  <a:gd name="T26" fmla="*/ 22 w 34"/>
                  <a:gd name="T27" fmla="*/ 7 h 25"/>
                  <a:gd name="T28" fmla="*/ 22 w 34"/>
                  <a:gd name="T29" fmla="*/ 10 h 25"/>
                  <a:gd name="T30" fmla="*/ 26 w 34"/>
                  <a:gd name="T31" fmla="*/ 14 h 25"/>
                  <a:gd name="T32" fmla="*/ 28 w 34"/>
                  <a:gd name="T33" fmla="*/ 15 h 25"/>
                  <a:gd name="T34" fmla="*/ 31 w 34"/>
                  <a:gd name="T35" fmla="*/ 17 h 25"/>
                  <a:gd name="T36" fmla="*/ 34 w 34"/>
                  <a:gd name="T37" fmla="*/ 17 h 25"/>
                  <a:gd name="T38" fmla="*/ 34 w 34"/>
                  <a:gd name="T39" fmla="*/ 17 h 25"/>
                  <a:gd name="T40" fmla="*/ 34 w 34"/>
                  <a:gd name="T41" fmla="*/ 19 h 25"/>
                  <a:gd name="T42" fmla="*/ 33 w 34"/>
                  <a:gd name="T43" fmla="*/ 19 h 25"/>
                  <a:gd name="T44" fmla="*/ 31 w 34"/>
                  <a:gd name="T45" fmla="*/ 20 h 25"/>
                  <a:gd name="T46" fmla="*/ 28 w 34"/>
                  <a:gd name="T47" fmla="*/ 22 h 25"/>
                  <a:gd name="T48" fmla="*/ 26 w 34"/>
                  <a:gd name="T49" fmla="*/ 24 h 25"/>
                  <a:gd name="T50" fmla="*/ 24 w 34"/>
                  <a:gd name="T51" fmla="*/ 25 h 25"/>
                  <a:gd name="T52" fmla="*/ 22 w 34"/>
                  <a:gd name="T53" fmla="*/ 25 h 25"/>
                  <a:gd name="T54" fmla="*/ 22 w 34"/>
                  <a:gd name="T55" fmla="*/ 25 h 25"/>
                  <a:gd name="T56" fmla="*/ 22 w 34"/>
                  <a:gd name="T57" fmla="*/ 25 h 25"/>
                  <a:gd name="T58" fmla="*/ 22 w 34"/>
                  <a:gd name="T59" fmla="*/ 25 h 25"/>
                  <a:gd name="T60" fmla="*/ 22 w 34"/>
                  <a:gd name="T61" fmla="*/ 24 h 25"/>
                  <a:gd name="T62" fmla="*/ 21 w 34"/>
                  <a:gd name="T63" fmla="*/ 20 h 25"/>
                  <a:gd name="T64" fmla="*/ 19 w 34"/>
                  <a:gd name="T65" fmla="*/ 19 h 25"/>
                  <a:gd name="T66" fmla="*/ 17 w 34"/>
                  <a:gd name="T67" fmla="*/ 15 h 25"/>
                  <a:gd name="T68" fmla="*/ 12 w 34"/>
                  <a:gd name="T69" fmla="*/ 14 h 25"/>
                  <a:gd name="T70" fmla="*/ 7 w 34"/>
                  <a:gd name="T71" fmla="*/ 10 h 25"/>
                  <a:gd name="T72" fmla="*/ 0 w 34"/>
                  <a:gd name="T73" fmla="*/ 10 h 25"/>
                  <a:gd name="T74" fmla="*/ 0 w 34"/>
                  <a:gd name="T75" fmla="*/ 10 h 25"/>
                  <a:gd name="T76" fmla="*/ 0 w 34"/>
                  <a:gd name="T77" fmla="*/ 9 h 25"/>
                  <a:gd name="T78" fmla="*/ 0 w 34"/>
                  <a:gd name="T79" fmla="*/ 5 h 25"/>
                  <a:gd name="T80" fmla="*/ 2 w 34"/>
                  <a:gd name="T81" fmla="*/ 2 h 25"/>
                  <a:gd name="T82" fmla="*/ 4 w 34"/>
                  <a:gd name="T83" fmla="*/ 0 h 25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w 34"/>
                  <a:gd name="T127" fmla="*/ 0 h 25"/>
                  <a:gd name="T128" fmla="*/ 34 w 34"/>
                  <a:gd name="T129" fmla="*/ 25 h 25"/>
                </a:gdLst>
                <a:ahLst/>
                <a:cxnLst>
                  <a:cxn ang="T84">
                    <a:pos x="T0" y="T1"/>
                  </a:cxn>
                  <a:cxn ang="T85">
                    <a:pos x="T2" y="T3"/>
                  </a:cxn>
                  <a:cxn ang="T86">
                    <a:pos x="T4" y="T5"/>
                  </a:cxn>
                  <a:cxn ang="T87">
                    <a:pos x="T6" y="T7"/>
                  </a:cxn>
                  <a:cxn ang="T88">
                    <a:pos x="T8" y="T9"/>
                  </a:cxn>
                  <a:cxn ang="T89">
                    <a:pos x="T10" y="T11"/>
                  </a:cxn>
                  <a:cxn ang="T90">
                    <a:pos x="T12" y="T13"/>
                  </a:cxn>
                  <a:cxn ang="T91">
                    <a:pos x="T14" y="T15"/>
                  </a:cxn>
                  <a:cxn ang="T92">
                    <a:pos x="T16" y="T17"/>
                  </a:cxn>
                  <a:cxn ang="T93">
                    <a:pos x="T18" y="T19"/>
                  </a:cxn>
                  <a:cxn ang="T94">
                    <a:pos x="T20" y="T21"/>
                  </a:cxn>
                  <a:cxn ang="T95">
                    <a:pos x="T22" y="T23"/>
                  </a:cxn>
                  <a:cxn ang="T96">
                    <a:pos x="T24" y="T25"/>
                  </a:cxn>
                  <a:cxn ang="T97">
                    <a:pos x="T26" y="T27"/>
                  </a:cxn>
                  <a:cxn ang="T98">
                    <a:pos x="T28" y="T29"/>
                  </a:cxn>
                  <a:cxn ang="T99">
                    <a:pos x="T30" y="T31"/>
                  </a:cxn>
                  <a:cxn ang="T100">
                    <a:pos x="T32" y="T33"/>
                  </a:cxn>
                  <a:cxn ang="T101">
                    <a:pos x="T34" y="T35"/>
                  </a:cxn>
                  <a:cxn ang="T102">
                    <a:pos x="T36" y="T37"/>
                  </a:cxn>
                  <a:cxn ang="T103">
                    <a:pos x="T38" y="T39"/>
                  </a:cxn>
                  <a:cxn ang="T104">
                    <a:pos x="T40" y="T41"/>
                  </a:cxn>
                  <a:cxn ang="T105">
                    <a:pos x="T42" y="T43"/>
                  </a:cxn>
                  <a:cxn ang="T106">
                    <a:pos x="T44" y="T45"/>
                  </a:cxn>
                  <a:cxn ang="T107">
                    <a:pos x="T46" y="T47"/>
                  </a:cxn>
                  <a:cxn ang="T108">
                    <a:pos x="T48" y="T49"/>
                  </a:cxn>
                  <a:cxn ang="T109">
                    <a:pos x="T50" y="T51"/>
                  </a:cxn>
                  <a:cxn ang="T110">
                    <a:pos x="T52" y="T53"/>
                  </a:cxn>
                  <a:cxn ang="T111">
                    <a:pos x="T54" y="T55"/>
                  </a:cxn>
                  <a:cxn ang="T112">
                    <a:pos x="T56" y="T57"/>
                  </a:cxn>
                  <a:cxn ang="T113">
                    <a:pos x="T58" y="T59"/>
                  </a:cxn>
                  <a:cxn ang="T114">
                    <a:pos x="T60" y="T61"/>
                  </a:cxn>
                  <a:cxn ang="T115">
                    <a:pos x="T62" y="T63"/>
                  </a:cxn>
                  <a:cxn ang="T116">
                    <a:pos x="T64" y="T65"/>
                  </a:cxn>
                  <a:cxn ang="T117">
                    <a:pos x="T66" y="T67"/>
                  </a:cxn>
                  <a:cxn ang="T118">
                    <a:pos x="T68" y="T69"/>
                  </a:cxn>
                  <a:cxn ang="T119">
                    <a:pos x="T70" y="T71"/>
                  </a:cxn>
                  <a:cxn ang="T120">
                    <a:pos x="T72" y="T73"/>
                  </a:cxn>
                  <a:cxn ang="T121">
                    <a:pos x="T74" y="T75"/>
                  </a:cxn>
                  <a:cxn ang="T122">
                    <a:pos x="T76" y="T77"/>
                  </a:cxn>
                  <a:cxn ang="T123">
                    <a:pos x="T78" y="T79"/>
                  </a:cxn>
                  <a:cxn ang="T124">
                    <a:pos x="T80" y="T81"/>
                  </a:cxn>
                  <a:cxn ang="T125">
                    <a:pos x="T82" y="T83"/>
                  </a:cxn>
                </a:cxnLst>
                <a:rect l="T126" t="T127" r="T128" b="T129"/>
                <a:pathLst>
                  <a:path w="34" h="25">
                    <a:moveTo>
                      <a:pt x="4" y="0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6" y="3"/>
                    </a:lnTo>
                    <a:lnTo>
                      <a:pt x="9" y="5"/>
                    </a:lnTo>
                    <a:lnTo>
                      <a:pt x="11" y="7"/>
                    </a:lnTo>
                    <a:lnTo>
                      <a:pt x="14" y="7"/>
                    </a:lnTo>
                    <a:lnTo>
                      <a:pt x="17" y="5"/>
                    </a:lnTo>
                    <a:lnTo>
                      <a:pt x="21" y="3"/>
                    </a:lnTo>
                    <a:lnTo>
                      <a:pt x="21" y="5"/>
                    </a:lnTo>
                    <a:lnTo>
                      <a:pt x="22" y="7"/>
                    </a:lnTo>
                    <a:lnTo>
                      <a:pt x="22" y="10"/>
                    </a:lnTo>
                    <a:lnTo>
                      <a:pt x="26" y="14"/>
                    </a:lnTo>
                    <a:lnTo>
                      <a:pt x="28" y="15"/>
                    </a:lnTo>
                    <a:lnTo>
                      <a:pt x="31" y="17"/>
                    </a:lnTo>
                    <a:lnTo>
                      <a:pt x="34" y="17"/>
                    </a:lnTo>
                    <a:lnTo>
                      <a:pt x="34" y="19"/>
                    </a:lnTo>
                    <a:lnTo>
                      <a:pt x="33" y="19"/>
                    </a:lnTo>
                    <a:lnTo>
                      <a:pt x="31" y="20"/>
                    </a:lnTo>
                    <a:lnTo>
                      <a:pt x="28" y="22"/>
                    </a:lnTo>
                    <a:lnTo>
                      <a:pt x="26" y="24"/>
                    </a:lnTo>
                    <a:lnTo>
                      <a:pt x="24" y="25"/>
                    </a:lnTo>
                    <a:lnTo>
                      <a:pt x="22" y="25"/>
                    </a:lnTo>
                    <a:lnTo>
                      <a:pt x="22" y="24"/>
                    </a:lnTo>
                    <a:lnTo>
                      <a:pt x="21" y="20"/>
                    </a:lnTo>
                    <a:lnTo>
                      <a:pt x="19" y="19"/>
                    </a:lnTo>
                    <a:lnTo>
                      <a:pt x="17" y="15"/>
                    </a:lnTo>
                    <a:lnTo>
                      <a:pt x="12" y="14"/>
                    </a:lnTo>
                    <a:lnTo>
                      <a:pt x="7" y="10"/>
                    </a:lnTo>
                    <a:lnTo>
                      <a:pt x="0" y="10"/>
                    </a:lnTo>
                    <a:lnTo>
                      <a:pt x="0" y="9"/>
                    </a:lnTo>
                    <a:lnTo>
                      <a:pt x="0" y="5"/>
                    </a:lnTo>
                    <a:lnTo>
                      <a:pt x="2" y="2"/>
                    </a:lnTo>
                    <a:lnTo>
                      <a:pt x="4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942" name="Freeform 115"/>
            <p:cNvSpPr>
              <a:spLocks/>
            </p:cNvSpPr>
            <p:nvPr/>
          </p:nvSpPr>
          <p:spPr bwMode="auto">
            <a:xfrm>
              <a:off x="250" y="1142"/>
              <a:ext cx="769" cy="650"/>
            </a:xfrm>
            <a:custGeom>
              <a:avLst/>
              <a:gdLst>
                <a:gd name="T0" fmla="*/ 149 w 791"/>
                <a:gd name="T1" fmla="*/ 14 h 669"/>
                <a:gd name="T2" fmla="*/ 137 w 791"/>
                <a:gd name="T3" fmla="*/ 12 h 669"/>
                <a:gd name="T4" fmla="*/ 122 w 791"/>
                <a:gd name="T5" fmla="*/ 0 h 669"/>
                <a:gd name="T6" fmla="*/ 116 w 791"/>
                <a:gd name="T7" fmla="*/ 29 h 669"/>
                <a:gd name="T8" fmla="*/ 89 w 791"/>
                <a:gd name="T9" fmla="*/ 99 h 669"/>
                <a:gd name="T10" fmla="*/ 71 w 791"/>
                <a:gd name="T11" fmla="*/ 147 h 669"/>
                <a:gd name="T12" fmla="*/ 55 w 791"/>
                <a:gd name="T13" fmla="*/ 179 h 669"/>
                <a:gd name="T14" fmla="*/ 40 w 791"/>
                <a:gd name="T15" fmla="*/ 210 h 669"/>
                <a:gd name="T16" fmla="*/ 27 w 791"/>
                <a:gd name="T17" fmla="*/ 224 h 669"/>
                <a:gd name="T18" fmla="*/ 24 w 791"/>
                <a:gd name="T19" fmla="*/ 230 h 669"/>
                <a:gd name="T20" fmla="*/ 14 w 791"/>
                <a:gd name="T21" fmla="*/ 258 h 669"/>
                <a:gd name="T22" fmla="*/ 12 w 791"/>
                <a:gd name="T23" fmla="*/ 275 h 669"/>
                <a:gd name="T24" fmla="*/ 12 w 791"/>
                <a:gd name="T25" fmla="*/ 286 h 669"/>
                <a:gd name="T26" fmla="*/ 2 w 791"/>
                <a:gd name="T27" fmla="*/ 302 h 669"/>
                <a:gd name="T28" fmla="*/ 0 w 791"/>
                <a:gd name="T29" fmla="*/ 317 h 669"/>
                <a:gd name="T30" fmla="*/ 2 w 791"/>
                <a:gd name="T31" fmla="*/ 326 h 669"/>
                <a:gd name="T32" fmla="*/ 4 w 791"/>
                <a:gd name="T33" fmla="*/ 330 h 669"/>
                <a:gd name="T34" fmla="*/ 10 w 791"/>
                <a:gd name="T35" fmla="*/ 337 h 669"/>
                <a:gd name="T36" fmla="*/ 25 w 791"/>
                <a:gd name="T37" fmla="*/ 340 h 669"/>
                <a:gd name="T38" fmla="*/ 59 w 791"/>
                <a:gd name="T39" fmla="*/ 350 h 669"/>
                <a:gd name="T40" fmla="*/ 98 w 791"/>
                <a:gd name="T41" fmla="*/ 361 h 669"/>
                <a:gd name="T42" fmla="*/ 145 w 791"/>
                <a:gd name="T43" fmla="*/ 374 h 669"/>
                <a:gd name="T44" fmla="*/ 193 w 791"/>
                <a:gd name="T45" fmla="*/ 387 h 669"/>
                <a:gd name="T46" fmla="*/ 247 w 791"/>
                <a:gd name="T47" fmla="*/ 400 h 669"/>
                <a:gd name="T48" fmla="*/ 291 w 791"/>
                <a:gd name="T49" fmla="*/ 412 h 669"/>
                <a:gd name="T50" fmla="*/ 330 w 791"/>
                <a:gd name="T51" fmla="*/ 422 h 669"/>
                <a:gd name="T52" fmla="*/ 367 w 791"/>
                <a:gd name="T53" fmla="*/ 431 h 669"/>
                <a:gd name="T54" fmla="*/ 398 w 791"/>
                <a:gd name="T55" fmla="*/ 436 h 669"/>
                <a:gd name="T56" fmla="*/ 421 w 791"/>
                <a:gd name="T57" fmla="*/ 444 h 669"/>
                <a:gd name="T58" fmla="*/ 432 w 791"/>
                <a:gd name="T59" fmla="*/ 448 h 669"/>
                <a:gd name="T60" fmla="*/ 462 w 791"/>
                <a:gd name="T61" fmla="*/ 308 h 669"/>
                <a:gd name="T62" fmla="*/ 477 w 791"/>
                <a:gd name="T63" fmla="*/ 266 h 669"/>
                <a:gd name="T64" fmla="*/ 466 w 791"/>
                <a:gd name="T65" fmla="*/ 250 h 669"/>
                <a:gd name="T66" fmla="*/ 470 w 791"/>
                <a:gd name="T67" fmla="*/ 245 h 669"/>
                <a:gd name="T68" fmla="*/ 492 w 791"/>
                <a:gd name="T69" fmla="*/ 216 h 669"/>
                <a:gd name="T70" fmla="*/ 531 w 791"/>
                <a:gd name="T71" fmla="*/ 159 h 669"/>
                <a:gd name="T72" fmla="*/ 515 w 791"/>
                <a:gd name="T73" fmla="*/ 124 h 669"/>
                <a:gd name="T74" fmla="*/ 398 w 791"/>
                <a:gd name="T75" fmla="*/ 96 h 669"/>
                <a:gd name="T76" fmla="*/ 383 w 791"/>
                <a:gd name="T77" fmla="*/ 98 h 669"/>
                <a:gd name="T78" fmla="*/ 367 w 791"/>
                <a:gd name="T79" fmla="*/ 95 h 669"/>
                <a:gd name="T80" fmla="*/ 357 w 791"/>
                <a:gd name="T81" fmla="*/ 93 h 669"/>
                <a:gd name="T82" fmla="*/ 350 w 791"/>
                <a:gd name="T83" fmla="*/ 96 h 669"/>
                <a:gd name="T84" fmla="*/ 319 w 791"/>
                <a:gd name="T85" fmla="*/ 99 h 669"/>
                <a:gd name="T86" fmla="*/ 297 w 791"/>
                <a:gd name="T87" fmla="*/ 94 h 669"/>
                <a:gd name="T88" fmla="*/ 283 w 791"/>
                <a:gd name="T89" fmla="*/ 95 h 669"/>
                <a:gd name="T90" fmla="*/ 265 w 791"/>
                <a:gd name="T91" fmla="*/ 95 h 669"/>
                <a:gd name="T92" fmla="*/ 244 w 791"/>
                <a:gd name="T93" fmla="*/ 81 h 669"/>
                <a:gd name="T94" fmla="*/ 228 w 791"/>
                <a:gd name="T95" fmla="*/ 80 h 669"/>
                <a:gd name="T96" fmla="*/ 212 w 791"/>
                <a:gd name="T97" fmla="*/ 82 h 669"/>
                <a:gd name="T98" fmla="*/ 193 w 791"/>
                <a:gd name="T99" fmla="*/ 81 h 669"/>
                <a:gd name="T100" fmla="*/ 185 w 791"/>
                <a:gd name="T101" fmla="*/ 76 h 669"/>
                <a:gd name="T102" fmla="*/ 178 w 791"/>
                <a:gd name="T103" fmla="*/ 70 h 669"/>
                <a:gd name="T104" fmla="*/ 177 w 791"/>
                <a:gd name="T105" fmla="*/ 59 h 669"/>
                <a:gd name="T106" fmla="*/ 177 w 791"/>
                <a:gd name="T107" fmla="*/ 43 h 669"/>
                <a:gd name="T108" fmla="*/ 172 w 791"/>
                <a:gd name="T109" fmla="*/ 22 h 669"/>
                <a:gd name="T110" fmla="*/ 159 w 791"/>
                <a:gd name="T111" fmla="*/ 17 h 669"/>
                <a:gd name="T112" fmla="*/ 154 w 791"/>
                <a:gd name="T113" fmla="*/ 17 h 669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w 791"/>
                <a:gd name="T172" fmla="*/ 0 h 669"/>
                <a:gd name="T173" fmla="*/ 791 w 791"/>
                <a:gd name="T174" fmla="*/ 669 h 669"/>
              </a:gdLst>
              <a:ahLst/>
              <a:cxnLst>
                <a:cxn ang="T114">
                  <a:pos x="T0" y="T1"/>
                </a:cxn>
                <a:cxn ang="T115">
                  <a:pos x="T2" y="T3"/>
                </a:cxn>
                <a:cxn ang="T116">
                  <a:pos x="T4" y="T5"/>
                </a:cxn>
                <a:cxn ang="T117">
                  <a:pos x="T6" y="T7"/>
                </a:cxn>
                <a:cxn ang="T118">
                  <a:pos x="T8" y="T9"/>
                </a:cxn>
                <a:cxn ang="T119">
                  <a:pos x="T10" y="T11"/>
                </a:cxn>
                <a:cxn ang="T120">
                  <a:pos x="T12" y="T13"/>
                </a:cxn>
                <a:cxn ang="T121">
                  <a:pos x="T14" y="T15"/>
                </a:cxn>
                <a:cxn ang="T122">
                  <a:pos x="T16" y="T17"/>
                </a:cxn>
                <a:cxn ang="T123">
                  <a:pos x="T18" y="T19"/>
                </a:cxn>
                <a:cxn ang="T124">
                  <a:pos x="T20" y="T21"/>
                </a:cxn>
                <a:cxn ang="T125">
                  <a:pos x="T22" y="T23"/>
                </a:cxn>
                <a:cxn ang="T126">
                  <a:pos x="T24" y="T25"/>
                </a:cxn>
                <a:cxn ang="T127">
                  <a:pos x="T26" y="T27"/>
                </a:cxn>
                <a:cxn ang="T128">
                  <a:pos x="T28" y="T29"/>
                </a:cxn>
                <a:cxn ang="T129">
                  <a:pos x="T30" y="T31"/>
                </a:cxn>
                <a:cxn ang="T130">
                  <a:pos x="T32" y="T33"/>
                </a:cxn>
                <a:cxn ang="T131">
                  <a:pos x="T34" y="T35"/>
                </a:cxn>
                <a:cxn ang="T132">
                  <a:pos x="T36" y="T37"/>
                </a:cxn>
                <a:cxn ang="T133">
                  <a:pos x="T38" y="T39"/>
                </a:cxn>
                <a:cxn ang="T134">
                  <a:pos x="T40" y="T41"/>
                </a:cxn>
                <a:cxn ang="T135">
                  <a:pos x="T42" y="T43"/>
                </a:cxn>
                <a:cxn ang="T136">
                  <a:pos x="T44" y="T45"/>
                </a:cxn>
                <a:cxn ang="T137">
                  <a:pos x="T46" y="T47"/>
                </a:cxn>
                <a:cxn ang="T138">
                  <a:pos x="T48" y="T49"/>
                </a:cxn>
                <a:cxn ang="T139">
                  <a:pos x="T50" y="T51"/>
                </a:cxn>
                <a:cxn ang="T140">
                  <a:pos x="T52" y="T53"/>
                </a:cxn>
                <a:cxn ang="T141">
                  <a:pos x="T54" y="T55"/>
                </a:cxn>
                <a:cxn ang="T142">
                  <a:pos x="T56" y="T57"/>
                </a:cxn>
                <a:cxn ang="T143">
                  <a:pos x="T58" y="T59"/>
                </a:cxn>
                <a:cxn ang="T144">
                  <a:pos x="T60" y="T61"/>
                </a:cxn>
                <a:cxn ang="T145">
                  <a:pos x="T62" y="T63"/>
                </a:cxn>
                <a:cxn ang="T146">
                  <a:pos x="T64" y="T65"/>
                </a:cxn>
                <a:cxn ang="T147">
                  <a:pos x="T66" y="T67"/>
                </a:cxn>
                <a:cxn ang="T148">
                  <a:pos x="T68" y="T69"/>
                </a:cxn>
                <a:cxn ang="T149">
                  <a:pos x="T70" y="T71"/>
                </a:cxn>
                <a:cxn ang="T150">
                  <a:pos x="T72" y="T73"/>
                </a:cxn>
                <a:cxn ang="T151">
                  <a:pos x="T74" y="T75"/>
                </a:cxn>
                <a:cxn ang="T152">
                  <a:pos x="T76" y="T77"/>
                </a:cxn>
                <a:cxn ang="T153">
                  <a:pos x="T78" y="T79"/>
                </a:cxn>
                <a:cxn ang="T154">
                  <a:pos x="T80" y="T81"/>
                </a:cxn>
                <a:cxn ang="T155">
                  <a:pos x="T82" y="T83"/>
                </a:cxn>
                <a:cxn ang="T156">
                  <a:pos x="T84" y="T85"/>
                </a:cxn>
                <a:cxn ang="T157">
                  <a:pos x="T86" y="T87"/>
                </a:cxn>
                <a:cxn ang="T158">
                  <a:pos x="T88" y="T89"/>
                </a:cxn>
                <a:cxn ang="T159">
                  <a:pos x="T90" y="T91"/>
                </a:cxn>
                <a:cxn ang="T160">
                  <a:pos x="T92" y="T93"/>
                </a:cxn>
                <a:cxn ang="T161">
                  <a:pos x="T94" y="T95"/>
                </a:cxn>
                <a:cxn ang="T162">
                  <a:pos x="T96" y="T97"/>
                </a:cxn>
                <a:cxn ang="T163">
                  <a:pos x="T98" y="T99"/>
                </a:cxn>
                <a:cxn ang="T164">
                  <a:pos x="T100" y="T101"/>
                </a:cxn>
                <a:cxn ang="T165">
                  <a:pos x="T102" y="T103"/>
                </a:cxn>
                <a:cxn ang="T166">
                  <a:pos x="T104" y="T105"/>
                </a:cxn>
                <a:cxn ang="T167">
                  <a:pos x="T106" y="T107"/>
                </a:cxn>
                <a:cxn ang="T168">
                  <a:pos x="T108" y="T109"/>
                </a:cxn>
                <a:cxn ang="T169">
                  <a:pos x="T110" y="T111"/>
                </a:cxn>
                <a:cxn ang="T170">
                  <a:pos x="T112" y="T113"/>
                </a:cxn>
              </a:cxnLst>
              <a:rect l="T171" t="T172" r="T173" b="T174"/>
              <a:pathLst>
                <a:path w="791" h="669">
                  <a:moveTo>
                    <a:pt x="239" y="27"/>
                  </a:moveTo>
                  <a:lnTo>
                    <a:pt x="232" y="27"/>
                  </a:lnTo>
                  <a:lnTo>
                    <a:pt x="227" y="22"/>
                  </a:lnTo>
                  <a:lnTo>
                    <a:pt x="222" y="19"/>
                  </a:lnTo>
                  <a:lnTo>
                    <a:pt x="220" y="14"/>
                  </a:lnTo>
                  <a:lnTo>
                    <a:pt x="214" y="12"/>
                  </a:lnTo>
                  <a:lnTo>
                    <a:pt x="212" y="12"/>
                  </a:lnTo>
                  <a:lnTo>
                    <a:pt x="207" y="14"/>
                  </a:lnTo>
                  <a:lnTo>
                    <a:pt x="202" y="12"/>
                  </a:lnTo>
                  <a:lnTo>
                    <a:pt x="197" y="9"/>
                  </a:lnTo>
                  <a:lnTo>
                    <a:pt x="193" y="9"/>
                  </a:lnTo>
                  <a:lnTo>
                    <a:pt x="190" y="12"/>
                  </a:lnTo>
                  <a:lnTo>
                    <a:pt x="185" y="7"/>
                  </a:lnTo>
                  <a:lnTo>
                    <a:pt x="181" y="0"/>
                  </a:lnTo>
                  <a:lnTo>
                    <a:pt x="178" y="0"/>
                  </a:lnTo>
                  <a:lnTo>
                    <a:pt x="180" y="17"/>
                  </a:lnTo>
                  <a:lnTo>
                    <a:pt x="178" y="26"/>
                  </a:lnTo>
                  <a:lnTo>
                    <a:pt x="168" y="34"/>
                  </a:lnTo>
                  <a:lnTo>
                    <a:pt x="173" y="43"/>
                  </a:lnTo>
                  <a:lnTo>
                    <a:pt x="168" y="48"/>
                  </a:lnTo>
                  <a:lnTo>
                    <a:pt x="161" y="63"/>
                  </a:lnTo>
                  <a:lnTo>
                    <a:pt x="164" y="73"/>
                  </a:lnTo>
                  <a:lnTo>
                    <a:pt x="156" y="88"/>
                  </a:lnTo>
                  <a:lnTo>
                    <a:pt x="134" y="147"/>
                  </a:lnTo>
                  <a:lnTo>
                    <a:pt x="119" y="169"/>
                  </a:lnTo>
                  <a:lnTo>
                    <a:pt x="119" y="176"/>
                  </a:lnTo>
                  <a:lnTo>
                    <a:pt x="102" y="222"/>
                  </a:lnTo>
                  <a:lnTo>
                    <a:pt x="104" y="222"/>
                  </a:lnTo>
                  <a:lnTo>
                    <a:pt x="104" y="220"/>
                  </a:lnTo>
                  <a:lnTo>
                    <a:pt x="102" y="222"/>
                  </a:lnTo>
                  <a:lnTo>
                    <a:pt x="95" y="239"/>
                  </a:lnTo>
                  <a:lnTo>
                    <a:pt x="90" y="254"/>
                  </a:lnTo>
                  <a:lnTo>
                    <a:pt x="83" y="268"/>
                  </a:lnTo>
                  <a:lnTo>
                    <a:pt x="76" y="279"/>
                  </a:lnTo>
                  <a:lnTo>
                    <a:pt x="71" y="290"/>
                  </a:lnTo>
                  <a:lnTo>
                    <a:pt x="66" y="300"/>
                  </a:lnTo>
                  <a:lnTo>
                    <a:pt x="61" y="308"/>
                  </a:lnTo>
                  <a:lnTo>
                    <a:pt x="56" y="315"/>
                  </a:lnTo>
                  <a:lnTo>
                    <a:pt x="53" y="322"/>
                  </a:lnTo>
                  <a:lnTo>
                    <a:pt x="49" y="327"/>
                  </a:lnTo>
                  <a:lnTo>
                    <a:pt x="46" y="332"/>
                  </a:lnTo>
                  <a:lnTo>
                    <a:pt x="43" y="335"/>
                  </a:lnTo>
                  <a:lnTo>
                    <a:pt x="41" y="337"/>
                  </a:lnTo>
                  <a:lnTo>
                    <a:pt x="39" y="339"/>
                  </a:lnTo>
                  <a:lnTo>
                    <a:pt x="39" y="340"/>
                  </a:lnTo>
                  <a:lnTo>
                    <a:pt x="39" y="344"/>
                  </a:lnTo>
                  <a:lnTo>
                    <a:pt x="38" y="345"/>
                  </a:lnTo>
                  <a:lnTo>
                    <a:pt x="34" y="351"/>
                  </a:lnTo>
                  <a:lnTo>
                    <a:pt x="31" y="359"/>
                  </a:lnTo>
                  <a:lnTo>
                    <a:pt x="24" y="367"/>
                  </a:lnTo>
                  <a:lnTo>
                    <a:pt x="19" y="378"/>
                  </a:lnTo>
                  <a:lnTo>
                    <a:pt x="14" y="386"/>
                  </a:lnTo>
                  <a:lnTo>
                    <a:pt x="10" y="393"/>
                  </a:lnTo>
                  <a:lnTo>
                    <a:pt x="9" y="396"/>
                  </a:lnTo>
                  <a:lnTo>
                    <a:pt x="10" y="401"/>
                  </a:lnTo>
                  <a:lnTo>
                    <a:pt x="12" y="406"/>
                  </a:lnTo>
                  <a:lnTo>
                    <a:pt x="12" y="411"/>
                  </a:lnTo>
                  <a:lnTo>
                    <a:pt x="12" y="417"/>
                  </a:lnTo>
                  <a:lnTo>
                    <a:pt x="12" y="420"/>
                  </a:lnTo>
                  <a:lnTo>
                    <a:pt x="12" y="423"/>
                  </a:lnTo>
                  <a:lnTo>
                    <a:pt x="12" y="427"/>
                  </a:lnTo>
                  <a:lnTo>
                    <a:pt x="12" y="428"/>
                  </a:lnTo>
                  <a:lnTo>
                    <a:pt x="9" y="432"/>
                  </a:lnTo>
                  <a:lnTo>
                    <a:pt x="7" y="437"/>
                  </a:lnTo>
                  <a:lnTo>
                    <a:pt x="5" y="442"/>
                  </a:lnTo>
                  <a:lnTo>
                    <a:pt x="4" y="447"/>
                  </a:lnTo>
                  <a:lnTo>
                    <a:pt x="2" y="452"/>
                  </a:lnTo>
                  <a:lnTo>
                    <a:pt x="2" y="457"/>
                  </a:lnTo>
                  <a:lnTo>
                    <a:pt x="0" y="462"/>
                  </a:lnTo>
                  <a:lnTo>
                    <a:pt x="0" y="466"/>
                  </a:lnTo>
                  <a:lnTo>
                    <a:pt x="0" y="471"/>
                  </a:lnTo>
                  <a:lnTo>
                    <a:pt x="0" y="474"/>
                  </a:lnTo>
                  <a:lnTo>
                    <a:pt x="0" y="477"/>
                  </a:lnTo>
                  <a:lnTo>
                    <a:pt x="2" y="481"/>
                  </a:lnTo>
                  <a:lnTo>
                    <a:pt x="2" y="484"/>
                  </a:lnTo>
                  <a:lnTo>
                    <a:pt x="2" y="486"/>
                  </a:lnTo>
                  <a:lnTo>
                    <a:pt x="2" y="488"/>
                  </a:lnTo>
                  <a:lnTo>
                    <a:pt x="2" y="489"/>
                  </a:lnTo>
                  <a:lnTo>
                    <a:pt x="4" y="491"/>
                  </a:lnTo>
                  <a:lnTo>
                    <a:pt x="4" y="494"/>
                  </a:lnTo>
                  <a:lnTo>
                    <a:pt x="5" y="496"/>
                  </a:lnTo>
                  <a:lnTo>
                    <a:pt x="5" y="498"/>
                  </a:lnTo>
                  <a:lnTo>
                    <a:pt x="7" y="499"/>
                  </a:lnTo>
                  <a:lnTo>
                    <a:pt x="7" y="501"/>
                  </a:lnTo>
                  <a:lnTo>
                    <a:pt x="10" y="503"/>
                  </a:lnTo>
                  <a:lnTo>
                    <a:pt x="16" y="503"/>
                  </a:lnTo>
                  <a:lnTo>
                    <a:pt x="21" y="506"/>
                  </a:lnTo>
                  <a:lnTo>
                    <a:pt x="26" y="508"/>
                  </a:lnTo>
                  <a:lnTo>
                    <a:pt x="32" y="510"/>
                  </a:lnTo>
                  <a:lnTo>
                    <a:pt x="39" y="511"/>
                  </a:lnTo>
                  <a:lnTo>
                    <a:pt x="48" y="515"/>
                  </a:lnTo>
                  <a:lnTo>
                    <a:pt x="56" y="516"/>
                  </a:lnTo>
                  <a:lnTo>
                    <a:pt x="66" y="520"/>
                  </a:lnTo>
                  <a:lnTo>
                    <a:pt x="76" y="521"/>
                  </a:lnTo>
                  <a:lnTo>
                    <a:pt x="87" y="525"/>
                  </a:lnTo>
                  <a:lnTo>
                    <a:pt x="97" y="528"/>
                  </a:lnTo>
                  <a:lnTo>
                    <a:pt x="109" y="532"/>
                  </a:lnTo>
                  <a:lnTo>
                    <a:pt x="120" y="535"/>
                  </a:lnTo>
                  <a:lnTo>
                    <a:pt x="132" y="538"/>
                  </a:lnTo>
                  <a:lnTo>
                    <a:pt x="146" y="542"/>
                  </a:lnTo>
                  <a:lnTo>
                    <a:pt x="159" y="545"/>
                  </a:lnTo>
                  <a:lnTo>
                    <a:pt x="173" y="549"/>
                  </a:lnTo>
                  <a:lnTo>
                    <a:pt x="186" y="552"/>
                  </a:lnTo>
                  <a:lnTo>
                    <a:pt x="200" y="555"/>
                  </a:lnTo>
                  <a:lnTo>
                    <a:pt x="214" y="560"/>
                  </a:lnTo>
                  <a:lnTo>
                    <a:pt x="229" y="564"/>
                  </a:lnTo>
                  <a:lnTo>
                    <a:pt x="244" y="567"/>
                  </a:lnTo>
                  <a:lnTo>
                    <a:pt x="259" y="572"/>
                  </a:lnTo>
                  <a:lnTo>
                    <a:pt x="274" y="576"/>
                  </a:lnTo>
                  <a:lnTo>
                    <a:pt x="288" y="579"/>
                  </a:lnTo>
                  <a:lnTo>
                    <a:pt x="305" y="584"/>
                  </a:lnTo>
                  <a:lnTo>
                    <a:pt x="318" y="587"/>
                  </a:lnTo>
                  <a:lnTo>
                    <a:pt x="335" y="591"/>
                  </a:lnTo>
                  <a:lnTo>
                    <a:pt x="349" y="594"/>
                  </a:lnTo>
                  <a:lnTo>
                    <a:pt x="366" y="599"/>
                  </a:lnTo>
                  <a:lnTo>
                    <a:pt x="379" y="603"/>
                  </a:lnTo>
                  <a:lnTo>
                    <a:pt x="393" y="606"/>
                  </a:lnTo>
                  <a:lnTo>
                    <a:pt x="406" y="609"/>
                  </a:lnTo>
                  <a:lnTo>
                    <a:pt x="418" y="613"/>
                  </a:lnTo>
                  <a:lnTo>
                    <a:pt x="432" y="616"/>
                  </a:lnTo>
                  <a:lnTo>
                    <a:pt x="444" y="620"/>
                  </a:lnTo>
                  <a:lnTo>
                    <a:pt x="456" y="621"/>
                  </a:lnTo>
                  <a:lnTo>
                    <a:pt x="469" y="625"/>
                  </a:lnTo>
                  <a:lnTo>
                    <a:pt x="479" y="628"/>
                  </a:lnTo>
                  <a:lnTo>
                    <a:pt x="491" y="631"/>
                  </a:lnTo>
                  <a:lnTo>
                    <a:pt x="503" y="633"/>
                  </a:lnTo>
                  <a:lnTo>
                    <a:pt x="515" y="637"/>
                  </a:lnTo>
                  <a:lnTo>
                    <a:pt x="525" y="640"/>
                  </a:lnTo>
                  <a:lnTo>
                    <a:pt x="535" y="642"/>
                  </a:lnTo>
                  <a:lnTo>
                    <a:pt x="545" y="645"/>
                  </a:lnTo>
                  <a:lnTo>
                    <a:pt x="555" y="647"/>
                  </a:lnTo>
                  <a:lnTo>
                    <a:pt x="564" y="650"/>
                  </a:lnTo>
                  <a:lnTo>
                    <a:pt x="574" y="652"/>
                  </a:lnTo>
                  <a:lnTo>
                    <a:pt x="582" y="653"/>
                  </a:lnTo>
                  <a:lnTo>
                    <a:pt x="589" y="655"/>
                  </a:lnTo>
                  <a:lnTo>
                    <a:pt x="598" y="657"/>
                  </a:lnTo>
                  <a:lnTo>
                    <a:pt x="604" y="659"/>
                  </a:lnTo>
                  <a:lnTo>
                    <a:pt x="611" y="660"/>
                  </a:lnTo>
                  <a:lnTo>
                    <a:pt x="616" y="662"/>
                  </a:lnTo>
                  <a:lnTo>
                    <a:pt x="623" y="664"/>
                  </a:lnTo>
                  <a:lnTo>
                    <a:pt x="626" y="665"/>
                  </a:lnTo>
                  <a:lnTo>
                    <a:pt x="632" y="667"/>
                  </a:lnTo>
                  <a:lnTo>
                    <a:pt x="635" y="667"/>
                  </a:lnTo>
                  <a:lnTo>
                    <a:pt x="638" y="667"/>
                  </a:lnTo>
                  <a:lnTo>
                    <a:pt x="640" y="669"/>
                  </a:lnTo>
                  <a:lnTo>
                    <a:pt x="643" y="669"/>
                  </a:lnTo>
                  <a:lnTo>
                    <a:pt x="689" y="474"/>
                  </a:lnTo>
                  <a:lnTo>
                    <a:pt x="687" y="461"/>
                  </a:lnTo>
                  <a:lnTo>
                    <a:pt x="706" y="428"/>
                  </a:lnTo>
                  <a:lnTo>
                    <a:pt x="706" y="418"/>
                  </a:lnTo>
                  <a:lnTo>
                    <a:pt x="711" y="411"/>
                  </a:lnTo>
                  <a:lnTo>
                    <a:pt x="714" y="403"/>
                  </a:lnTo>
                  <a:lnTo>
                    <a:pt x="709" y="398"/>
                  </a:lnTo>
                  <a:lnTo>
                    <a:pt x="691" y="386"/>
                  </a:lnTo>
                  <a:lnTo>
                    <a:pt x="692" y="378"/>
                  </a:lnTo>
                  <a:lnTo>
                    <a:pt x="692" y="376"/>
                  </a:lnTo>
                  <a:lnTo>
                    <a:pt x="692" y="374"/>
                  </a:lnTo>
                  <a:lnTo>
                    <a:pt x="694" y="373"/>
                  </a:lnTo>
                  <a:lnTo>
                    <a:pt x="694" y="371"/>
                  </a:lnTo>
                  <a:lnTo>
                    <a:pt x="696" y="369"/>
                  </a:lnTo>
                  <a:lnTo>
                    <a:pt x="696" y="367"/>
                  </a:lnTo>
                  <a:lnTo>
                    <a:pt x="696" y="366"/>
                  </a:lnTo>
                  <a:lnTo>
                    <a:pt x="701" y="356"/>
                  </a:lnTo>
                  <a:lnTo>
                    <a:pt x="706" y="347"/>
                  </a:lnTo>
                  <a:lnTo>
                    <a:pt x="714" y="339"/>
                  </a:lnTo>
                  <a:lnTo>
                    <a:pt x="721" y="330"/>
                  </a:lnTo>
                  <a:lnTo>
                    <a:pt x="730" y="323"/>
                  </a:lnTo>
                  <a:lnTo>
                    <a:pt x="736" y="318"/>
                  </a:lnTo>
                  <a:lnTo>
                    <a:pt x="740" y="315"/>
                  </a:lnTo>
                  <a:lnTo>
                    <a:pt x="742" y="313"/>
                  </a:lnTo>
                  <a:lnTo>
                    <a:pt x="742" y="305"/>
                  </a:lnTo>
                  <a:lnTo>
                    <a:pt x="789" y="239"/>
                  </a:lnTo>
                  <a:lnTo>
                    <a:pt x="791" y="230"/>
                  </a:lnTo>
                  <a:lnTo>
                    <a:pt x="784" y="217"/>
                  </a:lnTo>
                  <a:lnTo>
                    <a:pt x="774" y="208"/>
                  </a:lnTo>
                  <a:lnTo>
                    <a:pt x="762" y="185"/>
                  </a:lnTo>
                  <a:lnTo>
                    <a:pt x="764" y="186"/>
                  </a:lnTo>
                  <a:lnTo>
                    <a:pt x="596" y="144"/>
                  </a:lnTo>
                  <a:lnTo>
                    <a:pt x="594" y="144"/>
                  </a:lnTo>
                  <a:lnTo>
                    <a:pt x="593" y="144"/>
                  </a:lnTo>
                  <a:lnTo>
                    <a:pt x="589" y="144"/>
                  </a:lnTo>
                  <a:lnTo>
                    <a:pt x="586" y="144"/>
                  </a:lnTo>
                  <a:lnTo>
                    <a:pt x="582" y="146"/>
                  </a:lnTo>
                  <a:lnTo>
                    <a:pt x="577" y="146"/>
                  </a:lnTo>
                  <a:lnTo>
                    <a:pt x="574" y="146"/>
                  </a:lnTo>
                  <a:lnTo>
                    <a:pt x="569" y="146"/>
                  </a:lnTo>
                  <a:lnTo>
                    <a:pt x="564" y="146"/>
                  </a:lnTo>
                  <a:lnTo>
                    <a:pt x="559" y="146"/>
                  </a:lnTo>
                  <a:lnTo>
                    <a:pt x="554" y="144"/>
                  </a:lnTo>
                  <a:lnTo>
                    <a:pt x="549" y="144"/>
                  </a:lnTo>
                  <a:lnTo>
                    <a:pt x="544" y="142"/>
                  </a:lnTo>
                  <a:lnTo>
                    <a:pt x="538" y="141"/>
                  </a:lnTo>
                  <a:lnTo>
                    <a:pt x="533" y="139"/>
                  </a:lnTo>
                  <a:lnTo>
                    <a:pt x="532" y="139"/>
                  </a:lnTo>
                  <a:lnTo>
                    <a:pt x="530" y="139"/>
                  </a:lnTo>
                  <a:lnTo>
                    <a:pt x="528" y="139"/>
                  </a:lnTo>
                  <a:lnTo>
                    <a:pt x="527" y="141"/>
                  </a:lnTo>
                  <a:lnTo>
                    <a:pt x="523" y="142"/>
                  </a:lnTo>
                  <a:lnTo>
                    <a:pt x="522" y="144"/>
                  </a:lnTo>
                  <a:lnTo>
                    <a:pt x="520" y="144"/>
                  </a:lnTo>
                  <a:lnTo>
                    <a:pt x="498" y="144"/>
                  </a:lnTo>
                  <a:lnTo>
                    <a:pt x="496" y="144"/>
                  </a:lnTo>
                  <a:lnTo>
                    <a:pt x="491" y="144"/>
                  </a:lnTo>
                  <a:lnTo>
                    <a:pt x="483" y="146"/>
                  </a:lnTo>
                  <a:lnTo>
                    <a:pt x="472" y="147"/>
                  </a:lnTo>
                  <a:lnTo>
                    <a:pt x="464" y="147"/>
                  </a:lnTo>
                  <a:lnTo>
                    <a:pt x="454" y="147"/>
                  </a:lnTo>
                  <a:lnTo>
                    <a:pt x="447" y="144"/>
                  </a:lnTo>
                  <a:lnTo>
                    <a:pt x="440" y="141"/>
                  </a:lnTo>
                  <a:lnTo>
                    <a:pt x="437" y="141"/>
                  </a:lnTo>
                  <a:lnTo>
                    <a:pt x="434" y="141"/>
                  </a:lnTo>
                  <a:lnTo>
                    <a:pt x="428" y="141"/>
                  </a:lnTo>
                  <a:lnTo>
                    <a:pt x="423" y="141"/>
                  </a:lnTo>
                  <a:lnTo>
                    <a:pt x="420" y="142"/>
                  </a:lnTo>
                  <a:lnTo>
                    <a:pt x="417" y="142"/>
                  </a:lnTo>
                  <a:lnTo>
                    <a:pt x="408" y="141"/>
                  </a:lnTo>
                  <a:lnTo>
                    <a:pt x="395" y="144"/>
                  </a:lnTo>
                  <a:lnTo>
                    <a:pt x="395" y="142"/>
                  </a:lnTo>
                  <a:lnTo>
                    <a:pt x="390" y="139"/>
                  </a:lnTo>
                  <a:lnTo>
                    <a:pt x="384" y="134"/>
                  </a:lnTo>
                  <a:lnTo>
                    <a:pt x="376" y="129"/>
                  </a:lnTo>
                  <a:lnTo>
                    <a:pt x="369" y="124"/>
                  </a:lnTo>
                  <a:lnTo>
                    <a:pt x="361" y="120"/>
                  </a:lnTo>
                  <a:lnTo>
                    <a:pt x="352" y="117"/>
                  </a:lnTo>
                  <a:lnTo>
                    <a:pt x="346" y="117"/>
                  </a:lnTo>
                  <a:lnTo>
                    <a:pt x="344" y="117"/>
                  </a:lnTo>
                  <a:lnTo>
                    <a:pt x="342" y="117"/>
                  </a:lnTo>
                  <a:lnTo>
                    <a:pt x="339" y="119"/>
                  </a:lnTo>
                  <a:lnTo>
                    <a:pt x="335" y="119"/>
                  </a:lnTo>
                  <a:lnTo>
                    <a:pt x="332" y="120"/>
                  </a:lnTo>
                  <a:lnTo>
                    <a:pt x="327" y="120"/>
                  </a:lnTo>
                  <a:lnTo>
                    <a:pt x="320" y="122"/>
                  </a:lnTo>
                  <a:lnTo>
                    <a:pt x="315" y="122"/>
                  </a:lnTo>
                  <a:lnTo>
                    <a:pt x="310" y="122"/>
                  </a:lnTo>
                  <a:lnTo>
                    <a:pt x="303" y="122"/>
                  </a:lnTo>
                  <a:lnTo>
                    <a:pt x="298" y="122"/>
                  </a:lnTo>
                  <a:lnTo>
                    <a:pt x="293" y="122"/>
                  </a:lnTo>
                  <a:lnTo>
                    <a:pt x="288" y="120"/>
                  </a:lnTo>
                  <a:lnTo>
                    <a:pt x="283" y="119"/>
                  </a:lnTo>
                  <a:lnTo>
                    <a:pt x="280" y="117"/>
                  </a:lnTo>
                  <a:lnTo>
                    <a:pt x="278" y="114"/>
                  </a:lnTo>
                  <a:lnTo>
                    <a:pt x="276" y="112"/>
                  </a:lnTo>
                  <a:lnTo>
                    <a:pt x="274" y="112"/>
                  </a:lnTo>
                  <a:lnTo>
                    <a:pt x="273" y="110"/>
                  </a:lnTo>
                  <a:lnTo>
                    <a:pt x="269" y="107"/>
                  </a:lnTo>
                  <a:lnTo>
                    <a:pt x="268" y="105"/>
                  </a:lnTo>
                  <a:lnTo>
                    <a:pt x="266" y="103"/>
                  </a:lnTo>
                  <a:lnTo>
                    <a:pt x="264" y="103"/>
                  </a:lnTo>
                  <a:lnTo>
                    <a:pt x="259" y="92"/>
                  </a:lnTo>
                  <a:lnTo>
                    <a:pt x="259" y="90"/>
                  </a:lnTo>
                  <a:lnTo>
                    <a:pt x="261" y="87"/>
                  </a:lnTo>
                  <a:lnTo>
                    <a:pt x="261" y="83"/>
                  </a:lnTo>
                  <a:lnTo>
                    <a:pt x="263" y="78"/>
                  </a:lnTo>
                  <a:lnTo>
                    <a:pt x="263" y="73"/>
                  </a:lnTo>
                  <a:lnTo>
                    <a:pt x="263" y="68"/>
                  </a:lnTo>
                  <a:lnTo>
                    <a:pt x="263" y="63"/>
                  </a:lnTo>
                  <a:lnTo>
                    <a:pt x="263" y="56"/>
                  </a:lnTo>
                  <a:lnTo>
                    <a:pt x="261" y="51"/>
                  </a:lnTo>
                  <a:lnTo>
                    <a:pt x="261" y="46"/>
                  </a:lnTo>
                  <a:lnTo>
                    <a:pt x="258" y="41"/>
                  </a:lnTo>
                  <a:lnTo>
                    <a:pt x="254" y="36"/>
                  </a:lnTo>
                  <a:lnTo>
                    <a:pt x="251" y="32"/>
                  </a:lnTo>
                  <a:lnTo>
                    <a:pt x="246" y="29"/>
                  </a:lnTo>
                  <a:lnTo>
                    <a:pt x="239" y="27"/>
                  </a:lnTo>
                  <a:lnTo>
                    <a:pt x="237" y="27"/>
                  </a:lnTo>
                  <a:lnTo>
                    <a:pt x="236" y="27"/>
                  </a:lnTo>
                  <a:lnTo>
                    <a:pt x="232" y="26"/>
                  </a:lnTo>
                  <a:lnTo>
                    <a:pt x="230" y="26"/>
                  </a:lnTo>
                  <a:lnTo>
                    <a:pt x="229" y="26"/>
                  </a:lnTo>
                  <a:lnTo>
                    <a:pt x="227" y="26"/>
                  </a:lnTo>
                  <a:lnTo>
                    <a:pt x="239" y="27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43" name="Freeform 116"/>
            <p:cNvSpPr>
              <a:spLocks/>
            </p:cNvSpPr>
            <p:nvPr/>
          </p:nvSpPr>
          <p:spPr bwMode="auto">
            <a:xfrm>
              <a:off x="875" y="965"/>
              <a:ext cx="570" cy="930"/>
            </a:xfrm>
            <a:custGeom>
              <a:avLst/>
              <a:gdLst>
                <a:gd name="T0" fmla="*/ 177 w 586"/>
                <a:gd name="T1" fmla="*/ 129 h 958"/>
                <a:gd name="T2" fmla="*/ 183 w 586"/>
                <a:gd name="T3" fmla="*/ 147 h 958"/>
                <a:gd name="T4" fmla="*/ 183 w 586"/>
                <a:gd name="T5" fmla="*/ 152 h 958"/>
                <a:gd name="T6" fmla="*/ 191 w 586"/>
                <a:gd name="T7" fmla="*/ 156 h 958"/>
                <a:gd name="T8" fmla="*/ 200 w 586"/>
                <a:gd name="T9" fmla="*/ 173 h 958"/>
                <a:gd name="T10" fmla="*/ 208 w 586"/>
                <a:gd name="T11" fmla="*/ 192 h 958"/>
                <a:gd name="T12" fmla="*/ 214 w 586"/>
                <a:gd name="T13" fmla="*/ 202 h 958"/>
                <a:gd name="T14" fmla="*/ 227 w 586"/>
                <a:gd name="T15" fmla="*/ 217 h 958"/>
                <a:gd name="T16" fmla="*/ 232 w 586"/>
                <a:gd name="T17" fmla="*/ 242 h 958"/>
                <a:gd name="T18" fmla="*/ 222 w 586"/>
                <a:gd name="T19" fmla="*/ 265 h 958"/>
                <a:gd name="T20" fmla="*/ 222 w 586"/>
                <a:gd name="T21" fmla="*/ 281 h 958"/>
                <a:gd name="T22" fmla="*/ 213 w 586"/>
                <a:gd name="T23" fmla="*/ 292 h 958"/>
                <a:gd name="T24" fmla="*/ 211 w 586"/>
                <a:gd name="T25" fmla="*/ 305 h 958"/>
                <a:gd name="T26" fmla="*/ 247 w 586"/>
                <a:gd name="T27" fmla="*/ 300 h 958"/>
                <a:gd name="T28" fmla="*/ 250 w 586"/>
                <a:gd name="T29" fmla="*/ 299 h 958"/>
                <a:gd name="T30" fmla="*/ 253 w 586"/>
                <a:gd name="T31" fmla="*/ 329 h 958"/>
                <a:gd name="T32" fmla="*/ 259 w 586"/>
                <a:gd name="T33" fmla="*/ 348 h 958"/>
                <a:gd name="T34" fmla="*/ 264 w 586"/>
                <a:gd name="T35" fmla="*/ 360 h 958"/>
                <a:gd name="T36" fmla="*/ 261 w 586"/>
                <a:gd name="T37" fmla="*/ 369 h 958"/>
                <a:gd name="T38" fmla="*/ 270 w 586"/>
                <a:gd name="T39" fmla="*/ 378 h 958"/>
                <a:gd name="T40" fmla="*/ 282 w 586"/>
                <a:gd name="T41" fmla="*/ 394 h 958"/>
                <a:gd name="T42" fmla="*/ 284 w 586"/>
                <a:gd name="T43" fmla="*/ 415 h 958"/>
                <a:gd name="T44" fmla="*/ 292 w 586"/>
                <a:gd name="T45" fmla="*/ 419 h 958"/>
                <a:gd name="T46" fmla="*/ 295 w 586"/>
                <a:gd name="T47" fmla="*/ 411 h 958"/>
                <a:gd name="T48" fmla="*/ 308 w 586"/>
                <a:gd name="T49" fmla="*/ 413 h 958"/>
                <a:gd name="T50" fmla="*/ 320 w 586"/>
                <a:gd name="T51" fmla="*/ 416 h 958"/>
                <a:gd name="T52" fmla="*/ 327 w 586"/>
                <a:gd name="T53" fmla="*/ 409 h 958"/>
                <a:gd name="T54" fmla="*/ 334 w 586"/>
                <a:gd name="T55" fmla="*/ 411 h 958"/>
                <a:gd name="T56" fmla="*/ 352 w 586"/>
                <a:gd name="T57" fmla="*/ 413 h 958"/>
                <a:gd name="T58" fmla="*/ 386 w 586"/>
                <a:gd name="T59" fmla="*/ 403 h 958"/>
                <a:gd name="T60" fmla="*/ 183 w 586"/>
                <a:gd name="T61" fmla="*/ 599 h 958"/>
                <a:gd name="T62" fmla="*/ 176 w 586"/>
                <a:gd name="T63" fmla="*/ 598 h 958"/>
                <a:gd name="T64" fmla="*/ 156 w 586"/>
                <a:gd name="T65" fmla="*/ 595 h 958"/>
                <a:gd name="T66" fmla="*/ 125 w 586"/>
                <a:gd name="T67" fmla="*/ 588 h 958"/>
                <a:gd name="T68" fmla="*/ 89 w 586"/>
                <a:gd name="T69" fmla="*/ 580 h 958"/>
                <a:gd name="T70" fmla="*/ 51 w 586"/>
                <a:gd name="T71" fmla="*/ 572 h 958"/>
                <a:gd name="T72" fmla="*/ 18 w 586"/>
                <a:gd name="T73" fmla="*/ 564 h 958"/>
                <a:gd name="T74" fmla="*/ 44 w 586"/>
                <a:gd name="T75" fmla="*/ 403 h 958"/>
                <a:gd name="T76" fmla="*/ 34 w 586"/>
                <a:gd name="T77" fmla="*/ 375 h 958"/>
                <a:gd name="T78" fmla="*/ 37 w 586"/>
                <a:gd name="T79" fmla="*/ 368 h 958"/>
                <a:gd name="T80" fmla="*/ 42 w 586"/>
                <a:gd name="T81" fmla="*/ 356 h 958"/>
                <a:gd name="T82" fmla="*/ 64 w 586"/>
                <a:gd name="T83" fmla="*/ 330 h 958"/>
                <a:gd name="T84" fmla="*/ 101 w 586"/>
                <a:gd name="T85" fmla="*/ 273 h 958"/>
                <a:gd name="T86" fmla="*/ 83 w 586"/>
                <a:gd name="T87" fmla="*/ 228 h 958"/>
                <a:gd name="T88" fmla="*/ 83 w 586"/>
                <a:gd name="T89" fmla="*/ 198 h 958"/>
                <a:gd name="T90" fmla="*/ 89 w 586"/>
                <a:gd name="T91" fmla="*/ 176 h 958"/>
                <a:gd name="T92" fmla="*/ 98 w 586"/>
                <a:gd name="T93" fmla="*/ 137 h 958"/>
                <a:gd name="T94" fmla="*/ 109 w 586"/>
                <a:gd name="T95" fmla="*/ 91 h 958"/>
                <a:gd name="T96" fmla="*/ 118 w 586"/>
                <a:gd name="T97" fmla="*/ 46 h 958"/>
                <a:gd name="T98" fmla="*/ 125 w 586"/>
                <a:gd name="T99" fmla="*/ 17 h 958"/>
                <a:gd name="T100" fmla="*/ 127 w 586"/>
                <a:gd name="T101" fmla="*/ 0 h 958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w 586"/>
                <a:gd name="T154" fmla="*/ 0 h 958"/>
                <a:gd name="T155" fmla="*/ 586 w 586"/>
                <a:gd name="T156" fmla="*/ 958 h 958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T153" t="T154" r="T155" b="T156"/>
              <a:pathLst>
                <a:path w="586" h="958">
                  <a:moveTo>
                    <a:pt x="266" y="17"/>
                  </a:moveTo>
                  <a:lnTo>
                    <a:pt x="241" y="139"/>
                  </a:lnTo>
                  <a:lnTo>
                    <a:pt x="249" y="158"/>
                  </a:lnTo>
                  <a:lnTo>
                    <a:pt x="261" y="185"/>
                  </a:lnTo>
                  <a:lnTo>
                    <a:pt x="261" y="195"/>
                  </a:lnTo>
                  <a:lnTo>
                    <a:pt x="254" y="200"/>
                  </a:lnTo>
                  <a:lnTo>
                    <a:pt x="263" y="207"/>
                  </a:lnTo>
                  <a:lnTo>
                    <a:pt x="256" y="212"/>
                  </a:lnTo>
                  <a:lnTo>
                    <a:pt x="256" y="219"/>
                  </a:lnTo>
                  <a:lnTo>
                    <a:pt x="269" y="222"/>
                  </a:lnTo>
                  <a:lnTo>
                    <a:pt x="269" y="224"/>
                  </a:lnTo>
                  <a:lnTo>
                    <a:pt x="269" y="226"/>
                  </a:lnTo>
                  <a:lnTo>
                    <a:pt x="269" y="227"/>
                  </a:lnTo>
                  <a:lnTo>
                    <a:pt x="269" y="229"/>
                  </a:lnTo>
                  <a:lnTo>
                    <a:pt x="269" y="231"/>
                  </a:lnTo>
                  <a:lnTo>
                    <a:pt x="269" y="232"/>
                  </a:lnTo>
                  <a:lnTo>
                    <a:pt x="271" y="234"/>
                  </a:lnTo>
                  <a:lnTo>
                    <a:pt x="276" y="236"/>
                  </a:lnTo>
                  <a:lnTo>
                    <a:pt x="280" y="237"/>
                  </a:lnTo>
                  <a:lnTo>
                    <a:pt x="283" y="241"/>
                  </a:lnTo>
                  <a:lnTo>
                    <a:pt x="286" y="244"/>
                  </a:lnTo>
                  <a:lnTo>
                    <a:pt x="290" y="249"/>
                  </a:lnTo>
                  <a:lnTo>
                    <a:pt x="293" y="256"/>
                  </a:lnTo>
                  <a:lnTo>
                    <a:pt x="295" y="261"/>
                  </a:lnTo>
                  <a:lnTo>
                    <a:pt x="298" y="268"/>
                  </a:lnTo>
                  <a:lnTo>
                    <a:pt x="300" y="275"/>
                  </a:lnTo>
                  <a:lnTo>
                    <a:pt x="302" y="280"/>
                  </a:lnTo>
                  <a:lnTo>
                    <a:pt x="303" y="286"/>
                  </a:lnTo>
                  <a:lnTo>
                    <a:pt x="305" y="292"/>
                  </a:lnTo>
                  <a:lnTo>
                    <a:pt x="305" y="295"/>
                  </a:lnTo>
                  <a:lnTo>
                    <a:pt x="307" y="298"/>
                  </a:lnTo>
                  <a:lnTo>
                    <a:pt x="307" y="300"/>
                  </a:lnTo>
                  <a:lnTo>
                    <a:pt x="307" y="302"/>
                  </a:lnTo>
                  <a:lnTo>
                    <a:pt x="315" y="305"/>
                  </a:lnTo>
                  <a:lnTo>
                    <a:pt x="315" y="317"/>
                  </a:lnTo>
                  <a:lnTo>
                    <a:pt x="327" y="317"/>
                  </a:lnTo>
                  <a:lnTo>
                    <a:pt x="329" y="330"/>
                  </a:lnTo>
                  <a:lnTo>
                    <a:pt x="335" y="330"/>
                  </a:lnTo>
                  <a:lnTo>
                    <a:pt x="354" y="330"/>
                  </a:lnTo>
                  <a:lnTo>
                    <a:pt x="354" y="332"/>
                  </a:lnTo>
                  <a:lnTo>
                    <a:pt x="342" y="354"/>
                  </a:lnTo>
                  <a:lnTo>
                    <a:pt x="342" y="366"/>
                  </a:lnTo>
                  <a:lnTo>
                    <a:pt x="334" y="376"/>
                  </a:lnTo>
                  <a:lnTo>
                    <a:pt x="335" y="376"/>
                  </a:lnTo>
                  <a:lnTo>
                    <a:pt x="335" y="385"/>
                  </a:lnTo>
                  <a:lnTo>
                    <a:pt x="329" y="390"/>
                  </a:lnTo>
                  <a:lnTo>
                    <a:pt x="327" y="400"/>
                  </a:lnTo>
                  <a:lnTo>
                    <a:pt x="330" y="418"/>
                  </a:lnTo>
                  <a:lnTo>
                    <a:pt x="330" y="420"/>
                  </a:lnTo>
                  <a:lnTo>
                    <a:pt x="329" y="422"/>
                  </a:lnTo>
                  <a:lnTo>
                    <a:pt x="327" y="425"/>
                  </a:lnTo>
                  <a:lnTo>
                    <a:pt x="320" y="427"/>
                  </a:lnTo>
                  <a:lnTo>
                    <a:pt x="317" y="430"/>
                  </a:lnTo>
                  <a:lnTo>
                    <a:pt x="315" y="434"/>
                  </a:lnTo>
                  <a:lnTo>
                    <a:pt x="313" y="439"/>
                  </a:lnTo>
                  <a:lnTo>
                    <a:pt x="313" y="444"/>
                  </a:lnTo>
                  <a:lnTo>
                    <a:pt x="315" y="447"/>
                  </a:lnTo>
                  <a:lnTo>
                    <a:pt x="315" y="451"/>
                  </a:lnTo>
                  <a:lnTo>
                    <a:pt x="315" y="452"/>
                  </a:lnTo>
                  <a:lnTo>
                    <a:pt x="310" y="454"/>
                  </a:lnTo>
                  <a:lnTo>
                    <a:pt x="310" y="462"/>
                  </a:lnTo>
                  <a:lnTo>
                    <a:pt x="319" y="466"/>
                  </a:lnTo>
                  <a:lnTo>
                    <a:pt x="327" y="474"/>
                  </a:lnTo>
                  <a:lnTo>
                    <a:pt x="342" y="469"/>
                  </a:lnTo>
                  <a:lnTo>
                    <a:pt x="357" y="456"/>
                  </a:lnTo>
                  <a:lnTo>
                    <a:pt x="364" y="454"/>
                  </a:lnTo>
                  <a:lnTo>
                    <a:pt x="366" y="452"/>
                  </a:lnTo>
                  <a:lnTo>
                    <a:pt x="366" y="451"/>
                  </a:lnTo>
                  <a:lnTo>
                    <a:pt x="368" y="451"/>
                  </a:lnTo>
                  <a:lnTo>
                    <a:pt x="369" y="452"/>
                  </a:lnTo>
                  <a:lnTo>
                    <a:pt x="371" y="456"/>
                  </a:lnTo>
                  <a:lnTo>
                    <a:pt x="373" y="464"/>
                  </a:lnTo>
                  <a:lnTo>
                    <a:pt x="373" y="474"/>
                  </a:lnTo>
                  <a:lnTo>
                    <a:pt x="373" y="488"/>
                  </a:lnTo>
                  <a:lnTo>
                    <a:pt x="373" y="498"/>
                  </a:lnTo>
                  <a:lnTo>
                    <a:pt x="374" y="506"/>
                  </a:lnTo>
                  <a:lnTo>
                    <a:pt x="376" y="513"/>
                  </a:lnTo>
                  <a:lnTo>
                    <a:pt x="378" y="520"/>
                  </a:lnTo>
                  <a:lnTo>
                    <a:pt x="379" y="523"/>
                  </a:lnTo>
                  <a:lnTo>
                    <a:pt x="381" y="525"/>
                  </a:lnTo>
                  <a:lnTo>
                    <a:pt x="383" y="527"/>
                  </a:lnTo>
                  <a:lnTo>
                    <a:pt x="386" y="535"/>
                  </a:lnTo>
                  <a:lnTo>
                    <a:pt x="388" y="540"/>
                  </a:lnTo>
                  <a:lnTo>
                    <a:pt x="390" y="545"/>
                  </a:lnTo>
                  <a:lnTo>
                    <a:pt x="390" y="547"/>
                  </a:lnTo>
                  <a:lnTo>
                    <a:pt x="388" y="550"/>
                  </a:lnTo>
                  <a:lnTo>
                    <a:pt x="388" y="552"/>
                  </a:lnTo>
                  <a:lnTo>
                    <a:pt x="386" y="554"/>
                  </a:lnTo>
                  <a:lnTo>
                    <a:pt x="385" y="559"/>
                  </a:lnTo>
                  <a:lnTo>
                    <a:pt x="386" y="562"/>
                  </a:lnTo>
                  <a:lnTo>
                    <a:pt x="388" y="566"/>
                  </a:lnTo>
                  <a:lnTo>
                    <a:pt x="391" y="569"/>
                  </a:lnTo>
                  <a:lnTo>
                    <a:pt x="395" y="571"/>
                  </a:lnTo>
                  <a:lnTo>
                    <a:pt x="398" y="572"/>
                  </a:lnTo>
                  <a:lnTo>
                    <a:pt x="400" y="572"/>
                  </a:lnTo>
                  <a:lnTo>
                    <a:pt x="401" y="572"/>
                  </a:lnTo>
                  <a:lnTo>
                    <a:pt x="413" y="591"/>
                  </a:lnTo>
                  <a:lnTo>
                    <a:pt x="413" y="593"/>
                  </a:lnTo>
                  <a:lnTo>
                    <a:pt x="415" y="596"/>
                  </a:lnTo>
                  <a:lnTo>
                    <a:pt x="415" y="603"/>
                  </a:lnTo>
                  <a:lnTo>
                    <a:pt x="415" y="610"/>
                  </a:lnTo>
                  <a:lnTo>
                    <a:pt x="417" y="616"/>
                  </a:lnTo>
                  <a:lnTo>
                    <a:pt x="417" y="622"/>
                  </a:lnTo>
                  <a:lnTo>
                    <a:pt x="418" y="627"/>
                  </a:lnTo>
                  <a:lnTo>
                    <a:pt x="418" y="628"/>
                  </a:lnTo>
                  <a:lnTo>
                    <a:pt x="422" y="633"/>
                  </a:lnTo>
                  <a:lnTo>
                    <a:pt x="425" y="637"/>
                  </a:lnTo>
                  <a:lnTo>
                    <a:pt x="427" y="637"/>
                  </a:lnTo>
                  <a:lnTo>
                    <a:pt x="429" y="637"/>
                  </a:lnTo>
                  <a:lnTo>
                    <a:pt x="430" y="633"/>
                  </a:lnTo>
                  <a:lnTo>
                    <a:pt x="432" y="632"/>
                  </a:lnTo>
                  <a:lnTo>
                    <a:pt x="432" y="630"/>
                  </a:lnTo>
                  <a:lnTo>
                    <a:pt x="432" y="628"/>
                  </a:lnTo>
                  <a:lnTo>
                    <a:pt x="435" y="623"/>
                  </a:lnTo>
                  <a:lnTo>
                    <a:pt x="440" y="622"/>
                  </a:lnTo>
                  <a:lnTo>
                    <a:pt x="444" y="622"/>
                  </a:lnTo>
                  <a:lnTo>
                    <a:pt x="447" y="622"/>
                  </a:lnTo>
                  <a:lnTo>
                    <a:pt x="452" y="623"/>
                  </a:lnTo>
                  <a:lnTo>
                    <a:pt x="454" y="625"/>
                  </a:lnTo>
                  <a:lnTo>
                    <a:pt x="457" y="627"/>
                  </a:lnTo>
                  <a:lnTo>
                    <a:pt x="459" y="628"/>
                  </a:lnTo>
                  <a:lnTo>
                    <a:pt x="464" y="632"/>
                  </a:lnTo>
                  <a:lnTo>
                    <a:pt x="469" y="632"/>
                  </a:lnTo>
                  <a:lnTo>
                    <a:pt x="473" y="630"/>
                  </a:lnTo>
                  <a:lnTo>
                    <a:pt x="476" y="628"/>
                  </a:lnTo>
                  <a:lnTo>
                    <a:pt x="478" y="625"/>
                  </a:lnTo>
                  <a:lnTo>
                    <a:pt x="479" y="623"/>
                  </a:lnTo>
                  <a:lnTo>
                    <a:pt x="479" y="620"/>
                  </a:lnTo>
                  <a:lnTo>
                    <a:pt x="481" y="620"/>
                  </a:lnTo>
                  <a:lnTo>
                    <a:pt x="484" y="618"/>
                  </a:lnTo>
                  <a:lnTo>
                    <a:pt x="486" y="618"/>
                  </a:lnTo>
                  <a:lnTo>
                    <a:pt x="488" y="620"/>
                  </a:lnTo>
                  <a:lnTo>
                    <a:pt x="489" y="622"/>
                  </a:lnTo>
                  <a:lnTo>
                    <a:pt x="491" y="623"/>
                  </a:lnTo>
                  <a:lnTo>
                    <a:pt x="491" y="625"/>
                  </a:lnTo>
                  <a:lnTo>
                    <a:pt x="493" y="627"/>
                  </a:lnTo>
                  <a:lnTo>
                    <a:pt x="493" y="628"/>
                  </a:lnTo>
                  <a:lnTo>
                    <a:pt x="498" y="628"/>
                  </a:lnTo>
                  <a:lnTo>
                    <a:pt x="518" y="625"/>
                  </a:lnTo>
                  <a:lnTo>
                    <a:pt x="525" y="630"/>
                  </a:lnTo>
                  <a:lnTo>
                    <a:pt x="537" y="630"/>
                  </a:lnTo>
                  <a:lnTo>
                    <a:pt x="552" y="628"/>
                  </a:lnTo>
                  <a:lnTo>
                    <a:pt x="559" y="611"/>
                  </a:lnTo>
                  <a:lnTo>
                    <a:pt x="569" y="611"/>
                  </a:lnTo>
                  <a:lnTo>
                    <a:pt x="576" y="632"/>
                  </a:lnTo>
                  <a:lnTo>
                    <a:pt x="586" y="647"/>
                  </a:lnTo>
                  <a:lnTo>
                    <a:pt x="540" y="958"/>
                  </a:lnTo>
                  <a:lnTo>
                    <a:pt x="269" y="909"/>
                  </a:lnTo>
                  <a:lnTo>
                    <a:pt x="268" y="909"/>
                  </a:lnTo>
                  <a:lnTo>
                    <a:pt x="266" y="909"/>
                  </a:lnTo>
                  <a:lnTo>
                    <a:pt x="263" y="908"/>
                  </a:lnTo>
                  <a:lnTo>
                    <a:pt x="259" y="908"/>
                  </a:lnTo>
                  <a:lnTo>
                    <a:pt x="254" y="906"/>
                  </a:lnTo>
                  <a:lnTo>
                    <a:pt x="249" y="904"/>
                  </a:lnTo>
                  <a:lnTo>
                    <a:pt x="242" y="904"/>
                  </a:lnTo>
                  <a:lnTo>
                    <a:pt x="236" y="902"/>
                  </a:lnTo>
                  <a:lnTo>
                    <a:pt x="229" y="901"/>
                  </a:lnTo>
                  <a:lnTo>
                    <a:pt x="220" y="899"/>
                  </a:lnTo>
                  <a:lnTo>
                    <a:pt x="212" y="897"/>
                  </a:lnTo>
                  <a:lnTo>
                    <a:pt x="203" y="896"/>
                  </a:lnTo>
                  <a:lnTo>
                    <a:pt x="193" y="894"/>
                  </a:lnTo>
                  <a:lnTo>
                    <a:pt x="185" y="891"/>
                  </a:lnTo>
                  <a:lnTo>
                    <a:pt x="175" y="889"/>
                  </a:lnTo>
                  <a:lnTo>
                    <a:pt x="165" y="887"/>
                  </a:lnTo>
                  <a:lnTo>
                    <a:pt x="154" y="884"/>
                  </a:lnTo>
                  <a:lnTo>
                    <a:pt x="143" y="882"/>
                  </a:lnTo>
                  <a:lnTo>
                    <a:pt x="132" y="880"/>
                  </a:lnTo>
                  <a:lnTo>
                    <a:pt x="121" y="877"/>
                  </a:lnTo>
                  <a:lnTo>
                    <a:pt x="110" y="875"/>
                  </a:lnTo>
                  <a:lnTo>
                    <a:pt x="99" y="872"/>
                  </a:lnTo>
                  <a:lnTo>
                    <a:pt x="87" y="870"/>
                  </a:lnTo>
                  <a:lnTo>
                    <a:pt x="77" y="867"/>
                  </a:lnTo>
                  <a:lnTo>
                    <a:pt x="65" y="865"/>
                  </a:lnTo>
                  <a:lnTo>
                    <a:pt x="53" y="862"/>
                  </a:lnTo>
                  <a:lnTo>
                    <a:pt x="43" y="860"/>
                  </a:lnTo>
                  <a:lnTo>
                    <a:pt x="33" y="858"/>
                  </a:lnTo>
                  <a:lnTo>
                    <a:pt x="21" y="855"/>
                  </a:lnTo>
                  <a:lnTo>
                    <a:pt x="11" y="853"/>
                  </a:lnTo>
                  <a:lnTo>
                    <a:pt x="0" y="852"/>
                  </a:lnTo>
                  <a:lnTo>
                    <a:pt x="46" y="657"/>
                  </a:lnTo>
                  <a:lnTo>
                    <a:pt x="44" y="644"/>
                  </a:lnTo>
                  <a:lnTo>
                    <a:pt x="63" y="611"/>
                  </a:lnTo>
                  <a:lnTo>
                    <a:pt x="63" y="601"/>
                  </a:lnTo>
                  <a:lnTo>
                    <a:pt x="68" y="594"/>
                  </a:lnTo>
                  <a:lnTo>
                    <a:pt x="71" y="586"/>
                  </a:lnTo>
                  <a:lnTo>
                    <a:pt x="66" y="581"/>
                  </a:lnTo>
                  <a:lnTo>
                    <a:pt x="48" y="569"/>
                  </a:lnTo>
                  <a:lnTo>
                    <a:pt x="49" y="561"/>
                  </a:lnTo>
                  <a:lnTo>
                    <a:pt x="49" y="559"/>
                  </a:lnTo>
                  <a:lnTo>
                    <a:pt x="49" y="557"/>
                  </a:lnTo>
                  <a:lnTo>
                    <a:pt x="51" y="556"/>
                  </a:lnTo>
                  <a:lnTo>
                    <a:pt x="51" y="554"/>
                  </a:lnTo>
                  <a:lnTo>
                    <a:pt x="53" y="552"/>
                  </a:lnTo>
                  <a:lnTo>
                    <a:pt x="53" y="550"/>
                  </a:lnTo>
                  <a:lnTo>
                    <a:pt x="53" y="549"/>
                  </a:lnTo>
                  <a:lnTo>
                    <a:pt x="58" y="539"/>
                  </a:lnTo>
                  <a:lnTo>
                    <a:pt x="63" y="530"/>
                  </a:lnTo>
                  <a:lnTo>
                    <a:pt x="71" y="522"/>
                  </a:lnTo>
                  <a:lnTo>
                    <a:pt x="78" y="513"/>
                  </a:lnTo>
                  <a:lnTo>
                    <a:pt x="87" y="506"/>
                  </a:lnTo>
                  <a:lnTo>
                    <a:pt x="93" y="501"/>
                  </a:lnTo>
                  <a:lnTo>
                    <a:pt x="97" y="498"/>
                  </a:lnTo>
                  <a:lnTo>
                    <a:pt x="99" y="496"/>
                  </a:lnTo>
                  <a:lnTo>
                    <a:pt x="99" y="488"/>
                  </a:lnTo>
                  <a:lnTo>
                    <a:pt x="146" y="422"/>
                  </a:lnTo>
                  <a:lnTo>
                    <a:pt x="148" y="413"/>
                  </a:lnTo>
                  <a:lnTo>
                    <a:pt x="141" y="400"/>
                  </a:lnTo>
                  <a:lnTo>
                    <a:pt x="131" y="391"/>
                  </a:lnTo>
                  <a:lnTo>
                    <a:pt x="119" y="368"/>
                  </a:lnTo>
                  <a:lnTo>
                    <a:pt x="119" y="358"/>
                  </a:lnTo>
                  <a:lnTo>
                    <a:pt x="122" y="344"/>
                  </a:lnTo>
                  <a:lnTo>
                    <a:pt x="122" y="332"/>
                  </a:lnTo>
                  <a:lnTo>
                    <a:pt x="117" y="320"/>
                  </a:lnTo>
                  <a:lnTo>
                    <a:pt x="122" y="303"/>
                  </a:lnTo>
                  <a:lnTo>
                    <a:pt x="122" y="302"/>
                  </a:lnTo>
                  <a:lnTo>
                    <a:pt x="122" y="300"/>
                  </a:lnTo>
                  <a:lnTo>
                    <a:pt x="124" y="297"/>
                  </a:lnTo>
                  <a:lnTo>
                    <a:pt x="126" y="290"/>
                  </a:lnTo>
                  <a:lnTo>
                    <a:pt x="127" y="283"/>
                  </a:lnTo>
                  <a:lnTo>
                    <a:pt x="129" y="275"/>
                  </a:lnTo>
                  <a:lnTo>
                    <a:pt x="131" y="266"/>
                  </a:lnTo>
                  <a:lnTo>
                    <a:pt x="132" y="256"/>
                  </a:lnTo>
                  <a:lnTo>
                    <a:pt x="136" y="244"/>
                  </a:lnTo>
                  <a:lnTo>
                    <a:pt x="137" y="232"/>
                  </a:lnTo>
                  <a:lnTo>
                    <a:pt x="141" y="220"/>
                  </a:lnTo>
                  <a:lnTo>
                    <a:pt x="144" y="207"/>
                  </a:lnTo>
                  <a:lnTo>
                    <a:pt x="146" y="193"/>
                  </a:lnTo>
                  <a:lnTo>
                    <a:pt x="149" y="180"/>
                  </a:lnTo>
                  <a:lnTo>
                    <a:pt x="153" y="166"/>
                  </a:lnTo>
                  <a:lnTo>
                    <a:pt x="156" y="151"/>
                  </a:lnTo>
                  <a:lnTo>
                    <a:pt x="159" y="138"/>
                  </a:lnTo>
                  <a:lnTo>
                    <a:pt x="161" y="122"/>
                  </a:lnTo>
                  <a:lnTo>
                    <a:pt x="165" y="109"/>
                  </a:lnTo>
                  <a:lnTo>
                    <a:pt x="168" y="95"/>
                  </a:lnTo>
                  <a:lnTo>
                    <a:pt x="171" y="82"/>
                  </a:lnTo>
                  <a:lnTo>
                    <a:pt x="173" y="70"/>
                  </a:lnTo>
                  <a:lnTo>
                    <a:pt x="176" y="58"/>
                  </a:lnTo>
                  <a:lnTo>
                    <a:pt x="178" y="48"/>
                  </a:lnTo>
                  <a:lnTo>
                    <a:pt x="181" y="38"/>
                  </a:lnTo>
                  <a:lnTo>
                    <a:pt x="183" y="28"/>
                  </a:lnTo>
                  <a:lnTo>
                    <a:pt x="185" y="19"/>
                  </a:lnTo>
                  <a:lnTo>
                    <a:pt x="187" y="12"/>
                  </a:lnTo>
                  <a:lnTo>
                    <a:pt x="188" y="7"/>
                  </a:lnTo>
                  <a:lnTo>
                    <a:pt x="188" y="4"/>
                  </a:lnTo>
                  <a:lnTo>
                    <a:pt x="188" y="0"/>
                  </a:lnTo>
                  <a:lnTo>
                    <a:pt x="266" y="17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44" name="Freeform 117"/>
            <p:cNvSpPr>
              <a:spLocks/>
            </p:cNvSpPr>
            <p:nvPr/>
          </p:nvSpPr>
          <p:spPr bwMode="auto">
            <a:xfrm>
              <a:off x="1110" y="981"/>
              <a:ext cx="979" cy="621"/>
            </a:xfrm>
            <a:custGeom>
              <a:avLst/>
              <a:gdLst>
                <a:gd name="T0" fmla="*/ 289 w 1007"/>
                <a:gd name="T1" fmla="*/ 381 h 640"/>
                <a:gd name="T2" fmla="*/ 357 w 1007"/>
                <a:gd name="T3" fmla="*/ 389 h 640"/>
                <a:gd name="T4" fmla="*/ 425 w 1007"/>
                <a:gd name="T5" fmla="*/ 398 h 640"/>
                <a:gd name="T6" fmla="*/ 489 w 1007"/>
                <a:gd name="T7" fmla="*/ 406 h 640"/>
                <a:gd name="T8" fmla="*/ 550 w 1007"/>
                <a:gd name="T9" fmla="*/ 410 h 640"/>
                <a:gd name="T10" fmla="*/ 600 w 1007"/>
                <a:gd name="T11" fmla="*/ 415 h 640"/>
                <a:gd name="T12" fmla="*/ 635 w 1007"/>
                <a:gd name="T13" fmla="*/ 418 h 640"/>
                <a:gd name="T14" fmla="*/ 651 w 1007"/>
                <a:gd name="T15" fmla="*/ 420 h 640"/>
                <a:gd name="T16" fmla="*/ 635 w 1007"/>
                <a:gd name="T17" fmla="*/ 93 h 640"/>
                <a:gd name="T18" fmla="*/ 534 w 1007"/>
                <a:gd name="T19" fmla="*/ 82 h 640"/>
                <a:gd name="T20" fmla="*/ 426 w 1007"/>
                <a:gd name="T21" fmla="*/ 70 h 640"/>
                <a:gd name="T22" fmla="*/ 317 w 1007"/>
                <a:gd name="T23" fmla="*/ 54 h 640"/>
                <a:gd name="T24" fmla="*/ 215 w 1007"/>
                <a:gd name="T25" fmla="*/ 39 h 640"/>
                <a:gd name="T26" fmla="*/ 126 w 1007"/>
                <a:gd name="T27" fmla="*/ 17 h 640"/>
                <a:gd name="T28" fmla="*/ 60 w 1007"/>
                <a:gd name="T29" fmla="*/ 12 h 640"/>
                <a:gd name="T30" fmla="*/ 20 w 1007"/>
                <a:gd name="T31" fmla="*/ 2 h 640"/>
                <a:gd name="T32" fmla="*/ 0 w 1007"/>
                <a:gd name="T33" fmla="*/ 80 h 640"/>
                <a:gd name="T34" fmla="*/ 13 w 1007"/>
                <a:gd name="T35" fmla="*/ 120 h 640"/>
                <a:gd name="T36" fmla="*/ 17 w 1007"/>
                <a:gd name="T37" fmla="*/ 135 h 640"/>
                <a:gd name="T38" fmla="*/ 17 w 1007"/>
                <a:gd name="T39" fmla="*/ 139 h 640"/>
                <a:gd name="T40" fmla="*/ 17 w 1007"/>
                <a:gd name="T41" fmla="*/ 143 h 640"/>
                <a:gd name="T42" fmla="*/ 31 w 1007"/>
                <a:gd name="T43" fmla="*/ 148 h 640"/>
                <a:gd name="T44" fmla="*/ 41 w 1007"/>
                <a:gd name="T45" fmla="*/ 165 h 640"/>
                <a:gd name="T46" fmla="*/ 44 w 1007"/>
                <a:gd name="T47" fmla="*/ 180 h 640"/>
                <a:gd name="T48" fmla="*/ 45 w 1007"/>
                <a:gd name="T49" fmla="*/ 187 h 640"/>
                <a:gd name="T50" fmla="*/ 60 w 1007"/>
                <a:gd name="T51" fmla="*/ 206 h 640"/>
                <a:gd name="T52" fmla="*/ 77 w 1007"/>
                <a:gd name="T53" fmla="*/ 206 h 640"/>
                <a:gd name="T54" fmla="*/ 63 w 1007"/>
                <a:gd name="T55" fmla="*/ 236 h 640"/>
                <a:gd name="T56" fmla="*/ 58 w 1007"/>
                <a:gd name="T57" fmla="*/ 252 h 640"/>
                <a:gd name="T58" fmla="*/ 58 w 1007"/>
                <a:gd name="T59" fmla="*/ 268 h 640"/>
                <a:gd name="T60" fmla="*/ 49 w 1007"/>
                <a:gd name="T61" fmla="*/ 274 h 640"/>
                <a:gd name="T62" fmla="*/ 49 w 1007"/>
                <a:gd name="T63" fmla="*/ 285 h 640"/>
                <a:gd name="T64" fmla="*/ 51 w 1007"/>
                <a:gd name="T65" fmla="*/ 295 h 640"/>
                <a:gd name="T66" fmla="*/ 83 w 1007"/>
                <a:gd name="T67" fmla="*/ 286 h 640"/>
                <a:gd name="T68" fmla="*/ 85 w 1007"/>
                <a:gd name="T69" fmla="*/ 285 h 640"/>
                <a:gd name="T70" fmla="*/ 88 w 1007"/>
                <a:gd name="T71" fmla="*/ 300 h 640"/>
                <a:gd name="T72" fmla="*/ 90 w 1007"/>
                <a:gd name="T73" fmla="*/ 325 h 640"/>
                <a:gd name="T74" fmla="*/ 95 w 1007"/>
                <a:gd name="T75" fmla="*/ 334 h 640"/>
                <a:gd name="T76" fmla="*/ 101 w 1007"/>
                <a:gd name="T77" fmla="*/ 347 h 640"/>
                <a:gd name="T78" fmla="*/ 98 w 1007"/>
                <a:gd name="T79" fmla="*/ 352 h 640"/>
                <a:gd name="T80" fmla="*/ 101 w 1007"/>
                <a:gd name="T81" fmla="*/ 363 h 640"/>
                <a:gd name="T82" fmla="*/ 109 w 1007"/>
                <a:gd name="T83" fmla="*/ 364 h 640"/>
                <a:gd name="T84" fmla="*/ 117 w 1007"/>
                <a:gd name="T85" fmla="*/ 385 h 640"/>
                <a:gd name="T86" fmla="*/ 119 w 1007"/>
                <a:gd name="T87" fmla="*/ 399 h 640"/>
                <a:gd name="T88" fmla="*/ 125 w 1007"/>
                <a:gd name="T89" fmla="*/ 408 h 640"/>
                <a:gd name="T90" fmla="*/ 129 w 1007"/>
                <a:gd name="T91" fmla="*/ 402 h 640"/>
                <a:gd name="T92" fmla="*/ 137 w 1007"/>
                <a:gd name="T93" fmla="*/ 397 h 640"/>
                <a:gd name="T94" fmla="*/ 145 w 1007"/>
                <a:gd name="T95" fmla="*/ 399 h 640"/>
                <a:gd name="T96" fmla="*/ 157 w 1007"/>
                <a:gd name="T97" fmla="*/ 402 h 640"/>
                <a:gd name="T98" fmla="*/ 160 w 1007"/>
                <a:gd name="T99" fmla="*/ 396 h 640"/>
                <a:gd name="T100" fmla="*/ 167 w 1007"/>
                <a:gd name="T101" fmla="*/ 396 h 640"/>
                <a:gd name="T102" fmla="*/ 170 w 1007"/>
                <a:gd name="T103" fmla="*/ 399 h 640"/>
                <a:gd name="T104" fmla="*/ 192 w 1007"/>
                <a:gd name="T105" fmla="*/ 402 h 640"/>
                <a:gd name="T106" fmla="*/ 221 w 1007"/>
                <a:gd name="T107" fmla="*/ 389 h 640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w 1007"/>
                <a:gd name="T163" fmla="*/ 0 h 640"/>
                <a:gd name="T164" fmla="*/ 1007 w 1007"/>
                <a:gd name="T165" fmla="*/ 640 h 640"/>
              </a:gdLst>
              <a:ahLst/>
              <a:cxnLst>
                <a:cxn ang="T108">
                  <a:pos x="T0" y="T1"/>
                </a:cxn>
                <a:cxn ang="T109">
                  <a:pos x="T2" y="T3"/>
                </a:cxn>
                <a:cxn ang="T110">
                  <a:pos x="T4" y="T5"/>
                </a:cxn>
                <a:cxn ang="T111">
                  <a:pos x="T6" y="T7"/>
                </a:cxn>
                <a:cxn ang="T112">
                  <a:pos x="T8" y="T9"/>
                </a:cxn>
                <a:cxn ang="T113">
                  <a:pos x="T10" y="T11"/>
                </a:cxn>
                <a:cxn ang="T114">
                  <a:pos x="T12" y="T13"/>
                </a:cxn>
                <a:cxn ang="T115">
                  <a:pos x="T14" y="T15"/>
                </a:cxn>
                <a:cxn ang="T116">
                  <a:pos x="T16" y="T17"/>
                </a:cxn>
                <a:cxn ang="T117">
                  <a:pos x="T18" y="T19"/>
                </a:cxn>
                <a:cxn ang="T118">
                  <a:pos x="T20" y="T21"/>
                </a:cxn>
                <a:cxn ang="T119">
                  <a:pos x="T22" y="T23"/>
                </a:cxn>
                <a:cxn ang="T120">
                  <a:pos x="T24" y="T25"/>
                </a:cxn>
                <a:cxn ang="T121">
                  <a:pos x="T26" y="T27"/>
                </a:cxn>
                <a:cxn ang="T122">
                  <a:pos x="T28" y="T29"/>
                </a:cxn>
                <a:cxn ang="T123">
                  <a:pos x="T30" y="T31"/>
                </a:cxn>
                <a:cxn ang="T124">
                  <a:pos x="T32" y="T33"/>
                </a:cxn>
                <a:cxn ang="T125">
                  <a:pos x="T34" y="T35"/>
                </a:cxn>
                <a:cxn ang="T126">
                  <a:pos x="T36" y="T37"/>
                </a:cxn>
                <a:cxn ang="T127">
                  <a:pos x="T38" y="T39"/>
                </a:cxn>
                <a:cxn ang="T128">
                  <a:pos x="T40" y="T41"/>
                </a:cxn>
                <a:cxn ang="T129">
                  <a:pos x="T42" y="T43"/>
                </a:cxn>
                <a:cxn ang="T130">
                  <a:pos x="T44" y="T45"/>
                </a:cxn>
                <a:cxn ang="T131">
                  <a:pos x="T46" y="T47"/>
                </a:cxn>
                <a:cxn ang="T132">
                  <a:pos x="T48" y="T49"/>
                </a:cxn>
                <a:cxn ang="T133">
                  <a:pos x="T50" y="T51"/>
                </a:cxn>
                <a:cxn ang="T134">
                  <a:pos x="T52" y="T53"/>
                </a:cxn>
                <a:cxn ang="T135">
                  <a:pos x="T54" y="T55"/>
                </a:cxn>
                <a:cxn ang="T136">
                  <a:pos x="T56" y="T57"/>
                </a:cxn>
                <a:cxn ang="T137">
                  <a:pos x="T58" y="T59"/>
                </a:cxn>
                <a:cxn ang="T138">
                  <a:pos x="T60" y="T61"/>
                </a:cxn>
                <a:cxn ang="T139">
                  <a:pos x="T62" y="T63"/>
                </a:cxn>
                <a:cxn ang="T140">
                  <a:pos x="T64" y="T65"/>
                </a:cxn>
                <a:cxn ang="T141">
                  <a:pos x="T66" y="T67"/>
                </a:cxn>
                <a:cxn ang="T142">
                  <a:pos x="T68" y="T69"/>
                </a:cxn>
                <a:cxn ang="T143">
                  <a:pos x="T70" y="T71"/>
                </a:cxn>
                <a:cxn ang="T144">
                  <a:pos x="T72" y="T73"/>
                </a:cxn>
                <a:cxn ang="T145">
                  <a:pos x="T74" y="T75"/>
                </a:cxn>
                <a:cxn ang="T146">
                  <a:pos x="T76" y="T77"/>
                </a:cxn>
                <a:cxn ang="T147">
                  <a:pos x="T78" y="T79"/>
                </a:cxn>
                <a:cxn ang="T148">
                  <a:pos x="T80" y="T81"/>
                </a:cxn>
                <a:cxn ang="T149">
                  <a:pos x="T82" y="T83"/>
                </a:cxn>
                <a:cxn ang="T150">
                  <a:pos x="T84" y="T85"/>
                </a:cxn>
                <a:cxn ang="T151">
                  <a:pos x="T86" y="T87"/>
                </a:cxn>
                <a:cxn ang="T152">
                  <a:pos x="T88" y="T89"/>
                </a:cxn>
                <a:cxn ang="T153">
                  <a:pos x="T90" y="T91"/>
                </a:cxn>
                <a:cxn ang="T154">
                  <a:pos x="T92" y="T93"/>
                </a:cxn>
                <a:cxn ang="T155">
                  <a:pos x="T94" y="T95"/>
                </a:cxn>
                <a:cxn ang="T156">
                  <a:pos x="T96" y="T97"/>
                </a:cxn>
                <a:cxn ang="T157">
                  <a:pos x="T98" y="T99"/>
                </a:cxn>
                <a:cxn ang="T158">
                  <a:pos x="T100" y="T101"/>
                </a:cxn>
                <a:cxn ang="T159">
                  <a:pos x="T102" y="T103"/>
                </a:cxn>
                <a:cxn ang="T160">
                  <a:pos x="T104" y="T105"/>
                </a:cxn>
                <a:cxn ang="T161">
                  <a:pos x="T106" y="T107"/>
                </a:cxn>
              </a:cxnLst>
              <a:rect l="T162" t="T163" r="T164" b="T165"/>
              <a:pathLst>
                <a:path w="1007" h="640">
                  <a:moveTo>
                    <a:pt x="358" y="569"/>
                  </a:moveTo>
                  <a:lnTo>
                    <a:pt x="380" y="572"/>
                  </a:lnTo>
                  <a:lnTo>
                    <a:pt x="404" y="576"/>
                  </a:lnTo>
                  <a:lnTo>
                    <a:pt x="428" y="581"/>
                  </a:lnTo>
                  <a:lnTo>
                    <a:pt x="453" y="584"/>
                  </a:lnTo>
                  <a:lnTo>
                    <a:pt x="477" y="588"/>
                  </a:lnTo>
                  <a:lnTo>
                    <a:pt x="502" y="591"/>
                  </a:lnTo>
                  <a:lnTo>
                    <a:pt x="528" y="594"/>
                  </a:lnTo>
                  <a:lnTo>
                    <a:pt x="553" y="598"/>
                  </a:lnTo>
                  <a:lnTo>
                    <a:pt x="578" y="601"/>
                  </a:lnTo>
                  <a:lnTo>
                    <a:pt x="605" y="603"/>
                  </a:lnTo>
                  <a:lnTo>
                    <a:pt x="631" y="606"/>
                  </a:lnTo>
                  <a:lnTo>
                    <a:pt x="655" y="610"/>
                  </a:lnTo>
                  <a:lnTo>
                    <a:pt x="680" y="613"/>
                  </a:lnTo>
                  <a:lnTo>
                    <a:pt x="704" y="615"/>
                  </a:lnTo>
                  <a:lnTo>
                    <a:pt x="727" y="618"/>
                  </a:lnTo>
                  <a:lnTo>
                    <a:pt x="751" y="620"/>
                  </a:lnTo>
                  <a:lnTo>
                    <a:pt x="775" y="621"/>
                  </a:lnTo>
                  <a:lnTo>
                    <a:pt x="797" y="625"/>
                  </a:lnTo>
                  <a:lnTo>
                    <a:pt x="817" y="627"/>
                  </a:lnTo>
                  <a:lnTo>
                    <a:pt x="837" y="628"/>
                  </a:lnTo>
                  <a:lnTo>
                    <a:pt x="856" y="630"/>
                  </a:lnTo>
                  <a:lnTo>
                    <a:pt x="873" y="632"/>
                  </a:lnTo>
                  <a:lnTo>
                    <a:pt x="890" y="633"/>
                  </a:lnTo>
                  <a:lnTo>
                    <a:pt x="905" y="635"/>
                  </a:lnTo>
                  <a:lnTo>
                    <a:pt x="919" y="635"/>
                  </a:lnTo>
                  <a:lnTo>
                    <a:pt x="930" y="637"/>
                  </a:lnTo>
                  <a:lnTo>
                    <a:pt x="941" y="637"/>
                  </a:lnTo>
                  <a:lnTo>
                    <a:pt x="949" y="638"/>
                  </a:lnTo>
                  <a:lnTo>
                    <a:pt x="957" y="638"/>
                  </a:lnTo>
                  <a:lnTo>
                    <a:pt x="963" y="638"/>
                  </a:lnTo>
                  <a:lnTo>
                    <a:pt x="966" y="640"/>
                  </a:lnTo>
                  <a:lnTo>
                    <a:pt x="1007" y="144"/>
                  </a:lnTo>
                  <a:lnTo>
                    <a:pt x="974" y="143"/>
                  </a:lnTo>
                  <a:lnTo>
                    <a:pt x="941" y="141"/>
                  </a:lnTo>
                  <a:lnTo>
                    <a:pt x="905" y="139"/>
                  </a:lnTo>
                  <a:lnTo>
                    <a:pt x="869" y="136"/>
                  </a:lnTo>
                  <a:lnTo>
                    <a:pt x="832" y="131"/>
                  </a:lnTo>
                  <a:lnTo>
                    <a:pt x="793" y="127"/>
                  </a:lnTo>
                  <a:lnTo>
                    <a:pt x="754" y="122"/>
                  </a:lnTo>
                  <a:lnTo>
                    <a:pt x="714" y="117"/>
                  </a:lnTo>
                  <a:lnTo>
                    <a:pt x="673" y="112"/>
                  </a:lnTo>
                  <a:lnTo>
                    <a:pt x="633" y="105"/>
                  </a:lnTo>
                  <a:lnTo>
                    <a:pt x="592" y="100"/>
                  </a:lnTo>
                  <a:lnTo>
                    <a:pt x="551" y="93"/>
                  </a:lnTo>
                  <a:lnTo>
                    <a:pt x="511" y="88"/>
                  </a:lnTo>
                  <a:lnTo>
                    <a:pt x="470" y="82"/>
                  </a:lnTo>
                  <a:lnTo>
                    <a:pt x="431" y="75"/>
                  </a:lnTo>
                  <a:lnTo>
                    <a:pt x="392" y="68"/>
                  </a:lnTo>
                  <a:lnTo>
                    <a:pt x="355" y="61"/>
                  </a:lnTo>
                  <a:lnTo>
                    <a:pt x="318" y="56"/>
                  </a:lnTo>
                  <a:lnTo>
                    <a:pt x="282" y="49"/>
                  </a:lnTo>
                  <a:lnTo>
                    <a:pt x="248" y="43"/>
                  </a:lnTo>
                  <a:lnTo>
                    <a:pt x="216" y="38"/>
                  </a:lnTo>
                  <a:lnTo>
                    <a:pt x="188" y="31"/>
                  </a:lnTo>
                  <a:lnTo>
                    <a:pt x="159" y="26"/>
                  </a:lnTo>
                  <a:lnTo>
                    <a:pt x="133" y="21"/>
                  </a:lnTo>
                  <a:lnTo>
                    <a:pt x="108" y="17"/>
                  </a:lnTo>
                  <a:lnTo>
                    <a:pt x="88" y="12"/>
                  </a:lnTo>
                  <a:lnTo>
                    <a:pt x="69" y="9"/>
                  </a:lnTo>
                  <a:lnTo>
                    <a:pt x="54" y="5"/>
                  </a:lnTo>
                  <a:lnTo>
                    <a:pt x="42" y="4"/>
                  </a:lnTo>
                  <a:lnTo>
                    <a:pt x="34" y="2"/>
                  </a:lnTo>
                  <a:lnTo>
                    <a:pt x="27" y="0"/>
                  </a:lnTo>
                  <a:lnTo>
                    <a:pt x="25" y="0"/>
                  </a:lnTo>
                  <a:lnTo>
                    <a:pt x="0" y="122"/>
                  </a:lnTo>
                  <a:lnTo>
                    <a:pt x="8" y="141"/>
                  </a:lnTo>
                  <a:lnTo>
                    <a:pt x="20" y="168"/>
                  </a:lnTo>
                  <a:lnTo>
                    <a:pt x="20" y="178"/>
                  </a:lnTo>
                  <a:lnTo>
                    <a:pt x="13" y="183"/>
                  </a:lnTo>
                  <a:lnTo>
                    <a:pt x="22" y="190"/>
                  </a:lnTo>
                  <a:lnTo>
                    <a:pt x="15" y="195"/>
                  </a:lnTo>
                  <a:lnTo>
                    <a:pt x="15" y="202"/>
                  </a:lnTo>
                  <a:lnTo>
                    <a:pt x="28" y="205"/>
                  </a:lnTo>
                  <a:lnTo>
                    <a:pt x="28" y="207"/>
                  </a:lnTo>
                  <a:lnTo>
                    <a:pt x="28" y="209"/>
                  </a:lnTo>
                  <a:lnTo>
                    <a:pt x="28" y="210"/>
                  </a:lnTo>
                  <a:lnTo>
                    <a:pt x="28" y="212"/>
                  </a:lnTo>
                  <a:lnTo>
                    <a:pt x="28" y="214"/>
                  </a:lnTo>
                  <a:lnTo>
                    <a:pt x="28" y="215"/>
                  </a:lnTo>
                  <a:lnTo>
                    <a:pt x="30" y="217"/>
                  </a:lnTo>
                  <a:lnTo>
                    <a:pt x="35" y="219"/>
                  </a:lnTo>
                  <a:lnTo>
                    <a:pt x="39" y="220"/>
                  </a:lnTo>
                  <a:lnTo>
                    <a:pt x="42" y="224"/>
                  </a:lnTo>
                  <a:lnTo>
                    <a:pt x="45" y="227"/>
                  </a:lnTo>
                  <a:lnTo>
                    <a:pt x="49" y="232"/>
                  </a:lnTo>
                  <a:lnTo>
                    <a:pt x="52" y="239"/>
                  </a:lnTo>
                  <a:lnTo>
                    <a:pt x="54" y="244"/>
                  </a:lnTo>
                  <a:lnTo>
                    <a:pt x="57" y="251"/>
                  </a:lnTo>
                  <a:lnTo>
                    <a:pt x="59" y="258"/>
                  </a:lnTo>
                  <a:lnTo>
                    <a:pt x="61" y="263"/>
                  </a:lnTo>
                  <a:lnTo>
                    <a:pt x="62" y="269"/>
                  </a:lnTo>
                  <a:lnTo>
                    <a:pt x="64" y="275"/>
                  </a:lnTo>
                  <a:lnTo>
                    <a:pt x="64" y="278"/>
                  </a:lnTo>
                  <a:lnTo>
                    <a:pt x="66" y="281"/>
                  </a:lnTo>
                  <a:lnTo>
                    <a:pt x="66" y="283"/>
                  </a:lnTo>
                  <a:lnTo>
                    <a:pt x="66" y="285"/>
                  </a:lnTo>
                  <a:lnTo>
                    <a:pt x="74" y="288"/>
                  </a:lnTo>
                  <a:lnTo>
                    <a:pt x="74" y="300"/>
                  </a:lnTo>
                  <a:lnTo>
                    <a:pt x="86" y="300"/>
                  </a:lnTo>
                  <a:lnTo>
                    <a:pt x="88" y="313"/>
                  </a:lnTo>
                  <a:lnTo>
                    <a:pt x="94" y="313"/>
                  </a:lnTo>
                  <a:lnTo>
                    <a:pt x="113" y="313"/>
                  </a:lnTo>
                  <a:lnTo>
                    <a:pt x="113" y="315"/>
                  </a:lnTo>
                  <a:lnTo>
                    <a:pt x="101" y="337"/>
                  </a:lnTo>
                  <a:lnTo>
                    <a:pt x="101" y="349"/>
                  </a:lnTo>
                  <a:lnTo>
                    <a:pt x="93" y="359"/>
                  </a:lnTo>
                  <a:lnTo>
                    <a:pt x="94" y="359"/>
                  </a:lnTo>
                  <a:lnTo>
                    <a:pt x="94" y="368"/>
                  </a:lnTo>
                  <a:lnTo>
                    <a:pt x="88" y="373"/>
                  </a:lnTo>
                  <a:lnTo>
                    <a:pt x="86" y="383"/>
                  </a:lnTo>
                  <a:lnTo>
                    <a:pt x="89" y="401"/>
                  </a:lnTo>
                  <a:lnTo>
                    <a:pt x="89" y="403"/>
                  </a:lnTo>
                  <a:lnTo>
                    <a:pt x="88" y="405"/>
                  </a:lnTo>
                  <a:lnTo>
                    <a:pt x="86" y="408"/>
                  </a:lnTo>
                  <a:lnTo>
                    <a:pt x="79" y="410"/>
                  </a:lnTo>
                  <a:lnTo>
                    <a:pt x="76" y="413"/>
                  </a:lnTo>
                  <a:lnTo>
                    <a:pt x="74" y="417"/>
                  </a:lnTo>
                  <a:lnTo>
                    <a:pt x="72" y="422"/>
                  </a:lnTo>
                  <a:lnTo>
                    <a:pt x="72" y="427"/>
                  </a:lnTo>
                  <a:lnTo>
                    <a:pt x="74" y="430"/>
                  </a:lnTo>
                  <a:lnTo>
                    <a:pt x="74" y="434"/>
                  </a:lnTo>
                  <a:lnTo>
                    <a:pt x="74" y="435"/>
                  </a:lnTo>
                  <a:lnTo>
                    <a:pt x="69" y="437"/>
                  </a:lnTo>
                  <a:lnTo>
                    <a:pt x="69" y="445"/>
                  </a:lnTo>
                  <a:lnTo>
                    <a:pt x="78" y="449"/>
                  </a:lnTo>
                  <a:lnTo>
                    <a:pt x="86" y="457"/>
                  </a:lnTo>
                  <a:lnTo>
                    <a:pt x="101" y="452"/>
                  </a:lnTo>
                  <a:lnTo>
                    <a:pt x="116" y="439"/>
                  </a:lnTo>
                  <a:lnTo>
                    <a:pt x="123" y="437"/>
                  </a:lnTo>
                  <a:lnTo>
                    <a:pt x="125" y="435"/>
                  </a:lnTo>
                  <a:lnTo>
                    <a:pt x="125" y="434"/>
                  </a:lnTo>
                  <a:lnTo>
                    <a:pt x="127" y="434"/>
                  </a:lnTo>
                  <a:lnTo>
                    <a:pt x="128" y="435"/>
                  </a:lnTo>
                  <a:lnTo>
                    <a:pt x="130" y="439"/>
                  </a:lnTo>
                  <a:lnTo>
                    <a:pt x="132" y="447"/>
                  </a:lnTo>
                  <a:lnTo>
                    <a:pt x="132" y="457"/>
                  </a:lnTo>
                  <a:lnTo>
                    <a:pt x="132" y="471"/>
                  </a:lnTo>
                  <a:lnTo>
                    <a:pt x="132" y="481"/>
                  </a:lnTo>
                  <a:lnTo>
                    <a:pt x="133" y="489"/>
                  </a:lnTo>
                  <a:lnTo>
                    <a:pt x="135" y="496"/>
                  </a:lnTo>
                  <a:lnTo>
                    <a:pt x="137" y="503"/>
                  </a:lnTo>
                  <a:lnTo>
                    <a:pt x="138" y="506"/>
                  </a:lnTo>
                  <a:lnTo>
                    <a:pt x="140" y="508"/>
                  </a:lnTo>
                  <a:lnTo>
                    <a:pt x="142" y="510"/>
                  </a:lnTo>
                  <a:lnTo>
                    <a:pt x="145" y="518"/>
                  </a:lnTo>
                  <a:lnTo>
                    <a:pt x="147" y="523"/>
                  </a:lnTo>
                  <a:lnTo>
                    <a:pt x="149" y="528"/>
                  </a:lnTo>
                  <a:lnTo>
                    <a:pt x="149" y="530"/>
                  </a:lnTo>
                  <a:lnTo>
                    <a:pt x="147" y="533"/>
                  </a:lnTo>
                  <a:lnTo>
                    <a:pt x="147" y="535"/>
                  </a:lnTo>
                  <a:lnTo>
                    <a:pt x="145" y="537"/>
                  </a:lnTo>
                  <a:lnTo>
                    <a:pt x="144" y="542"/>
                  </a:lnTo>
                  <a:lnTo>
                    <a:pt x="145" y="545"/>
                  </a:lnTo>
                  <a:lnTo>
                    <a:pt x="147" y="549"/>
                  </a:lnTo>
                  <a:lnTo>
                    <a:pt x="150" y="552"/>
                  </a:lnTo>
                  <a:lnTo>
                    <a:pt x="154" y="554"/>
                  </a:lnTo>
                  <a:lnTo>
                    <a:pt x="157" y="555"/>
                  </a:lnTo>
                  <a:lnTo>
                    <a:pt x="159" y="555"/>
                  </a:lnTo>
                  <a:lnTo>
                    <a:pt x="160" y="555"/>
                  </a:lnTo>
                  <a:lnTo>
                    <a:pt x="172" y="574"/>
                  </a:lnTo>
                  <a:lnTo>
                    <a:pt x="172" y="576"/>
                  </a:lnTo>
                  <a:lnTo>
                    <a:pt x="174" y="579"/>
                  </a:lnTo>
                  <a:lnTo>
                    <a:pt x="174" y="586"/>
                  </a:lnTo>
                  <a:lnTo>
                    <a:pt x="174" y="593"/>
                  </a:lnTo>
                  <a:lnTo>
                    <a:pt x="176" y="599"/>
                  </a:lnTo>
                  <a:lnTo>
                    <a:pt x="176" y="605"/>
                  </a:lnTo>
                  <a:lnTo>
                    <a:pt x="177" y="610"/>
                  </a:lnTo>
                  <a:lnTo>
                    <a:pt x="177" y="611"/>
                  </a:lnTo>
                  <a:lnTo>
                    <a:pt x="181" y="616"/>
                  </a:lnTo>
                  <a:lnTo>
                    <a:pt x="184" y="620"/>
                  </a:lnTo>
                  <a:lnTo>
                    <a:pt x="186" y="620"/>
                  </a:lnTo>
                  <a:lnTo>
                    <a:pt x="188" y="620"/>
                  </a:lnTo>
                  <a:lnTo>
                    <a:pt x="189" y="616"/>
                  </a:lnTo>
                  <a:lnTo>
                    <a:pt x="191" y="615"/>
                  </a:lnTo>
                  <a:lnTo>
                    <a:pt x="191" y="613"/>
                  </a:lnTo>
                  <a:lnTo>
                    <a:pt x="191" y="611"/>
                  </a:lnTo>
                  <a:lnTo>
                    <a:pt x="194" y="606"/>
                  </a:lnTo>
                  <a:lnTo>
                    <a:pt x="199" y="605"/>
                  </a:lnTo>
                  <a:lnTo>
                    <a:pt x="203" y="605"/>
                  </a:lnTo>
                  <a:lnTo>
                    <a:pt x="206" y="605"/>
                  </a:lnTo>
                  <a:lnTo>
                    <a:pt x="211" y="606"/>
                  </a:lnTo>
                  <a:lnTo>
                    <a:pt x="213" y="608"/>
                  </a:lnTo>
                  <a:lnTo>
                    <a:pt x="216" y="610"/>
                  </a:lnTo>
                  <a:lnTo>
                    <a:pt x="218" y="611"/>
                  </a:lnTo>
                  <a:lnTo>
                    <a:pt x="223" y="615"/>
                  </a:lnTo>
                  <a:lnTo>
                    <a:pt x="228" y="615"/>
                  </a:lnTo>
                  <a:lnTo>
                    <a:pt x="232" y="613"/>
                  </a:lnTo>
                  <a:lnTo>
                    <a:pt x="235" y="611"/>
                  </a:lnTo>
                  <a:lnTo>
                    <a:pt x="237" y="608"/>
                  </a:lnTo>
                  <a:lnTo>
                    <a:pt x="238" y="606"/>
                  </a:lnTo>
                  <a:lnTo>
                    <a:pt x="238" y="603"/>
                  </a:lnTo>
                  <a:lnTo>
                    <a:pt x="240" y="603"/>
                  </a:lnTo>
                  <a:lnTo>
                    <a:pt x="243" y="601"/>
                  </a:lnTo>
                  <a:lnTo>
                    <a:pt x="245" y="601"/>
                  </a:lnTo>
                  <a:lnTo>
                    <a:pt x="247" y="603"/>
                  </a:lnTo>
                  <a:lnTo>
                    <a:pt x="248" y="605"/>
                  </a:lnTo>
                  <a:lnTo>
                    <a:pt x="250" y="606"/>
                  </a:lnTo>
                  <a:lnTo>
                    <a:pt x="250" y="608"/>
                  </a:lnTo>
                  <a:lnTo>
                    <a:pt x="252" y="610"/>
                  </a:lnTo>
                  <a:lnTo>
                    <a:pt x="252" y="611"/>
                  </a:lnTo>
                  <a:lnTo>
                    <a:pt x="257" y="611"/>
                  </a:lnTo>
                  <a:lnTo>
                    <a:pt x="277" y="608"/>
                  </a:lnTo>
                  <a:lnTo>
                    <a:pt x="284" y="613"/>
                  </a:lnTo>
                  <a:lnTo>
                    <a:pt x="296" y="613"/>
                  </a:lnTo>
                  <a:lnTo>
                    <a:pt x="311" y="611"/>
                  </a:lnTo>
                  <a:lnTo>
                    <a:pt x="318" y="594"/>
                  </a:lnTo>
                  <a:lnTo>
                    <a:pt x="328" y="594"/>
                  </a:lnTo>
                  <a:lnTo>
                    <a:pt x="335" y="615"/>
                  </a:lnTo>
                  <a:lnTo>
                    <a:pt x="345" y="630"/>
                  </a:lnTo>
                  <a:lnTo>
                    <a:pt x="358" y="56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45" name="Freeform 118"/>
            <p:cNvSpPr>
              <a:spLocks/>
            </p:cNvSpPr>
            <p:nvPr/>
          </p:nvSpPr>
          <p:spPr bwMode="auto">
            <a:xfrm>
              <a:off x="528" y="1726"/>
              <a:ext cx="609" cy="942"/>
            </a:xfrm>
            <a:custGeom>
              <a:avLst/>
              <a:gdLst>
                <a:gd name="T0" fmla="*/ 0 w 626"/>
                <a:gd name="T1" fmla="*/ 243 h 970"/>
                <a:gd name="T2" fmla="*/ 64 w 626"/>
                <a:gd name="T3" fmla="*/ 2 h 970"/>
                <a:gd name="T4" fmla="*/ 82 w 626"/>
                <a:gd name="T5" fmla="*/ 8 h 970"/>
                <a:gd name="T6" fmla="*/ 99 w 626"/>
                <a:gd name="T7" fmla="*/ 15 h 970"/>
                <a:gd name="T8" fmla="*/ 116 w 626"/>
                <a:gd name="T9" fmla="*/ 17 h 970"/>
                <a:gd name="T10" fmla="*/ 131 w 626"/>
                <a:gd name="T11" fmla="*/ 17 h 970"/>
                <a:gd name="T12" fmla="*/ 148 w 626"/>
                <a:gd name="T13" fmla="*/ 18 h 970"/>
                <a:gd name="T14" fmla="*/ 162 w 626"/>
                <a:gd name="T15" fmla="*/ 25 h 970"/>
                <a:gd name="T16" fmla="*/ 177 w 626"/>
                <a:gd name="T17" fmla="*/ 30 h 970"/>
                <a:gd name="T18" fmla="*/ 189 w 626"/>
                <a:gd name="T19" fmla="*/ 35 h 970"/>
                <a:gd name="T20" fmla="*/ 201 w 626"/>
                <a:gd name="T21" fmla="*/ 37 h 970"/>
                <a:gd name="T22" fmla="*/ 213 w 626"/>
                <a:gd name="T23" fmla="*/ 39 h 970"/>
                <a:gd name="T24" fmla="*/ 221 w 626"/>
                <a:gd name="T25" fmla="*/ 41 h 970"/>
                <a:gd name="T26" fmla="*/ 229 w 626"/>
                <a:gd name="T27" fmla="*/ 43 h 970"/>
                <a:gd name="T28" fmla="*/ 235 w 626"/>
                <a:gd name="T29" fmla="*/ 44 h 970"/>
                <a:gd name="T30" fmla="*/ 239 w 626"/>
                <a:gd name="T31" fmla="*/ 44 h 970"/>
                <a:gd name="T32" fmla="*/ 243 w 626"/>
                <a:gd name="T33" fmla="*/ 45 h 970"/>
                <a:gd name="T34" fmla="*/ 243 w 626"/>
                <a:gd name="T35" fmla="*/ 45 h 970"/>
                <a:gd name="T36" fmla="*/ 425 w 626"/>
                <a:gd name="T37" fmla="*/ 83 h 970"/>
                <a:gd name="T38" fmla="*/ 334 w 626"/>
                <a:gd name="T39" fmla="*/ 552 h 970"/>
                <a:gd name="T40" fmla="*/ 332 w 626"/>
                <a:gd name="T41" fmla="*/ 555 h 970"/>
                <a:gd name="T42" fmla="*/ 330 w 626"/>
                <a:gd name="T43" fmla="*/ 564 h 970"/>
                <a:gd name="T44" fmla="*/ 323 w 626"/>
                <a:gd name="T45" fmla="*/ 570 h 970"/>
                <a:gd name="T46" fmla="*/ 315 w 626"/>
                <a:gd name="T47" fmla="*/ 566 h 970"/>
                <a:gd name="T48" fmla="*/ 313 w 626"/>
                <a:gd name="T49" fmla="*/ 564 h 970"/>
                <a:gd name="T50" fmla="*/ 313 w 626"/>
                <a:gd name="T51" fmla="*/ 562 h 970"/>
                <a:gd name="T52" fmla="*/ 311 w 626"/>
                <a:gd name="T53" fmla="*/ 557 h 970"/>
                <a:gd name="T54" fmla="*/ 305 w 626"/>
                <a:gd name="T55" fmla="*/ 555 h 970"/>
                <a:gd name="T56" fmla="*/ 303 w 626"/>
                <a:gd name="T57" fmla="*/ 555 h 970"/>
                <a:gd name="T58" fmla="*/ 302 w 626"/>
                <a:gd name="T59" fmla="*/ 554 h 970"/>
                <a:gd name="T60" fmla="*/ 298 w 626"/>
                <a:gd name="T61" fmla="*/ 554 h 970"/>
                <a:gd name="T62" fmla="*/ 297 w 626"/>
                <a:gd name="T63" fmla="*/ 555 h 970"/>
                <a:gd name="T64" fmla="*/ 294 w 626"/>
                <a:gd name="T65" fmla="*/ 555 h 970"/>
                <a:gd name="T66" fmla="*/ 289 w 626"/>
                <a:gd name="T67" fmla="*/ 555 h 970"/>
                <a:gd name="T68" fmla="*/ 286 w 626"/>
                <a:gd name="T69" fmla="*/ 555 h 970"/>
                <a:gd name="T70" fmla="*/ 285 w 626"/>
                <a:gd name="T71" fmla="*/ 559 h 970"/>
                <a:gd name="T72" fmla="*/ 285 w 626"/>
                <a:gd name="T73" fmla="*/ 562 h 970"/>
                <a:gd name="T74" fmla="*/ 286 w 626"/>
                <a:gd name="T75" fmla="*/ 566 h 970"/>
                <a:gd name="T76" fmla="*/ 286 w 626"/>
                <a:gd name="T77" fmla="*/ 572 h 970"/>
                <a:gd name="T78" fmla="*/ 286 w 626"/>
                <a:gd name="T79" fmla="*/ 580 h 970"/>
                <a:gd name="T80" fmla="*/ 288 w 626"/>
                <a:gd name="T81" fmla="*/ 587 h 970"/>
                <a:gd name="T82" fmla="*/ 286 w 626"/>
                <a:gd name="T83" fmla="*/ 596 h 970"/>
                <a:gd name="T84" fmla="*/ 285 w 626"/>
                <a:gd name="T85" fmla="*/ 602 h 970"/>
                <a:gd name="T86" fmla="*/ 282 w 626"/>
                <a:gd name="T87" fmla="*/ 607 h 970"/>
                <a:gd name="T88" fmla="*/ 282 w 626"/>
                <a:gd name="T89" fmla="*/ 612 h 970"/>
                <a:gd name="T90" fmla="*/ 282 w 626"/>
                <a:gd name="T91" fmla="*/ 620 h 970"/>
                <a:gd name="T92" fmla="*/ 282 w 626"/>
                <a:gd name="T93" fmla="*/ 629 h 970"/>
                <a:gd name="T94" fmla="*/ 281 w 626"/>
                <a:gd name="T95" fmla="*/ 637 h 970"/>
                <a:gd name="T96" fmla="*/ 279 w 626"/>
                <a:gd name="T97" fmla="*/ 637 h 970"/>
                <a:gd name="T98" fmla="*/ 276 w 626"/>
                <a:gd name="T99" fmla="*/ 640 h 970"/>
                <a:gd name="T100" fmla="*/ 273 w 626"/>
                <a:gd name="T101" fmla="*/ 643 h 970"/>
                <a:gd name="T102" fmla="*/ 272 w 626"/>
                <a:gd name="T103" fmla="*/ 644 h 970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w 626"/>
                <a:gd name="T157" fmla="*/ 0 h 970"/>
                <a:gd name="T158" fmla="*/ 626 w 626"/>
                <a:gd name="T159" fmla="*/ 970 h 970"/>
              </a:gdLst>
              <a:ahLst/>
              <a:cxnLst>
                <a:cxn ang="T104">
                  <a:pos x="T0" y="T1"/>
                </a:cxn>
                <a:cxn ang="T105">
                  <a:pos x="T2" y="T3"/>
                </a:cxn>
                <a:cxn ang="T106">
                  <a:pos x="T4" y="T5"/>
                </a:cxn>
                <a:cxn ang="T107">
                  <a:pos x="T6" y="T7"/>
                </a:cxn>
                <a:cxn ang="T108">
                  <a:pos x="T8" y="T9"/>
                </a:cxn>
                <a:cxn ang="T109">
                  <a:pos x="T10" y="T11"/>
                </a:cxn>
                <a:cxn ang="T110">
                  <a:pos x="T12" y="T13"/>
                </a:cxn>
                <a:cxn ang="T111">
                  <a:pos x="T14" y="T15"/>
                </a:cxn>
                <a:cxn ang="T112">
                  <a:pos x="T16" y="T17"/>
                </a:cxn>
                <a:cxn ang="T113">
                  <a:pos x="T18" y="T19"/>
                </a:cxn>
                <a:cxn ang="T114">
                  <a:pos x="T20" y="T21"/>
                </a:cxn>
                <a:cxn ang="T115">
                  <a:pos x="T22" y="T23"/>
                </a:cxn>
                <a:cxn ang="T116">
                  <a:pos x="T24" y="T25"/>
                </a:cxn>
                <a:cxn ang="T117">
                  <a:pos x="T26" y="T27"/>
                </a:cxn>
                <a:cxn ang="T118">
                  <a:pos x="T28" y="T29"/>
                </a:cxn>
                <a:cxn ang="T119">
                  <a:pos x="T30" y="T31"/>
                </a:cxn>
                <a:cxn ang="T120">
                  <a:pos x="T32" y="T33"/>
                </a:cxn>
                <a:cxn ang="T121">
                  <a:pos x="T34" y="T35"/>
                </a:cxn>
                <a:cxn ang="T122">
                  <a:pos x="T36" y="T37"/>
                </a:cxn>
                <a:cxn ang="T123">
                  <a:pos x="T38" y="T39"/>
                </a:cxn>
                <a:cxn ang="T124">
                  <a:pos x="T40" y="T41"/>
                </a:cxn>
                <a:cxn ang="T125">
                  <a:pos x="T42" y="T43"/>
                </a:cxn>
                <a:cxn ang="T126">
                  <a:pos x="T44" y="T45"/>
                </a:cxn>
                <a:cxn ang="T127">
                  <a:pos x="T46" y="T47"/>
                </a:cxn>
                <a:cxn ang="T128">
                  <a:pos x="T48" y="T49"/>
                </a:cxn>
                <a:cxn ang="T129">
                  <a:pos x="T50" y="T51"/>
                </a:cxn>
                <a:cxn ang="T130">
                  <a:pos x="T52" y="T53"/>
                </a:cxn>
                <a:cxn ang="T131">
                  <a:pos x="T54" y="T55"/>
                </a:cxn>
                <a:cxn ang="T132">
                  <a:pos x="T56" y="T57"/>
                </a:cxn>
                <a:cxn ang="T133">
                  <a:pos x="T58" y="T59"/>
                </a:cxn>
                <a:cxn ang="T134">
                  <a:pos x="T60" y="T61"/>
                </a:cxn>
                <a:cxn ang="T135">
                  <a:pos x="T62" y="T63"/>
                </a:cxn>
                <a:cxn ang="T136">
                  <a:pos x="T64" y="T65"/>
                </a:cxn>
                <a:cxn ang="T137">
                  <a:pos x="T66" y="T67"/>
                </a:cxn>
                <a:cxn ang="T138">
                  <a:pos x="T68" y="T69"/>
                </a:cxn>
                <a:cxn ang="T139">
                  <a:pos x="T70" y="T71"/>
                </a:cxn>
                <a:cxn ang="T140">
                  <a:pos x="T72" y="T73"/>
                </a:cxn>
                <a:cxn ang="T141">
                  <a:pos x="T74" y="T75"/>
                </a:cxn>
                <a:cxn ang="T142">
                  <a:pos x="T76" y="T77"/>
                </a:cxn>
                <a:cxn ang="T143">
                  <a:pos x="T78" y="T79"/>
                </a:cxn>
                <a:cxn ang="T144">
                  <a:pos x="T80" y="T81"/>
                </a:cxn>
                <a:cxn ang="T145">
                  <a:pos x="T82" y="T83"/>
                </a:cxn>
                <a:cxn ang="T146">
                  <a:pos x="T84" y="T85"/>
                </a:cxn>
                <a:cxn ang="T147">
                  <a:pos x="T86" y="T87"/>
                </a:cxn>
                <a:cxn ang="T148">
                  <a:pos x="T88" y="T89"/>
                </a:cxn>
                <a:cxn ang="T149">
                  <a:pos x="T90" y="T91"/>
                </a:cxn>
                <a:cxn ang="T150">
                  <a:pos x="T92" y="T93"/>
                </a:cxn>
                <a:cxn ang="T151">
                  <a:pos x="T94" y="T95"/>
                </a:cxn>
                <a:cxn ang="T152">
                  <a:pos x="T96" y="T97"/>
                </a:cxn>
                <a:cxn ang="T153">
                  <a:pos x="T98" y="T99"/>
                </a:cxn>
                <a:cxn ang="T154">
                  <a:pos x="T100" y="T101"/>
                </a:cxn>
                <a:cxn ang="T155">
                  <a:pos x="T102" y="T103"/>
                </a:cxn>
              </a:cxnLst>
              <a:rect l="T156" t="T157" r="T158" b="T159"/>
              <a:pathLst>
                <a:path w="626" h="970">
                  <a:moveTo>
                    <a:pt x="400" y="970"/>
                  </a:moveTo>
                  <a:lnTo>
                    <a:pt x="0" y="366"/>
                  </a:lnTo>
                  <a:lnTo>
                    <a:pt x="95" y="0"/>
                  </a:lnTo>
                  <a:lnTo>
                    <a:pt x="93" y="2"/>
                  </a:lnTo>
                  <a:lnTo>
                    <a:pt x="107" y="5"/>
                  </a:lnTo>
                  <a:lnTo>
                    <a:pt x="120" y="8"/>
                  </a:lnTo>
                  <a:lnTo>
                    <a:pt x="132" y="12"/>
                  </a:lnTo>
                  <a:lnTo>
                    <a:pt x="146" y="15"/>
                  </a:lnTo>
                  <a:lnTo>
                    <a:pt x="158" y="19"/>
                  </a:lnTo>
                  <a:lnTo>
                    <a:pt x="170" y="20"/>
                  </a:lnTo>
                  <a:lnTo>
                    <a:pt x="183" y="24"/>
                  </a:lnTo>
                  <a:lnTo>
                    <a:pt x="193" y="27"/>
                  </a:lnTo>
                  <a:lnTo>
                    <a:pt x="205" y="30"/>
                  </a:lnTo>
                  <a:lnTo>
                    <a:pt x="217" y="32"/>
                  </a:lnTo>
                  <a:lnTo>
                    <a:pt x="229" y="36"/>
                  </a:lnTo>
                  <a:lnTo>
                    <a:pt x="239" y="39"/>
                  </a:lnTo>
                  <a:lnTo>
                    <a:pt x="249" y="41"/>
                  </a:lnTo>
                  <a:lnTo>
                    <a:pt x="259" y="44"/>
                  </a:lnTo>
                  <a:lnTo>
                    <a:pt x="269" y="46"/>
                  </a:lnTo>
                  <a:lnTo>
                    <a:pt x="278" y="49"/>
                  </a:lnTo>
                  <a:lnTo>
                    <a:pt x="288" y="51"/>
                  </a:lnTo>
                  <a:lnTo>
                    <a:pt x="296" y="52"/>
                  </a:lnTo>
                  <a:lnTo>
                    <a:pt x="303" y="54"/>
                  </a:lnTo>
                  <a:lnTo>
                    <a:pt x="312" y="56"/>
                  </a:lnTo>
                  <a:lnTo>
                    <a:pt x="318" y="58"/>
                  </a:lnTo>
                  <a:lnTo>
                    <a:pt x="325" y="59"/>
                  </a:lnTo>
                  <a:lnTo>
                    <a:pt x="330" y="61"/>
                  </a:lnTo>
                  <a:lnTo>
                    <a:pt x="337" y="63"/>
                  </a:lnTo>
                  <a:lnTo>
                    <a:pt x="340" y="64"/>
                  </a:lnTo>
                  <a:lnTo>
                    <a:pt x="346" y="66"/>
                  </a:lnTo>
                  <a:lnTo>
                    <a:pt x="349" y="66"/>
                  </a:lnTo>
                  <a:lnTo>
                    <a:pt x="352" y="66"/>
                  </a:lnTo>
                  <a:lnTo>
                    <a:pt x="354" y="68"/>
                  </a:lnTo>
                  <a:lnTo>
                    <a:pt x="357" y="68"/>
                  </a:lnTo>
                  <a:lnTo>
                    <a:pt x="626" y="125"/>
                  </a:lnTo>
                  <a:lnTo>
                    <a:pt x="508" y="741"/>
                  </a:lnTo>
                  <a:lnTo>
                    <a:pt x="491" y="831"/>
                  </a:lnTo>
                  <a:lnTo>
                    <a:pt x="491" y="833"/>
                  </a:lnTo>
                  <a:lnTo>
                    <a:pt x="489" y="836"/>
                  </a:lnTo>
                  <a:lnTo>
                    <a:pt x="488" y="843"/>
                  </a:lnTo>
                  <a:lnTo>
                    <a:pt x="484" y="850"/>
                  </a:lnTo>
                  <a:lnTo>
                    <a:pt x="481" y="855"/>
                  </a:lnTo>
                  <a:lnTo>
                    <a:pt x="476" y="858"/>
                  </a:lnTo>
                  <a:lnTo>
                    <a:pt x="471" y="858"/>
                  </a:lnTo>
                  <a:lnTo>
                    <a:pt x="464" y="853"/>
                  </a:lnTo>
                  <a:lnTo>
                    <a:pt x="464" y="851"/>
                  </a:lnTo>
                  <a:lnTo>
                    <a:pt x="462" y="850"/>
                  </a:lnTo>
                  <a:lnTo>
                    <a:pt x="462" y="848"/>
                  </a:lnTo>
                  <a:lnTo>
                    <a:pt x="462" y="846"/>
                  </a:lnTo>
                  <a:lnTo>
                    <a:pt x="461" y="844"/>
                  </a:lnTo>
                  <a:lnTo>
                    <a:pt x="457" y="841"/>
                  </a:lnTo>
                  <a:lnTo>
                    <a:pt x="454" y="841"/>
                  </a:lnTo>
                  <a:lnTo>
                    <a:pt x="449" y="839"/>
                  </a:lnTo>
                  <a:lnTo>
                    <a:pt x="447" y="839"/>
                  </a:lnTo>
                  <a:lnTo>
                    <a:pt x="445" y="838"/>
                  </a:lnTo>
                  <a:lnTo>
                    <a:pt x="445" y="836"/>
                  </a:lnTo>
                  <a:lnTo>
                    <a:pt x="444" y="834"/>
                  </a:lnTo>
                  <a:lnTo>
                    <a:pt x="440" y="833"/>
                  </a:lnTo>
                  <a:lnTo>
                    <a:pt x="439" y="833"/>
                  </a:lnTo>
                  <a:lnTo>
                    <a:pt x="437" y="833"/>
                  </a:lnTo>
                  <a:lnTo>
                    <a:pt x="435" y="836"/>
                  </a:lnTo>
                  <a:lnTo>
                    <a:pt x="434" y="836"/>
                  </a:lnTo>
                  <a:lnTo>
                    <a:pt x="432" y="838"/>
                  </a:lnTo>
                  <a:lnTo>
                    <a:pt x="428" y="838"/>
                  </a:lnTo>
                  <a:lnTo>
                    <a:pt x="425" y="838"/>
                  </a:lnTo>
                  <a:lnTo>
                    <a:pt x="423" y="838"/>
                  </a:lnTo>
                  <a:lnTo>
                    <a:pt x="420" y="839"/>
                  </a:lnTo>
                  <a:lnTo>
                    <a:pt x="420" y="841"/>
                  </a:lnTo>
                  <a:lnTo>
                    <a:pt x="418" y="843"/>
                  </a:lnTo>
                  <a:lnTo>
                    <a:pt x="418" y="844"/>
                  </a:lnTo>
                  <a:lnTo>
                    <a:pt x="418" y="846"/>
                  </a:lnTo>
                  <a:lnTo>
                    <a:pt x="420" y="850"/>
                  </a:lnTo>
                  <a:lnTo>
                    <a:pt x="420" y="853"/>
                  </a:lnTo>
                  <a:lnTo>
                    <a:pt x="420" y="856"/>
                  </a:lnTo>
                  <a:lnTo>
                    <a:pt x="420" y="861"/>
                  </a:lnTo>
                  <a:lnTo>
                    <a:pt x="420" y="866"/>
                  </a:lnTo>
                  <a:lnTo>
                    <a:pt x="420" y="873"/>
                  </a:lnTo>
                  <a:lnTo>
                    <a:pt x="422" y="878"/>
                  </a:lnTo>
                  <a:lnTo>
                    <a:pt x="422" y="885"/>
                  </a:lnTo>
                  <a:lnTo>
                    <a:pt x="420" y="890"/>
                  </a:lnTo>
                  <a:lnTo>
                    <a:pt x="420" y="897"/>
                  </a:lnTo>
                  <a:lnTo>
                    <a:pt x="420" y="902"/>
                  </a:lnTo>
                  <a:lnTo>
                    <a:pt x="418" y="907"/>
                  </a:lnTo>
                  <a:lnTo>
                    <a:pt x="417" y="912"/>
                  </a:lnTo>
                  <a:lnTo>
                    <a:pt x="415" y="916"/>
                  </a:lnTo>
                  <a:lnTo>
                    <a:pt x="415" y="919"/>
                  </a:lnTo>
                  <a:lnTo>
                    <a:pt x="415" y="922"/>
                  </a:lnTo>
                  <a:lnTo>
                    <a:pt x="415" y="927"/>
                  </a:lnTo>
                  <a:lnTo>
                    <a:pt x="415" y="934"/>
                  </a:lnTo>
                  <a:lnTo>
                    <a:pt x="415" y="941"/>
                  </a:lnTo>
                  <a:lnTo>
                    <a:pt x="415" y="948"/>
                  </a:lnTo>
                  <a:lnTo>
                    <a:pt x="415" y="954"/>
                  </a:lnTo>
                  <a:lnTo>
                    <a:pt x="413" y="960"/>
                  </a:lnTo>
                  <a:lnTo>
                    <a:pt x="412" y="960"/>
                  </a:lnTo>
                  <a:lnTo>
                    <a:pt x="410" y="961"/>
                  </a:lnTo>
                  <a:lnTo>
                    <a:pt x="408" y="963"/>
                  </a:lnTo>
                  <a:lnTo>
                    <a:pt x="406" y="965"/>
                  </a:lnTo>
                  <a:lnTo>
                    <a:pt x="403" y="966"/>
                  </a:lnTo>
                  <a:lnTo>
                    <a:pt x="401" y="968"/>
                  </a:lnTo>
                  <a:lnTo>
                    <a:pt x="400" y="970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46" name="Freeform 119"/>
            <p:cNvSpPr>
              <a:spLocks/>
            </p:cNvSpPr>
            <p:nvPr/>
          </p:nvSpPr>
          <p:spPr bwMode="auto">
            <a:xfrm>
              <a:off x="846" y="2445"/>
              <a:ext cx="649" cy="757"/>
            </a:xfrm>
            <a:custGeom>
              <a:avLst/>
              <a:gdLst>
                <a:gd name="T0" fmla="*/ 18 w 667"/>
                <a:gd name="T1" fmla="*/ 337 h 780"/>
                <a:gd name="T2" fmla="*/ 25 w 667"/>
                <a:gd name="T3" fmla="*/ 334 h 780"/>
                <a:gd name="T4" fmla="*/ 28 w 667"/>
                <a:gd name="T5" fmla="*/ 326 h 780"/>
                <a:gd name="T6" fmla="*/ 28 w 667"/>
                <a:gd name="T7" fmla="*/ 319 h 780"/>
                <a:gd name="T8" fmla="*/ 27 w 667"/>
                <a:gd name="T9" fmla="*/ 316 h 780"/>
                <a:gd name="T10" fmla="*/ 18 w 667"/>
                <a:gd name="T11" fmla="*/ 299 h 780"/>
                <a:gd name="T12" fmla="*/ 18 w 667"/>
                <a:gd name="T13" fmla="*/ 285 h 780"/>
                <a:gd name="T14" fmla="*/ 18 w 667"/>
                <a:gd name="T15" fmla="*/ 284 h 780"/>
                <a:gd name="T16" fmla="*/ 23 w 667"/>
                <a:gd name="T17" fmla="*/ 280 h 780"/>
                <a:gd name="T18" fmla="*/ 28 w 667"/>
                <a:gd name="T19" fmla="*/ 279 h 780"/>
                <a:gd name="T20" fmla="*/ 32 w 667"/>
                <a:gd name="T21" fmla="*/ 277 h 780"/>
                <a:gd name="T22" fmla="*/ 41 w 667"/>
                <a:gd name="T23" fmla="*/ 270 h 780"/>
                <a:gd name="T24" fmla="*/ 43 w 667"/>
                <a:gd name="T25" fmla="*/ 261 h 780"/>
                <a:gd name="T26" fmla="*/ 44 w 667"/>
                <a:gd name="T27" fmla="*/ 253 h 780"/>
                <a:gd name="T28" fmla="*/ 44 w 667"/>
                <a:gd name="T29" fmla="*/ 248 h 780"/>
                <a:gd name="T30" fmla="*/ 46 w 667"/>
                <a:gd name="T31" fmla="*/ 238 h 780"/>
                <a:gd name="T32" fmla="*/ 54 w 667"/>
                <a:gd name="T33" fmla="*/ 230 h 780"/>
                <a:gd name="T34" fmla="*/ 66 w 667"/>
                <a:gd name="T35" fmla="*/ 226 h 780"/>
                <a:gd name="T36" fmla="*/ 70 w 667"/>
                <a:gd name="T37" fmla="*/ 226 h 780"/>
                <a:gd name="T38" fmla="*/ 74 w 667"/>
                <a:gd name="T39" fmla="*/ 214 h 780"/>
                <a:gd name="T40" fmla="*/ 64 w 667"/>
                <a:gd name="T41" fmla="*/ 186 h 780"/>
                <a:gd name="T42" fmla="*/ 51 w 667"/>
                <a:gd name="T43" fmla="*/ 161 h 780"/>
                <a:gd name="T44" fmla="*/ 50 w 667"/>
                <a:gd name="T45" fmla="*/ 150 h 780"/>
                <a:gd name="T46" fmla="*/ 51 w 667"/>
                <a:gd name="T47" fmla="*/ 148 h 780"/>
                <a:gd name="T48" fmla="*/ 54 w 667"/>
                <a:gd name="T49" fmla="*/ 146 h 780"/>
                <a:gd name="T50" fmla="*/ 57 w 667"/>
                <a:gd name="T51" fmla="*/ 144 h 780"/>
                <a:gd name="T52" fmla="*/ 60 w 667"/>
                <a:gd name="T53" fmla="*/ 140 h 780"/>
                <a:gd name="T54" fmla="*/ 60 w 667"/>
                <a:gd name="T55" fmla="*/ 132 h 780"/>
                <a:gd name="T56" fmla="*/ 60 w 667"/>
                <a:gd name="T57" fmla="*/ 123 h 780"/>
                <a:gd name="T58" fmla="*/ 60 w 667"/>
                <a:gd name="T59" fmla="*/ 116 h 780"/>
                <a:gd name="T60" fmla="*/ 62 w 667"/>
                <a:gd name="T61" fmla="*/ 112 h 780"/>
                <a:gd name="T62" fmla="*/ 64 w 667"/>
                <a:gd name="T63" fmla="*/ 106 h 780"/>
                <a:gd name="T64" fmla="*/ 64 w 667"/>
                <a:gd name="T65" fmla="*/ 99 h 780"/>
                <a:gd name="T66" fmla="*/ 66 w 667"/>
                <a:gd name="T67" fmla="*/ 90 h 780"/>
                <a:gd name="T68" fmla="*/ 64 w 667"/>
                <a:gd name="T69" fmla="*/ 82 h 780"/>
                <a:gd name="T70" fmla="*/ 64 w 667"/>
                <a:gd name="T71" fmla="*/ 76 h 780"/>
                <a:gd name="T72" fmla="*/ 64 w 667"/>
                <a:gd name="T73" fmla="*/ 72 h 780"/>
                <a:gd name="T74" fmla="*/ 63 w 667"/>
                <a:gd name="T75" fmla="*/ 68 h 780"/>
                <a:gd name="T76" fmla="*/ 64 w 667"/>
                <a:gd name="T77" fmla="*/ 66 h 780"/>
                <a:gd name="T78" fmla="*/ 66 w 667"/>
                <a:gd name="T79" fmla="*/ 64 h 780"/>
                <a:gd name="T80" fmla="*/ 70 w 667"/>
                <a:gd name="T81" fmla="*/ 64 h 780"/>
                <a:gd name="T82" fmla="*/ 74 w 667"/>
                <a:gd name="T83" fmla="*/ 63 h 780"/>
                <a:gd name="T84" fmla="*/ 76 w 667"/>
                <a:gd name="T85" fmla="*/ 61 h 780"/>
                <a:gd name="T86" fmla="*/ 78 w 667"/>
                <a:gd name="T87" fmla="*/ 61 h 780"/>
                <a:gd name="T88" fmla="*/ 81 w 667"/>
                <a:gd name="T89" fmla="*/ 63 h 780"/>
                <a:gd name="T90" fmla="*/ 82 w 667"/>
                <a:gd name="T91" fmla="*/ 65 h 780"/>
                <a:gd name="T92" fmla="*/ 87 w 667"/>
                <a:gd name="T93" fmla="*/ 66 h 780"/>
                <a:gd name="T94" fmla="*/ 90 w 667"/>
                <a:gd name="T95" fmla="*/ 68 h 780"/>
                <a:gd name="T96" fmla="*/ 91 w 667"/>
                <a:gd name="T97" fmla="*/ 71 h 780"/>
                <a:gd name="T98" fmla="*/ 93 w 667"/>
                <a:gd name="T99" fmla="*/ 73 h 780"/>
                <a:gd name="T100" fmla="*/ 98 w 667"/>
                <a:gd name="T101" fmla="*/ 78 h 780"/>
                <a:gd name="T102" fmla="*/ 105 w 667"/>
                <a:gd name="T103" fmla="*/ 76 h 780"/>
                <a:gd name="T104" fmla="*/ 111 w 667"/>
                <a:gd name="T105" fmla="*/ 68 h 780"/>
                <a:gd name="T106" fmla="*/ 113 w 667"/>
                <a:gd name="T107" fmla="*/ 61 h 780"/>
                <a:gd name="T108" fmla="*/ 123 w 667"/>
                <a:gd name="T109" fmla="*/ 0 h 780"/>
                <a:gd name="T110" fmla="*/ 454 w 667"/>
                <a:gd name="T111" fmla="*/ 53 h 780"/>
                <a:gd name="T112" fmla="*/ 247 w 667"/>
                <a:gd name="T113" fmla="*/ 495 h 780"/>
                <a:gd name="T114" fmla="*/ 13 w 667"/>
                <a:gd name="T115" fmla="*/ 337 h 780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667"/>
                <a:gd name="T175" fmla="*/ 0 h 780"/>
                <a:gd name="T176" fmla="*/ 667 w 667"/>
                <a:gd name="T177" fmla="*/ 780 h 780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667" h="780">
                  <a:moveTo>
                    <a:pt x="13" y="513"/>
                  </a:moveTo>
                  <a:lnTo>
                    <a:pt x="29" y="513"/>
                  </a:lnTo>
                  <a:lnTo>
                    <a:pt x="34" y="511"/>
                  </a:lnTo>
                  <a:lnTo>
                    <a:pt x="39" y="508"/>
                  </a:lnTo>
                  <a:lnTo>
                    <a:pt x="41" y="503"/>
                  </a:lnTo>
                  <a:lnTo>
                    <a:pt x="42" y="496"/>
                  </a:lnTo>
                  <a:lnTo>
                    <a:pt x="42" y="491"/>
                  </a:lnTo>
                  <a:lnTo>
                    <a:pt x="42" y="486"/>
                  </a:lnTo>
                  <a:lnTo>
                    <a:pt x="42" y="483"/>
                  </a:lnTo>
                  <a:lnTo>
                    <a:pt x="41" y="481"/>
                  </a:lnTo>
                  <a:lnTo>
                    <a:pt x="24" y="472"/>
                  </a:lnTo>
                  <a:lnTo>
                    <a:pt x="29" y="455"/>
                  </a:lnTo>
                  <a:lnTo>
                    <a:pt x="27" y="444"/>
                  </a:lnTo>
                  <a:lnTo>
                    <a:pt x="30" y="433"/>
                  </a:lnTo>
                  <a:lnTo>
                    <a:pt x="32" y="432"/>
                  </a:lnTo>
                  <a:lnTo>
                    <a:pt x="35" y="430"/>
                  </a:lnTo>
                  <a:lnTo>
                    <a:pt x="37" y="427"/>
                  </a:lnTo>
                  <a:lnTo>
                    <a:pt x="41" y="425"/>
                  </a:lnTo>
                  <a:lnTo>
                    <a:pt x="42" y="423"/>
                  </a:lnTo>
                  <a:lnTo>
                    <a:pt x="44" y="422"/>
                  </a:lnTo>
                  <a:lnTo>
                    <a:pt x="46" y="420"/>
                  </a:lnTo>
                  <a:lnTo>
                    <a:pt x="51" y="415"/>
                  </a:lnTo>
                  <a:lnTo>
                    <a:pt x="56" y="410"/>
                  </a:lnTo>
                  <a:lnTo>
                    <a:pt x="57" y="403"/>
                  </a:lnTo>
                  <a:lnTo>
                    <a:pt x="59" y="396"/>
                  </a:lnTo>
                  <a:lnTo>
                    <a:pt x="61" y="389"/>
                  </a:lnTo>
                  <a:lnTo>
                    <a:pt x="61" y="384"/>
                  </a:lnTo>
                  <a:lnTo>
                    <a:pt x="61" y="379"/>
                  </a:lnTo>
                  <a:lnTo>
                    <a:pt x="61" y="378"/>
                  </a:lnTo>
                  <a:lnTo>
                    <a:pt x="63" y="369"/>
                  </a:lnTo>
                  <a:lnTo>
                    <a:pt x="66" y="361"/>
                  </a:lnTo>
                  <a:lnTo>
                    <a:pt x="73" y="354"/>
                  </a:lnTo>
                  <a:lnTo>
                    <a:pt x="81" y="349"/>
                  </a:lnTo>
                  <a:lnTo>
                    <a:pt x="88" y="345"/>
                  </a:lnTo>
                  <a:lnTo>
                    <a:pt x="95" y="344"/>
                  </a:lnTo>
                  <a:lnTo>
                    <a:pt x="100" y="344"/>
                  </a:lnTo>
                  <a:lnTo>
                    <a:pt x="101" y="342"/>
                  </a:lnTo>
                  <a:lnTo>
                    <a:pt x="108" y="334"/>
                  </a:lnTo>
                  <a:lnTo>
                    <a:pt x="108" y="325"/>
                  </a:lnTo>
                  <a:lnTo>
                    <a:pt x="91" y="301"/>
                  </a:lnTo>
                  <a:lnTo>
                    <a:pt x="93" y="283"/>
                  </a:lnTo>
                  <a:lnTo>
                    <a:pt x="81" y="257"/>
                  </a:lnTo>
                  <a:lnTo>
                    <a:pt x="76" y="244"/>
                  </a:lnTo>
                  <a:lnTo>
                    <a:pt x="73" y="229"/>
                  </a:lnTo>
                  <a:lnTo>
                    <a:pt x="74" y="227"/>
                  </a:lnTo>
                  <a:lnTo>
                    <a:pt x="76" y="225"/>
                  </a:lnTo>
                  <a:lnTo>
                    <a:pt x="79" y="224"/>
                  </a:lnTo>
                  <a:lnTo>
                    <a:pt x="81" y="222"/>
                  </a:lnTo>
                  <a:lnTo>
                    <a:pt x="83" y="220"/>
                  </a:lnTo>
                  <a:lnTo>
                    <a:pt x="85" y="219"/>
                  </a:lnTo>
                  <a:lnTo>
                    <a:pt x="86" y="219"/>
                  </a:lnTo>
                  <a:lnTo>
                    <a:pt x="88" y="213"/>
                  </a:lnTo>
                  <a:lnTo>
                    <a:pt x="88" y="207"/>
                  </a:lnTo>
                  <a:lnTo>
                    <a:pt x="88" y="200"/>
                  </a:lnTo>
                  <a:lnTo>
                    <a:pt x="88" y="193"/>
                  </a:lnTo>
                  <a:lnTo>
                    <a:pt x="88" y="186"/>
                  </a:lnTo>
                  <a:lnTo>
                    <a:pt x="88" y="181"/>
                  </a:lnTo>
                  <a:lnTo>
                    <a:pt x="88" y="178"/>
                  </a:lnTo>
                  <a:lnTo>
                    <a:pt x="88" y="175"/>
                  </a:lnTo>
                  <a:lnTo>
                    <a:pt x="90" y="171"/>
                  </a:lnTo>
                  <a:lnTo>
                    <a:pt x="91" y="166"/>
                  </a:lnTo>
                  <a:lnTo>
                    <a:pt x="93" y="161"/>
                  </a:lnTo>
                  <a:lnTo>
                    <a:pt x="93" y="156"/>
                  </a:lnTo>
                  <a:lnTo>
                    <a:pt x="93" y="149"/>
                  </a:lnTo>
                  <a:lnTo>
                    <a:pt x="95" y="144"/>
                  </a:lnTo>
                  <a:lnTo>
                    <a:pt x="95" y="137"/>
                  </a:lnTo>
                  <a:lnTo>
                    <a:pt x="93" y="132"/>
                  </a:lnTo>
                  <a:lnTo>
                    <a:pt x="93" y="125"/>
                  </a:lnTo>
                  <a:lnTo>
                    <a:pt x="93" y="120"/>
                  </a:lnTo>
                  <a:lnTo>
                    <a:pt x="93" y="115"/>
                  </a:lnTo>
                  <a:lnTo>
                    <a:pt x="93" y="112"/>
                  </a:lnTo>
                  <a:lnTo>
                    <a:pt x="93" y="109"/>
                  </a:lnTo>
                  <a:lnTo>
                    <a:pt x="91" y="105"/>
                  </a:lnTo>
                  <a:lnTo>
                    <a:pt x="91" y="103"/>
                  </a:lnTo>
                  <a:lnTo>
                    <a:pt x="91" y="102"/>
                  </a:lnTo>
                  <a:lnTo>
                    <a:pt x="93" y="100"/>
                  </a:lnTo>
                  <a:lnTo>
                    <a:pt x="93" y="98"/>
                  </a:lnTo>
                  <a:lnTo>
                    <a:pt x="96" y="97"/>
                  </a:lnTo>
                  <a:lnTo>
                    <a:pt x="98" y="97"/>
                  </a:lnTo>
                  <a:lnTo>
                    <a:pt x="101" y="97"/>
                  </a:lnTo>
                  <a:lnTo>
                    <a:pt x="105" y="97"/>
                  </a:lnTo>
                  <a:lnTo>
                    <a:pt x="107" y="95"/>
                  </a:lnTo>
                  <a:lnTo>
                    <a:pt x="108" y="95"/>
                  </a:lnTo>
                  <a:lnTo>
                    <a:pt x="110" y="92"/>
                  </a:lnTo>
                  <a:lnTo>
                    <a:pt x="112" y="92"/>
                  </a:lnTo>
                  <a:lnTo>
                    <a:pt x="113" y="92"/>
                  </a:lnTo>
                  <a:lnTo>
                    <a:pt x="117" y="93"/>
                  </a:lnTo>
                  <a:lnTo>
                    <a:pt x="118" y="95"/>
                  </a:lnTo>
                  <a:lnTo>
                    <a:pt x="118" y="97"/>
                  </a:lnTo>
                  <a:lnTo>
                    <a:pt x="120" y="98"/>
                  </a:lnTo>
                  <a:lnTo>
                    <a:pt x="122" y="98"/>
                  </a:lnTo>
                  <a:lnTo>
                    <a:pt x="127" y="100"/>
                  </a:lnTo>
                  <a:lnTo>
                    <a:pt x="130" y="100"/>
                  </a:lnTo>
                  <a:lnTo>
                    <a:pt x="134" y="103"/>
                  </a:lnTo>
                  <a:lnTo>
                    <a:pt x="135" y="105"/>
                  </a:lnTo>
                  <a:lnTo>
                    <a:pt x="135" y="107"/>
                  </a:lnTo>
                  <a:lnTo>
                    <a:pt x="135" y="109"/>
                  </a:lnTo>
                  <a:lnTo>
                    <a:pt x="137" y="110"/>
                  </a:lnTo>
                  <a:lnTo>
                    <a:pt x="137" y="112"/>
                  </a:lnTo>
                  <a:lnTo>
                    <a:pt x="144" y="117"/>
                  </a:lnTo>
                  <a:lnTo>
                    <a:pt x="149" y="117"/>
                  </a:lnTo>
                  <a:lnTo>
                    <a:pt x="154" y="114"/>
                  </a:lnTo>
                  <a:lnTo>
                    <a:pt x="157" y="109"/>
                  </a:lnTo>
                  <a:lnTo>
                    <a:pt x="161" y="102"/>
                  </a:lnTo>
                  <a:lnTo>
                    <a:pt x="162" y="95"/>
                  </a:lnTo>
                  <a:lnTo>
                    <a:pt x="164" y="92"/>
                  </a:lnTo>
                  <a:lnTo>
                    <a:pt x="164" y="90"/>
                  </a:lnTo>
                  <a:lnTo>
                    <a:pt x="181" y="0"/>
                  </a:lnTo>
                  <a:lnTo>
                    <a:pt x="667" y="81"/>
                  </a:lnTo>
                  <a:lnTo>
                    <a:pt x="570" y="780"/>
                  </a:lnTo>
                  <a:lnTo>
                    <a:pt x="362" y="753"/>
                  </a:lnTo>
                  <a:lnTo>
                    <a:pt x="0" y="542"/>
                  </a:lnTo>
                  <a:lnTo>
                    <a:pt x="13" y="513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47" name="Freeform 120"/>
            <p:cNvSpPr>
              <a:spLocks/>
            </p:cNvSpPr>
            <p:nvPr/>
          </p:nvSpPr>
          <p:spPr bwMode="auto">
            <a:xfrm>
              <a:off x="1495" y="2036"/>
              <a:ext cx="697" cy="552"/>
            </a:xfrm>
            <a:custGeom>
              <a:avLst/>
              <a:gdLst>
                <a:gd name="T0" fmla="*/ 387 w 717"/>
                <a:gd name="T1" fmla="*/ 376 h 568"/>
                <a:gd name="T2" fmla="*/ 368 w 717"/>
                <a:gd name="T3" fmla="*/ 375 h 568"/>
                <a:gd name="T4" fmla="*/ 343 w 717"/>
                <a:gd name="T5" fmla="*/ 374 h 568"/>
                <a:gd name="T6" fmla="*/ 315 w 717"/>
                <a:gd name="T7" fmla="*/ 372 h 568"/>
                <a:gd name="T8" fmla="*/ 285 w 717"/>
                <a:gd name="T9" fmla="*/ 369 h 568"/>
                <a:gd name="T10" fmla="*/ 252 w 717"/>
                <a:gd name="T11" fmla="*/ 364 h 568"/>
                <a:gd name="T12" fmla="*/ 219 w 717"/>
                <a:gd name="T13" fmla="*/ 362 h 568"/>
                <a:gd name="T14" fmla="*/ 185 w 717"/>
                <a:gd name="T15" fmla="*/ 359 h 568"/>
                <a:gd name="T16" fmla="*/ 152 w 717"/>
                <a:gd name="T17" fmla="*/ 354 h 568"/>
                <a:gd name="T18" fmla="*/ 119 w 717"/>
                <a:gd name="T19" fmla="*/ 351 h 568"/>
                <a:gd name="T20" fmla="*/ 89 w 717"/>
                <a:gd name="T21" fmla="*/ 347 h 568"/>
                <a:gd name="T22" fmla="*/ 63 w 717"/>
                <a:gd name="T23" fmla="*/ 344 h 568"/>
                <a:gd name="T24" fmla="*/ 42 w 717"/>
                <a:gd name="T25" fmla="*/ 342 h 568"/>
                <a:gd name="T26" fmla="*/ 17 w 717"/>
                <a:gd name="T27" fmla="*/ 340 h 568"/>
                <a:gd name="T28" fmla="*/ 11 w 717"/>
                <a:gd name="T29" fmla="*/ 336 h 568"/>
                <a:gd name="T30" fmla="*/ 1 w 717"/>
                <a:gd name="T31" fmla="*/ 336 h 568"/>
                <a:gd name="T32" fmla="*/ 45 w 717"/>
                <a:gd name="T33" fmla="*/ 0 h 568"/>
                <a:gd name="T34" fmla="*/ 49 w 717"/>
                <a:gd name="T35" fmla="*/ 2 h 568"/>
                <a:gd name="T36" fmla="*/ 63 w 717"/>
                <a:gd name="T37" fmla="*/ 5 h 568"/>
                <a:gd name="T38" fmla="*/ 79 w 717"/>
                <a:gd name="T39" fmla="*/ 7 h 568"/>
                <a:gd name="T40" fmla="*/ 99 w 717"/>
                <a:gd name="T41" fmla="*/ 10 h 568"/>
                <a:gd name="T42" fmla="*/ 122 w 717"/>
                <a:gd name="T43" fmla="*/ 15 h 568"/>
                <a:gd name="T44" fmla="*/ 149 w 717"/>
                <a:gd name="T45" fmla="*/ 17 h 568"/>
                <a:gd name="T46" fmla="*/ 177 w 717"/>
                <a:gd name="T47" fmla="*/ 17 h 568"/>
                <a:gd name="T48" fmla="*/ 205 w 717"/>
                <a:gd name="T49" fmla="*/ 17 h 568"/>
                <a:gd name="T50" fmla="*/ 233 w 717"/>
                <a:gd name="T51" fmla="*/ 20 h 568"/>
                <a:gd name="T52" fmla="*/ 261 w 717"/>
                <a:gd name="T53" fmla="*/ 23 h 568"/>
                <a:gd name="T54" fmla="*/ 286 w 717"/>
                <a:gd name="T55" fmla="*/ 26 h 568"/>
                <a:gd name="T56" fmla="*/ 308 w 717"/>
                <a:gd name="T57" fmla="*/ 32 h 568"/>
                <a:gd name="T58" fmla="*/ 327 w 717"/>
                <a:gd name="T59" fmla="*/ 33 h 568"/>
                <a:gd name="T60" fmla="*/ 341 w 717"/>
                <a:gd name="T61" fmla="*/ 37 h 568"/>
                <a:gd name="T62" fmla="*/ 350 w 717"/>
                <a:gd name="T63" fmla="*/ 38 h 568"/>
                <a:gd name="T64" fmla="*/ 355 w 717"/>
                <a:gd name="T65" fmla="*/ 38 h 568"/>
                <a:gd name="T66" fmla="*/ 483 w 717"/>
                <a:gd name="T67" fmla="*/ 44 h 568"/>
                <a:gd name="T68" fmla="*/ 459 w 717"/>
                <a:gd name="T69" fmla="*/ 381 h 568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w 717"/>
                <a:gd name="T106" fmla="*/ 0 h 568"/>
                <a:gd name="T107" fmla="*/ 717 w 717"/>
                <a:gd name="T108" fmla="*/ 568 h 568"/>
              </a:gdLst>
              <a:ahLst/>
              <a:cxnLst>
                <a:cxn ang="T70">
                  <a:pos x="T0" y="T1"/>
                </a:cxn>
                <a:cxn ang="T71">
                  <a:pos x="T2" y="T3"/>
                </a:cxn>
                <a:cxn ang="T72">
                  <a:pos x="T4" y="T5"/>
                </a:cxn>
                <a:cxn ang="T73">
                  <a:pos x="T6" y="T7"/>
                </a:cxn>
                <a:cxn ang="T74">
                  <a:pos x="T8" y="T9"/>
                </a:cxn>
                <a:cxn ang="T75">
                  <a:pos x="T10" y="T11"/>
                </a:cxn>
                <a:cxn ang="T76">
                  <a:pos x="T12" y="T13"/>
                </a:cxn>
                <a:cxn ang="T77">
                  <a:pos x="T14" y="T15"/>
                </a:cxn>
                <a:cxn ang="T78">
                  <a:pos x="T16" y="T17"/>
                </a:cxn>
                <a:cxn ang="T79">
                  <a:pos x="T18" y="T19"/>
                </a:cxn>
                <a:cxn ang="T80">
                  <a:pos x="T20" y="T21"/>
                </a:cxn>
                <a:cxn ang="T81">
                  <a:pos x="T22" y="T23"/>
                </a:cxn>
                <a:cxn ang="T82">
                  <a:pos x="T24" y="T25"/>
                </a:cxn>
                <a:cxn ang="T83">
                  <a:pos x="T26" y="T27"/>
                </a:cxn>
                <a:cxn ang="T84">
                  <a:pos x="T28" y="T29"/>
                </a:cxn>
                <a:cxn ang="T85">
                  <a:pos x="T30" y="T31"/>
                </a:cxn>
                <a:cxn ang="T86">
                  <a:pos x="T32" y="T33"/>
                </a:cxn>
                <a:cxn ang="T87">
                  <a:pos x="T34" y="T35"/>
                </a:cxn>
                <a:cxn ang="T88">
                  <a:pos x="T36" y="T37"/>
                </a:cxn>
                <a:cxn ang="T89">
                  <a:pos x="T38" y="T39"/>
                </a:cxn>
                <a:cxn ang="T90">
                  <a:pos x="T40" y="T41"/>
                </a:cxn>
                <a:cxn ang="T91">
                  <a:pos x="T42" y="T43"/>
                </a:cxn>
                <a:cxn ang="T92">
                  <a:pos x="T44" y="T45"/>
                </a:cxn>
                <a:cxn ang="T93">
                  <a:pos x="T46" y="T47"/>
                </a:cxn>
                <a:cxn ang="T94">
                  <a:pos x="T48" y="T49"/>
                </a:cxn>
                <a:cxn ang="T95">
                  <a:pos x="T50" y="T51"/>
                </a:cxn>
                <a:cxn ang="T96">
                  <a:pos x="T52" y="T53"/>
                </a:cxn>
                <a:cxn ang="T97">
                  <a:pos x="T54" y="T55"/>
                </a:cxn>
                <a:cxn ang="T98">
                  <a:pos x="T56" y="T57"/>
                </a:cxn>
                <a:cxn ang="T99">
                  <a:pos x="T58" y="T59"/>
                </a:cxn>
                <a:cxn ang="T100">
                  <a:pos x="T60" y="T61"/>
                </a:cxn>
                <a:cxn ang="T101">
                  <a:pos x="T62" y="T63"/>
                </a:cxn>
                <a:cxn ang="T102">
                  <a:pos x="T64" y="T65"/>
                </a:cxn>
                <a:cxn ang="T103">
                  <a:pos x="T66" y="T67"/>
                </a:cxn>
                <a:cxn ang="T104">
                  <a:pos x="T68" y="T69"/>
                </a:cxn>
              </a:cxnLst>
              <a:rect l="T105" t="T106" r="T107" b="T108"/>
              <a:pathLst>
                <a:path w="717" h="568">
                  <a:moveTo>
                    <a:pt x="587" y="562"/>
                  </a:moveTo>
                  <a:lnTo>
                    <a:pt x="575" y="562"/>
                  </a:lnTo>
                  <a:lnTo>
                    <a:pt x="561" y="562"/>
                  </a:lnTo>
                  <a:lnTo>
                    <a:pt x="546" y="560"/>
                  </a:lnTo>
                  <a:lnTo>
                    <a:pt x="528" y="560"/>
                  </a:lnTo>
                  <a:lnTo>
                    <a:pt x="509" y="558"/>
                  </a:lnTo>
                  <a:lnTo>
                    <a:pt x="489" y="557"/>
                  </a:lnTo>
                  <a:lnTo>
                    <a:pt x="468" y="555"/>
                  </a:lnTo>
                  <a:lnTo>
                    <a:pt x="446" y="552"/>
                  </a:lnTo>
                  <a:lnTo>
                    <a:pt x="423" y="550"/>
                  </a:lnTo>
                  <a:lnTo>
                    <a:pt x="399" y="548"/>
                  </a:lnTo>
                  <a:lnTo>
                    <a:pt x="374" y="545"/>
                  </a:lnTo>
                  <a:lnTo>
                    <a:pt x="350" y="543"/>
                  </a:lnTo>
                  <a:lnTo>
                    <a:pt x="325" y="540"/>
                  </a:lnTo>
                  <a:lnTo>
                    <a:pt x="299" y="538"/>
                  </a:lnTo>
                  <a:lnTo>
                    <a:pt x="274" y="535"/>
                  </a:lnTo>
                  <a:lnTo>
                    <a:pt x="250" y="531"/>
                  </a:lnTo>
                  <a:lnTo>
                    <a:pt x="225" y="530"/>
                  </a:lnTo>
                  <a:lnTo>
                    <a:pt x="201" y="526"/>
                  </a:lnTo>
                  <a:lnTo>
                    <a:pt x="177" y="523"/>
                  </a:lnTo>
                  <a:lnTo>
                    <a:pt x="155" y="521"/>
                  </a:lnTo>
                  <a:lnTo>
                    <a:pt x="133" y="518"/>
                  </a:lnTo>
                  <a:lnTo>
                    <a:pt x="113" y="516"/>
                  </a:lnTo>
                  <a:lnTo>
                    <a:pt x="93" y="513"/>
                  </a:lnTo>
                  <a:lnTo>
                    <a:pt x="74" y="511"/>
                  </a:lnTo>
                  <a:lnTo>
                    <a:pt x="59" y="509"/>
                  </a:lnTo>
                  <a:lnTo>
                    <a:pt x="44" y="508"/>
                  </a:lnTo>
                  <a:lnTo>
                    <a:pt x="30" y="506"/>
                  </a:lnTo>
                  <a:lnTo>
                    <a:pt x="20" y="504"/>
                  </a:lnTo>
                  <a:lnTo>
                    <a:pt x="11" y="502"/>
                  </a:lnTo>
                  <a:lnTo>
                    <a:pt x="5" y="502"/>
                  </a:lnTo>
                  <a:lnTo>
                    <a:pt x="1" y="502"/>
                  </a:lnTo>
                  <a:lnTo>
                    <a:pt x="0" y="502"/>
                  </a:lnTo>
                  <a:lnTo>
                    <a:pt x="66" y="0"/>
                  </a:lnTo>
                  <a:lnTo>
                    <a:pt x="69" y="2"/>
                  </a:lnTo>
                  <a:lnTo>
                    <a:pt x="74" y="2"/>
                  </a:lnTo>
                  <a:lnTo>
                    <a:pt x="83" y="3"/>
                  </a:lnTo>
                  <a:lnTo>
                    <a:pt x="93" y="5"/>
                  </a:lnTo>
                  <a:lnTo>
                    <a:pt x="103" y="5"/>
                  </a:lnTo>
                  <a:lnTo>
                    <a:pt x="116" y="7"/>
                  </a:lnTo>
                  <a:lnTo>
                    <a:pt x="132" y="8"/>
                  </a:lnTo>
                  <a:lnTo>
                    <a:pt x="147" y="10"/>
                  </a:lnTo>
                  <a:lnTo>
                    <a:pt x="164" y="13"/>
                  </a:lnTo>
                  <a:lnTo>
                    <a:pt x="182" y="15"/>
                  </a:lnTo>
                  <a:lnTo>
                    <a:pt x="201" y="17"/>
                  </a:lnTo>
                  <a:lnTo>
                    <a:pt x="221" y="18"/>
                  </a:lnTo>
                  <a:lnTo>
                    <a:pt x="242" y="22"/>
                  </a:lnTo>
                  <a:lnTo>
                    <a:pt x="262" y="24"/>
                  </a:lnTo>
                  <a:lnTo>
                    <a:pt x="282" y="27"/>
                  </a:lnTo>
                  <a:lnTo>
                    <a:pt x="304" y="29"/>
                  </a:lnTo>
                  <a:lnTo>
                    <a:pt x="325" y="30"/>
                  </a:lnTo>
                  <a:lnTo>
                    <a:pt x="347" y="34"/>
                  </a:lnTo>
                  <a:lnTo>
                    <a:pt x="367" y="35"/>
                  </a:lnTo>
                  <a:lnTo>
                    <a:pt x="387" y="37"/>
                  </a:lnTo>
                  <a:lnTo>
                    <a:pt x="406" y="39"/>
                  </a:lnTo>
                  <a:lnTo>
                    <a:pt x="424" y="40"/>
                  </a:lnTo>
                  <a:lnTo>
                    <a:pt x="441" y="44"/>
                  </a:lnTo>
                  <a:lnTo>
                    <a:pt x="457" y="46"/>
                  </a:lnTo>
                  <a:lnTo>
                    <a:pt x="472" y="47"/>
                  </a:lnTo>
                  <a:lnTo>
                    <a:pt x="485" y="47"/>
                  </a:lnTo>
                  <a:lnTo>
                    <a:pt x="497" y="49"/>
                  </a:lnTo>
                  <a:lnTo>
                    <a:pt x="507" y="51"/>
                  </a:lnTo>
                  <a:lnTo>
                    <a:pt x="516" y="51"/>
                  </a:lnTo>
                  <a:lnTo>
                    <a:pt x="521" y="52"/>
                  </a:lnTo>
                  <a:lnTo>
                    <a:pt x="526" y="52"/>
                  </a:lnTo>
                  <a:lnTo>
                    <a:pt x="524" y="52"/>
                  </a:lnTo>
                  <a:lnTo>
                    <a:pt x="717" y="64"/>
                  </a:lnTo>
                  <a:lnTo>
                    <a:pt x="710" y="189"/>
                  </a:lnTo>
                  <a:lnTo>
                    <a:pt x="683" y="568"/>
                  </a:lnTo>
                  <a:lnTo>
                    <a:pt x="587" y="562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48" name="Freeform 121"/>
            <p:cNvSpPr>
              <a:spLocks/>
            </p:cNvSpPr>
            <p:nvPr/>
          </p:nvSpPr>
          <p:spPr bwMode="auto">
            <a:xfrm>
              <a:off x="1401" y="2524"/>
              <a:ext cx="665" cy="694"/>
            </a:xfrm>
            <a:custGeom>
              <a:avLst/>
              <a:gdLst>
                <a:gd name="T0" fmla="*/ 60 w 684"/>
                <a:gd name="T1" fmla="*/ 470 h 715"/>
                <a:gd name="T2" fmla="*/ 65 w 684"/>
                <a:gd name="T3" fmla="*/ 433 h 715"/>
                <a:gd name="T4" fmla="*/ 182 w 684"/>
                <a:gd name="T5" fmla="*/ 449 h 715"/>
                <a:gd name="T6" fmla="*/ 177 w 684"/>
                <a:gd name="T7" fmla="*/ 439 h 715"/>
                <a:gd name="T8" fmla="*/ 177 w 684"/>
                <a:gd name="T9" fmla="*/ 428 h 715"/>
                <a:gd name="T10" fmla="*/ 426 w 684"/>
                <a:gd name="T11" fmla="*/ 452 h 715"/>
                <a:gd name="T12" fmla="*/ 459 w 684"/>
                <a:gd name="T13" fmla="*/ 80 h 715"/>
                <a:gd name="T14" fmla="*/ 461 w 684"/>
                <a:gd name="T15" fmla="*/ 41 h 715"/>
                <a:gd name="T16" fmla="*/ 453 w 684"/>
                <a:gd name="T17" fmla="*/ 41 h 715"/>
                <a:gd name="T18" fmla="*/ 444 w 684"/>
                <a:gd name="T19" fmla="*/ 41 h 715"/>
                <a:gd name="T20" fmla="*/ 434 w 684"/>
                <a:gd name="T21" fmla="*/ 40 h 715"/>
                <a:gd name="T22" fmla="*/ 422 w 684"/>
                <a:gd name="T23" fmla="*/ 40 h 715"/>
                <a:gd name="T24" fmla="*/ 409 w 684"/>
                <a:gd name="T25" fmla="*/ 39 h 715"/>
                <a:gd name="T26" fmla="*/ 395 w 684"/>
                <a:gd name="T27" fmla="*/ 39 h 715"/>
                <a:gd name="T28" fmla="*/ 380 w 684"/>
                <a:gd name="T29" fmla="*/ 38 h 715"/>
                <a:gd name="T30" fmla="*/ 367 w 684"/>
                <a:gd name="T31" fmla="*/ 36 h 715"/>
                <a:gd name="T32" fmla="*/ 350 w 684"/>
                <a:gd name="T33" fmla="*/ 34 h 715"/>
                <a:gd name="T34" fmla="*/ 334 w 684"/>
                <a:gd name="T35" fmla="*/ 32 h 715"/>
                <a:gd name="T36" fmla="*/ 318 w 684"/>
                <a:gd name="T37" fmla="*/ 29 h 715"/>
                <a:gd name="T38" fmla="*/ 301 w 684"/>
                <a:gd name="T39" fmla="*/ 27 h 715"/>
                <a:gd name="T40" fmla="*/ 285 w 684"/>
                <a:gd name="T41" fmla="*/ 24 h 715"/>
                <a:gd name="T42" fmla="*/ 266 w 684"/>
                <a:gd name="T43" fmla="*/ 22 h 715"/>
                <a:gd name="T44" fmla="*/ 251 w 684"/>
                <a:gd name="T45" fmla="*/ 19 h 715"/>
                <a:gd name="T46" fmla="*/ 234 w 684"/>
                <a:gd name="T47" fmla="*/ 17 h 715"/>
                <a:gd name="T48" fmla="*/ 217 w 684"/>
                <a:gd name="T49" fmla="*/ 17 h 715"/>
                <a:gd name="T50" fmla="*/ 201 w 684"/>
                <a:gd name="T51" fmla="*/ 17 h 715"/>
                <a:gd name="T52" fmla="*/ 185 w 684"/>
                <a:gd name="T53" fmla="*/ 17 h 715"/>
                <a:gd name="T54" fmla="*/ 170 w 684"/>
                <a:gd name="T55" fmla="*/ 17 h 715"/>
                <a:gd name="T56" fmla="*/ 155 w 684"/>
                <a:gd name="T57" fmla="*/ 16 h 715"/>
                <a:gd name="T58" fmla="*/ 142 w 684"/>
                <a:gd name="T59" fmla="*/ 14 h 715"/>
                <a:gd name="T60" fmla="*/ 128 w 684"/>
                <a:gd name="T61" fmla="*/ 11 h 715"/>
                <a:gd name="T62" fmla="*/ 116 w 684"/>
                <a:gd name="T63" fmla="*/ 9 h 715"/>
                <a:gd name="T64" fmla="*/ 106 w 684"/>
                <a:gd name="T65" fmla="*/ 7 h 715"/>
                <a:gd name="T66" fmla="*/ 95 w 684"/>
                <a:gd name="T67" fmla="*/ 6 h 715"/>
                <a:gd name="T68" fmla="*/ 85 w 684"/>
                <a:gd name="T69" fmla="*/ 4 h 715"/>
                <a:gd name="T70" fmla="*/ 79 w 684"/>
                <a:gd name="T71" fmla="*/ 2 h 715"/>
                <a:gd name="T72" fmla="*/ 73 w 684"/>
                <a:gd name="T73" fmla="*/ 0 h 715"/>
                <a:gd name="T74" fmla="*/ 69 w 684"/>
                <a:gd name="T75" fmla="*/ 0 h 715"/>
                <a:gd name="T76" fmla="*/ 67 w 684"/>
                <a:gd name="T77" fmla="*/ 0 h 715"/>
                <a:gd name="T78" fmla="*/ 66 w 684"/>
                <a:gd name="T79" fmla="*/ 0 h 715"/>
                <a:gd name="T80" fmla="*/ 66 w 684"/>
                <a:gd name="T81" fmla="*/ 0 h 715"/>
                <a:gd name="T82" fmla="*/ 66 w 684"/>
                <a:gd name="T83" fmla="*/ 0 h 715"/>
                <a:gd name="T84" fmla="*/ 0 w 684"/>
                <a:gd name="T85" fmla="*/ 460 h 715"/>
                <a:gd name="T86" fmla="*/ 60 w 684"/>
                <a:gd name="T87" fmla="*/ 470 h 715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w 684"/>
                <a:gd name="T133" fmla="*/ 0 h 715"/>
                <a:gd name="T134" fmla="*/ 684 w 684"/>
                <a:gd name="T135" fmla="*/ 715 h 715"/>
              </a:gdLst>
              <a:ahLst/>
              <a:cxnLst>
                <a:cxn ang="T88">
                  <a:pos x="T0" y="T1"/>
                </a:cxn>
                <a:cxn ang="T89">
                  <a:pos x="T2" y="T3"/>
                </a:cxn>
                <a:cxn ang="T90">
                  <a:pos x="T4" y="T5"/>
                </a:cxn>
                <a:cxn ang="T91">
                  <a:pos x="T6" y="T7"/>
                </a:cxn>
                <a:cxn ang="T92">
                  <a:pos x="T8" y="T9"/>
                </a:cxn>
                <a:cxn ang="T93">
                  <a:pos x="T10" y="T11"/>
                </a:cxn>
                <a:cxn ang="T94">
                  <a:pos x="T12" y="T13"/>
                </a:cxn>
                <a:cxn ang="T95">
                  <a:pos x="T14" y="T15"/>
                </a:cxn>
                <a:cxn ang="T96">
                  <a:pos x="T16" y="T17"/>
                </a:cxn>
                <a:cxn ang="T97">
                  <a:pos x="T18" y="T19"/>
                </a:cxn>
                <a:cxn ang="T98">
                  <a:pos x="T20" y="T21"/>
                </a:cxn>
                <a:cxn ang="T99">
                  <a:pos x="T22" y="T23"/>
                </a:cxn>
                <a:cxn ang="T100">
                  <a:pos x="T24" y="T25"/>
                </a:cxn>
                <a:cxn ang="T101">
                  <a:pos x="T26" y="T27"/>
                </a:cxn>
                <a:cxn ang="T102">
                  <a:pos x="T28" y="T29"/>
                </a:cxn>
                <a:cxn ang="T103">
                  <a:pos x="T30" y="T31"/>
                </a:cxn>
                <a:cxn ang="T104">
                  <a:pos x="T32" y="T33"/>
                </a:cxn>
                <a:cxn ang="T105">
                  <a:pos x="T34" y="T35"/>
                </a:cxn>
                <a:cxn ang="T106">
                  <a:pos x="T36" y="T37"/>
                </a:cxn>
                <a:cxn ang="T107">
                  <a:pos x="T38" y="T39"/>
                </a:cxn>
                <a:cxn ang="T108">
                  <a:pos x="T40" y="T41"/>
                </a:cxn>
                <a:cxn ang="T109">
                  <a:pos x="T42" y="T43"/>
                </a:cxn>
                <a:cxn ang="T110">
                  <a:pos x="T44" y="T45"/>
                </a:cxn>
                <a:cxn ang="T111">
                  <a:pos x="T46" y="T47"/>
                </a:cxn>
                <a:cxn ang="T112">
                  <a:pos x="T48" y="T49"/>
                </a:cxn>
                <a:cxn ang="T113">
                  <a:pos x="T50" y="T51"/>
                </a:cxn>
                <a:cxn ang="T114">
                  <a:pos x="T52" y="T53"/>
                </a:cxn>
                <a:cxn ang="T115">
                  <a:pos x="T54" y="T55"/>
                </a:cxn>
                <a:cxn ang="T116">
                  <a:pos x="T56" y="T57"/>
                </a:cxn>
                <a:cxn ang="T117">
                  <a:pos x="T58" y="T59"/>
                </a:cxn>
                <a:cxn ang="T118">
                  <a:pos x="T60" y="T61"/>
                </a:cxn>
                <a:cxn ang="T119">
                  <a:pos x="T62" y="T63"/>
                </a:cxn>
                <a:cxn ang="T120">
                  <a:pos x="T64" y="T65"/>
                </a:cxn>
                <a:cxn ang="T121">
                  <a:pos x="T66" y="T67"/>
                </a:cxn>
                <a:cxn ang="T122">
                  <a:pos x="T68" y="T69"/>
                </a:cxn>
                <a:cxn ang="T123">
                  <a:pos x="T70" y="T71"/>
                </a:cxn>
                <a:cxn ang="T124">
                  <a:pos x="T72" y="T73"/>
                </a:cxn>
                <a:cxn ang="T125">
                  <a:pos x="T74" y="T75"/>
                </a:cxn>
                <a:cxn ang="T126">
                  <a:pos x="T76" y="T77"/>
                </a:cxn>
                <a:cxn ang="T127">
                  <a:pos x="T78" y="T79"/>
                </a:cxn>
                <a:cxn ang="T128">
                  <a:pos x="T80" y="T81"/>
                </a:cxn>
                <a:cxn ang="T129">
                  <a:pos x="T82" y="T83"/>
                </a:cxn>
                <a:cxn ang="T130">
                  <a:pos x="T84" y="T85"/>
                </a:cxn>
                <a:cxn ang="T131">
                  <a:pos x="T86" y="T87"/>
                </a:cxn>
              </a:cxnLst>
              <a:rect l="T132" t="T133" r="T134" b="T135"/>
              <a:pathLst>
                <a:path w="684" h="715">
                  <a:moveTo>
                    <a:pt x="88" y="715"/>
                  </a:moveTo>
                  <a:lnTo>
                    <a:pt x="95" y="657"/>
                  </a:lnTo>
                  <a:lnTo>
                    <a:pt x="268" y="681"/>
                  </a:lnTo>
                  <a:lnTo>
                    <a:pt x="262" y="666"/>
                  </a:lnTo>
                  <a:lnTo>
                    <a:pt x="262" y="649"/>
                  </a:lnTo>
                  <a:lnTo>
                    <a:pt x="633" y="686"/>
                  </a:lnTo>
                  <a:lnTo>
                    <a:pt x="679" y="121"/>
                  </a:lnTo>
                  <a:lnTo>
                    <a:pt x="684" y="60"/>
                  </a:lnTo>
                  <a:lnTo>
                    <a:pt x="672" y="60"/>
                  </a:lnTo>
                  <a:lnTo>
                    <a:pt x="658" y="60"/>
                  </a:lnTo>
                  <a:lnTo>
                    <a:pt x="643" y="58"/>
                  </a:lnTo>
                  <a:lnTo>
                    <a:pt x="625" y="58"/>
                  </a:lnTo>
                  <a:lnTo>
                    <a:pt x="606" y="56"/>
                  </a:lnTo>
                  <a:lnTo>
                    <a:pt x="586" y="55"/>
                  </a:lnTo>
                  <a:lnTo>
                    <a:pt x="565" y="53"/>
                  </a:lnTo>
                  <a:lnTo>
                    <a:pt x="543" y="50"/>
                  </a:lnTo>
                  <a:lnTo>
                    <a:pt x="520" y="48"/>
                  </a:lnTo>
                  <a:lnTo>
                    <a:pt x="496" y="46"/>
                  </a:lnTo>
                  <a:lnTo>
                    <a:pt x="471" y="43"/>
                  </a:lnTo>
                  <a:lnTo>
                    <a:pt x="447" y="41"/>
                  </a:lnTo>
                  <a:lnTo>
                    <a:pt x="422" y="38"/>
                  </a:lnTo>
                  <a:lnTo>
                    <a:pt x="396" y="36"/>
                  </a:lnTo>
                  <a:lnTo>
                    <a:pt x="371" y="33"/>
                  </a:lnTo>
                  <a:lnTo>
                    <a:pt x="347" y="29"/>
                  </a:lnTo>
                  <a:lnTo>
                    <a:pt x="322" y="28"/>
                  </a:lnTo>
                  <a:lnTo>
                    <a:pt x="298" y="24"/>
                  </a:lnTo>
                  <a:lnTo>
                    <a:pt x="274" y="21"/>
                  </a:lnTo>
                  <a:lnTo>
                    <a:pt x="252" y="19"/>
                  </a:lnTo>
                  <a:lnTo>
                    <a:pt x="230" y="16"/>
                  </a:lnTo>
                  <a:lnTo>
                    <a:pt x="210" y="14"/>
                  </a:lnTo>
                  <a:lnTo>
                    <a:pt x="190" y="11"/>
                  </a:lnTo>
                  <a:lnTo>
                    <a:pt x="171" y="9"/>
                  </a:lnTo>
                  <a:lnTo>
                    <a:pt x="156" y="7"/>
                  </a:lnTo>
                  <a:lnTo>
                    <a:pt x="141" y="6"/>
                  </a:lnTo>
                  <a:lnTo>
                    <a:pt x="127" y="4"/>
                  </a:lnTo>
                  <a:lnTo>
                    <a:pt x="117" y="2"/>
                  </a:lnTo>
                  <a:lnTo>
                    <a:pt x="108" y="0"/>
                  </a:lnTo>
                  <a:lnTo>
                    <a:pt x="102" y="0"/>
                  </a:lnTo>
                  <a:lnTo>
                    <a:pt x="98" y="0"/>
                  </a:lnTo>
                  <a:lnTo>
                    <a:pt x="97" y="0"/>
                  </a:lnTo>
                  <a:lnTo>
                    <a:pt x="0" y="699"/>
                  </a:lnTo>
                  <a:lnTo>
                    <a:pt x="88" y="715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49" name="Freeform 122"/>
            <p:cNvSpPr>
              <a:spLocks/>
            </p:cNvSpPr>
            <p:nvPr/>
          </p:nvSpPr>
          <p:spPr bwMode="auto">
            <a:xfrm>
              <a:off x="2061" y="2582"/>
              <a:ext cx="827" cy="428"/>
            </a:xfrm>
            <a:custGeom>
              <a:avLst/>
              <a:gdLst>
                <a:gd name="T0" fmla="*/ 203 w 851"/>
                <a:gd name="T1" fmla="*/ 212 h 441"/>
                <a:gd name="T2" fmla="*/ 234 w 851"/>
                <a:gd name="T3" fmla="*/ 228 h 441"/>
                <a:gd name="T4" fmla="*/ 266 w 851"/>
                <a:gd name="T5" fmla="*/ 242 h 441"/>
                <a:gd name="T6" fmla="*/ 271 w 851"/>
                <a:gd name="T7" fmla="*/ 245 h 441"/>
                <a:gd name="T8" fmla="*/ 277 w 851"/>
                <a:gd name="T9" fmla="*/ 248 h 441"/>
                <a:gd name="T10" fmla="*/ 285 w 851"/>
                <a:gd name="T11" fmla="*/ 247 h 441"/>
                <a:gd name="T12" fmla="*/ 297 w 851"/>
                <a:gd name="T13" fmla="*/ 248 h 441"/>
                <a:gd name="T14" fmla="*/ 303 w 851"/>
                <a:gd name="T15" fmla="*/ 255 h 441"/>
                <a:gd name="T16" fmla="*/ 315 w 851"/>
                <a:gd name="T17" fmla="*/ 251 h 441"/>
                <a:gd name="T18" fmla="*/ 332 w 851"/>
                <a:gd name="T19" fmla="*/ 257 h 441"/>
                <a:gd name="T20" fmla="*/ 347 w 851"/>
                <a:gd name="T21" fmla="*/ 264 h 441"/>
                <a:gd name="T22" fmla="*/ 367 w 851"/>
                <a:gd name="T23" fmla="*/ 271 h 441"/>
                <a:gd name="T24" fmla="*/ 367 w 851"/>
                <a:gd name="T25" fmla="*/ 273 h 441"/>
                <a:gd name="T26" fmla="*/ 369 w 851"/>
                <a:gd name="T27" fmla="*/ 278 h 441"/>
                <a:gd name="T28" fmla="*/ 380 w 851"/>
                <a:gd name="T29" fmla="*/ 271 h 441"/>
                <a:gd name="T30" fmla="*/ 384 w 851"/>
                <a:gd name="T31" fmla="*/ 265 h 441"/>
                <a:gd name="T32" fmla="*/ 385 w 851"/>
                <a:gd name="T33" fmla="*/ 272 h 441"/>
                <a:gd name="T34" fmla="*/ 389 w 851"/>
                <a:gd name="T35" fmla="*/ 283 h 441"/>
                <a:gd name="T36" fmla="*/ 392 w 851"/>
                <a:gd name="T37" fmla="*/ 280 h 441"/>
                <a:gd name="T38" fmla="*/ 392 w 851"/>
                <a:gd name="T39" fmla="*/ 276 h 441"/>
                <a:gd name="T40" fmla="*/ 425 w 851"/>
                <a:gd name="T41" fmla="*/ 269 h 441"/>
                <a:gd name="T42" fmla="*/ 423 w 851"/>
                <a:gd name="T43" fmla="*/ 270 h 441"/>
                <a:gd name="T44" fmla="*/ 425 w 851"/>
                <a:gd name="T45" fmla="*/ 275 h 441"/>
                <a:gd name="T46" fmla="*/ 438 w 851"/>
                <a:gd name="T47" fmla="*/ 280 h 441"/>
                <a:gd name="T48" fmla="*/ 446 w 851"/>
                <a:gd name="T49" fmla="*/ 286 h 441"/>
                <a:gd name="T50" fmla="*/ 452 w 851"/>
                <a:gd name="T51" fmla="*/ 282 h 441"/>
                <a:gd name="T52" fmla="*/ 465 w 851"/>
                <a:gd name="T53" fmla="*/ 272 h 441"/>
                <a:gd name="T54" fmla="*/ 476 w 851"/>
                <a:gd name="T55" fmla="*/ 273 h 441"/>
                <a:gd name="T56" fmla="*/ 479 w 851"/>
                <a:gd name="T57" fmla="*/ 279 h 441"/>
                <a:gd name="T58" fmla="*/ 479 w 851"/>
                <a:gd name="T59" fmla="*/ 279 h 441"/>
                <a:gd name="T60" fmla="*/ 479 w 851"/>
                <a:gd name="T61" fmla="*/ 276 h 441"/>
                <a:gd name="T62" fmla="*/ 487 w 851"/>
                <a:gd name="T63" fmla="*/ 269 h 441"/>
                <a:gd name="T64" fmla="*/ 489 w 851"/>
                <a:gd name="T65" fmla="*/ 264 h 441"/>
                <a:gd name="T66" fmla="*/ 492 w 851"/>
                <a:gd name="T67" fmla="*/ 269 h 441"/>
                <a:gd name="T68" fmla="*/ 504 w 851"/>
                <a:gd name="T69" fmla="*/ 278 h 441"/>
                <a:gd name="T70" fmla="*/ 506 w 851"/>
                <a:gd name="T71" fmla="*/ 280 h 441"/>
                <a:gd name="T72" fmla="*/ 509 w 851"/>
                <a:gd name="T73" fmla="*/ 272 h 441"/>
                <a:gd name="T74" fmla="*/ 520 w 851"/>
                <a:gd name="T75" fmla="*/ 267 h 441"/>
                <a:gd name="T76" fmla="*/ 527 w 851"/>
                <a:gd name="T77" fmla="*/ 269 h 441"/>
                <a:gd name="T78" fmla="*/ 546 w 851"/>
                <a:gd name="T79" fmla="*/ 285 h 441"/>
                <a:gd name="T80" fmla="*/ 569 w 851"/>
                <a:gd name="T81" fmla="*/ 147 h 441"/>
                <a:gd name="T82" fmla="*/ 555 w 851"/>
                <a:gd name="T83" fmla="*/ 16 h 441"/>
                <a:gd name="T84" fmla="*/ 546 w 851"/>
                <a:gd name="T85" fmla="*/ 16 h 441"/>
                <a:gd name="T86" fmla="*/ 519 w 851"/>
                <a:gd name="T87" fmla="*/ 16 h 441"/>
                <a:gd name="T88" fmla="*/ 477 w 851"/>
                <a:gd name="T89" fmla="*/ 16 h 441"/>
                <a:gd name="T90" fmla="*/ 427 w 851"/>
                <a:gd name="T91" fmla="*/ 16 h 441"/>
                <a:gd name="T92" fmla="*/ 368 w 851"/>
                <a:gd name="T93" fmla="*/ 16 h 441"/>
                <a:gd name="T94" fmla="*/ 306 w 851"/>
                <a:gd name="T95" fmla="*/ 16 h 441"/>
                <a:gd name="T96" fmla="*/ 244 w 851"/>
                <a:gd name="T97" fmla="*/ 15 h 441"/>
                <a:gd name="T98" fmla="*/ 185 w 851"/>
                <a:gd name="T99" fmla="*/ 13 h 441"/>
                <a:gd name="T100" fmla="*/ 133 w 851"/>
                <a:gd name="T101" fmla="*/ 12 h 441"/>
                <a:gd name="T102" fmla="*/ 88 w 851"/>
                <a:gd name="T103" fmla="*/ 8 h 441"/>
                <a:gd name="T104" fmla="*/ 5 w 851"/>
                <a:gd name="T105" fmla="*/ 0 h 441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w 851"/>
                <a:gd name="T160" fmla="*/ 0 h 441"/>
                <a:gd name="T161" fmla="*/ 851 w 851"/>
                <a:gd name="T162" fmla="*/ 441 h 441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T159" t="T160" r="T161" b="T162"/>
              <a:pathLst>
                <a:path w="851" h="441">
                  <a:moveTo>
                    <a:pt x="303" y="79"/>
                  </a:moveTo>
                  <a:lnTo>
                    <a:pt x="294" y="320"/>
                  </a:lnTo>
                  <a:lnTo>
                    <a:pt x="303" y="321"/>
                  </a:lnTo>
                  <a:lnTo>
                    <a:pt x="326" y="345"/>
                  </a:lnTo>
                  <a:lnTo>
                    <a:pt x="335" y="338"/>
                  </a:lnTo>
                  <a:lnTo>
                    <a:pt x="350" y="347"/>
                  </a:lnTo>
                  <a:lnTo>
                    <a:pt x="359" y="335"/>
                  </a:lnTo>
                  <a:lnTo>
                    <a:pt x="379" y="369"/>
                  </a:lnTo>
                  <a:lnTo>
                    <a:pt x="397" y="369"/>
                  </a:lnTo>
                  <a:lnTo>
                    <a:pt x="399" y="369"/>
                  </a:lnTo>
                  <a:lnTo>
                    <a:pt x="401" y="370"/>
                  </a:lnTo>
                  <a:lnTo>
                    <a:pt x="404" y="372"/>
                  </a:lnTo>
                  <a:lnTo>
                    <a:pt x="408" y="374"/>
                  </a:lnTo>
                  <a:lnTo>
                    <a:pt x="411" y="375"/>
                  </a:lnTo>
                  <a:lnTo>
                    <a:pt x="414" y="377"/>
                  </a:lnTo>
                  <a:lnTo>
                    <a:pt x="418" y="379"/>
                  </a:lnTo>
                  <a:lnTo>
                    <a:pt x="419" y="379"/>
                  </a:lnTo>
                  <a:lnTo>
                    <a:pt x="426" y="374"/>
                  </a:lnTo>
                  <a:lnTo>
                    <a:pt x="431" y="372"/>
                  </a:lnTo>
                  <a:lnTo>
                    <a:pt x="438" y="374"/>
                  </a:lnTo>
                  <a:lnTo>
                    <a:pt x="443" y="377"/>
                  </a:lnTo>
                  <a:lnTo>
                    <a:pt x="447" y="380"/>
                  </a:lnTo>
                  <a:lnTo>
                    <a:pt x="450" y="386"/>
                  </a:lnTo>
                  <a:lnTo>
                    <a:pt x="452" y="387"/>
                  </a:lnTo>
                  <a:lnTo>
                    <a:pt x="453" y="389"/>
                  </a:lnTo>
                  <a:lnTo>
                    <a:pt x="458" y="379"/>
                  </a:lnTo>
                  <a:lnTo>
                    <a:pt x="469" y="382"/>
                  </a:lnTo>
                  <a:lnTo>
                    <a:pt x="484" y="377"/>
                  </a:lnTo>
                  <a:lnTo>
                    <a:pt x="484" y="391"/>
                  </a:lnTo>
                  <a:lnTo>
                    <a:pt x="496" y="392"/>
                  </a:lnTo>
                  <a:lnTo>
                    <a:pt x="499" y="406"/>
                  </a:lnTo>
                  <a:lnTo>
                    <a:pt x="511" y="411"/>
                  </a:lnTo>
                  <a:lnTo>
                    <a:pt x="518" y="401"/>
                  </a:lnTo>
                  <a:lnTo>
                    <a:pt x="529" y="397"/>
                  </a:lnTo>
                  <a:lnTo>
                    <a:pt x="540" y="408"/>
                  </a:lnTo>
                  <a:lnTo>
                    <a:pt x="548" y="411"/>
                  </a:lnTo>
                  <a:lnTo>
                    <a:pt x="548" y="413"/>
                  </a:lnTo>
                  <a:lnTo>
                    <a:pt x="548" y="414"/>
                  </a:lnTo>
                  <a:lnTo>
                    <a:pt x="548" y="416"/>
                  </a:lnTo>
                  <a:lnTo>
                    <a:pt x="548" y="418"/>
                  </a:lnTo>
                  <a:lnTo>
                    <a:pt x="550" y="419"/>
                  </a:lnTo>
                  <a:lnTo>
                    <a:pt x="551" y="421"/>
                  </a:lnTo>
                  <a:lnTo>
                    <a:pt x="555" y="419"/>
                  </a:lnTo>
                  <a:lnTo>
                    <a:pt x="562" y="416"/>
                  </a:lnTo>
                  <a:lnTo>
                    <a:pt x="567" y="411"/>
                  </a:lnTo>
                  <a:lnTo>
                    <a:pt x="570" y="408"/>
                  </a:lnTo>
                  <a:lnTo>
                    <a:pt x="572" y="406"/>
                  </a:lnTo>
                  <a:lnTo>
                    <a:pt x="572" y="404"/>
                  </a:lnTo>
                  <a:lnTo>
                    <a:pt x="572" y="408"/>
                  </a:lnTo>
                  <a:lnTo>
                    <a:pt x="573" y="413"/>
                  </a:lnTo>
                  <a:lnTo>
                    <a:pt x="575" y="419"/>
                  </a:lnTo>
                  <a:lnTo>
                    <a:pt x="579" y="428"/>
                  </a:lnTo>
                  <a:lnTo>
                    <a:pt x="580" y="431"/>
                  </a:lnTo>
                  <a:lnTo>
                    <a:pt x="584" y="431"/>
                  </a:lnTo>
                  <a:lnTo>
                    <a:pt x="584" y="430"/>
                  </a:lnTo>
                  <a:lnTo>
                    <a:pt x="585" y="426"/>
                  </a:lnTo>
                  <a:lnTo>
                    <a:pt x="585" y="424"/>
                  </a:lnTo>
                  <a:lnTo>
                    <a:pt x="585" y="421"/>
                  </a:lnTo>
                  <a:lnTo>
                    <a:pt x="585" y="419"/>
                  </a:lnTo>
                  <a:lnTo>
                    <a:pt x="602" y="406"/>
                  </a:lnTo>
                  <a:lnTo>
                    <a:pt x="616" y="416"/>
                  </a:lnTo>
                  <a:lnTo>
                    <a:pt x="633" y="408"/>
                  </a:lnTo>
                  <a:lnTo>
                    <a:pt x="631" y="409"/>
                  </a:lnTo>
                  <a:lnTo>
                    <a:pt x="631" y="413"/>
                  </a:lnTo>
                  <a:lnTo>
                    <a:pt x="633" y="414"/>
                  </a:lnTo>
                  <a:lnTo>
                    <a:pt x="634" y="418"/>
                  </a:lnTo>
                  <a:lnTo>
                    <a:pt x="639" y="421"/>
                  </a:lnTo>
                  <a:lnTo>
                    <a:pt x="646" y="424"/>
                  </a:lnTo>
                  <a:lnTo>
                    <a:pt x="653" y="428"/>
                  </a:lnTo>
                  <a:lnTo>
                    <a:pt x="658" y="431"/>
                  </a:lnTo>
                  <a:lnTo>
                    <a:pt x="661" y="433"/>
                  </a:lnTo>
                  <a:lnTo>
                    <a:pt x="665" y="435"/>
                  </a:lnTo>
                  <a:lnTo>
                    <a:pt x="667" y="435"/>
                  </a:lnTo>
                  <a:lnTo>
                    <a:pt x="670" y="433"/>
                  </a:lnTo>
                  <a:lnTo>
                    <a:pt x="675" y="430"/>
                  </a:lnTo>
                  <a:lnTo>
                    <a:pt x="682" y="423"/>
                  </a:lnTo>
                  <a:lnTo>
                    <a:pt x="690" y="416"/>
                  </a:lnTo>
                  <a:lnTo>
                    <a:pt x="697" y="413"/>
                  </a:lnTo>
                  <a:lnTo>
                    <a:pt x="702" y="413"/>
                  </a:lnTo>
                  <a:lnTo>
                    <a:pt x="707" y="414"/>
                  </a:lnTo>
                  <a:lnTo>
                    <a:pt x="709" y="416"/>
                  </a:lnTo>
                  <a:lnTo>
                    <a:pt x="712" y="419"/>
                  </a:lnTo>
                  <a:lnTo>
                    <a:pt x="714" y="421"/>
                  </a:lnTo>
                  <a:lnTo>
                    <a:pt x="714" y="423"/>
                  </a:lnTo>
                  <a:lnTo>
                    <a:pt x="716" y="423"/>
                  </a:lnTo>
                  <a:lnTo>
                    <a:pt x="716" y="421"/>
                  </a:lnTo>
                  <a:lnTo>
                    <a:pt x="717" y="419"/>
                  </a:lnTo>
                  <a:lnTo>
                    <a:pt x="721" y="416"/>
                  </a:lnTo>
                  <a:lnTo>
                    <a:pt x="724" y="411"/>
                  </a:lnTo>
                  <a:lnTo>
                    <a:pt x="727" y="408"/>
                  </a:lnTo>
                  <a:lnTo>
                    <a:pt x="727" y="404"/>
                  </a:lnTo>
                  <a:lnTo>
                    <a:pt x="727" y="401"/>
                  </a:lnTo>
                  <a:lnTo>
                    <a:pt x="729" y="401"/>
                  </a:lnTo>
                  <a:lnTo>
                    <a:pt x="731" y="404"/>
                  </a:lnTo>
                  <a:lnTo>
                    <a:pt x="734" y="408"/>
                  </a:lnTo>
                  <a:lnTo>
                    <a:pt x="741" y="411"/>
                  </a:lnTo>
                  <a:lnTo>
                    <a:pt x="746" y="416"/>
                  </a:lnTo>
                  <a:lnTo>
                    <a:pt x="751" y="421"/>
                  </a:lnTo>
                  <a:lnTo>
                    <a:pt x="753" y="423"/>
                  </a:lnTo>
                  <a:lnTo>
                    <a:pt x="755" y="424"/>
                  </a:lnTo>
                  <a:lnTo>
                    <a:pt x="756" y="423"/>
                  </a:lnTo>
                  <a:lnTo>
                    <a:pt x="758" y="419"/>
                  </a:lnTo>
                  <a:lnTo>
                    <a:pt x="761" y="414"/>
                  </a:lnTo>
                  <a:lnTo>
                    <a:pt x="766" y="409"/>
                  </a:lnTo>
                  <a:lnTo>
                    <a:pt x="771" y="406"/>
                  </a:lnTo>
                  <a:lnTo>
                    <a:pt x="775" y="406"/>
                  </a:lnTo>
                  <a:lnTo>
                    <a:pt x="780" y="406"/>
                  </a:lnTo>
                  <a:lnTo>
                    <a:pt x="783" y="408"/>
                  </a:lnTo>
                  <a:lnTo>
                    <a:pt x="787" y="408"/>
                  </a:lnTo>
                  <a:lnTo>
                    <a:pt x="788" y="409"/>
                  </a:lnTo>
                  <a:lnTo>
                    <a:pt x="815" y="433"/>
                  </a:lnTo>
                  <a:lnTo>
                    <a:pt x="831" y="435"/>
                  </a:lnTo>
                  <a:lnTo>
                    <a:pt x="849" y="441"/>
                  </a:lnTo>
                  <a:lnTo>
                    <a:pt x="851" y="223"/>
                  </a:lnTo>
                  <a:lnTo>
                    <a:pt x="831" y="84"/>
                  </a:lnTo>
                  <a:lnTo>
                    <a:pt x="829" y="20"/>
                  </a:lnTo>
                  <a:lnTo>
                    <a:pt x="827" y="20"/>
                  </a:lnTo>
                  <a:lnTo>
                    <a:pt x="822" y="20"/>
                  </a:lnTo>
                  <a:lnTo>
                    <a:pt x="814" y="20"/>
                  </a:lnTo>
                  <a:lnTo>
                    <a:pt x="804" y="20"/>
                  </a:lnTo>
                  <a:lnTo>
                    <a:pt x="790" y="20"/>
                  </a:lnTo>
                  <a:lnTo>
                    <a:pt x="773" y="20"/>
                  </a:lnTo>
                  <a:lnTo>
                    <a:pt x="755" y="20"/>
                  </a:lnTo>
                  <a:lnTo>
                    <a:pt x="736" y="20"/>
                  </a:lnTo>
                  <a:lnTo>
                    <a:pt x="712" y="20"/>
                  </a:lnTo>
                  <a:lnTo>
                    <a:pt x="689" y="20"/>
                  </a:lnTo>
                  <a:lnTo>
                    <a:pt x="663" y="20"/>
                  </a:lnTo>
                  <a:lnTo>
                    <a:pt x="636" y="20"/>
                  </a:lnTo>
                  <a:lnTo>
                    <a:pt x="609" y="20"/>
                  </a:lnTo>
                  <a:lnTo>
                    <a:pt x="579" y="18"/>
                  </a:lnTo>
                  <a:lnTo>
                    <a:pt x="550" y="18"/>
                  </a:lnTo>
                  <a:lnTo>
                    <a:pt x="519" y="18"/>
                  </a:lnTo>
                  <a:lnTo>
                    <a:pt x="489" y="18"/>
                  </a:lnTo>
                  <a:lnTo>
                    <a:pt x="457" y="17"/>
                  </a:lnTo>
                  <a:lnTo>
                    <a:pt x="426" y="17"/>
                  </a:lnTo>
                  <a:lnTo>
                    <a:pt x="396" y="17"/>
                  </a:lnTo>
                  <a:lnTo>
                    <a:pt x="364" y="15"/>
                  </a:lnTo>
                  <a:lnTo>
                    <a:pt x="335" y="15"/>
                  </a:lnTo>
                  <a:lnTo>
                    <a:pt x="304" y="15"/>
                  </a:lnTo>
                  <a:lnTo>
                    <a:pt x="276" y="13"/>
                  </a:lnTo>
                  <a:lnTo>
                    <a:pt x="249" y="13"/>
                  </a:lnTo>
                  <a:lnTo>
                    <a:pt x="221" y="12"/>
                  </a:lnTo>
                  <a:lnTo>
                    <a:pt x="198" y="12"/>
                  </a:lnTo>
                  <a:lnTo>
                    <a:pt x="174" y="10"/>
                  </a:lnTo>
                  <a:lnTo>
                    <a:pt x="152" y="10"/>
                  </a:lnTo>
                  <a:lnTo>
                    <a:pt x="133" y="8"/>
                  </a:lnTo>
                  <a:lnTo>
                    <a:pt x="117" y="6"/>
                  </a:lnTo>
                  <a:lnTo>
                    <a:pt x="101" y="6"/>
                  </a:lnTo>
                  <a:lnTo>
                    <a:pt x="5" y="0"/>
                  </a:lnTo>
                  <a:lnTo>
                    <a:pt x="0" y="61"/>
                  </a:lnTo>
                  <a:lnTo>
                    <a:pt x="303" y="7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50" name="Freeform 123"/>
            <p:cNvSpPr>
              <a:spLocks/>
            </p:cNvSpPr>
            <p:nvPr/>
          </p:nvSpPr>
          <p:spPr bwMode="auto">
            <a:xfrm>
              <a:off x="1658" y="2620"/>
              <a:ext cx="1334" cy="1316"/>
            </a:xfrm>
            <a:custGeom>
              <a:avLst/>
              <a:gdLst>
                <a:gd name="T0" fmla="*/ 522 w 1371"/>
                <a:gd name="T1" fmla="*/ 189 h 1355"/>
                <a:gd name="T2" fmla="*/ 569 w 1371"/>
                <a:gd name="T3" fmla="*/ 212 h 1355"/>
                <a:gd name="T4" fmla="*/ 614 w 1371"/>
                <a:gd name="T5" fmla="*/ 210 h 1355"/>
                <a:gd name="T6" fmla="*/ 658 w 1371"/>
                <a:gd name="T7" fmla="*/ 236 h 1355"/>
                <a:gd name="T8" fmla="*/ 674 w 1371"/>
                <a:gd name="T9" fmla="*/ 231 h 1355"/>
                <a:gd name="T10" fmla="*/ 695 w 1371"/>
                <a:gd name="T11" fmla="*/ 229 h 1355"/>
                <a:gd name="T12" fmla="*/ 729 w 1371"/>
                <a:gd name="T13" fmla="*/ 244 h 1355"/>
                <a:gd name="T14" fmla="*/ 767 w 1371"/>
                <a:gd name="T15" fmla="*/ 234 h 1355"/>
                <a:gd name="T16" fmla="*/ 775 w 1371"/>
                <a:gd name="T17" fmla="*/ 236 h 1355"/>
                <a:gd name="T18" fmla="*/ 796 w 1371"/>
                <a:gd name="T19" fmla="*/ 240 h 1355"/>
                <a:gd name="T20" fmla="*/ 818 w 1371"/>
                <a:gd name="T21" fmla="*/ 231 h 1355"/>
                <a:gd name="T22" fmla="*/ 894 w 1371"/>
                <a:gd name="T23" fmla="*/ 303 h 1355"/>
                <a:gd name="T24" fmla="*/ 931 w 1371"/>
                <a:gd name="T25" fmla="*/ 458 h 1355"/>
                <a:gd name="T26" fmla="*/ 923 w 1371"/>
                <a:gd name="T27" fmla="*/ 500 h 1355"/>
                <a:gd name="T28" fmla="*/ 925 w 1371"/>
                <a:gd name="T29" fmla="*/ 533 h 1355"/>
                <a:gd name="T30" fmla="*/ 913 w 1371"/>
                <a:gd name="T31" fmla="*/ 574 h 1355"/>
                <a:gd name="T32" fmla="*/ 894 w 1371"/>
                <a:gd name="T33" fmla="*/ 585 h 1355"/>
                <a:gd name="T34" fmla="*/ 867 w 1371"/>
                <a:gd name="T35" fmla="*/ 592 h 1355"/>
                <a:gd name="T36" fmla="*/ 853 w 1371"/>
                <a:gd name="T37" fmla="*/ 594 h 1355"/>
                <a:gd name="T38" fmla="*/ 853 w 1371"/>
                <a:gd name="T39" fmla="*/ 583 h 1355"/>
                <a:gd name="T40" fmla="*/ 841 w 1371"/>
                <a:gd name="T41" fmla="*/ 579 h 1355"/>
                <a:gd name="T42" fmla="*/ 833 w 1371"/>
                <a:gd name="T43" fmla="*/ 582 h 1355"/>
                <a:gd name="T44" fmla="*/ 829 w 1371"/>
                <a:gd name="T45" fmla="*/ 591 h 1355"/>
                <a:gd name="T46" fmla="*/ 840 w 1371"/>
                <a:gd name="T47" fmla="*/ 610 h 1355"/>
                <a:gd name="T48" fmla="*/ 811 w 1371"/>
                <a:gd name="T49" fmla="*/ 644 h 1355"/>
                <a:gd name="T50" fmla="*/ 773 w 1371"/>
                <a:gd name="T51" fmla="*/ 666 h 1355"/>
                <a:gd name="T52" fmla="*/ 739 w 1371"/>
                <a:gd name="T53" fmla="*/ 687 h 1355"/>
                <a:gd name="T54" fmla="*/ 770 w 1371"/>
                <a:gd name="T55" fmla="*/ 665 h 1355"/>
                <a:gd name="T56" fmla="*/ 751 w 1371"/>
                <a:gd name="T57" fmla="*/ 672 h 1355"/>
                <a:gd name="T58" fmla="*/ 747 w 1371"/>
                <a:gd name="T59" fmla="*/ 663 h 1355"/>
                <a:gd name="T60" fmla="*/ 719 w 1371"/>
                <a:gd name="T61" fmla="*/ 666 h 1355"/>
                <a:gd name="T62" fmla="*/ 729 w 1371"/>
                <a:gd name="T63" fmla="*/ 684 h 1355"/>
                <a:gd name="T64" fmla="*/ 716 w 1371"/>
                <a:gd name="T65" fmla="*/ 694 h 1355"/>
                <a:gd name="T66" fmla="*/ 704 w 1371"/>
                <a:gd name="T67" fmla="*/ 682 h 1355"/>
                <a:gd name="T68" fmla="*/ 695 w 1371"/>
                <a:gd name="T69" fmla="*/ 702 h 1355"/>
                <a:gd name="T70" fmla="*/ 684 w 1371"/>
                <a:gd name="T71" fmla="*/ 718 h 1355"/>
                <a:gd name="T72" fmla="*/ 669 w 1371"/>
                <a:gd name="T73" fmla="*/ 733 h 1355"/>
                <a:gd name="T74" fmla="*/ 654 w 1371"/>
                <a:gd name="T75" fmla="*/ 779 h 1355"/>
                <a:gd name="T76" fmla="*/ 646 w 1371"/>
                <a:gd name="T77" fmla="*/ 769 h 1355"/>
                <a:gd name="T78" fmla="*/ 653 w 1371"/>
                <a:gd name="T79" fmla="*/ 795 h 1355"/>
                <a:gd name="T80" fmla="*/ 654 w 1371"/>
                <a:gd name="T81" fmla="*/ 897 h 1355"/>
                <a:gd name="T82" fmla="*/ 623 w 1371"/>
                <a:gd name="T83" fmla="*/ 881 h 1355"/>
                <a:gd name="T84" fmla="*/ 595 w 1371"/>
                <a:gd name="T85" fmla="*/ 881 h 1355"/>
                <a:gd name="T86" fmla="*/ 535 w 1371"/>
                <a:gd name="T87" fmla="*/ 853 h 1355"/>
                <a:gd name="T88" fmla="*/ 522 w 1371"/>
                <a:gd name="T89" fmla="*/ 841 h 1355"/>
                <a:gd name="T90" fmla="*/ 509 w 1371"/>
                <a:gd name="T91" fmla="*/ 806 h 1355"/>
                <a:gd name="T92" fmla="*/ 504 w 1371"/>
                <a:gd name="T93" fmla="*/ 781 h 1355"/>
                <a:gd name="T94" fmla="*/ 487 w 1371"/>
                <a:gd name="T95" fmla="*/ 748 h 1355"/>
                <a:gd name="T96" fmla="*/ 463 w 1371"/>
                <a:gd name="T97" fmla="*/ 718 h 1355"/>
                <a:gd name="T98" fmla="*/ 444 w 1371"/>
                <a:gd name="T99" fmla="*/ 693 h 1355"/>
                <a:gd name="T100" fmla="*/ 361 w 1371"/>
                <a:gd name="T101" fmla="*/ 569 h 1355"/>
                <a:gd name="T102" fmla="*/ 323 w 1371"/>
                <a:gd name="T103" fmla="*/ 563 h 1355"/>
                <a:gd name="T104" fmla="*/ 297 w 1371"/>
                <a:gd name="T105" fmla="*/ 557 h 1355"/>
                <a:gd name="T106" fmla="*/ 282 w 1371"/>
                <a:gd name="T107" fmla="*/ 562 h 1355"/>
                <a:gd name="T108" fmla="*/ 251 w 1371"/>
                <a:gd name="T109" fmla="*/ 600 h 1355"/>
                <a:gd name="T110" fmla="*/ 238 w 1371"/>
                <a:gd name="T111" fmla="*/ 614 h 1355"/>
                <a:gd name="T112" fmla="*/ 215 w 1371"/>
                <a:gd name="T113" fmla="*/ 619 h 1355"/>
                <a:gd name="T114" fmla="*/ 177 w 1371"/>
                <a:gd name="T115" fmla="*/ 594 h 1355"/>
                <a:gd name="T116" fmla="*/ 143 w 1371"/>
                <a:gd name="T117" fmla="*/ 567 h 1355"/>
                <a:gd name="T118" fmla="*/ 124 w 1371"/>
                <a:gd name="T119" fmla="*/ 510 h 1355"/>
                <a:gd name="T120" fmla="*/ 88 w 1371"/>
                <a:gd name="T121" fmla="*/ 458 h 1355"/>
                <a:gd name="T122" fmla="*/ 6 w 1371"/>
                <a:gd name="T123" fmla="*/ 372 h 1355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w 1371"/>
                <a:gd name="T187" fmla="*/ 0 h 1355"/>
                <a:gd name="T188" fmla="*/ 1371 w 1371"/>
                <a:gd name="T189" fmla="*/ 1355 h 1355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T186" t="T187" r="T188" b="T189"/>
              <a:pathLst>
                <a:path w="1371" h="1355">
                  <a:moveTo>
                    <a:pt x="6" y="560"/>
                  </a:moveTo>
                  <a:lnTo>
                    <a:pt x="0" y="545"/>
                  </a:lnTo>
                  <a:lnTo>
                    <a:pt x="0" y="528"/>
                  </a:lnTo>
                  <a:lnTo>
                    <a:pt x="371" y="565"/>
                  </a:lnTo>
                  <a:lnTo>
                    <a:pt x="417" y="0"/>
                  </a:lnTo>
                  <a:lnTo>
                    <a:pt x="720" y="18"/>
                  </a:lnTo>
                  <a:lnTo>
                    <a:pt x="711" y="259"/>
                  </a:lnTo>
                  <a:lnTo>
                    <a:pt x="720" y="260"/>
                  </a:lnTo>
                  <a:lnTo>
                    <a:pt x="743" y="284"/>
                  </a:lnTo>
                  <a:lnTo>
                    <a:pt x="752" y="277"/>
                  </a:lnTo>
                  <a:lnTo>
                    <a:pt x="767" y="286"/>
                  </a:lnTo>
                  <a:lnTo>
                    <a:pt x="776" y="274"/>
                  </a:lnTo>
                  <a:lnTo>
                    <a:pt x="796" y="308"/>
                  </a:lnTo>
                  <a:lnTo>
                    <a:pt x="814" y="308"/>
                  </a:lnTo>
                  <a:lnTo>
                    <a:pt x="816" y="308"/>
                  </a:lnTo>
                  <a:lnTo>
                    <a:pt x="818" y="309"/>
                  </a:lnTo>
                  <a:lnTo>
                    <a:pt x="821" y="311"/>
                  </a:lnTo>
                  <a:lnTo>
                    <a:pt x="825" y="313"/>
                  </a:lnTo>
                  <a:lnTo>
                    <a:pt x="828" y="314"/>
                  </a:lnTo>
                  <a:lnTo>
                    <a:pt x="831" y="316"/>
                  </a:lnTo>
                  <a:lnTo>
                    <a:pt x="835" y="318"/>
                  </a:lnTo>
                  <a:lnTo>
                    <a:pt x="836" y="318"/>
                  </a:lnTo>
                  <a:lnTo>
                    <a:pt x="843" y="313"/>
                  </a:lnTo>
                  <a:lnTo>
                    <a:pt x="848" y="311"/>
                  </a:lnTo>
                  <a:lnTo>
                    <a:pt x="855" y="313"/>
                  </a:lnTo>
                  <a:lnTo>
                    <a:pt x="860" y="316"/>
                  </a:lnTo>
                  <a:lnTo>
                    <a:pt x="864" y="319"/>
                  </a:lnTo>
                  <a:lnTo>
                    <a:pt x="867" y="325"/>
                  </a:lnTo>
                  <a:lnTo>
                    <a:pt x="869" y="326"/>
                  </a:lnTo>
                  <a:lnTo>
                    <a:pt x="870" y="328"/>
                  </a:lnTo>
                  <a:lnTo>
                    <a:pt x="875" y="318"/>
                  </a:lnTo>
                  <a:lnTo>
                    <a:pt x="886" y="321"/>
                  </a:lnTo>
                  <a:lnTo>
                    <a:pt x="901" y="316"/>
                  </a:lnTo>
                  <a:lnTo>
                    <a:pt x="901" y="330"/>
                  </a:lnTo>
                  <a:lnTo>
                    <a:pt x="913" y="331"/>
                  </a:lnTo>
                  <a:lnTo>
                    <a:pt x="916" y="345"/>
                  </a:lnTo>
                  <a:lnTo>
                    <a:pt x="928" y="350"/>
                  </a:lnTo>
                  <a:lnTo>
                    <a:pt x="935" y="340"/>
                  </a:lnTo>
                  <a:lnTo>
                    <a:pt x="946" y="336"/>
                  </a:lnTo>
                  <a:lnTo>
                    <a:pt x="957" y="347"/>
                  </a:lnTo>
                  <a:lnTo>
                    <a:pt x="965" y="350"/>
                  </a:lnTo>
                  <a:lnTo>
                    <a:pt x="965" y="352"/>
                  </a:lnTo>
                  <a:lnTo>
                    <a:pt x="965" y="353"/>
                  </a:lnTo>
                  <a:lnTo>
                    <a:pt x="965" y="355"/>
                  </a:lnTo>
                  <a:lnTo>
                    <a:pt x="965" y="357"/>
                  </a:lnTo>
                  <a:lnTo>
                    <a:pt x="967" y="358"/>
                  </a:lnTo>
                  <a:lnTo>
                    <a:pt x="968" y="360"/>
                  </a:lnTo>
                  <a:lnTo>
                    <a:pt x="972" y="358"/>
                  </a:lnTo>
                  <a:lnTo>
                    <a:pt x="979" y="355"/>
                  </a:lnTo>
                  <a:lnTo>
                    <a:pt x="984" y="350"/>
                  </a:lnTo>
                  <a:lnTo>
                    <a:pt x="987" y="347"/>
                  </a:lnTo>
                  <a:lnTo>
                    <a:pt x="989" y="345"/>
                  </a:lnTo>
                  <a:lnTo>
                    <a:pt x="989" y="343"/>
                  </a:lnTo>
                  <a:lnTo>
                    <a:pt x="989" y="347"/>
                  </a:lnTo>
                  <a:lnTo>
                    <a:pt x="990" y="352"/>
                  </a:lnTo>
                  <a:lnTo>
                    <a:pt x="992" y="358"/>
                  </a:lnTo>
                  <a:lnTo>
                    <a:pt x="996" y="367"/>
                  </a:lnTo>
                  <a:lnTo>
                    <a:pt x="997" y="370"/>
                  </a:lnTo>
                  <a:lnTo>
                    <a:pt x="1001" y="370"/>
                  </a:lnTo>
                  <a:lnTo>
                    <a:pt x="1001" y="369"/>
                  </a:lnTo>
                  <a:lnTo>
                    <a:pt x="1002" y="365"/>
                  </a:lnTo>
                  <a:lnTo>
                    <a:pt x="1002" y="363"/>
                  </a:lnTo>
                  <a:lnTo>
                    <a:pt x="1002" y="360"/>
                  </a:lnTo>
                  <a:lnTo>
                    <a:pt x="1002" y="358"/>
                  </a:lnTo>
                  <a:lnTo>
                    <a:pt x="1019" y="345"/>
                  </a:lnTo>
                  <a:lnTo>
                    <a:pt x="1033" y="355"/>
                  </a:lnTo>
                  <a:lnTo>
                    <a:pt x="1050" y="347"/>
                  </a:lnTo>
                  <a:lnTo>
                    <a:pt x="1048" y="348"/>
                  </a:lnTo>
                  <a:lnTo>
                    <a:pt x="1048" y="352"/>
                  </a:lnTo>
                  <a:lnTo>
                    <a:pt x="1050" y="353"/>
                  </a:lnTo>
                  <a:lnTo>
                    <a:pt x="1051" y="357"/>
                  </a:lnTo>
                  <a:lnTo>
                    <a:pt x="1056" y="360"/>
                  </a:lnTo>
                  <a:lnTo>
                    <a:pt x="1063" y="363"/>
                  </a:lnTo>
                  <a:lnTo>
                    <a:pt x="1070" y="367"/>
                  </a:lnTo>
                  <a:lnTo>
                    <a:pt x="1075" y="370"/>
                  </a:lnTo>
                  <a:lnTo>
                    <a:pt x="1078" y="372"/>
                  </a:lnTo>
                  <a:lnTo>
                    <a:pt x="1082" y="374"/>
                  </a:lnTo>
                  <a:lnTo>
                    <a:pt x="1084" y="374"/>
                  </a:lnTo>
                  <a:lnTo>
                    <a:pt x="1087" y="372"/>
                  </a:lnTo>
                  <a:lnTo>
                    <a:pt x="1092" y="369"/>
                  </a:lnTo>
                  <a:lnTo>
                    <a:pt x="1099" y="362"/>
                  </a:lnTo>
                  <a:lnTo>
                    <a:pt x="1107" y="355"/>
                  </a:lnTo>
                  <a:lnTo>
                    <a:pt x="1114" y="352"/>
                  </a:lnTo>
                  <a:lnTo>
                    <a:pt x="1119" y="352"/>
                  </a:lnTo>
                  <a:lnTo>
                    <a:pt x="1124" y="353"/>
                  </a:lnTo>
                  <a:lnTo>
                    <a:pt x="1126" y="355"/>
                  </a:lnTo>
                  <a:lnTo>
                    <a:pt x="1129" y="358"/>
                  </a:lnTo>
                  <a:lnTo>
                    <a:pt x="1131" y="360"/>
                  </a:lnTo>
                  <a:lnTo>
                    <a:pt x="1131" y="362"/>
                  </a:lnTo>
                  <a:lnTo>
                    <a:pt x="1133" y="362"/>
                  </a:lnTo>
                  <a:lnTo>
                    <a:pt x="1133" y="360"/>
                  </a:lnTo>
                  <a:lnTo>
                    <a:pt x="1134" y="358"/>
                  </a:lnTo>
                  <a:lnTo>
                    <a:pt x="1138" y="355"/>
                  </a:lnTo>
                  <a:lnTo>
                    <a:pt x="1141" y="350"/>
                  </a:lnTo>
                  <a:lnTo>
                    <a:pt x="1144" y="347"/>
                  </a:lnTo>
                  <a:lnTo>
                    <a:pt x="1144" y="343"/>
                  </a:lnTo>
                  <a:lnTo>
                    <a:pt x="1144" y="340"/>
                  </a:lnTo>
                  <a:lnTo>
                    <a:pt x="1146" y="340"/>
                  </a:lnTo>
                  <a:lnTo>
                    <a:pt x="1148" y="343"/>
                  </a:lnTo>
                  <a:lnTo>
                    <a:pt x="1151" y="347"/>
                  </a:lnTo>
                  <a:lnTo>
                    <a:pt x="1158" y="350"/>
                  </a:lnTo>
                  <a:lnTo>
                    <a:pt x="1163" y="355"/>
                  </a:lnTo>
                  <a:lnTo>
                    <a:pt x="1168" y="360"/>
                  </a:lnTo>
                  <a:lnTo>
                    <a:pt x="1170" y="362"/>
                  </a:lnTo>
                  <a:lnTo>
                    <a:pt x="1172" y="363"/>
                  </a:lnTo>
                  <a:lnTo>
                    <a:pt x="1173" y="362"/>
                  </a:lnTo>
                  <a:lnTo>
                    <a:pt x="1175" y="358"/>
                  </a:lnTo>
                  <a:lnTo>
                    <a:pt x="1178" y="353"/>
                  </a:lnTo>
                  <a:lnTo>
                    <a:pt x="1183" y="348"/>
                  </a:lnTo>
                  <a:lnTo>
                    <a:pt x="1188" y="345"/>
                  </a:lnTo>
                  <a:lnTo>
                    <a:pt x="1192" y="345"/>
                  </a:lnTo>
                  <a:lnTo>
                    <a:pt x="1197" y="345"/>
                  </a:lnTo>
                  <a:lnTo>
                    <a:pt x="1200" y="347"/>
                  </a:lnTo>
                  <a:lnTo>
                    <a:pt x="1204" y="347"/>
                  </a:lnTo>
                  <a:lnTo>
                    <a:pt x="1205" y="348"/>
                  </a:lnTo>
                  <a:lnTo>
                    <a:pt x="1232" y="372"/>
                  </a:lnTo>
                  <a:lnTo>
                    <a:pt x="1248" y="374"/>
                  </a:lnTo>
                  <a:lnTo>
                    <a:pt x="1266" y="380"/>
                  </a:lnTo>
                  <a:lnTo>
                    <a:pt x="1265" y="377"/>
                  </a:lnTo>
                  <a:lnTo>
                    <a:pt x="1276" y="392"/>
                  </a:lnTo>
                  <a:lnTo>
                    <a:pt x="1302" y="389"/>
                  </a:lnTo>
                  <a:lnTo>
                    <a:pt x="1312" y="391"/>
                  </a:lnTo>
                  <a:lnTo>
                    <a:pt x="1312" y="455"/>
                  </a:lnTo>
                  <a:lnTo>
                    <a:pt x="1317" y="580"/>
                  </a:lnTo>
                  <a:lnTo>
                    <a:pt x="1341" y="611"/>
                  </a:lnTo>
                  <a:lnTo>
                    <a:pt x="1341" y="641"/>
                  </a:lnTo>
                  <a:lnTo>
                    <a:pt x="1354" y="655"/>
                  </a:lnTo>
                  <a:lnTo>
                    <a:pt x="1361" y="675"/>
                  </a:lnTo>
                  <a:lnTo>
                    <a:pt x="1361" y="677"/>
                  </a:lnTo>
                  <a:lnTo>
                    <a:pt x="1363" y="678"/>
                  </a:lnTo>
                  <a:lnTo>
                    <a:pt x="1364" y="682"/>
                  </a:lnTo>
                  <a:lnTo>
                    <a:pt x="1366" y="687"/>
                  </a:lnTo>
                  <a:lnTo>
                    <a:pt x="1366" y="690"/>
                  </a:lnTo>
                  <a:lnTo>
                    <a:pt x="1368" y="695"/>
                  </a:lnTo>
                  <a:lnTo>
                    <a:pt x="1370" y="700"/>
                  </a:lnTo>
                  <a:lnTo>
                    <a:pt x="1371" y="705"/>
                  </a:lnTo>
                  <a:lnTo>
                    <a:pt x="1371" y="710"/>
                  </a:lnTo>
                  <a:lnTo>
                    <a:pt x="1371" y="717"/>
                  </a:lnTo>
                  <a:lnTo>
                    <a:pt x="1371" y="722"/>
                  </a:lnTo>
                  <a:lnTo>
                    <a:pt x="1370" y="727"/>
                  </a:lnTo>
                  <a:lnTo>
                    <a:pt x="1368" y="734"/>
                  </a:lnTo>
                  <a:lnTo>
                    <a:pt x="1366" y="739"/>
                  </a:lnTo>
                  <a:lnTo>
                    <a:pt x="1363" y="744"/>
                  </a:lnTo>
                  <a:lnTo>
                    <a:pt x="1356" y="753"/>
                  </a:lnTo>
                  <a:lnTo>
                    <a:pt x="1353" y="759"/>
                  </a:lnTo>
                  <a:lnTo>
                    <a:pt x="1351" y="765"/>
                  </a:lnTo>
                  <a:lnTo>
                    <a:pt x="1351" y="768"/>
                  </a:lnTo>
                  <a:lnTo>
                    <a:pt x="1353" y="771"/>
                  </a:lnTo>
                  <a:lnTo>
                    <a:pt x="1354" y="773"/>
                  </a:lnTo>
                  <a:lnTo>
                    <a:pt x="1356" y="775"/>
                  </a:lnTo>
                  <a:lnTo>
                    <a:pt x="1353" y="797"/>
                  </a:lnTo>
                  <a:lnTo>
                    <a:pt x="1356" y="798"/>
                  </a:lnTo>
                  <a:lnTo>
                    <a:pt x="1358" y="802"/>
                  </a:lnTo>
                  <a:lnTo>
                    <a:pt x="1361" y="807"/>
                  </a:lnTo>
                  <a:lnTo>
                    <a:pt x="1363" y="812"/>
                  </a:lnTo>
                  <a:lnTo>
                    <a:pt x="1363" y="819"/>
                  </a:lnTo>
                  <a:lnTo>
                    <a:pt x="1359" y="827"/>
                  </a:lnTo>
                  <a:lnTo>
                    <a:pt x="1353" y="836"/>
                  </a:lnTo>
                  <a:lnTo>
                    <a:pt x="1351" y="837"/>
                  </a:lnTo>
                  <a:lnTo>
                    <a:pt x="1348" y="836"/>
                  </a:lnTo>
                  <a:lnTo>
                    <a:pt x="1346" y="836"/>
                  </a:lnTo>
                  <a:lnTo>
                    <a:pt x="1329" y="854"/>
                  </a:lnTo>
                  <a:lnTo>
                    <a:pt x="1337" y="866"/>
                  </a:lnTo>
                  <a:lnTo>
                    <a:pt x="1339" y="875"/>
                  </a:lnTo>
                  <a:lnTo>
                    <a:pt x="1337" y="875"/>
                  </a:lnTo>
                  <a:lnTo>
                    <a:pt x="1334" y="875"/>
                  </a:lnTo>
                  <a:lnTo>
                    <a:pt x="1332" y="875"/>
                  </a:lnTo>
                  <a:lnTo>
                    <a:pt x="1329" y="875"/>
                  </a:lnTo>
                  <a:lnTo>
                    <a:pt x="1324" y="876"/>
                  </a:lnTo>
                  <a:lnTo>
                    <a:pt x="1319" y="878"/>
                  </a:lnTo>
                  <a:lnTo>
                    <a:pt x="1312" y="880"/>
                  </a:lnTo>
                  <a:lnTo>
                    <a:pt x="1305" y="883"/>
                  </a:lnTo>
                  <a:lnTo>
                    <a:pt x="1295" y="888"/>
                  </a:lnTo>
                  <a:lnTo>
                    <a:pt x="1285" y="893"/>
                  </a:lnTo>
                  <a:lnTo>
                    <a:pt x="1273" y="898"/>
                  </a:lnTo>
                  <a:lnTo>
                    <a:pt x="1260" y="905"/>
                  </a:lnTo>
                  <a:lnTo>
                    <a:pt x="1246" y="913"/>
                  </a:lnTo>
                  <a:lnTo>
                    <a:pt x="1251" y="905"/>
                  </a:lnTo>
                  <a:lnTo>
                    <a:pt x="1256" y="902"/>
                  </a:lnTo>
                  <a:lnTo>
                    <a:pt x="1268" y="895"/>
                  </a:lnTo>
                  <a:lnTo>
                    <a:pt x="1270" y="895"/>
                  </a:lnTo>
                  <a:lnTo>
                    <a:pt x="1271" y="893"/>
                  </a:lnTo>
                  <a:lnTo>
                    <a:pt x="1271" y="891"/>
                  </a:lnTo>
                  <a:lnTo>
                    <a:pt x="1268" y="890"/>
                  </a:lnTo>
                  <a:lnTo>
                    <a:pt x="1266" y="890"/>
                  </a:lnTo>
                  <a:lnTo>
                    <a:pt x="1263" y="890"/>
                  </a:lnTo>
                  <a:lnTo>
                    <a:pt x="1261" y="890"/>
                  </a:lnTo>
                  <a:lnTo>
                    <a:pt x="1260" y="890"/>
                  </a:lnTo>
                  <a:lnTo>
                    <a:pt x="1258" y="891"/>
                  </a:lnTo>
                  <a:lnTo>
                    <a:pt x="1256" y="891"/>
                  </a:lnTo>
                  <a:lnTo>
                    <a:pt x="1251" y="895"/>
                  </a:lnTo>
                  <a:lnTo>
                    <a:pt x="1249" y="895"/>
                  </a:lnTo>
                  <a:lnTo>
                    <a:pt x="1248" y="895"/>
                  </a:lnTo>
                  <a:lnTo>
                    <a:pt x="1246" y="895"/>
                  </a:lnTo>
                  <a:lnTo>
                    <a:pt x="1244" y="895"/>
                  </a:lnTo>
                  <a:lnTo>
                    <a:pt x="1243" y="893"/>
                  </a:lnTo>
                  <a:lnTo>
                    <a:pt x="1244" y="890"/>
                  </a:lnTo>
                  <a:lnTo>
                    <a:pt x="1246" y="886"/>
                  </a:lnTo>
                  <a:lnTo>
                    <a:pt x="1248" y="881"/>
                  </a:lnTo>
                  <a:lnTo>
                    <a:pt x="1249" y="878"/>
                  </a:lnTo>
                  <a:lnTo>
                    <a:pt x="1251" y="876"/>
                  </a:lnTo>
                  <a:lnTo>
                    <a:pt x="1253" y="875"/>
                  </a:lnTo>
                  <a:lnTo>
                    <a:pt x="1254" y="873"/>
                  </a:lnTo>
                  <a:lnTo>
                    <a:pt x="1254" y="871"/>
                  </a:lnTo>
                  <a:lnTo>
                    <a:pt x="1254" y="869"/>
                  </a:lnTo>
                  <a:lnTo>
                    <a:pt x="1253" y="868"/>
                  </a:lnTo>
                  <a:lnTo>
                    <a:pt x="1251" y="864"/>
                  </a:lnTo>
                  <a:lnTo>
                    <a:pt x="1249" y="864"/>
                  </a:lnTo>
                  <a:lnTo>
                    <a:pt x="1248" y="864"/>
                  </a:lnTo>
                  <a:lnTo>
                    <a:pt x="1243" y="868"/>
                  </a:lnTo>
                  <a:lnTo>
                    <a:pt x="1238" y="869"/>
                  </a:lnTo>
                  <a:lnTo>
                    <a:pt x="1234" y="871"/>
                  </a:lnTo>
                  <a:lnTo>
                    <a:pt x="1232" y="873"/>
                  </a:lnTo>
                  <a:lnTo>
                    <a:pt x="1232" y="875"/>
                  </a:lnTo>
                  <a:lnTo>
                    <a:pt x="1232" y="876"/>
                  </a:lnTo>
                  <a:lnTo>
                    <a:pt x="1232" y="878"/>
                  </a:lnTo>
                  <a:lnTo>
                    <a:pt x="1231" y="880"/>
                  </a:lnTo>
                  <a:lnTo>
                    <a:pt x="1229" y="880"/>
                  </a:lnTo>
                  <a:lnTo>
                    <a:pt x="1227" y="880"/>
                  </a:lnTo>
                  <a:lnTo>
                    <a:pt x="1224" y="878"/>
                  </a:lnTo>
                  <a:lnTo>
                    <a:pt x="1222" y="875"/>
                  </a:lnTo>
                  <a:lnTo>
                    <a:pt x="1219" y="873"/>
                  </a:lnTo>
                  <a:lnTo>
                    <a:pt x="1217" y="871"/>
                  </a:lnTo>
                  <a:lnTo>
                    <a:pt x="1216" y="869"/>
                  </a:lnTo>
                  <a:lnTo>
                    <a:pt x="1216" y="871"/>
                  </a:lnTo>
                  <a:lnTo>
                    <a:pt x="1217" y="875"/>
                  </a:lnTo>
                  <a:lnTo>
                    <a:pt x="1219" y="878"/>
                  </a:lnTo>
                  <a:lnTo>
                    <a:pt x="1219" y="881"/>
                  </a:lnTo>
                  <a:lnTo>
                    <a:pt x="1219" y="885"/>
                  </a:lnTo>
                  <a:lnTo>
                    <a:pt x="1217" y="886"/>
                  </a:lnTo>
                  <a:lnTo>
                    <a:pt x="1216" y="890"/>
                  </a:lnTo>
                  <a:lnTo>
                    <a:pt x="1216" y="891"/>
                  </a:lnTo>
                  <a:lnTo>
                    <a:pt x="1217" y="895"/>
                  </a:lnTo>
                  <a:lnTo>
                    <a:pt x="1221" y="898"/>
                  </a:lnTo>
                  <a:lnTo>
                    <a:pt x="1226" y="903"/>
                  </a:lnTo>
                  <a:lnTo>
                    <a:pt x="1231" y="907"/>
                  </a:lnTo>
                  <a:lnTo>
                    <a:pt x="1234" y="910"/>
                  </a:lnTo>
                  <a:lnTo>
                    <a:pt x="1236" y="913"/>
                  </a:lnTo>
                  <a:lnTo>
                    <a:pt x="1234" y="915"/>
                  </a:lnTo>
                  <a:lnTo>
                    <a:pt x="1234" y="917"/>
                  </a:lnTo>
                  <a:lnTo>
                    <a:pt x="1232" y="919"/>
                  </a:lnTo>
                  <a:lnTo>
                    <a:pt x="1231" y="919"/>
                  </a:lnTo>
                  <a:lnTo>
                    <a:pt x="1212" y="939"/>
                  </a:lnTo>
                  <a:lnTo>
                    <a:pt x="1202" y="937"/>
                  </a:lnTo>
                  <a:lnTo>
                    <a:pt x="1192" y="959"/>
                  </a:lnTo>
                  <a:lnTo>
                    <a:pt x="1202" y="957"/>
                  </a:lnTo>
                  <a:lnTo>
                    <a:pt x="1200" y="959"/>
                  </a:lnTo>
                  <a:lnTo>
                    <a:pt x="1199" y="961"/>
                  </a:lnTo>
                  <a:lnTo>
                    <a:pt x="1197" y="964"/>
                  </a:lnTo>
                  <a:lnTo>
                    <a:pt x="1194" y="966"/>
                  </a:lnTo>
                  <a:lnTo>
                    <a:pt x="1190" y="969"/>
                  </a:lnTo>
                  <a:lnTo>
                    <a:pt x="1185" y="973"/>
                  </a:lnTo>
                  <a:lnTo>
                    <a:pt x="1180" y="976"/>
                  </a:lnTo>
                  <a:lnTo>
                    <a:pt x="1177" y="981"/>
                  </a:lnTo>
                  <a:lnTo>
                    <a:pt x="1172" y="985"/>
                  </a:lnTo>
                  <a:lnTo>
                    <a:pt x="1165" y="988"/>
                  </a:lnTo>
                  <a:lnTo>
                    <a:pt x="1160" y="991"/>
                  </a:lnTo>
                  <a:lnTo>
                    <a:pt x="1155" y="995"/>
                  </a:lnTo>
                  <a:lnTo>
                    <a:pt x="1148" y="998"/>
                  </a:lnTo>
                  <a:lnTo>
                    <a:pt x="1143" y="1000"/>
                  </a:lnTo>
                  <a:lnTo>
                    <a:pt x="1136" y="1001"/>
                  </a:lnTo>
                  <a:lnTo>
                    <a:pt x="1134" y="1003"/>
                  </a:lnTo>
                  <a:lnTo>
                    <a:pt x="1129" y="1007"/>
                  </a:lnTo>
                  <a:lnTo>
                    <a:pt x="1124" y="1010"/>
                  </a:lnTo>
                  <a:lnTo>
                    <a:pt x="1117" y="1013"/>
                  </a:lnTo>
                  <a:lnTo>
                    <a:pt x="1111" y="1018"/>
                  </a:lnTo>
                  <a:lnTo>
                    <a:pt x="1106" y="1022"/>
                  </a:lnTo>
                  <a:lnTo>
                    <a:pt x="1102" y="1023"/>
                  </a:lnTo>
                  <a:lnTo>
                    <a:pt x="1100" y="1025"/>
                  </a:lnTo>
                  <a:lnTo>
                    <a:pt x="1099" y="1025"/>
                  </a:lnTo>
                  <a:lnTo>
                    <a:pt x="1094" y="1029"/>
                  </a:lnTo>
                  <a:lnTo>
                    <a:pt x="1089" y="1032"/>
                  </a:lnTo>
                  <a:lnTo>
                    <a:pt x="1084" y="1034"/>
                  </a:lnTo>
                  <a:lnTo>
                    <a:pt x="1078" y="1034"/>
                  </a:lnTo>
                  <a:lnTo>
                    <a:pt x="1080" y="1034"/>
                  </a:lnTo>
                  <a:lnTo>
                    <a:pt x="1085" y="1029"/>
                  </a:lnTo>
                  <a:lnTo>
                    <a:pt x="1099" y="1020"/>
                  </a:lnTo>
                  <a:lnTo>
                    <a:pt x="1100" y="1018"/>
                  </a:lnTo>
                  <a:lnTo>
                    <a:pt x="1102" y="1017"/>
                  </a:lnTo>
                  <a:lnTo>
                    <a:pt x="1107" y="1015"/>
                  </a:lnTo>
                  <a:lnTo>
                    <a:pt x="1112" y="1012"/>
                  </a:lnTo>
                  <a:lnTo>
                    <a:pt x="1119" y="1008"/>
                  </a:lnTo>
                  <a:lnTo>
                    <a:pt x="1124" y="1005"/>
                  </a:lnTo>
                  <a:lnTo>
                    <a:pt x="1131" y="1001"/>
                  </a:lnTo>
                  <a:lnTo>
                    <a:pt x="1136" y="998"/>
                  </a:lnTo>
                  <a:lnTo>
                    <a:pt x="1139" y="995"/>
                  </a:lnTo>
                  <a:lnTo>
                    <a:pt x="1141" y="993"/>
                  </a:lnTo>
                  <a:lnTo>
                    <a:pt x="1143" y="993"/>
                  </a:lnTo>
                  <a:lnTo>
                    <a:pt x="1141" y="993"/>
                  </a:lnTo>
                  <a:lnTo>
                    <a:pt x="1138" y="993"/>
                  </a:lnTo>
                  <a:lnTo>
                    <a:pt x="1131" y="996"/>
                  </a:lnTo>
                  <a:lnTo>
                    <a:pt x="1119" y="1001"/>
                  </a:lnTo>
                  <a:lnTo>
                    <a:pt x="1106" y="1008"/>
                  </a:lnTo>
                  <a:lnTo>
                    <a:pt x="1104" y="1008"/>
                  </a:lnTo>
                  <a:lnTo>
                    <a:pt x="1102" y="1010"/>
                  </a:lnTo>
                  <a:lnTo>
                    <a:pt x="1099" y="1012"/>
                  </a:lnTo>
                  <a:lnTo>
                    <a:pt x="1097" y="1013"/>
                  </a:lnTo>
                  <a:lnTo>
                    <a:pt x="1094" y="1015"/>
                  </a:lnTo>
                  <a:lnTo>
                    <a:pt x="1092" y="1015"/>
                  </a:lnTo>
                  <a:lnTo>
                    <a:pt x="1092" y="1012"/>
                  </a:lnTo>
                  <a:lnTo>
                    <a:pt x="1094" y="1008"/>
                  </a:lnTo>
                  <a:lnTo>
                    <a:pt x="1094" y="1007"/>
                  </a:lnTo>
                  <a:lnTo>
                    <a:pt x="1095" y="1005"/>
                  </a:lnTo>
                  <a:lnTo>
                    <a:pt x="1095" y="1003"/>
                  </a:lnTo>
                  <a:lnTo>
                    <a:pt x="1097" y="1000"/>
                  </a:lnTo>
                  <a:lnTo>
                    <a:pt x="1097" y="998"/>
                  </a:lnTo>
                  <a:lnTo>
                    <a:pt x="1099" y="995"/>
                  </a:lnTo>
                  <a:lnTo>
                    <a:pt x="1099" y="993"/>
                  </a:lnTo>
                  <a:lnTo>
                    <a:pt x="1087" y="1005"/>
                  </a:lnTo>
                  <a:lnTo>
                    <a:pt x="1078" y="1007"/>
                  </a:lnTo>
                  <a:lnTo>
                    <a:pt x="1075" y="1001"/>
                  </a:lnTo>
                  <a:lnTo>
                    <a:pt x="1077" y="1012"/>
                  </a:lnTo>
                  <a:lnTo>
                    <a:pt x="1067" y="1015"/>
                  </a:lnTo>
                  <a:lnTo>
                    <a:pt x="1065" y="1013"/>
                  </a:lnTo>
                  <a:lnTo>
                    <a:pt x="1062" y="1008"/>
                  </a:lnTo>
                  <a:lnTo>
                    <a:pt x="1056" y="1003"/>
                  </a:lnTo>
                  <a:lnTo>
                    <a:pt x="1051" y="1000"/>
                  </a:lnTo>
                  <a:lnTo>
                    <a:pt x="1048" y="998"/>
                  </a:lnTo>
                  <a:lnTo>
                    <a:pt x="1048" y="1000"/>
                  </a:lnTo>
                  <a:lnTo>
                    <a:pt x="1050" y="1007"/>
                  </a:lnTo>
                  <a:lnTo>
                    <a:pt x="1058" y="1020"/>
                  </a:lnTo>
                  <a:lnTo>
                    <a:pt x="1060" y="1020"/>
                  </a:lnTo>
                  <a:lnTo>
                    <a:pt x="1063" y="1023"/>
                  </a:lnTo>
                  <a:lnTo>
                    <a:pt x="1067" y="1023"/>
                  </a:lnTo>
                  <a:lnTo>
                    <a:pt x="1068" y="1025"/>
                  </a:lnTo>
                  <a:lnTo>
                    <a:pt x="1070" y="1029"/>
                  </a:lnTo>
                  <a:lnTo>
                    <a:pt x="1070" y="1032"/>
                  </a:lnTo>
                  <a:lnTo>
                    <a:pt x="1067" y="1035"/>
                  </a:lnTo>
                  <a:lnTo>
                    <a:pt x="1063" y="1037"/>
                  </a:lnTo>
                  <a:lnTo>
                    <a:pt x="1062" y="1039"/>
                  </a:lnTo>
                  <a:lnTo>
                    <a:pt x="1058" y="1040"/>
                  </a:lnTo>
                  <a:lnTo>
                    <a:pt x="1056" y="1042"/>
                  </a:lnTo>
                  <a:lnTo>
                    <a:pt x="1053" y="1044"/>
                  </a:lnTo>
                  <a:lnTo>
                    <a:pt x="1051" y="1045"/>
                  </a:lnTo>
                  <a:lnTo>
                    <a:pt x="1050" y="1045"/>
                  </a:lnTo>
                  <a:lnTo>
                    <a:pt x="1050" y="1047"/>
                  </a:lnTo>
                  <a:lnTo>
                    <a:pt x="1048" y="1047"/>
                  </a:lnTo>
                  <a:lnTo>
                    <a:pt x="1046" y="1047"/>
                  </a:lnTo>
                  <a:lnTo>
                    <a:pt x="1045" y="1047"/>
                  </a:lnTo>
                  <a:lnTo>
                    <a:pt x="1043" y="1045"/>
                  </a:lnTo>
                  <a:lnTo>
                    <a:pt x="1041" y="1044"/>
                  </a:lnTo>
                  <a:lnTo>
                    <a:pt x="1040" y="1039"/>
                  </a:lnTo>
                  <a:lnTo>
                    <a:pt x="1040" y="1034"/>
                  </a:lnTo>
                  <a:lnTo>
                    <a:pt x="1036" y="1030"/>
                  </a:lnTo>
                  <a:lnTo>
                    <a:pt x="1036" y="1027"/>
                  </a:lnTo>
                  <a:lnTo>
                    <a:pt x="1033" y="1027"/>
                  </a:lnTo>
                  <a:lnTo>
                    <a:pt x="1033" y="1025"/>
                  </a:lnTo>
                  <a:lnTo>
                    <a:pt x="1031" y="1025"/>
                  </a:lnTo>
                  <a:lnTo>
                    <a:pt x="1029" y="1025"/>
                  </a:lnTo>
                  <a:lnTo>
                    <a:pt x="1019" y="1013"/>
                  </a:lnTo>
                  <a:lnTo>
                    <a:pt x="1023" y="1027"/>
                  </a:lnTo>
                  <a:lnTo>
                    <a:pt x="1031" y="1037"/>
                  </a:lnTo>
                  <a:lnTo>
                    <a:pt x="1028" y="1040"/>
                  </a:lnTo>
                  <a:lnTo>
                    <a:pt x="1031" y="1056"/>
                  </a:lnTo>
                  <a:lnTo>
                    <a:pt x="1019" y="1069"/>
                  </a:lnTo>
                  <a:lnTo>
                    <a:pt x="1018" y="1057"/>
                  </a:lnTo>
                  <a:lnTo>
                    <a:pt x="1011" y="1067"/>
                  </a:lnTo>
                  <a:lnTo>
                    <a:pt x="1006" y="1064"/>
                  </a:lnTo>
                  <a:lnTo>
                    <a:pt x="984" y="1078"/>
                  </a:lnTo>
                  <a:lnTo>
                    <a:pt x="992" y="1086"/>
                  </a:lnTo>
                  <a:lnTo>
                    <a:pt x="996" y="1083"/>
                  </a:lnTo>
                  <a:lnTo>
                    <a:pt x="997" y="1081"/>
                  </a:lnTo>
                  <a:lnTo>
                    <a:pt x="1001" y="1078"/>
                  </a:lnTo>
                  <a:lnTo>
                    <a:pt x="1002" y="1076"/>
                  </a:lnTo>
                  <a:lnTo>
                    <a:pt x="1004" y="1078"/>
                  </a:lnTo>
                  <a:lnTo>
                    <a:pt x="1004" y="1081"/>
                  </a:lnTo>
                  <a:lnTo>
                    <a:pt x="1001" y="1089"/>
                  </a:lnTo>
                  <a:lnTo>
                    <a:pt x="999" y="1091"/>
                  </a:lnTo>
                  <a:lnTo>
                    <a:pt x="997" y="1095"/>
                  </a:lnTo>
                  <a:lnTo>
                    <a:pt x="996" y="1098"/>
                  </a:lnTo>
                  <a:lnTo>
                    <a:pt x="994" y="1100"/>
                  </a:lnTo>
                  <a:lnTo>
                    <a:pt x="992" y="1103"/>
                  </a:lnTo>
                  <a:lnTo>
                    <a:pt x="992" y="1105"/>
                  </a:lnTo>
                  <a:lnTo>
                    <a:pt x="985" y="1110"/>
                  </a:lnTo>
                  <a:lnTo>
                    <a:pt x="982" y="1103"/>
                  </a:lnTo>
                  <a:lnTo>
                    <a:pt x="952" y="1103"/>
                  </a:lnTo>
                  <a:lnTo>
                    <a:pt x="957" y="1110"/>
                  </a:lnTo>
                  <a:lnTo>
                    <a:pt x="962" y="1111"/>
                  </a:lnTo>
                  <a:lnTo>
                    <a:pt x="965" y="1120"/>
                  </a:lnTo>
                  <a:lnTo>
                    <a:pt x="972" y="1125"/>
                  </a:lnTo>
                  <a:lnTo>
                    <a:pt x="977" y="1123"/>
                  </a:lnTo>
                  <a:lnTo>
                    <a:pt x="963" y="1167"/>
                  </a:lnTo>
                  <a:lnTo>
                    <a:pt x="963" y="1169"/>
                  </a:lnTo>
                  <a:lnTo>
                    <a:pt x="962" y="1171"/>
                  </a:lnTo>
                  <a:lnTo>
                    <a:pt x="962" y="1172"/>
                  </a:lnTo>
                  <a:lnTo>
                    <a:pt x="960" y="1172"/>
                  </a:lnTo>
                  <a:lnTo>
                    <a:pt x="958" y="1174"/>
                  </a:lnTo>
                  <a:lnTo>
                    <a:pt x="957" y="1172"/>
                  </a:lnTo>
                  <a:lnTo>
                    <a:pt x="955" y="1169"/>
                  </a:lnTo>
                  <a:lnTo>
                    <a:pt x="955" y="1162"/>
                  </a:lnTo>
                  <a:lnTo>
                    <a:pt x="953" y="1159"/>
                  </a:lnTo>
                  <a:lnTo>
                    <a:pt x="953" y="1155"/>
                  </a:lnTo>
                  <a:lnTo>
                    <a:pt x="952" y="1154"/>
                  </a:lnTo>
                  <a:lnTo>
                    <a:pt x="950" y="1152"/>
                  </a:lnTo>
                  <a:lnTo>
                    <a:pt x="948" y="1154"/>
                  </a:lnTo>
                  <a:lnTo>
                    <a:pt x="948" y="1157"/>
                  </a:lnTo>
                  <a:lnTo>
                    <a:pt x="948" y="1164"/>
                  </a:lnTo>
                  <a:lnTo>
                    <a:pt x="946" y="1166"/>
                  </a:lnTo>
                  <a:lnTo>
                    <a:pt x="945" y="1169"/>
                  </a:lnTo>
                  <a:lnTo>
                    <a:pt x="941" y="1172"/>
                  </a:lnTo>
                  <a:lnTo>
                    <a:pt x="940" y="1172"/>
                  </a:lnTo>
                  <a:lnTo>
                    <a:pt x="930" y="1166"/>
                  </a:lnTo>
                  <a:lnTo>
                    <a:pt x="931" y="1174"/>
                  </a:lnTo>
                  <a:lnTo>
                    <a:pt x="928" y="1179"/>
                  </a:lnTo>
                  <a:lnTo>
                    <a:pt x="938" y="1184"/>
                  </a:lnTo>
                  <a:lnTo>
                    <a:pt x="957" y="1181"/>
                  </a:lnTo>
                  <a:lnTo>
                    <a:pt x="958" y="1198"/>
                  </a:lnTo>
                  <a:lnTo>
                    <a:pt x="948" y="1223"/>
                  </a:lnTo>
                  <a:lnTo>
                    <a:pt x="948" y="1233"/>
                  </a:lnTo>
                  <a:lnTo>
                    <a:pt x="962" y="1269"/>
                  </a:lnTo>
                  <a:lnTo>
                    <a:pt x="960" y="1291"/>
                  </a:lnTo>
                  <a:lnTo>
                    <a:pt x="970" y="1304"/>
                  </a:lnTo>
                  <a:lnTo>
                    <a:pt x="975" y="1325"/>
                  </a:lnTo>
                  <a:lnTo>
                    <a:pt x="982" y="1337"/>
                  </a:lnTo>
                  <a:lnTo>
                    <a:pt x="968" y="1347"/>
                  </a:lnTo>
                  <a:lnTo>
                    <a:pt x="962" y="1355"/>
                  </a:lnTo>
                  <a:lnTo>
                    <a:pt x="960" y="1353"/>
                  </a:lnTo>
                  <a:lnTo>
                    <a:pt x="958" y="1352"/>
                  </a:lnTo>
                  <a:lnTo>
                    <a:pt x="957" y="1350"/>
                  </a:lnTo>
                  <a:lnTo>
                    <a:pt x="953" y="1347"/>
                  </a:lnTo>
                  <a:lnTo>
                    <a:pt x="950" y="1343"/>
                  </a:lnTo>
                  <a:lnTo>
                    <a:pt x="946" y="1340"/>
                  </a:lnTo>
                  <a:lnTo>
                    <a:pt x="943" y="1338"/>
                  </a:lnTo>
                  <a:lnTo>
                    <a:pt x="938" y="1335"/>
                  </a:lnTo>
                  <a:lnTo>
                    <a:pt x="933" y="1331"/>
                  </a:lnTo>
                  <a:lnTo>
                    <a:pt x="926" y="1330"/>
                  </a:lnTo>
                  <a:lnTo>
                    <a:pt x="919" y="1326"/>
                  </a:lnTo>
                  <a:lnTo>
                    <a:pt x="913" y="1325"/>
                  </a:lnTo>
                  <a:lnTo>
                    <a:pt x="904" y="1325"/>
                  </a:lnTo>
                  <a:lnTo>
                    <a:pt x="896" y="1325"/>
                  </a:lnTo>
                  <a:lnTo>
                    <a:pt x="887" y="1325"/>
                  </a:lnTo>
                  <a:lnTo>
                    <a:pt x="886" y="1325"/>
                  </a:lnTo>
                  <a:lnTo>
                    <a:pt x="884" y="1325"/>
                  </a:lnTo>
                  <a:lnTo>
                    <a:pt x="882" y="1325"/>
                  </a:lnTo>
                  <a:lnTo>
                    <a:pt x="879" y="1325"/>
                  </a:lnTo>
                  <a:lnTo>
                    <a:pt x="877" y="1325"/>
                  </a:lnTo>
                  <a:lnTo>
                    <a:pt x="875" y="1326"/>
                  </a:lnTo>
                  <a:lnTo>
                    <a:pt x="874" y="1326"/>
                  </a:lnTo>
                  <a:lnTo>
                    <a:pt x="872" y="1326"/>
                  </a:lnTo>
                  <a:lnTo>
                    <a:pt x="836" y="1304"/>
                  </a:lnTo>
                  <a:lnTo>
                    <a:pt x="821" y="1304"/>
                  </a:lnTo>
                  <a:lnTo>
                    <a:pt x="821" y="1303"/>
                  </a:lnTo>
                  <a:lnTo>
                    <a:pt x="820" y="1301"/>
                  </a:lnTo>
                  <a:lnTo>
                    <a:pt x="820" y="1298"/>
                  </a:lnTo>
                  <a:lnTo>
                    <a:pt x="816" y="1294"/>
                  </a:lnTo>
                  <a:lnTo>
                    <a:pt x="811" y="1291"/>
                  </a:lnTo>
                  <a:lnTo>
                    <a:pt x="806" y="1287"/>
                  </a:lnTo>
                  <a:lnTo>
                    <a:pt x="798" y="1284"/>
                  </a:lnTo>
                  <a:lnTo>
                    <a:pt x="787" y="1284"/>
                  </a:lnTo>
                  <a:lnTo>
                    <a:pt x="786" y="1284"/>
                  </a:lnTo>
                  <a:lnTo>
                    <a:pt x="784" y="1284"/>
                  </a:lnTo>
                  <a:lnTo>
                    <a:pt x="781" y="1284"/>
                  </a:lnTo>
                  <a:lnTo>
                    <a:pt x="779" y="1284"/>
                  </a:lnTo>
                  <a:lnTo>
                    <a:pt x="777" y="1284"/>
                  </a:lnTo>
                  <a:lnTo>
                    <a:pt x="776" y="1284"/>
                  </a:lnTo>
                  <a:lnTo>
                    <a:pt x="774" y="1284"/>
                  </a:lnTo>
                  <a:lnTo>
                    <a:pt x="774" y="1269"/>
                  </a:lnTo>
                  <a:lnTo>
                    <a:pt x="767" y="1267"/>
                  </a:lnTo>
                  <a:lnTo>
                    <a:pt x="767" y="1265"/>
                  </a:lnTo>
                  <a:lnTo>
                    <a:pt x="767" y="1262"/>
                  </a:lnTo>
                  <a:lnTo>
                    <a:pt x="765" y="1257"/>
                  </a:lnTo>
                  <a:lnTo>
                    <a:pt x="764" y="1252"/>
                  </a:lnTo>
                  <a:lnTo>
                    <a:pt x="764" y="1247"/>
                  </a:lnTo>
                  <a:lnTo>
                    <a:pt x="762" y="1242"/>
                  </a:lnTo>
                  <a:lnTo>
                    <a:pt x="759" y="1237"/>
                  </a:lnTo>
                  <a:lnTo>
                    <a:pt x="757" y="1230"/>
                  </a:lnTo>
                  <a:lnTo>
                    <a:pt x="755" y="1225"/>
                  </a:lnTo>
                  <a:lnTo>
                    <a:pt x="754" y="1220"/>
                  </a:lnTo>
                  <a:lnTo>
                    <a:pt x="750" y="1216"/>
                  </a:lnTo>
                  <a:lnTo>
                    <a:pt x="748" y="1213"/>
                  </a:lnTo>
                  <a:lnTo>
                    <a:pt x="745" y="1210"/>
                  </a:lnTo>
                  <a:lnTo>
                    <a:pt x="743" y="1208"/>
                  </a:lnTo>
                  <a:lnTo>
                    <a:pt x="740" y="1208"/>
                  </a:lnTo>
                  <a:lnTo>
                    <a:pt x="738" y="1208"/>
                  </a:lnTo>
                  <a:lnTo>
                    <a:pt x="738" y="1205"/>
                  </a:lnTo>
                  <a:lnTo>
                    <a:pt x="738" y="1199"/>
                  </a:lnTo>
                  <a:lnTo>
                    <a:pt x="738" y="1193"/>
                  </a:lnTo>
                  <a:lnTo>
                    <a:pt x="738" y="1188"/>
                  </a:lnTo>
                  <a:lnTo>
                    <a:pt x="738" y="1181"/>
                  </a:lnTo>
                  <a:lnTo>
                    <a:pt x="738" y="1177"/>
                  </a:lnTo>
                  <a:lnTo>
                    <a:pt x="738" y="1176"/>
                  </a:lnTo>
                  <a:lnTo>
                    <a:pt x="728" y="1166"/>
                  </a:lnTo>
                  <a:lnTo>
                    <a:pt x="728" y="1164"/>
                  </a:lnTo>
                  <a:lnTo>
                    <a:pt x="728" y="1161"/>
                  </a:lnTo>
                  <a:lnTo>
                    <a:pt x="730" y="1154"/>
                  </a:lnTo>
                  <a:lnTo>
                    <a:pt x="730" y="1147"/>
                  </a:lnTo>
                  <a:lnTo>
                    <a:pt x="728" y="1140"/>
                  </a:lnTo>
                  <a:lnTo>
                    <a:pt x="726" y="1133"/>
                  </a:lnTo>
                  <a:lnTo>
                    <a:pt x="725" y="1128"/>
                  </a:lnTo>
                  <a:lnTo>
                    <a:pt x="720" y="1127"/>
                  </a:lnTo>
                  <a:lnTo>
                    <a:pt x="718" y="1127"/>
                  </a:lnTo>
                  <a:lnTo>
                    <a:pt x="715" y="1125"/>
                  </a:lnTo>
                  <a:lnTo>
                    <a:pt x="711" y="1123"/>
                  </a:lnTo>
                  <a:lnTo>
                    <a:pt x="708" y="1122"/>
                  </a:lnTo>
                  <a:lnTo>
                    <a:pt x="706" y="1118"/>
                  </a:lnTo>
                  <a:lnTo>
                    <a:pt x="703" y="1115"/>
                  </a:lnTo>
                  <a:lnTo>
                    <a:pt x="699" y="1111"/>
                  </a:lnTo>
                  <a:lnTo>
                    <a:pt x="696" y="1106"/>
                  </a:lnTo>
                  <a:lnTo>
                    <a:pt x="693" y="1103"/>
                  </a:lnTo>
                  <a:lnTo>
                    <a:pt x="689" y="1098"/>
                  </a:lnTo>
                  <a:lnTo>
                    <a:pt x="686" y="1091"/>
                  </a:lnTo>
                  <a:lnTo>
                    <a:pt x="682" y="1086"/>
                  </a:lnTo>
                  <a:lnTo>
                    <a:pt x="679" y="1081"/>
                  </a:lnTo>
                  <a:lnTo>
                    <a:pt x="676" y="1074"/>
                  </a:lnTo>
                  <a:lnTo>
                    <a:pt x="672" y="1069"/>
                  </a:lnTo>
                  <a:lnTo>
                    <a:pt x="669" y="1062"/>
                  </a:lnTo>
                  <a:lnTo>
                    <a:pt x="667" y="1061"/>
                  </a:lnTo>
                  <a:lnTo>
                    <a:pt x="666" y="1059"/>
                  </a:lnTo>
                  <a:lnTo>
                    <a:pt x="662" y="1056"/>
                  </a:lnTo>
                  <a:lnTo>
                    <a:pt x="660" y="1051"/>
                  </a:lnTo>
                  <a:lnTo>
                    <a:pt x="657" y="1047"/>
                  </a:lnTo>
                  <a:lnTo>
                    <a:pt x="654" y="1045"/>
                  </a:lnTo>
                  <a:lnTo>
                    <a:pt x="652" y="1044"/>
                  </a:lnTo>
                  <a:lnTo>
                    <a:pt x="652" y="1042"/>
                  </a:lnTo>
                  <a:lnTo>
                    <a:pt x="610" y="949"/>
                  </a:lnTo>
                  <a:lnTo>
                    <a:pt x="605" y="935"/>
                  </a:lnTo>
                  <a:lnTo>
                    <a:pt x="591" y="915"/>
                  </a:lnTo>
                  <a:lnTo>
                    <a:pt x="564" y="891"/>
                  </a:lnTo>
                  <a:lnTo>
                    <a:pt x="562" y="890"/>
                  </a:lnTo>
                  <a:lnTo>
                    <a:pt x="561" y="885"/>
                  </a:lnTo>
                  <a:lnTo>
                    <a:pt x="554" y="880"/>
                  </a:lnTo>
                  <a:lnTo>
                    <a:pt x="549" y="873"/>
                  </a:lnTo>
                  <a:lnTo>
                    <a:pt x="542" y="866"/>
                  </a:lnTo>
                  <a:lnTo>
                    <a:pt x="535" y="861"/>
                  </a:lnTo>
                  <a:lnTo>
                    <a:pt x="528" y="856"/>
                  </a:lnTo>
                  <a:lnTo>
                    <a:pt x="522" y="854"/>
                  </a:lnTo>
                  <a:lnTo>
                    <a:pt x="520" y="854"/>
                  </a:lnTo>
                  <a:lnTo>
                    <a:pt x="515" y="854"/>
                  </a:lnTo>
                  <a:lnTo>
                    <a:pt x="512" y="853"/>
                  </a:lnTo>
                  <a:lnTo>
                    <a:pt x="506" y="853"/>
                  </a:lnTo>
                  <a:lnTo>
                    <a:pt x="501" y="853"/>
                  </a:lnTo>
                  <a:lnTo>
                    <a:pt x="496" y="851"/>
                  </a:lnTo>
                  <a:lnTo>
                    <a:pt x="490" y="851"/>
                  </a:lnTo>
                  <a:lnTo>
                    <a:pt x="484" y="849"/>
                  </a:lnTo>
                  <a:lnTo>
                    <a:pt x="478" y="849"/>
                  </a:lnTo>
                  <a:lnTo>
                    <a:pt x="473" y="847"/>
                  </a:lnTo>
                  <a:lnTo>
                    <a:pt x="468" y="846"/>
                  </a:lnTo>
                  <a:lnTo>
                    <a:pt x="461" y="844"/>
                  </a:lnTo>
                  <a:lnTo>
                    <a:pt x="457" y="844"/>
                  </a:lnTo>
                  <a:lnTo>
                    <a:pt x="452" y="841"/>
                  </a:lnTo>
                  <a:lnTo>
                    <a:pt x="449" y="839"/>
                  </a:lnTo>
                  <a:lnTo>
                    <a:pt x="446" y="837"/>
                  </a:lnTo>
                  <a:lnTo>
                    <a:pt x="442" y="836"/>
                  </a:lnTo>
                  <a:lnTo>
                    <a:pt x="440" y="834"/>
                  </a:lnTo>
                  <a:lnTo>
                    <a:pt x="439" y="834"/>
                  </a:lnTo>
                  <a:lnTo>
                    <a:pt x="435" y="836"/>
                  </a:lnTo>
                  <a:lnTo>
                    <a:pt x="434" y="837"/>
                  </a:lnTo>
                  <a:lnTo>
                    <a:pt x="432" y="839"/>
                  </a:lnTo>
                  <a:lnTo>
                    <a:pt x="429" y="842"/>
                  </a:lnTo>
                  <a:lnTo>
                    <a:pt x="427" y="846"/>
                  </a:lnTo>
                  <a:lnTo>
                    <a:pt x="424" y="847"/>
                  </a:lnTo>
                  <a:lnTo>
                    <a:pt x="420" y="849"/>
                  </a:lnTo>
                  <a:lnTo>
                    <a:pt x="418" y="849"/>
                  </a:lnTo>
                  <a:lnTo>
                    <a:pt x="417" y="849"/>
                  </a:lnTo>
                  <a:lnTo>
                    <a:pt x="415" y="847"/>
                  </a:lnTo>
                  <a:lnTo>
                    <a:pt x="413" y="846"/>
                  </a:lnTo>
                  <a:lnTo>
                    <a:pt x="412" y="844"/>
                  </a:lnTo>
                  <a:lnTo>
                    <a:pt x="408" y="844"/>
                  </a:lnTo>
                  <a:lnTo>
                    <a:pt x="405" y="846"/>
                  </a:lnTo>
                  <a:lnTo>
                    <a:pt x="398" y="847"/>
                  </a:lnTo>
                  <a:lnTo>
                    <a:pt x="391" y="853"/>
                  </a:lnTo>
                  <a:lnTo>
                    <a:pt x="386" y="863"/>
                  </a:lnTo>
                  <a:lnTo>
                    <a:pt x="380" y="875"/>
                  </a:lnTo>
                  <a:lnTo>
                    <a:pt x="374" y="891"/>
                  </a:lnTo>
                  <a:lnTo>
                    <a:pt x="368" y="902"/>
                  </a:lnTo>
                  <a:lnTo>
                    <a:pt x="368" y="903"/>
                  </a:lnTo>
                  <a:lnTo>
                    <a:pt x="366" y="903"/>
                  </a:lnTo>
                  <a:lnTo>
                    <a:pt x="366" y="905"/>
                  </a:lnTo>
                  <a:lnTo>
                    <a:pt x="364" y="908"/>
                  </a:lnTo>
                  <a:lnTo>
                    <a:pt x="361" y="912"/>
                  </a:lnTo>
                  <a:lnTo>
                    <a:pt x="358" y="915"/>
                  </a:lnTo>
                  <a:lnTo>
                    <a:pt x="356" y="915"/>
                  </a:lnTo>
                  <a:lnTo>
                    <a:pt x="356" y="917"/>
                  </a:lnTo>
                  <a:lnTo>
                    <a:pt x="352" y="919"/>
                  </a:lnTo>
                  <a:lnTo>
                    <a:pt x="351" y="922"/>
                  </a:lnTo>
                  <a:lnTo>
                    <a:pt x="349" y="924"/>
                  </a:lnTo>
                  <a:lnTo>
                    <a:pt x="347" y="925"/>
                  </a:lnTo>
                  <a:lnTo>
                    <a:pt x="346" y="927"/>
                  </a:lnTo>
                  <a:lnTo>
                    <a:pt x="346" y="930"/>
                  </a:lnTo>
                  <a:lnTo>
                    <a:pt x="344" y="932"/>
                  </a:lnTo>
                  <a:lnTo>
                    <a:pt x="342" y="935"/>
                  </a:lnTo>
                  <a:lnTo>
                    <a:pt x="339" y="937"/>
                  </a:lnTo>
                  <a:lnTo>
                    <a:pt x="334" y="937"/>
                  </a:lnTo>
                  <a:lnTo>
                    <a:pt x="325" y="937"/>
                  </a:lnTo>
                  <a:lnTo>
                    <a:pt x="314" y="932"/>
                  </a:lnTo>
                  <a:lnTo>
                    <a:pt x="312" y="930"/>
                  </a:lnTo>
                  <a:lnTo>
                    <a:pt x="308" y="927"/>
                  </a:lnTo>
                  <a:lnTo>
                    <a:pt x="303" y="924"/>
                  </a:lnTo>
                  <a:lnTo>
                    <a:pt x="297" y="919"/>
                  </a:lnTo>
                  <a:lnTo>
                    <a:pt x="288" y="912"/>
                  </a:lnTo>
                  <a:lnTo>
                    <a:pt x="280" y="907"/>
                  </a:lnTo>
                  <a:lnTo>
                    <a:pt x="271" y="902"/>
                  </a:lnTo>
                  <a:lnTo>
                    <a:pt x="263" y="895"/>
                  </a:lnTo>
                  <a:lnTo>
                    <a:pt x="261" y="895"/>
                  </a:lnTo>
                  <a:lnTo>
                    <a:pt x="259" y="895"/>
                  </a:lnTo>
                  <a:lnTo>
                    <a:pt x="256" y="895"/>
                  </a:lnTo>
                  <a:lnTo>
                    <a:pt x="251" y="893"/>
                  </a:lnTo>
                  <a:lnTo>
                    <a:pt x="246" y="890"/>
                  </a:lnTo>
                  <a:lnTo>
                    <a:pt x="239" y="885"/>
                  </a:lnTo>
                  <a:lnTo>
                    <a:pt x="234" y="880"/>
                  </a:lnTo>
                  <a:lnTo>
                    <a:pt x="227" y="869"/>
                  </a:lnTo>
                  <a:lnTo>
                    <a:pt x="224" y="866"/>
                  </a:lnTo>
                  <a:lnTo>
                    <a:pt x="220" y="864"/>
                  </a:lnTo>
                  <a:lnTo>
                    <a:pt x="217" y="863"/>
                  </a:lnTo>
                  <a:lnTo>
                    <a:pt x="214" y="859"/>
                  </a:lnTo>
                  <a:lnTo>
                    <a:pt x="209" y="854"/>
                  </a:lnTo>
                  <a:lnTo>
                    <a:pt x="204" y="846"/>
                  </a:lnTo>
                  <a:lnTo>
                    <a:pt x="195" y="834"/>
                  </a:lnTo>
                  <a:lnTo>
                    <a:pt x="187" y="819"/>
                  </a:lnTo>
                  <a:lnTo>
                    <a:pt x="187" y="815"/>
                  </a:lnTo>
                  <a:lnTo>
                    <a:pt x="185" y="809"/>
                  </a:lnTo>
                  <a:lnTo>
                    <a:pt x="185" y="800"/>
                  </a:lnTo>
                  <a:lnTo>
                    <a:pt x="185" y="792"/>
                  </a:lnTo>
                  <a:lnTo>
                    <a:pt x="183" y="783"/>
                  </a:lnTo>
                  <a:lnTo>
                    <a:pt x="183" y="776"/>
                  </a:lnTo>
                  <a:lnTo>
                    <a:pt x="183" y="771"/>
                  </a:lnTo>
                  <a:lnTo>
                    <a:pt x="183" y="770"/>
                  </a:lnTo>
                  <a:lnTo>
                    <a:pt x="171" y="753"/>
                  </a:lnTo>
                  <a:lnTo>
                    <a:pt x="171" y="751"/>
                  </a:lnTo>
                  <a:lnTo>
                    <a:pt x="171" y="749"/>
                  </a:lnTo>
                  <a:lnTo>
                    <a:pt x="171" y="746"/>
                  </a:lnTo>
                  <a:lnTo>
                    <a:pt x="170" y="741"/>
                  </a:lnTo>
                  <a:lnTo>
                    <a:pt x="166" y="732"/>
                  </a:lnTo>
                  <a:lnTo>
                    <a:pt x="160" y="722"/>
                  </a:lnTo>
                  <a:lnTo>
                    <a:pt x="149" y="710"/>
                  </a:lnTo>
                  <a:lnTo>
                    <a:pt x="134" y="695"/>
                  </a:lnTo>
                  <a:lnTo>
                    <a:pt x="132" y="693"/>
                  </a:lnTo>
                  <a:lnTo>
                    <a:pt x="129" y="690"/>
                  </a:lnTo>
                  <a:lnTo>
                    <a:pt x="124" y="685"/>
                  </a:lnTo>
                  <a:lnTo>
                    <a:pt x="119" y="680"/>
                  </a:lnTo>
                  <a:lnTo>
                    <a:pt x="114" y="677"/>
                  </a:lnTo>
                  <a:lnTo>
                    <a:pt x="109" y="671"/>
                  </a:lnTo>
                  <a:lnTo>
                    <a:pt x="105" y="670"/>
                  </a:lnTo>
                  <a:lnTo>
                    <a:pt x="104" y="668"/>
                  </a:lnTo>
                  <a:lnTo>
                    <a:pt x="92" y="648"/>
                  </a:lnTo>
                  <a:lnTo>
                    <a:pt x="60" y="609"/>
                  </a:lnTo>
                  <a:lnTo>
                    <a:pt x="43" y="605"/>
                  </a:lnTo>
                  <a:lnTo>
                    <a:pt x="19" y="561"/>
                  </a:lnTo>
                  <a:lnTo>
                    <a:pt x="6" y="560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51" name="Freeform 124"/>
            <p:cNvSpPr>
              <a:spLocks/>
            </p:cNvSpPr>
            <p:nvPr/>
          </p:nvSpPr>
          <p:spPr bwMode="auto">
            <a:xfrm>
              <a:off x="2004" y="1844"/>
              <a:ext cx="789" cy="392"/>
            </a:xfrm>
            <a:custGeom>
              <a:avLst/>
              <a:gdLst>
                <a:gd name="T0" fmla="*/ 533 w 811"/>
                <a:gd name="T1" fmla="*/ 239 h 404"/>
                <a:gd name="T2" fmla="*/ 531 w 811"/>
                <a:gd name="T3" fmla="*/ 229 h 404"/>
                <a:gd name="T4" fmla="*/ 528 w 811"/>
                <a:gd name="T5" fmla="*/ 221 h 404"/>
                <a:gd name="T6" fmla="*/ 526 w 811"/>
                <a:gd name="T7" fmla="*/ 216 h 404"/>
                <a:gd name="T8" fmla="*/ 520 w 811"/>
                <a:gd name="T9" fmla="*/ 209 h 404"/>
                <a:gd name="T10" fmla="*/ 518 w 811"/>
                <a:gd name="T11" fmla="*/ 199 h 404"/>
                <a:gd name="T12" fmla="*/ 520 w 811"/>
                <a:gd name="T13" fmla="*/ 188 h 404"/>
                <a:gd name="T14" fmla="*/ 520 w 811"/>
                <a:gd name="T15" fmla="*/ 178 h 404"/>
                <a:gd name="T16" fmla="*/ 521 w 811"/>
                <a:gd name="T17" fmla="*/ 173 h 404"/>
                <a:gd name="T18" fmla="*/ 516 w 811"/>
                <a:gd name="T19" fmla="*/ 146 h 404"/>
                <a:gd name="T20" fmla="*/ 508 w 811"/>
                <a:gd name="T21" fmla="*/ 138 h 404"/>
                <a:gd name="T22" fmla="*/ 505 w 811"/>
                <a:gd name="T23" fmla="*/ 127 h 404"/>
                <a:gd name="T24" fmla="*/ 506 w 811"/>
                <a:gd name="T25" fmla="*/ 122 h 404"/>
                <a:gd name="T26" fmla="*/ 504 w 811"/>
                <a:gd name="T27" fmla="*/ 108 h 404"/>
                <a:gd name="T28" fmla="*/ 501 w 811"/>
                <a:gd name="T29" fmla="*/ 102 h 404"/>
                <a:gd name="T30" fmla="*/ 493 w 811"/>
                <a:gd name="T31" fmla="*/ 97 h 404"/>
                <a:gd name="T32" fmla="*/ 490 w 811"/>
                <a:gd name="T33" fmla="*/ 87 h 404"/>
                <a:gd name="T34" fmla="*/ 489 w 811"/>
                <a:gd name="T35" fmla="*/ 80 h 404"/>
                <a:gd name="T36" fmla="*/ 486 w 811"/>
                <a:gd name="T37" fmla="*/ 73 h 404"/>
                <a:gd name="T38" fmla="*/ 484 w 811"/>
                <a:gd name="T39" fmla="*/ 70 h 404"/>
                <a:gd name="T40" fmla="*/ 478 w 811"/>
                <a:gd name="T41" fmla="*/ 63 h 404"/>
                <a:gd name="T42" fmla="*/ 474 w 811"/>
                <a:gd name="T43" fmla="*/ 58 h 404"/>
                <a:gd name="T44" fmla="*/ 469 w 811"/>
                <a:gd name="T45" fmla="*/ 48 h 404"/>
                <a:gd name="T46" fmla="*/ 459 w 811"/>
                <a:gd name="T47" fmla="*/ 41 h 404"/>
                <a:gd name="T48" fmla="*/ 450 w 811"/>
                <a:gd name="T49" fmla="*/ 39 h 404"/>
                <a:gd name="T50" fmla="*/ 441 w 811"/>
                <a:gd name="T51" fmla="*/ 38 h 404"/>
                <a:gd name="T52" fmla="*/ 398 w 811"/>
                <a:gd name="T53" fmla="*/ 32 h 404"/>
                <a:gd name="T54" fmla="*/ 391 w 811"/>
                <a:gd name="T55" fmla="*/ 37 h 404"/>
                <a:gd name="T56" fmla="*/ 384 w 811"/>
                <a:gd name="T57" fmla="*/ 38 h 404"/>
                <a:gd name="T58" fmla="*/ 378 w 811"/>
                <a:gd name="T59" fmla="*/ 32 h 404"/>
                <a:gd name="T60" fmla="*/ 364 w 811"/>
                <a:gd name="T61" fmla="*/ 18 h 404"/>
                <a:gd name="T62" fmla="*/ 355 w 811"/>
                <a:gd name="T63" fmla="*/ 16 h 404"/>
                <a:gd name="T64" fmla="*/ 348 w 811"/>
                <a:gd name="T65" fmla="*/ 16 h 404"/>
                <a:gd name="T66" fmla="*/ 328 w 811"/>
                <a:gd name="T67" fmla="*/ 16 h 404"/>
                <a:gd name="T68" fmla="*/ 295 w 811"/>
                <a:gd name="T69" fmla="*/ 16 h 404"/>
                <a:gd name="T70" fmla="*/ 258 w 811"/>
                <a:gd name="T71" fmla="*/ 16 h 404"/>
                <a:gd name="T72" fmla="*/ 214 w 811"/>
                <a:gd name="T73" fmla="*/ 16 h 404"/>
                <a:gd name="T74" fmla="*/ 167 w 811"/>
                <a:gd name="T75" fmla="*/ 13 h 404"/>
                <a:gd name="T76" fmla="*/ 123 w 811"/>
                <a:gd name="T77" fmla="*/ 12 h 404"/>
                <a:gd name="T78" fmla="*/ 84 w 811"/>
                <a:gd name="T79" fmla="*/ 8 h 404"/>
                <a:gd name="T80" fmla="*/ 50 w 811"/>
                <a:gd name="T81" fmla="*/ 5 h 404"/>
                <a:gd name="T82" fmla="*/ 23 w 811"/>
                <a:gd name="T83" fmla="*/ 2 h 404"/>
                <a:gd name="T84" fmla="*/ 2 w 811"/>
                <a:gd name="T85" fmla="*/ 165 h 404"/>
                <a:gd name="T86" fmla="*/ 126 w 811"/>
                <a:gd name="T87" fmla="*/ 254 h 404"/>
                <a:gd name="T88" fmla="*/ 153 w 811"/>
                <a:gd name="T89" fmla="*/ 257 h 404"/>
                <a:gd name="T90" fmla="*/ 189 w 811"/>
                <a:gd name="T91" fmla="*/ 260 h 404"/>
                <a:gd name="T92" fmla="*/ 234 w 811"/>
                <a:gd name="T93" fmla="*/ 262 h 404"/>
                <a:gd name="T94" fmla="*/ 289 w 811"/>
                <a:gd name="T95" fmla="*/ 262 h 404"/>
                <a:gd name="T96" fmla="*/ 343 w 811"/>
                <a:gd name="T97" fmla="*/ 262 h 404"/>
                <a:gd name="T98" fmla="*/ 400 w 811"/>
                <a:gd name="T99" fmla="*/ 264 h 404"/>
                <a:gd name="T100" fmla="*/ 449 w 811"/>
                <a:gd name="T101" fmla="*/ 264 h 404"/>
                <a:gd name="T102" fmla="*/ 492 w 811"/>
                <a:gd name="T103" fmla="*/ 265 h 404"/>
                <a:gd name="T104" fmla="*/ 528 w 811"/>
                <a:gd name="T105" fmla="*/ 265 h 404"/>
                <a:gd name="T106" fmla="*/ 547 w 811"/>
                <a:gd name="T107" fmla="*/ 265 h 404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w 811"/>
                <a:gd name="T163" fmla="*/ 0 h 404"/>
                <a:gd name="T164" fmla="*/ 811 w 811"/>
                <a:gd name="T165" fmla="*/ 404 h 404"/>
              </a:gdLst>
              <a:ahLst/>
              <a:cxnLst>
                <a:cxn ang="T108">
                  <a:pos x="T0" y="T1"/>
                </a:cxn>
                <a:cxn ang="T109">
                  <a:pos x="T2" y="T3"/>
                </a:cxn>
                <a:cxn ang="T110">
                  <a:pos x="T4" y="T5"/>
                </a:cxn>
                <a:cxn ang="T111">
                  <a:pos x="T6" y="T7"/>
                </a:cxn>
                <a:cxn ang="T112">
                  <a:pos x="T8" y="T9"/>
                </a:cxn>
                <a:cxn ang="T113">
                  <a:pos x="T10" y="T11"/>
                </a:cxn>
                <a:cxn ang="T114">
                  <a:pos x="T12" y="T13"/>
                </a:cxn>
                <a:cxn ang="T115">
                  <a:pos x="T14" y="T15"/>
                </a:cxn>
                <a:cxn ang="T116">
                  <a:pos x="T16" y="T17"/>
                </a:cxn>
                <a:cxn ang="T117">
                  <a:pos x="T18" y="T19"/>
                </a:cxn>
                <a:cxn ang="T118">
                  <a:pos x="T20" y="T21"/>
                </a:cxn>
                <a:cxn ang="T119">
                  <a:pos x="T22" y="T23"/>
                </a:cxn>
                <a:cxn ang="T120">
                  <a:pos x="T24" y="T25"/>
                </a:cxn>
                <a:cxn ang="T121">
                  <a:pos x="T26" y="T27"/>
                </a:cxn>
                <a:cxn ang="T122">
                  <a:pos x="T28" y="T29"/>
                </a:cxn>
                <a:cxn ang="T123">
                  <a:pos x="T30" y="T31"/>
                </a:cxn>
                <a:cxn ang="T124">
                  <a:pos x="T32" y="T33"/>
                </a:cxn>
                <a:cxn ang="T125">
                  <a:pos x="T34" y="T35"/>
                </a:cxn>
                <a:cxn ang="T126">
                  <a:pos x="T36" y="T37"/>
                </a:cxn>
                <a:cxn ang="T127">
                  <a:pos x="T38" y="T39"/>
                </a:cxn>
                <a:cxn ang="T128">
                  <a:pos x="T40" y="T41"/>
                </a:cxn>
                <a:cxn ang="T129">
                  <a:pos x="T42" y="T43"/>
                </a:cxn>
                <a:cxn ang="T130">
                  <a:pos x="T44" y="T45"/>
                </a:cxn>
                <a:cxn ang="T131">
                  <a:pos x="T46" y="T47"/>
                </a:cxn>
                <a:cxn ang="T132">
                  <a:pos x="T48" y="T49"/>
                </a:cxn>
                <a:cxn ang="T133">
                  <a:pos x="T50" y="T51"/>
                </a:cxn>
                <a:cxn ang="T134">
                  <a:pos x="T52" y="T53"/>
                </a:cxn>
                <a:cxn ang="T135">
                  <a:pos x="T54" y="T55"/>
                </a:cxn>
                <a:cxn ang="T136">
                  <a:pos x="T56" y="T57"/>
                </a:cxn>
                <a:cxn ang="T137">
                  <a:pos x="T58" y="T59"/>
                </a:cxn>
                <a:cxn ang="T138">
                  <a:pos x="T60" y="T61"/>
                </a:cxn>
                <a:cxn ang="T139">
                  <a:pos x="T62" y="T63"/>
                </a:cxn>
                <a:cxn ang="T140">
                  <a:pos x="T64" y="T65"/>
                </a:cxn>
                <a:cxn ang="T141">
                  <a:pos x="T66" y="T67"/>
                </a:cxn>
                <a:cxn ang="T142">
                  <a:pos x="T68" y="T69"/>
                </a:cxn>
                <a:cxn ang="T143">
                  <a:pos x="T70" y="T71"/>
                </a:cxn>
                <a:cxn ang="T144">
                  <a:pos x="T72" y="T73"/>
                </a:cxn>
                <a:cxn ang="T145">
                  <a:pos x="T74" y="T75"/>
                </a:cxn>
                <a:cxn ang="T146">
                  <a:pos x="T76" y="T77"/>
                </a:cxn>
                <a:cxn ang="T147">
                  <a:pos x="T78" y="T79"/>
                </a:cxn>
                <a:cxn ang="T148">
                  <a:pos x="T80" y="T81"/>
                </a:cxn>
                <a:cxn ang="T149">
                  <a:pos x="T82" y="T83"/>
                </a:cxn>
                <a:cxn ang="T150">
                  <a:pos x="T84" y="T85"/>
                </a:cxn>
                <a:cxn ang="T151">
                  <a:pos x="T86" y="T87"/>
                </a:cxn>
                <a:cxn ang="T152">
                  <a:pos x="T88" y="T89"/>
                </a:cxn>
                <a:cxn ang="T153">
                  <a:pos x="T90" y="T91"/>
                </a:cxn>
                <a:cxn ang="T154">
                  <a:pos x="T92" y="T93"/>
                </a:cxn>
                <a:cxn ang="T155">
                  <a:pos x="T94" y="T95"/>
                </a:cxn>
                <a:cxn ang="T156">
                  <a:pos x="T96" y="T97"/>
                </a:cxn>
                <a:cxn ang="T157">
                  <a:pos x="T98" y="T99"/>
                </a:cxn>
                <a:cxn ang="T158">
                  <a:pos x="T100" y="T101"/>
                </a:cxn>
                <a:cxn ang="T159">
                  <a:pos x="T102" y="T103"/>
                </a:cxn>
                <a:cxn ang="T160">
                  <a:pos x="T104" y="T105"/>
                </a:cxn>
                <a:cxn ang="T161">
                  <a:pos x="T106" y="T107"/>
                </a:cxn>
              </a:cxnLst>
              <a:rect l="T162" t="T163" r="T164" b="T165"/>
              <a:pathLst>
                <a:path w="811" h="404">
                  <a:moveTo>
                    <a:pt x="811" y="404"/>
                  </a:moveTo>
                  <a:lnTo>
                    <a:pt x="799" y="376"/>
                  </a:lnTo>
                  <a:lnTo>
                    <a:pt x="785" y="364"/>
                  </a:lnTo>
                  <a:lnTo>
                    <a:pt x="782" y="352"/>
                  </a:lnTo>
                  <a:lnTo>
                    <a:pt x="782" y="350"/>
                  </a:lnTo>
                  <a:lnTo>
                    <a:pt x="780" y="348"/>
                  </a:lnTo>
                  <a:lnTo>
                    <a:pt x="779" y="345"/>
                  </a:lnTo>
                  <a:lnTo>
                    <a:pt x="777" y="342"/>
                  </a:lnTo>
                  <a:lnTo>
                    <a:pt x="775" y="337"/>
                  </a:lnTo>
                  <a:lnTo>
                    <a:pt x="774" y="333"/>
                  </a:lnTo>
                  <a:lnTo>
                    <a:pt x="772" y="330"/>
                  </a:lnTo>
                  <a:lnTo>
                    <a:pt x="769" y="326"/>
                  </a:lnTo>
                  <a:lnTo>
                    <a:pt x="767" y="323"/>
                  </a:lnTo>
                  <a:lnTo>
                    <a:pt x="765" y="318"/>
                  </a:lnTo>
                  <a:lnTo>
                    <a:pt x="765" y="313"/>
                  </a:lnTo>
                  <a:lnTo>
                    <a:pt x="763" y="308"/>
                  </a:lnTo>
                  <a:lnTo>
                    <a:pt x="763" y="303"/>
                  </a:lnTo>
                  <a:lnTo>
                    <a:pt x="763" y="298"/>
                  </a:lnTo>
                  <a:lnTo>
                    <a:pt x="763" y="291"/>
                  </a:lnTo>
                  <a:lnTo>
                    <a:pt x="765" y="286"/>
                  </a:lnTo>
                  <a:lnTo>
                    <a:pt x="765" y="281"/>
                  </a:lnTo>
                  <a:lnTo>
                    <a:pt x="765" y="276"/>
                  </a:lnTo>
                  <a:lnTo>
                    <a:pt x="765" y="272"/>
                  </a:lnTo>
                  <a:lnTo>
                    <a:pt x="767" y="269"/>
                  </a:lnTo>
                  <a:lnTo>
                    <a:pt x="767" y="266"/>
                  </a:lnTo>
                  <a:lnTo>
                    <a:pt x="767" y="264"/>
                  </a:lnTo>
                  <a:lnTo>
                    <a:pt x="760" y="255"/>
                  </a:lnTo>
                  <a:lnTo>
                    <a:pt x="758" y="223"/>
                  </a:lnTo>
                  <a:lnTo>
                    <a:pt x="755" y="218"/>
                  </a:lnTo>
                  <a:lnTo>
                    <a:pt x="750" y="215"/>
                  </a:lnTo>
                  <a:lnTo>
                    <a:pt x="747" y="210"/>
                  </a:lnTo>
                  <a:lnTo>
                    <a:pt x="743" y="205"/>
                  </a:lnTo>
                  <a:lnTo>
                    <a:pt x="743" y="200"/>
                  </a:lnTo>
                  <a:lnTo>
                    <a:pt x="743" y="194"/>
                  </a:lnTo>
                  <a:lnTo>
                    <a:pt x="743" y="191"/>
                  </a:lnTo>
                  <a:lnTo>
                    <a:pt x="743" y="188"/>
                  </a:lnTo>
                  <a:lnTo>
                    <a:pt x="745" y="186"/>
                  </a:lnTo>
                  <a:lnTo>
                    <a:pt x="743" y="178"/>
                  </a:lnTo>
                  <a:lnTo>
                    <a:pt x="743" y="169"/>
                  </a:lnTo>
                  <a:lnTo>
                    <a:pt x="741" y="164"/>
                  </a:lnTo>
                  <a:lnTo>
                    <a:pt x="738" y="159"/>
                  </a:lnTo>
                  <a:lnTo>
                    <a:pt x="736" y="156"/>
                  </a:lnTo>
                  <a:lnTo>
                    <a:pt x="735" y="154"/>
                  </a:lnTo>
                  <a:lnTo>
                    <a:pt x="733" y="152"/>
                  </a:lnTo>
                  <a:lnTo>
                    <a:pt x="731" y="150"/>
                  </a:lnTo>
                  <a:lnTo>
                    <a:pt x="726" y="147"/>
                  </a:lnTo>
                  <a:lnTo>
                    <a:pt x="725" y="144"/>
                  </a:lnTo>
                  <a:lnTo>
                    <a:pt x="721" y="139"/>
                  </a:lnTo>
                  <a:lnTo>
                    <a:pt x="721" y="134"/>
                  </a:lnTo>
                  <a:lnTo>
                    <a:pt x="719" y="130"/>
                  </a:lnTo>
                  <a:lnTo>
                    <a:pt x="719" y="125"/>
                  </a:lnTo>
                  <a:lnTo>
                    <a:pt x="719" y="123"/>
                  </a:lnTo>
                  <a:lnTo>
                    <a:pt x="714" y="110"/>
                  </a:lnTo>
                  <a:lnTo>
                    <a:pt x="713" y="108"/>
                  </a:lnTo>
                  <a:lnTo>
                    <a:pt x="711" y="105"/>
                  </a:lnTo>
                  <a:lnTo>
                    <a:pt x="708" y="103"/>
                  </a:lnTo>
                  <a:lnTo>
                    <a:pt x="706" y="100"/>
                  </a:lnTo>
                  <a:lnTo>
                    <a:pt x="703" y="95"/>
                  </a:lnTo>
                  <a:lnTo>
                    <a:pt x="699" y="93"/>
                  </a:lnTo>
                  <a:lnTo>
                    <a:pt x="697" y="90"/>
                  </a:lnTo>
                  <a:lnTo>
                    <a:pt x="696" y="88"/>
                  </a:lnTo>
                  <a:lnTo>
                    <a:pt x="694" y="84"/>
                  </a:lnTo>
                  <a:lnTo>
                    <a:pt x="692" y="79"/>
                  </a:lnTo>
                  <a:lnTo>
                    <a:pt x="689" y="74"/>
                  </a:lnTo>
                  <a:lnTo>
                    <a:pt x="686" y="69"/>
                  </a:lnTo>
                  <a:lnTo>
                    <a:pt x="681" y="64"/>
                  </a:lnTo>
                  <a:lnTo>
                    <a:pt x="675" y="61"/>
                  </a:lnTo>
                  <a:lnTo>
                    <a:pt x="667" y="59"/>
                  </a:lnTo>
                  <a:lnTo>
                    <a:pt x="665" y="59"/>
                  </a:lnTo>
                  <a:lnTo>
                    <a:pt x="662" y="57"/>
                  </a:lnTo>
                  <a:lnTo>
                    <a:pt x="659" y="56"/>
                  </a:lnTo>
                  <a:lnTo>
                    <a:pt x="659" y="54"/>
                  </a:lnTo>
                  <a:lnTo>
                    <a:pt x="648" y="54"/>
                  </a:lnTo>
                  <a:lnTo>
                    <a:pt x="637" y="44"/>
                  </a:lnTo>
                  <a:lnTo>
                    <a:pt x="584" y="44"/>
                  </a:lnTo>
                  <a:lnTo>
                    <a:pt x="584" y="46"/>
                  </a:lnTo>
                  <a:lnTo>
                    <a:pt x="582" y="47"/>
                  </a:lnTo>
                  <a:lnTo>
                    <a:pt x="579" y="51"/>
                  </a:lnTo>
                  <a:lnTo>
                    <a:pt x="576" y="52"/>
                  </a:lnTo>
                  <a:lnTo>
                    <a:pt x="572" y="56"/>
                  </a:lnTo>
                  <a:lnTo>
                    <a:pt x="569" y="56"/>
                  </a:lnTo>
                  <a:lnTo>
                    <a:pt x="565" y="54"/>
                  </a:lnTo>
                  <a:lnTo>
                    <a:pt x="562" y="51"/>
                  </a:lnTo>
                  <a:lnTo>
                    <a:pt x="560" y="49"/>
                  </a:lnTo>
                  <a:lnTo>
                    <a:pt x="555" y="46"/>
                  </a:lnTo>
                  <a:lnTo>
                    <a:pt x="549" y="42"/>
                  </a:lnTo>
                  <a:lnTo>
                    <a:pt x="542" y="37"/>
                  </a:lnTo>
                  <a:lnTo>
                    <a:pt x="535" y="32"/>
                  </a:lnTo>
                  <a:lnTo>
                    <a:pt x="528" y="29"/>
                  </a:lnTo>
                  <a:lnTo>
                    <a:pt x="523" y="25"/>
                  </a:lnTo>
                  <a:lnTo>
                    <a:pt x="521" y="25"/>
                  </a:lnTo>
                  <a:lnTo>
                    <a:pt x="520" y="25"/>
                  </a:lnTo>
                  <a:lnTo>
                    <a:pt x="516" y="25"/>
                  </a:lnTo>
                  <a:lnTo>
                    <a:pt x="511" y="24"/>
                  </a:lnTo>
                  <a:lnTo>
                    <a:pt x="503" y="24"/>
                  </a:lnTo>
                  <a:lnTo>
                    <a:pt x="493" y="24"/>
                  </a:lnTo>
                  <a:lnTo>
                    <a:pt x="481" y="24"/>
                  </a:lnTo>
                  <a:lnTo>
                    <a:pt x="467" y="24"/>
                  </a:lnTo>
                  <a:lnTo>
                    <a:pt x="450" y="22"/>
                  </a:lnTo>
                  <a:lnTo>
                    <a:pt x="433" y="22"/>
                  </a:lnTo>
                  <a:lnTo>
                    <a:pt x="417" y="20"/>
                  </a:lnTo>
                  <a:lnTo>
                    <a:pt x="398" y="20"/>
                  </a:lnTo>
                  <a:lnTo>
                    <a:pt x="378" y="20"/>
                  </a:lnTo>
                  <a:lnTo>
                    <a:pt x="357" y="18"/>
                  </a:lnTo>
                  <a:lnTo>
                    <a:pt x="335" y="18"/>
                  </a:lnTo>
                  <a:lnTo>
                    <a:pt x="313" y="17"/>
                  </a:lnTo>
                  <a:lnTo>
                    <a:pt x="291" y="15"/>
                  </a:lnTo>
                  <a:lnTo>
                    <a:pt x="269" y="15"/>
                  </a:lnTo>
                  <a:lnTo>
                    <a:pt x="247" y="13"/>
                  </a:lnTo>
                  <a:lnTo>
                    <a:pt x="225" y="13"/>
                  </a:lnTo>
                  <a:lnTo>
                    <a:pt x="203" y="12"/>
                  </a:lnTo>
                  <a:lnTo>
                    <a:pt x="181" y="12"/>
                  </a:lnTo>
                  <a:lnTo>
                    <a:pt x="161" y="10"/>
                  </a:lnTo>
                  <a:lnTo>
                    <a:pt x="142" y="8"/>
                  </a:lnTo>
                  <a:lnTo>
                    <a:pt x="122" y="8"/>
                  </a:lnTo>
                  <a:lnTo>
                    <a:pt x="105" y="7"/>
                  </a:lnTo>
                  <a:lnTo>
                    <a:pt x="88" y="7"/>
                  </a:lnTo>
                  <a:lnTo>
                    <a:pt x="73" y="5"/>
                  </a:lnTo>
                  <a:lnTo>
                    <a:pt x="59" y="3"/>
                  </a:lnTo>
                  <a:lnTo>
                    <a:pt x="48" y="3"/>
                  </a:lnTo>
                  <a:lnTo>
                    <a:pt x="37" y="2"/>
                  </a:lnTo>
                  <a:lnTo>
                    <a:pt x="31" y="2"/>
                  </a:lnTo>
                  <a:lnTo>
                    <a:pt x="24" y="0"/>
                  </a:lnTo>
                  <a:lnTo>
                    <a:pt x="2" y="250"/>
                  </a:lnTo>
                  <a:lnTo>
                    <a:pt x="0" y="250"/>
                  </a:lnTo>
                  <a:lnTo>
                    <a:pt x="193" y="262"/>
                  </a:lnTo>
                  <a:lnTo>
                    <a:pt x="186" y="387"/>
                  </a:lnTo>
                  <a:lnTo>
                    <a:pt x="197" y="389"/>
                  </a:lnTo>
                  <a:lnTo>
                    <a:pt x="208" y="391"/>
                  </a:lnTo>
                  <a:lnTo>
                    <a:pt x="224" y="392"/>
                  </a:lnTo>
                  <a:lnTo>
                    <a:pt x="239" y="392"/>
                  </a:lnTo>
                  <a:lnTo>
                    <a:pt x="257" y="394"/>
                  </a:lnTo>
                  <a:lnTo>
                    <a:pt x="278" y="396"/>
                  </a:lnTo>
                  <a:lnTo>
                    <a:pt x="298" y="396"/>
                  </a:lnTo>
                  <a:lnTo>
                    <a:pt x="322" y="398"/>
                  </a:lnTo>
                  <a:lnTo>
                    <a:pt x="345" y="398"/>
                  </a:lnTo>
                  <a:lnTo>
                    <a:pt x="371" y="399"/>
                  </a:lnTo>
                  <a:lnTo>
                    <a:pt x="396" y="399"/>
                  </a:lnTo>
                  <a:lnTo>
                    <a:pt x="423" y="399"/>
                  </a:lnTo>
                  <a:lnTo>
                    <a:pt x="450" y="401"/>
                  </a:lnTo>
                  <a:lnTo>
                    <a:pt x="477" y="401"/>
                  </a:lnTo>
                  <a:lnTo>
                    <a:pt x="505" y="401"/>
                  </a:lnTo>
                  <a:lnTo>
                    <a:pt x="532" y="401"/>
                  </a:lnTo>
                  <a:lnTo>
                    <a:pt x="559" y="403"/>
                  </a:lnTo>
                  <a:lnTo>
                    <a:pt x="586" y="403"/>
                  </a:lnTo>
                  <a:lnTo>
                    <a:pt x="611" y="403"/>
                  </a:lnTo>
                  <a:lnTo>
                    <a:pt x="637" y="403"/>
                  </a:lnTo>
                  <a:lnTo>
                    <a:pt x="660" y="403"/>
                  </a:lnTo>
                  <a:lnTo>
                    <a:pt x="684" y="403"/>
                  </a:lnTo>
                  <a:lnTo>
                    <a:pt x="704" y="404"/>
                  </a:lnTo>
                  <a:lnTo>
                    <a:pt x="725" y="404"/>
                  </a:lnTo>
                  <a:lnTo>
                    <a:pt x="743" y="404"/>
                  </a:lnTo>
                  <a:lnTo>
                    <a:pt x="760" y="404"/>
                  </a:lnTo>
                  <a:lnTo>
                    <a:pt x="775" y="404"/>
                  </a:lnTo>
                  <a:lnTo>
                    <a:pt x="787" y="404"/>
                  </a:lnTo>
                  <a:lnTo>
                    <a:pt x="797" y="404"/>
                  </a:lnTo>
                  <a:lnTo>
                    <a:pt x="804" y="404"/>
                  </a:lnTo>
                  <a:lnTo>
                    <a:pt x="809" y="404"/>
                  </a:lnTo>
                  <a:lnTo>
                    <a:pt x="811" y="404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52" name="Freeform 125"/>
            <p:cNvSpPr>
              <a:spLocks/>
            </p:cNvSpPr>
            <p:nvPr/>
          </p:nvSpPr>
          <p:spPr bwMode="auto">
            <a:xfrm>
              <a:off x="1384" y="1534"/>
              <a:ext cx="665" cy="553"/>
            </a:xfrm>
            <a:custGeom>
              <a:avLst/>
              <a:gdLst>
                <a:gd name="T0" fmla="*/ 119 w 684"/>
                <a:gd name="T1" fmla="*/ 340 h 570"/>
                <a:gd name="T2" fmla="*/ 108 w 684"/>
                <a:gd name="T3" fmla="*/ 337 h 570"/>
                <a:gd name="T4" fmla="*/ 89 w 684"/>
                <a:gd name="T5" fmla="*/ 333 h 570"/>
                <a:gd name="T6" fmla="*/ 69 w 684"/>
                <a:gd name="T7" fmla="*/ 330 h 570"/>
                <a:gd name="T8" fmla="*/ 47 w 684"/>
                <a:gd name="T9" fmla="*/ 327 h 570"/>
                <a:gd name="T10" fmla="*/ 25 w 684"/>
                <a:gd name="T11" fmla="*/ 324 h 570"/>
                <a:gd name="T12" fmla="*/ 16 w 684"/>
                <a:gd name="T13" fmla="*/ 322 h 570"/>
                <a:gd name="T14" fmla="*/ 2 w 684"/>
                <a:gd name="T15" fmla="*/ 320 h 570"/>
                <a:gd name="T16" fmla="*/ 17 w 684"/>
                <a:gd name="T17" fmla="*/ 244 h 570"/>
                <a:gd name="T18" fmla="*/ 50 w 684"/>
                <a:gd name="T19" fmla="*/ 0 h 570"/>
                <a:gd name="T20" fmla="*/ 83 w 684"/>
                <a:gd name="T21" fmla="*/ 7 h 570"/>
                <a:gd name="T22" fmla="*/ 116 w 684"/>
                <a:gd name="T23" fmla="*/ 15 h 570"/>
                <a:gd name="T24" fmla="*/ 149 w 684"/>
                <a:gd name="T25" fmla="*/ 16 h 570"/>
                <a:gd name="T26" fmla="*/ 182 w 684"/>
                <a:gd name="T27" fmla="*/ 16 h 570"/>
                <a:gd name="T28" fmla="*/ 218 w 684"/>
                <a:gd name="T29" fmla="*/ 20 h 570"/>
                <a:gd name="T30" fmla="*/ 252 w 684"/>
                <a:gd name="T31" fmla="*/ 27 h 570"/>
                <a:gd name="T32" fmla="*/ 285 w 684"/>
                <a:gd name="T33" fmla="*/ 32 h 570"/>
                <a:gd name="T34" fmla="*/ 316 w 684"/>
                <a:gd name="T35" fmla="*/ 36 h 570"/>
                <a:gd name="T36" fmla="*/ 347 w 684"/>
                <a:gd name="T37" fmla="*/ 39 h 570"/>
                <a:gd name="T38" fmla="*/ 374 w 684"/>
                <a:gd name="T39" fmla="*/ 40 h 570"/>
                <a:gd name="T40" fmla="*/ 399 w 684"/>
                <a:gd name="T41" fmla="*/ 42 h 570"/>
                <a:gd name="T42" fmla="*/ 421 w 684"/>
                <a:gd name="T43" fmla="*/ 44 h 570"/>
                <a:gd name="T44" fmla="*/ 437 w 684"/>
                <a:gd name="T45" fmla="*/ 45 h 570"/>
                <a:gd name="T46" fmla="*/ 449 w 684"/>
                <a:gd name="T47" fmla="*/ 45 h 570"/>
                <a:gd name="T48" fmla="*/ 459 w 684"/>
                <a:gd name="T49" fmla="*/ 45 h 570"/>
                <a:gd name="T50" fmla="*/ 461 w 684"/>
                <a:gd name="T51" fmla="*/ 46 h 570"/>
                <a:gd name="T52" fmla="*/ 446 w 684"/>
                <a:gd name="T53" fmla="*/ 210 h 570"/>
                <a:gd name="T54" fmla="*/ 432 w 684"/>
                <a:gd name="T55" fmla="*/ 373 h 570"/>
                <a:gd name="T56" fmla="*/ 425 w 684"/>
                <a:gd name="T57" fmla="*/ 372 h 570"/>
                <a:gd name="T58" fmla="*/ 412 w 684"/>
                <a:gd name="T59" fmla="*/ 372 h 570"/>
                <a:gd name="T60" fmla="*/ 395 w 684"/>
                <a:gd name="T61" fmla="*/ 371 h 570"/>
                <a:gd name="T62" fmla="*/ 374 w 684"/>
                <a:gd name="T63" fmla="*/ 368 h 570"/>
                <a:gd name="T64" fmla="*/ 350 w 684"/>
                <a:gd name="T65" fmla="*/ 364 h 570"/>
                <a:gd name="T66" fmla="*/ 324 w 684"/>
                <a:gd name="T67" fmla="*/ 362 h 570"/>
                <a:gd name="T68" fmla="*/ 296 w 684"/>
                <a:gd name="T69" fmla="*/ 360 h 570"/>
                <a:gd name="T70" fmla="*/ 266 w 684"/>
                <a:gd name="T71" fmla="*/ 357 h 570"/>
                <a:gd name="T72" fmla="*/ 240 w 684"/>
                <a:gd name="T73" fmla="*/ 353 h 570"/>
                <a:gd name="T74" fmla="*/ 213 w 684"/>
                <a:gd name="T75" fmla="*/ 350 h 570"/>
                <a:gd name="T76" fmla="*/ 187 w 684"/>
                <a:gd name="T77" fmla="*/ 348 h 570"/>
                <a:gd name="T78" fmla="*/ 166 w 684"/>
                <a:gd name="T79" fmla="*/ 344 h 570"/>
                <a:gd name="T80" fmla="*/ 146 w 684"/>
                <a:gd name="T81" fmla="*/ 342 h 570"/>
                <a:gd name="T82" fmla="*/ 134 w 684"/>
                <a:gd name="T83" fmla="*/ 341 h 570"/>
                <a:gd name="T84" fmla="*/ 122 w 684"/>
                <a:gd name="T85" fmla="*/ 340 h 570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684"/>
                <a:gd name="T130" fmla="*/ 0 h 570"/>
                <a:gd name="T131" fmla="*/ 684 w 684"/>
                <a:gd name="T132" fmla="*/ 570 h 570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684" h="570">
                  <a:moveTo>
                    <a:pt x="180" y="518"/>
                  </a:moveTo>
                  <a:lnTo>
                    <a:pt x="176" y="518"/>
                  </a:lnTo>
                  <a:lnTo>
                    <a:pt x="169" y="516"/>
                  </a:lnTo>
                  <a:lnTo>
                    <a:pt x="159" y="514"/>
                  </a:lnTo>
                  <a:lnTo>
                    <a:pt x="147" y="513"/>
                  </a:lnTo>
                  <a:lnTo>
                    <a:pt x="134" y="509"/>
                  </a:lnTo>
                  <a:lnTo>
                    <a:pt x="119" y="508"/>
                  </a:lnTo>
                  <a:lnTo>
                    <a:pt x="102" y="504"/>
                  </a:lnTo>
                  <a:lnTo>
                    <a:pt x="87" y="503"/>
                  </a:lnTo>
                  <a:lnTo>
                    <a:pt x="70" y="499"/>
                  </a:lnTo>
                  <a:lnTo>
                    <a:pt x="54" y="498"/>
                  </a:lnTo>
                  <a:lnTo>
                    <a:pt x="39" y="496"/>
                  </a:lnTo>
                  <a:lnTo>
                    <a:pt x="27" y="492"/>
                  </a:lnTo>
                  <a:lnTo>
                    <a:pt x="16" y="491"/>
                  </a:lnTo>
                  <a:lnTo>
                    <a:pt x="9" y="489"/>
                  </a:lnTo>
                  <a:lnTo>
                    <a:pt x="2" y="489"/>
                  </a:lnTo>
                  <a:lnTo>
                    <a:pt x="0" y="489"/>
                  </a:lnTo>
                  <a:lnTo>
                    <a:pt x="17" y="372"/>
                  </a:lnTo>
                  <a:lnTo>
                    <a:pt x="63" y="61"/>
                  </a:lnTo>
                  <a:lnTo>
                    <a:pt x="76" y="0"/>
                  </a:lnTo>
                  <a:lnTo>
                    <a:pt x="98" y="3"/>
                  </a:lnTo>
                  <a:lnTo>
                    <a:pt x="122" y="7"/>
                  </a:lnTo>
                  <a:lnTo>
                    <a:pt x="146" y="12"/>
                  </a:lnTo>
                  <a:lnTo>
                    <a:pt x="171" y="15"/>
                  </a:lnTo>
                  <a:lnTo>
                    <a:pt x="195" y="19"/>
                  </a:lnTo>
                  <a:lnTo>
                    <a:pt x="220" y="22"/>
                  </a:lnTo>
                  <a:lnTo>
                    <a:pt x="246" y="25"/>
                  </a:lnTo>
                  <a:lnTo>
                    <a:pt x="271" y="29"/>
                  </a:lnTo>
                  <a:lnTo>
                    <a:pt x="296" y="32"/>
                  </a:lnTo>
                  <a:lnTo>
                    <a:pt x="323" y="34"/>
                  </a:lnTo>
                  <a:lnTo>
                    <a:pt x="349" y="37"/>
                  </a:lnTo>
                  <a:lnTo>
                    <a:pt x="373" y="41"/>
                  </a:lnTo>
                  <a:lnTo>
                    <a:pt x="398" y="44"/>
                  </a:lnTo>
                  <a:lnTo>
                    <a:pt x="422" y="46"/>
                  </a:lnTo>
                  <a:lnTo>
                    <a:pt x="445" y="49"/>
                  </a:lnTo>
                  <a:lnTo>
                    <a:pt x="469" y="51"/>
                  </a:lnTo>
                  <a:lnTo>
                    <a:pt x="493" y="52"/>
                  </a:lnTo>
                  <a:lnTo>
                    <a:pt x="515" y="56"/>
                  </a:lnTo>
                  <a:lnTo>
                    <a:pt x="535" y="58"/>
                  </a:lnTo>
                  <a:lnTo>
                    <a:pt x="555" y="59"/>
                  </a:lnTo>
                  <a:lnTo>
                    <a:pt x="574" y="61"/>
                  </a:lnTo>
                  <a:lnTo>
                    <a:pt x="591" y="63"/>
                  </a:lnTo>
                  <a:lnTo>
                    <a:pt x="608" y="64"/>
                  </a:lnTo>
                  <a:lnTo>
                    <a:pt x="623" y="66"/>
                  </a:lnTo>
                  <a:lnTo>
                    <a:pt x="637" y="66"/>
                  </a:lnTo>
                  <a:lnTo>
                    <a:pt x="648" y="68"/>
                  </a:lnTo>
                  <a:lnTo>
                    <a:pt x="659" y="68"/>
                  </a:lnTo>
                  <a:lnTo>
                    <a:pt x="667" y="69"/>
                  </a:lnTo>
                  <a:lnTo>
                    <a:pt x="675" y="69"/>
                  </a:lnTo>
                  <a:lnTo>
                    <a:pt x="681" y="69"/>
                  </a:lnTo>
                  <a:lnTo>
                    <a:pt x="684" y="71"/>
                  </a:lnTo>
                  <a:lnTo>
                    <a:pt x="662" y="320"/>
                  </a:lnTo>
                  <a:lnTo>
                    <a:pt x="640" y="570"/>
                  </a:lnTo>
                  <a:lnTo>
                    <a:pt x="635" y="570"/>
                  </a:lnTo>
                  <a:lnTo>
                    <a:pt x="630" y="569"/>
                  </a:lnTo>
                  <a:lnTo>
                    <a:pt x="621" y="569"/>
                  </a:lnTo>
                  <a:lnTo>
                    <a:pt x="611" y="567"/>
                  </a:lnTo>
                  <a:lnTo>
                    <a:pt x="599" y="565"/>
                  </a:lnTo>
                  <a:lnTo>
                    <a:pt x="586" y="565"/>
                  </a:lnTo>
                  <a:lnTo>
                    <a:pt x="571" y="564"/>
                  </a:lnTo>
                  <a:lnTo>
                    <a:pt x="555" y="562"/>
                  </a:lnTo>
                  <a:lnTo>
                    <a:pt x="538" y="558"/>
                  </a:lnTo>
                  <a:lnTo>
                    <a:pt x="520" y="557"/>
                  </a:lnTo>
                  <a:lnTo>
                    <a:pt x="501" y="555"/>
                  </a:lnTo>
                  <a:lnTo>
                    <a:pt x="481" y="553"/>
                  </a:lnTo>
                  <a:lnTo>
                    <a:pt x="461" y="552"/>
                  </a:lnTo>
                  <a:lnTo>
                    <a:pt x="439" y="548"/>
                  </a:lnTo>
                  <a:lnTo>
                    <a:pt x="418" y="547"/>
                  </a:lnTo>
                  <a:lnTo>
                    <a:pt x="396" y="545"/>
                  </a:lnTo>
                  <a:lnTo>
                    <a:pt x="376" y="542"/>
                  </a:lnTo>
                  <a:lnTo>
                    <a:pt x="356" y="540"/>
                  </a:lnTo>
                  <a:lnTo>
                    <a:pt x="335" y="536"/>
                  </a:lnTo>
                  <a:lnTo>
                    <a:pt x="315" y="535"/>
                  </a:lnTo>
                  <a:lnTo>
                    <a:pt x="296" y="533"/>
                  </a:lnTo>
                  <a:lnTo>
                    <a:pt x="278" y="531"/>
                  </a:lnTo>
                  <a:lnTo>
                    <a:pt x="261" y="528"/>
                  </a:lnTo>
                  <a:lnTo>
                    <a:pt x="246" y="526"/>
                  </a:lnTo>
                  <a:lnTo>
                    <a:pt x="230" y="525"/>
                  </a:lnTo>
                  <a:lnTo>
                    <a:pt x="217" y="523"/>
                  </a:lnTo>
                  <a:lnTo>
                    <a:pt x="207" y="523"/>
                  </a:lnTo>
                  <a:lnTo>
                    <a:pt x="197" y="521"/>
                  </a:lnTo>
                  <a:lnTo>
                    <a:pt x="188" y="520"/>
                  </a:lnTo>
                  <a:lnTo>
                    <a:pt x="183" y="520"/>
                  </a:lnTo>
                  <a:lnTo>
                    <a:pt x="180" y="518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953" name="Group 126"/>
            <p:cNvGrpSpPr>
              <a:grpSpLocks/>
            </p:cNvGrpSpPr>
            <p:nvPr/>
          </p:nvGrpSpPr>
          <p:grpSpPr bwMode="auto">
            <a:xfrm>
              <a:off x="3179" y="1296"/>
              <a:ext cx="723" cy="681"/>
              <a:chOff x="3132" y="1095"/>
              <a:chExt cx="724" cy="681"/>
            </a:xfrm>
          </p:grpSpPr>
          <p:sp>
            <p:nvSpPr>
              <p:cNvPr id="1016" name="Freeform 127"/>
              <p:cNvSpPr>
                <a:spLocks/>
              </p:cNvSpPr>
              <p:nvPr/>
            </p:nvSpPr>
            <p:spPr bwMode="auto">
              <a:xfrm>
                <a:off x="3132" y="1095"/>
                <a:ext cx="548" cy="284"/>
              </a:xfrm>
              <a:custGeom>
                <a:avLst/>
                <a:gdLst>
                  <a:gd name="T0" fmla="*/ 12 w 564"/>
                  <a:gd name="T1" fmla="*/ 83 h 293"/>
                  <a:gd name="T2" fmla="*/ 17 w 564"/>
                  <a:gd name="T3" fmla="*/ 98 h 293"/>
                  <a:gd name="T4" fmla="*/ 27 w 564"/>
                  <a:gd name="T5" fmla="*/ 104 h 293"/>
                  <a:gd name="T6" fmla="*/ 45 w 564"/>
                  <a:gd name="T7" fmla="*/ 104 h 293"/>
                  <a:gd name="T8" fmla="*/ 79 w 564"/>
                  <a:gd name="T9" fmla="*/ 112 h 293"/>
                  <a:gd name="T10" fmla="*/ 104 w 564"/>
                  <a:gd name="T11" fmla="*/ 122 h 293"/>
                  <a:gd name="T12" fmla="*/ 137 w 564"/>
                  <a:gd name="T13" fmla="*/ 125 h 293"/>
                  <a:gd name="T14" fmla="*/ 149 w 564"/>
                  <a:gd name="T15" fmla="*/ 137 h 293"/>
                  <a:gd name="T16" fmla="*/ 156 w 564"/>
                  <a:gd name="T17" fmla="*/ 160 h 293"/>
                  <a:gd name="T18" fmla="*/ 154 w 564"/>
                  <a:gd name="T19" fmla="*/ 172 h 293"/>
                  <a:gd name="T20" fmla="*/ 168 w 564"/>
                  <a:gd name="T21" fmla="*/ 184 h 293"/>
                  <a:gd name="T22" fmla="*/ 178 w 564"/>
                  <a:gd name="T23" fmla="*/ 181 h 293"/>
                  <a:gd name="T24" fmla="*/ 182 w 564"/>
                  <a:gd name="T25" fmla="*/ 172 h 293"/>
                  <a:gd name="T26" fmla="*/ 193 w 564"/>
                  <a:gd name="T27" fmla="*/ 151 h 293"/>
                  <a:gd name="T28" fmla="*/ 200 w 564"/>
                  <a:gd name="T29" fmla="*/ 139 h 293"/>
                  <a:gd name="T30" fmla="*/ 206 w 564"/>
                  <a:gd name="T31" fmla="*/ 122 h 293"/>
                  <a:gd name="T32" fmla="*/ 206 w 564"/>
                  <a:gd name="T33" fmla="*/ 132 h 293"/>
                  <a:gd name="T34" fmla="*/ 218 w 564"/>
                  <a:gd name="T35" fmla="*/ 125 h 293"/>
                  <a:gd name="T36" fmla="*/ 229 w 564"/>
                  <a:gd name="T37" fmla="*/ 127 h 293"/>
                  <a:gd name="T38" fmla="*/ 224 w 564"/>
                  <a:gd name="T39" fmla="*/ 139 h 293"/>
                  <a:gd name="T40" fmla="*/ 229 w 564"/>
                  <a:gd name="T41" fmla="*/ 137 h 293"/>
                  <a:gd name="T42" fmla="*/ 244 w 564"/>
                  <a:gd name="T43" fmla="*/ 125 h 293"/>
                  <a:gd name="T44" fmla="*/ 250 w 564"/>
                  <a:gd name="T45" fmla="*/ 111 h 293"/>
                  <a:gd name="T46" fmla="*/ 287 w 564"/>
                  <a:gd name="T47" fmla="*/ 98 h 293"/>
                  <a:gd name="T48" fmla="*/ 315 w 564"/>
                  <a:gd name="T49" fmla="*/ 101 h 293"/>
                  <a:gd name="T50" fmla="*/ 335 w 564"/>
                  <a:gd name="T51" fmla="*/ 114 h 293"/>
                  <a:gd name="T52" fmla="*/ 334 w 564"/>
                  <a:gd name="T53" fmla="*/ 101 h 293"/>
                  <a:gd name="T54" fmla="*/ 341 w 564"/>
                  <a:gd name="T55" fmla="*/ 97 h 293"/>
                  <a:gd name="T56" fmla="*/ 351 w 564"/>
                  <a:gd name="T57" fmla="*/ 98 h 293"/>
                  <a:gd name="T58" fmla="*/ 373 w 564"/>
                  <a:gd name="T59" fmla="*/ 94 h 293"/>
                  <a:gd name="T60" fmla="*/ 360 w 564"/>
                  <a:gd name="T61" fmla="*/ 79 h 293"/>
                  <a:gd name="T62" fmla="*/ 357 w 564"/>
                  <a:gd name="T63" fmla="*/ 65 h 293"/>
                  <a:gd name="T64" fmla="*/ 347 w 564"/>
                  <a:gd name="T65" fmla="*/ 63 h 293"/>
                  <a:gd name="T66" fmla="*/ 331 w 564"/>
                  <a:gd name="T67" fmla="*/ 64 h 293"/>
                  <a:gd name="T68" fmla="*/ 309 w 564"/>
                  <a:gd name="T69" fmla="*/ 46 h 293"/>
                  <a:gd name="T70" fmla="*/ 304 w 564"/>
                  <a:gd name="T71" fmla="*/ 42 h 293"/>
                  <a:gd name="T72" fmla="*/ 290 w 564"/>
                  <a:gd name="T73" fmla="*/ 46 h 293"/>
                  <a:gd name="T74" fmla="*/ 264 w 564"/>
                  <a:gd name="T75" fmla="*/ 53 h 293"/>
                  <a:gd name="T76" fmla="*/ 247 w 564"/>
                  <a:gd name="T77" fmla="*/ 54 h 293"/>
                  <a:gd name="T78" fmla="*/ 212 w 564"/>
                  <a:gd name="T79" fmla="*/ 76 h 293"/>
                  <a:gd name="T80" fmla="*/ 203 w 564"/>
                  <a:gd name="T81" fmla="*/ 72 h 293"/>
                  <a:gd name="T82" fmla="*/ 190 w 564"/>
                  <a:gd name="T83" fmla="*/ 75 h 293"/>
                  <a:gd name="T84" fmla="*/ 170 w 564"/>
                  <a:gd name="T85" fmla="*/ 65 h 293"/>
                  <a:gd name="T86" fmla="*/ 151 w 564"/>
                  <a:gd name="T87" fmla="*/ 45 h 293"/>
                  <a:gd name="T88" fmla="*/ 127 w 564"/>
                  <a:gd name="T89" fmla="*/ 52 h 293"/>
                  <a:gd name="T90" fmla="*/ 130 w 564"/>
                  <a:gd name="T91" fmla="*/ 44 h 293"/>
                  <a:gd name="T92" fmla="*/ 117 w 564"/>
                  <a:gd name="T93" fmla="*/ 52 h 293"/>
                  <a:gd name="T94" fmla="*/ 113 w 564"/>
                  <a:gd name="T95" fmla="*/ 42 h 293"/>
                  <a:gd name="T96" fmla="*/ 108 w 564"/>
                  <a:gd name="T97" fmla="*/ 40 h 293"/>
                  <a:gd name="T98" fmla="*/ 111 w 564"/>
                  <a:gd name="T99" fmla="*/ 35 h 293"/>
                  <a:gd name="T100" fmla="*/ 113 w 564"/>
                  <a:gd name="T101" fmla="*/ 35 h 293"/>
                  <a:gd name="T102" fmla="*/ 114 w 564"/>
                  <a:gd name="T103" fmla="*/ 39 h 293"/>
                  <a:gd name="T104" fmla="*/ 117 w 564"/>
                  <a:gd name="T105" fmla="*/ 37 h 293"/>
                  <a:gd name="T106" fmla="*/ 142 w 564"/>
                  <a:gd name="T107" fmla="*/ 8 h 293"/>
                  <a:gd name="T108" fmla="*/ 152 w 564"/>
                  <a:gd name="T109" fmla="*/ 3 h 293"/>
                  <a:gd name="T110" fmla="*/ 132 w 564"/>
                  <a:gd name="T111" fmla="*/ 2 h 293"/>
                  <a:gd name="T112" fmla="*/ 104 w 564"/>
                  <a:gd name="T113" fmla="*/ 20 h 293"/>
                  <a:gd name="T114" fmla="*/ 87 w 564"/>
                  <a:gd name="T115" fmla="*/ 38 h 293"/>
                  <a:gd name="T116" fmla="*/ 74 w 564"/>
                  <a:gd name="T117" fmla="*/ 46 h 293"/>
                  <a:gd name="T118" fmla="*/ 55 w 564"/>
                  <a:gd name="T119" fmla="*/ 59 h 293"/>
                  <a:gd name="T120" fmla="*/ 42 w 564"/>
                  <a:gd name="T121" fmla="*/ 61 h 293"/>
                  <a:gd name="T122" fmla="*/ 17 w 564"/>
                  <a:gd name="T123" fmla="*/ 76 h 293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w 564"/>
                  <a:gd name="T187" fmla="*/ 0 h 293"/>
                  <a:gd name="T188" fmla="*/ 564 w 564"/>
                  <a:gd name="T189" fmla="*/ 293 h 293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T186" t="T187" r="T188" b="T189"/>
                <a:pathLst>
                  <a:path w="564" h="293">
                    <a:moveTo>
                      <a:pt x="0" y="129"/>
                    </a:moveTo>
                    <a:lnTo>
                      <a:pt x="2" y="129"/>
                    </a:lnTo>
                    <a:lnTo>
                      <a:pt x="4" y="129"/>
                    </a:lnTo>
                    <a:lnTo>
                      <a:pt x="6" y="129"/>
                    </a:lnTo>
                    <a:lnTo>
                      <a:pt x="9" y="129"/>
                    </a:lnTo>
                    <a:lnTo>
                      <a:pt x="12" y="129"/>
                    </a:lnTo>
                    <a:lnTo>
                      <a:pt x="17" y="130"/>
                    </a:lnTo>
                    <a:lnTo>
                      <a:pt x="21" y="135"/>
                    </a:lnTo>
                    <a:lnTo>
                      <a:pt x="26" y="140"/>
                    </a:lnTo>
                    <a:lnTo>
                      <a:pt x="29" y="149"/>
                    </a:lnTo>
                    <a:lnTo>
                      <a:pt x="31" y="151"/>
                    </a:lnTo>
                    <a:lnTo>
                      <a:pt x="31" y="152"/>
                    </a:lnTo>
                    <a:lnTo>
                      <a:pt x="34" y="154"/>
                    </a:lnTo>
                    <a:lnTo>
                      <a:pt x="36" y="156"/>
                    </a:lnTo>
                    <a:lnTo>
                      <a:pt x="38" y="157"/>
                    </a:lnTo>
                    <a:lnTo>
                      <a:pt x="39" y="159"/>
                    </a:lnTo>
                    <a:lnTo>
                      <a:pt x="41" y="159"/>
                    </a:lnTo>
                    <a:lnTo>
                      <a:pt x="41" y="161"/>
                    </a:lnTo>
                    <a:lnTo>
                      <a:pt x="44" y="161"/>
                    </a:lnTo>
                    <a:lnTo>
                      <a:pt x="48" y="161"/>
                    </a:lnTo>
                    <a:lnTo>
                      <a:pt x="53" y="161"/>
                    </a:lnTo>
                    <a:lnTo>
                      <a:pt x="60" y="162"/>
                    </a:lnTo>
                    <a:lnTo>
                      <a:pt x="66" y="162"/>
                    </a:lnTo>
                    <a:lnTo>
                      <a:pt x="75" y="164"/>
                    </a:lnTo>
                    <a:lnTo>
                      <a:pt x="83" y="166"/>
                    </a:lnTo>
                    <a:lnTo>
                      <a:pt x="92" y="168"/>
                    </a:lnTo>
                    <a:lnTo>
                      <a:pt x="100" y="169"/>
                    </a:lnTo>
                    <a:lnTo>
                      <a:pt x="109" y="171"/>
                    </a:lnTo>
                    <a:lnTo>
                      <a:pt x="117" y="174"/>
                    </a:lnTo>
                    <a:lnTo>
                      <a:pt x="126" y="176"/>
                    </a:lnTo>
                    <a:lnTo>
                      <a:pt x="132" y="179"/>
                    </a:lnTo>
                    <a:lnTo>
                      <a:pt x="139" y="183"/>
                    </a:lnTo>
                    <a:lnTo>
                      <a:pt x="146" y="186"/>
                    </a:lnTo>
                    <a:lnTo>
                      <a:pt x="148" y="186"/>
                    </a:lnTo>
                    <a:lnTo>
                      <a:pt x="154" y="188"/>
                    </a:lnTo>
                    <a:lnTo>
                      <a:pt x="165" y="190"/>
                    </a:lnTo>
                    <a:lnTo>
                      <a:pt x="175" y="190"/>
                    </a:lnTo>
                    <a:lnTo>
                      <a:pt x="185" y="191"/>
                    </a:lnTo>
                    <a:lnTo>
                      <a:pt x="193" y="193"/>
                    </a:lnTo>
                    <a:lnTo>
                      <a:pt x="200" y="193"/>
                    </a:lnTo>
                    <a:lnTo>
                      <a:pt x="204" y="193"/>
                    </a:lnTo>
                    <a:lnTo>
                      <a:pt x="207" y="198"/>
                    </a:lnTo>
                    <a:lnTo>
                      <a:pt x="210" y="210"/>
                    </a:lnTo>
                    <a:lnTo>
                      <a:pt x="212" y="210"/>
                    </a:lnTo>
                    <a:lnTo>
                      <a:pt x="214" y="210"/>
                    </a:lnTo>
                    <a:lnTo>
                      <a:pt x="219" y="210"/>
                    </a:lnTo>
                    <a:lnTo>
                      <a:pt x="222" y="212"/>
                    </a:lnTo>
                    <a:lnTo>
                      <a:pt x="227" y="215"/>
                    </a:lnTo>
                    <a:lnTo>
                      <a:pt x="231" y="222"/>
                    </a:lnTo>
                    <a:lnTo>
                      <a:pt x="234" y="230"/>
                    </a:lnTo>
                    <a:lnTo>
                      <a:pt x="236" y="242"/>
                    </a:lnTo>
                    <a:lnTo>
                      <a:pt x="236" y="244"/>
                    </a:lnTo>
                    <a:lnTo>
                      <a:pt x="234" y="247"/>
                    </a:lnTo>
                    <a:lnTo>
                      <a:pt x="234" y="250"/>
                    </a:lnTo>
                    <a:lnTo>
                      <a:pt x="234" y="256"/>
                    </a:lnTo>
                    <a:lnTo>
                      <a:pt x="232" y="259"/>
                    </a:lnTo>
                    <a:lnTo>
                      <a:pt x="232" y="262"/>
                    </a:lnTo>
                    <a:lnTo>
                      <a:pt x="231" y="266"/>
                    </a:lnTo>
                    <a:lnTo>
                      <a:pt x="253" y="266"/>
                    </a:lnTo>
                    <a:lnTo>
                      <a:pt x="253" y="267"/>
                    </a:lnTo>
                    <a:lnTo>
                      <a:pt x="251" y="269"/>
                    </a:lnTo>
                    <a:lnTo>
                      <a:pt x="251" y="274"/>
                    </a:lnTo>
                    <a:lnTo>
                      <a:pt x="251" y="279"/>
                    </a:lnTo>
                    <a:lnTo>
                      <a:pt x="251" y="284"/>
                    </a:lnTo>
                    <a:lnTo>
                      <a:pt x="253" y="288"/>
                    </a:lnTo>
                    <a:lnTo>
                      <a:pt x="256" y="291"/>
                    </a:lnTo>
                    <a:lnTo>
                      <a:pt x="261" y="293"/>
                    </a:lnTo>
                    <a:lnTo>
                      <a:pt x="266" y="279"/>
                    </a:lnTo>
                    <a:lnTo>
                      <a:pt x="266" y="281"/>
                    </a:lnTo>
                    <a:lnTo>
                      <a:pt x="266" y="279"/>
                    </a:lnTo>
                    <a:lnTo>
                      <a:pt x="266" y="278"/>
                    </a:lnTo>
                    <a:lnTo>
                      <a:pt x="268" y="274"/>
                    </a:lnTo>
                    <a:lnTo>
                      <a:pt x="270" y="271"/>
                    </a:lnTo>
                    <a:lnTo>
                      <a:pt x="271" y="266"/>
                    </a:lnTo>
                    <a:lnTo>
                      <a:pt x="275" y="261"/>
                    </a:lnTo>
                    <a:lnTo>
                      <a:pt x="276" y="256"/>
                    </a:lnTo>
                    <a:lnTo>
                      <a:pt x="280" y="250"/>
                    </a:lnTo>
                    <a:lnTo>
                      <a:pt x="283" y="245"/>
                    </a:lnTo>
                    <a:lnTo>
                      <a:pt x="286" y="239"/>
                    </a:lnTo>
                    <a:lnTo>
                      <a:pt x="288" y="234"/>
                    </a:lnTo>
                    <a:lnTo>
                      <a:pt x="292" y="228"/>
                    </a:lnTo>
                    <a:lnTo>
                      <a:pt x="293" y="225"/>
                    </a:lnTo>
                    <a:lnTo>
                      <a:pt x="297" y="220"/>
                    </a:lnTo>
                    <a:lnTo>
                      <a:pt x="298" y="218"/>
                    </a:lnTo>
                    <a:lnTo>
                      <a:pt x="298" y="217"/>
                    </a:lnTo>
                    <a:lnTo>
                      <a:pt x="300" y="215"/>
                    </a:lnTo>
                    <a:lnTo>
                      <a:pt x="300" y="206"/>
                    </a:lnTo>
                    <a:lnTo>
                      <a:pt x="302" y="198"/>
                    </a:lnTo>
                    <a:lnTo>
                      <a:pt x="303" y="193"/>
                    </a:lnTo>
                    <a:lnTo>
                      <a:pt x="305" y="191"/>
                    </a:lnTo>
                    <a:lnTo>
                      <a:pt x="307" y="188"/>
                    </a:lnTo>
                    <a:lnTo>
                      <a:pt x="308" y="188"/>
                    </a:lnTo>
                    <a:lnTo>
                      <a:pt x="310" y="188"/>
                    </a:lnTo>
                    <a:lnTo>
                      <a:pt x="308" y="191"/>
                    </a:lnTo>
                    <a:lnTo>
                      <a:pt x="308" y="195"/>
                    </a:lnTo>
                    <a:lnTo>
                      <a:pt x="308" y="198"/>
                    </a:lnTo>
                    <a:lnTo>
                      <a:pt x="308" y="203"/>
                    </a:lnTo>
                    <a:lnTo>
                      <a:pt x="308" y="206"/>
                    </a:lnTo>
                    <a:lnTo>
                      <a:pt x="308" y="210"/>
                    </a:lnTo>
                    <a:lnTo>
                      <a:pt x="310" y="213"/>
                    </a:lnTo>
                    <a:lnTo>
                      <a:pt x="327" y="201"/>
                    </a:lnTo>
                    <a:lnTo>
                      <a:pt x="327" y="193"/>
                    </a:lnTo>
                    <a:lnTo>
                      <a:pt x="336" y="191"/>
                    </a:lnTo>
                    <a:lnTo>
                      <a:pt x="341" y="186"/>
                    </a:lnTo>
                    <a:lnTo>
                      <a:pt x="346" y="191"/>
                    </a:lnTo>
                    <a:lnTo>
                      <a:pt x="344" y="191"/>
                    </a:lnTo>
                    <a:lnTo>
                      <a:pt x="344" y="193"/>
                    </a:lnTo>
                    <a:lnTo>
                      <a:pt x="342" y="196"/>
                    </a:lnTo>
                    <a:lnTo>
                      <a:pt x="341" y="198"/>
                    </a:lnTo>
                    <a:lnTo>
                      <a:pt x="339" y="201"/>
                    </a:lnTo>
                    <a:lnTo>
                      <a:pt x="336" y="205"/>
                    </a:lnTo>
                    <a:lnTo>
                      <a:pt x="336" y="208"/>
                    </a:lnTo>
                    <a:lnTo>
                      <a:pt x="336" y="210"/>
                    </a:lnTo>
                    <a:lnTo>
                      <a:pt x="336" y="215"/>
                    </a:lnTo>
                    <a:lnTo>
                      <a:pt x="336" y="218"/>
                    </a:lnTo>
                    <a:lnTo>
                      <a:pt x="337" y="218"/>
                    </a:lnTo>
                    <a:lnTo>
                      <a:pt x="339" y="217"/>
                    </a:lnTo>
                    <a:lnTo>
                      <a:pt x="341" y="215"/>
                    </a:lnTo>
                    <a:lnTo>
                      <a:pt x="342" y="213"/>
                    </a:lnTo>
                    <a:lnTo>
                      <a:pt x="342" y="212"/>
                    </a:lnTo>
                    <a:lnTo>
                      <a:pt x="344" y="210"/>
                    </a:lnTo>
                    <a:lnTo>
                      <a:pt x="354" y="198"/>
                    </a:lnTo>
                    <a:lnTo>
                      <a:pt x="356" y="198"/>
                    </a:lnTo>
                    <a:lnTo>
                      <a:pt x="359" y="196"/>
                    </a:lnTo>
                    <a:lnTo>
                      <a:pt x="363" y="193"/>
                    </a:lnTo>
                    <a:lnTo>
                      <a:pt x="364" y="193"/>
                    </a:lnTo>
                    <a:lnTo>
                      <a:pt x="363" y="188"/>
                    </a:lnTo>
                    <a:lnTo>
                      <a:pt x="363" y="183"/>
                    </a:lnTo>
                    <a:lnTo>
                      <a:pt x="364" y="179"/>
                    </a:lnTo>
                    <a:lnTo>
                      <a:pt x="366" y="176"/>
                    </a:lnTo>
                    <a:lnTo>
                      <a:pt x="369" y="174"/>
                    </a:lnTo>
                    <a:lnTo>
                      <a:pt x="373" y="173"/>
                    </a:lnTo>
                    <a:lnTo>
                      <a:pt x="374" y="173"/>
                    </a:lnTo>
                    <a:lnTo>
                      <a:pt x="376" y="171"/>
                    </a:lnTo>
                    <a:lnTo>
                      <a:pt x="400" y="173"/>
                    </a:lnTo>
                    <a:lnTo>
                      <a:pt x="400" y="168"/>
                    </a:lnTo>
                    <a:lnTo>
                      <a:pt x="417" y="168"/>
                    </a:lnTo>
                    <a:lnTo>
                      <a:pt x="429" y="151"/>
                    </a:lnTo>
                    <a:lnTo>
                      <a:pt x="468" y="154"/>
                    </a:lnTo>
                    <a:lnTo>
                      <a:pt x="471" y="157"/>
                    </a:lnTo>
                    <a:lnTo>
                      <a:pt x="474" y="159"/>
                    </a:lnTo>
                    <a:lnTo>
                      <a:pt x="479" y="162"/>
                    </a:lnTo>
                    <a:lnTo>
                      <a:pt x="486" y="168"/>
                    </a:lnTo>
                    <a:lnTo>
                      <a:pt x="493" y="171"/>
                    </a:lnTo>
                    <a:lnTo>
                      <a:pt x="498" y="174"/>
                    </a:lnTo>
                    <a:lnTo>
                      <a:pt x="501" y="176"/>
                    </a:lnTo>
                    <a:lnTo>
                      <a:pt x="503" y="174"/>
                    </a:lnTo>
                    <a:lnTo>
                      <a:pt x="503" y="173"/>
                    </a:lnTo>
                    <a:lnTo>
                      <a:pt x="501" y="171"/>
                    </a:lnTo>
                    <a:lnTo>
                      <a:pt x="501" y="166"/>
                    </a:lnTo>
                    <a:lnTo>
                      <a:pt x="500" y="162"/>
                    </a:lnTo>
                    <a:lnTo>
                      <a:pt x="500" y="157"/>
                    </a:lnTo>
                    <a:lnTo>
                      <a:pt x="501" y="154"/>
                    </a:lnTo>
                    <a:lnTo>
                      <a:pt x="501" y="152"/>
                    </a:lnTo>
                    <a:lnTo>
                      <a:pt x="505" y="151"/>
                    </a:lnTo>
                    <a:lnTo>
                      <a:pt x="506" y="149"/>
                    </a:lnTo>
                    <a:lnTo>
                      <a:pt x="508" y="149"/>
                    </a:lnTo>
                    <a:lnTo>
                      <a:pt x="510" y="149"/>
                    </a:lnTo>
                    <a:lnTo>
                      <a:pt x="510" y="152"/>
                    </a:lnTo>
                    <a:lnTo>
                      <a:pt x="513" y="154"/>
                    </a:lnTo>
                    <a:lnTo>
                      <a:pt x="517" y="154"/>
                    </a:lnTo>
                    <a:lnTo>
                      <a:pt x="520" y="154"/>
                    </a:lnTo>
                    <a:lnTo>
                      <a:pt x="525" y="152"/>
                    </a:lnTo>
                    <a:lnTo>
                      <a:pt x="528" y="151"/>
                    </a:lnTo>
                    <a:lnTo>
                      <a:pt x="532" y="151"/>
                    </a:lnTo>
                    <a:lnTo>
                      <a:pt x="532" y="149"/>
                    </a:lnTo>
                    <a:lnTo>
                      <a:pt x="562" y="149"/>
                    </a:lnTo>
                    <a:lnTo>
                      <a:pt x="564" y="144"/>
                    </a:lnTo>
                    <a:lnTo>
                      <a:pt x="559" y="144"/>
                    </a:lnTo>
                    <a:lnTo>
                      <a:pt x="550" y="129"/>
                    </a:lnTo>
                    <a:lnTo>
                      <a:pt x="537" y="129"/>
                    </a:lnTo>
                    <a:lnTo>
                      <a:pt x="537" y="127"/>
                    </a:lnTo>
                    <a:lnTo>
                      <a:pt x="537" y="125"/>
                    </a:lnTo>
                    <a:lnTo>
                      <a:pt x="537" y="124"/>
                    </a:lnTo>
                    <a:lnTo>
                      <a:pt x="535" y="120"/>
                    </a:lnTo>
                    <a:lnTo>
                      <a:pt x="535" y="118"/>
                    </a:lnTo>
                    <a:lnTo>
                      <a:pt x="535" y="117"/>
                    </a:lnTo>
                    <a:lnTo>
                      <a:pt x="535" y="115"/>
                    </a:lnTo>
                    <a:lnTo>
                      <a:pt x="535" y="105"/>
                    </a:lnTo>
                    <a:lnTo>
                      <a:pt x="534" y="100"/>
                    </a:lnTo>
                    <a:lnTo>
                      <a:pt x="530" y="96"/>
                    </a:lnTo>
                    <a:lnTo>
                      <a:pt x="527" y="95"/>
                    </a:lnTo>
                    <a:lnTo>
                      <a:pt x="523" y="95"/>
                    </a:lnTo>
                    <a:lnTo>
                      <a:pt x="520" y="95"/>
                    </a:lnTo>
                    <a:lnTo>
                      <a:pt x="518" y="96"/>
                    </a:lnTo>
                    <a:lnTo>
                      <a:pt x="513" y="102"/>
                    </a:lnTo>
                    <a:lnTo>
                      <a:pt x="508" y="102"/>
                    </a:lnTo>
                    <a:lnTo>
                      <a:pt x="505" y="102"/>
                    </a:lnTo>
                    <a:lnTo>
                      <a:pt x="501" y="102"/>
                    </a:lnTo>
                    <a:lnTo>
                      <a:pt x="500" y="100"/>
                    </a:lnTo>
                    <a:lnTo>
                      <a:pt x="496" y="98"/>
                    </a:lnTo>
                    <a:lnTo>
                      <a:pt x="496" y="96"/>
                    </a:lnTo>
                    <a:lnTo>
                      <a:pt x="496" y="95"/>
                    </a:lnTo>
                    <a:lnTo>
                      <a:pt x="490" y="102"/>
                    </a:lnTo>
                    <a:lnTo>
                      <a:pt x="468" y="100"/>
                    </a:lnTo>
                    <a:lnTo>
                      <a:pt x="466" y="95"/>
                    </a:lnTo>
                    <a:lnTo>
                      <a:pt x="462" y="73"/>
                    </a:lnTo>
                    <a:lnTo>
                      <a:pt x="466" y="68"/>
                    </a:lnTo>
                    <a:lnTo>
                      <a:pt x="464" y="61"/>
                    </a:lnTo>
                    <a:lnTo>
                      <a:pt x="462" y="63"/>
                    </a:lnTo>
                    <a:lnTo>
                      <a:pt x="459" y="63"/>
                    </a:lnTo>
                    <a:lnTo>
                      <a:pt x="456" y="64"/>
                    </a:lnTo>
                    <a:lnTo>
                      <a:pt x="452" y="66"/>
                    </a:lnTo>
                    <a:lnTo>
                      <a:pt x="449" y="66"/>
                    </a:lnTo>
                    <a:lnTo>
                      <a:pt x="447" y="68"/>
                    </a:lnTo>
                    <a:lnTo>
                      <a:pt x="440" y="71"/>
                    </a:lnTo>
                    <a:lnTo>
                      <a:pt x="434" y="73"/>
                    </a:lnTo>
                    <a:lnTo>
                      <a:pt x="427" y="74"/>
                    </a:lnTo>
                    <a:lnTo>
                      <a:pt x="420" y="78"/>
                    </a:lnTo>
                    <a:lnTo>
                      <a:pt x="413" y="78"/>
                    </a:lnTo>
                    <a:lnTo>
                      <a:pt x="407" y="80"/>
                    </a:lnTo>
                    <a:lnTo>
                      <a:pt x="402" y="81"/>
                    </a:lnTo>
                    <a:lnTo>
                      <a:pt x="395" y="81"/>
                    </a:lnTo>
                    <a:lnTo>
                      <a:pt x="390" y="83"/>
                    </a:lnTo>
                    <a:lnTo>
                      <a:pt x="383" y="83"/>
                    </a:lnTo>
                    <a:lnTo>
                      <a:pt x="380" y="83"/>
                    </a:lnTo>
                    <a:lnTo>
                      <a:pt x="374" y="83"/>
                    </a:lnTo>
                    <a:lnTo>
                      <a:pt x="371" y="83"/>
                    </a:lnTo>
                    <a:lnTo>
                      <a:pt x="369" y="83"/>
                    </a:lnTo>
                    <a:lnTo>
                      <a:pt x="368" y="83"/>
                    </a:lnTo>
                    <a:lnTo>
                      <a:pt x="330" y="118"/>
                    </a:lnTo>
                    <a:lnTo>
                      <a:pt x="324" y="117"/>
                    </a:lnTo>
                    <a:lnTo>
                      <a:pt x="317" y="117"/>
                    </a:lnTo>
                    <a:lnTo>
                      <a:pt x="315" y="117"/>
                    </a:lnTo>
                    <a:lnTo>
                      <a:pt x="312" y="117"/>
                    </a:lnTo>
                    <a:lnTo>
                      <a:pt x="308" y="117"/>
                    </a:lnTo>
                    <a:lnTo>
                      <a:pt x="307" y="117"/>
                    </a:lnTo>
                    <a:lnTo>
                      <a:pt x="305" y="112"/>
                    </a:lnTo>
                    <a:lnTo>
                      <a:pt x="303" y="110"/>
                    </a:lnTo>
                    <a:lnTo>
                      <a:pt x="300" y="108"/>
                    </a:lnTo>
                    <a:lnTo>
                      <a:pt x="297" y="110"/>
                    </a:lnTo>
                    <a:lnTo>
                      <a:pt x="292" y="112"/>
                    </a:lnTo>
                    <a:lnTo>
                      <a:pt x="288" y="113"/>
                    </a:lnTo>
                    <a:lnTo>
                      <a:pt x="286" y="115"/>
                    </a:lnTo>
                    <a:lnTo>
                      <a:pt x="285" y="115"/>
                    </a:lnTo>
                    <a:lnTo>
                      <a:pt x="266" y="115"/>
                    </a:lnTo>
                    <a:lnTo>
                      <a:pt x="263" y="108"/>
                    </a:lnTo>
                    <a:lnTo>
                      <a:pt x="263" y="107"/>
                    </a:lnTo>
                    <a:lnTo>
                      <a:pt x="261" y="105"/>
                    </a:lnTo>
                    <a:lnTo>
                      <a:pt x="258" y="102"/>
                    </a:lnTo>
                    <a:lnTo>
                      <a:pt x="254" y="100"/>
                    </a:lnTo>
                    <a:lnTo>
                      <a:pt x="253" y="96"/>
                    </a:lnTo>
                    <a:lnTo>
                      <a:pt x="249" y="93"/>
                    </a:lnTo>
                    <a:lnTo>
                      <a:pt x="246" y="90"/>
                    </a:lnTo>
                    <a:lnTo>
                      <a:pt x="244" y="88"/>
                    </a:lnTo>
                    <a:lnTo>
                      <a:pt x="236" y="78"/>
                    </a:lnTo>
                    <a:lnTo>
                      <a:pt x="226" y="71"/>
                    </a:lnTo>
                    <a:lnTo>
                      <a:pt x="217" y="69"/>
                    </a:lnTo>
                    <a:lnTo>
                      <a:pt x="209" y="69"/>
                    </a:lnTo>
                    <a:lnTo>
                      <a:pt x="200" y="73"/>
                    </a:lnTo>
                    <a:lnTo>
                      <a:pt x="195" y="76"/>
                    </a:lnTo>
                    <a:lnTo>
                      <a:pt x="192" y="78"/>
                    </a:lnTo>
                    <a:lnTo>
                      <a:pt x="190" y="80"/>
                    </a:lnTo>
                    <a:lnTo>
                      <a:pt x="190" y="78"/>
                    </a:lnTo>
                    <a:lnTo>
                      <a:pt x="192" y="74"/>
                    </a:lnTo>
                    <a:lnTo>
                      <a:pt x="192" y="73"/>
                    </a:lnTo>
                    <a:lnTo>
                      <a:pt x="193" y="71"/>
                    </a:lnTo>
                    <a:lnTo>
                      <a:pt x="193" y="68"/>
                    </a:lnTo>
                    <a:lnTo>
                      <a:pt x="193" y="66"/>
                    </a:lnTo>
                    <a:lnTo>
                      <a:pt x="188" y="68"/>
                    </a:lnTo>
                    <a:lnTo>
                      <a:pt x="183" y="69"/>
                    </a:lnTo>
                    <a:lnTo>
                      <a:pt x="180" y="74"/>
                    </a:lnTo>
                    <a:lnTo>
                      <a:pt x="176" y="80"/>
                    </a:lnTo>
                    <a:lnTo>
                      <a:pt x="173" y="85"/>
                    </a:lnTo>
                    <a:lnTo>
                      <a:pt x="171" y="88"/>
                    </a:lnTo>
                    <a:lnTo>
                      <a:pt x="170" y="91"/>
                    </a:lnTo>
                    <a:lnTo>
                      <a:pt x="168" y="64"/>
                    </a:lnTo>
                    <a:lnTo>
                      <a:pt x="168" y="66"/>
                    </a:lnTo>
                    <a:lnTo>
                      <a:pt x="166" y="66"/>
                    </a:lnTo>
                    <a:lnTo>
                      <a:pt x="165" y="66"/>
                    </a:lnTo>
                    <a:lnTo>
                      <a:pt x="163" y="64"/>
                    </a:lnTo>
                    <a:lnTo>
                      <a:pt x="163" y="63"/>
                    </a:lnTo>
                    <a:lnTo>
                      <a:pt x="161" y="61"/>
                    </a:lnTo>
                    <a:lnTo>
                      <a:pt x="163" y="56"/>
                    </a:lnTo>
                    <a:lnTo>
                      <a:pt x="163" y="52"/>
                    </a:lnTo>
                    <a:lnTo>
                      <a:pt x="165" y="49"/>
                    </a:lnTo>
                    <a:lnTo>
                      <a:pt x="166" y="49"/>
                    </a:lnTo>
                    <a:lnTo>
                      <a:pt x="166" y="51"/>
                    </a:lnTo>
                    <a:lnTo>
                      <a:pt x="168" y="52"/>
                    </a:lnTo>
                    <a:lnTo>
                      <a:pt x="168" y="54"/>
                    </a:lnTo>
                    <a:lnTo>
                      <a:pt x="168" y="52"/>
                    </a:lnTo>
                    <a:lnTo>
                      <a:pt x="168" y="51"/>
                    </a:lnTo>
                    <a:lnTo>
                      <a:pt x="168" y="49"/>
                    </a:lnTo>
                    <a:lnTo>
                      <a:pt x="166" y="47"/>
                    </a:lnTo>
                    <a:lnTo>
                      <a:pt x="168" y="49"/>
                    </a:lnTo>
                    <a:lnTo>
                      <a:pt x="168" y="54"/>
                    </a:lnTo>
                    <a:lnTo>
                      <a:pt x="170" y="59"/>
                    </a:lnTo>
                    <a:lnTo>
                      <a:pt x="171" y="61"/>
                    </a:lnTo>
                    <a:lnTo>
                      <a:pt x="173" y="61"/>
                    </a:lnTo>
                    <a:lnTo>
                      <a:pt x="175" y="61"/>
                    </a:lnTo>
                    <a:lnTo>
                      <a:pt x="175" y="58"/>
                    </a:lnTo>
                    <a:lnTo>
                      <a:pt x="176" y="56"/>
                    </a:lnTo>
                    <a:lnTo>
                      <a:pt x="176" y="54"/>
                    </a:lnTo>
                    <a:lnTo>
                      <a:pt x="185" y="46"/>
                    </a:lnTo>
                    <a:lnTo>
                      <a:pt x="187" y="37"/>
                    </a:lnTo>
                    <a:lnTo>
                      <a:pt x="207" y="19"/>
                    </a:lnTo>
                    <a:lnTo>
                      <a:pt x="214" y="8"/>
                    </a:lnTo>
                    <a:lnTo>
                      <a:pt x="212" y="8"/>
                    </a:lnTo>
                    <a:lnTo>
                      <a:pt x="212" y="10"/>
                    </a:lnTo>
                    <a:lnTo>
                      <a:pt x="214" y="10"/>
                    </a:lnTo>
                    <a:lnTo>
                      <a:pt x="222" y="7"/>
                    </a:lnTo>
                    <a:lnTo>
                      <a:pt x="226" y="5"/>
                    </a:lnTo>
                    <a:lnTo>
                      <a:pt x="227" y="3"/>
                    </a:lnTo>
                    <a:lnTo>
                      <a:pt x="224" y="2"/>
                    </a:lnTo>
                    <a:lnTo>
                      <a:pt x="219" y="2"/>
                    </a:lnTo>
                    <a:lnTo>
                      <a:pt x="215" y="0"/>
                    </a:lnTo>
                    <a:lnTo>
                      <a:pt x="210" y="0"/>
                    </a:lnTo>
                    <a:lnTo>
                      <a:pt x="209" y="0"/>
                    </a:lnTo>
                    <a:lnTo>
                      <a:pt x="197" y="2"/>
                    </a:lnTo>
                    <a:lnTo>
                      <a:pt x="185" y="5"/>
                    </a:lnTo>
                    <a:lnTo>
                      <a:pt x="176" y="12"/>
                    </a:lnTo>
                    <a:lnTo>
                      <a:pt x="168" y="19"/>
                    </a:lnTo>
                    <a:lnTo>
                      <a:pt x="163" y="25"/>
                    </a:lnTo>
                    <a:lnTo>
                      <a:pt x="158" y="30"/>
                    </a:lnTo>
                    <a:lnTo>
                      <a:pt x="154" y="34"/>
                    </a:lnTo>
                    <a:lnTo>
                      <a:pt x="154" y="36"/>
                    </a:lnTo>
                    <a:lnTo>
                      <a:pt x="146" y="37"/>
                    </a:lnTo>
                    <a:lnTo>
                      <a:pt x="141" y="41"/>
                    </a:lnTo>
                    <a:lnTo>
                      <a:pt x="136" y="46"/>
                    </a:lnTo>
                    <a:lnTo>
                      <a:pt x="132" y="51"/>
                    </a:lnTo>
                    <a:lnTo>
                      <a:pt x="131" y="56"/>
                    </a:lnTo>
                    <a:lnTo>
                      <a:pt x="127" y="61"/>
                    </a:lnTo>
                    <a:lnTo>
                      <a:pt x="126" y="64"/>
                    </a:lnTo>
                    <a:lnTo>
                      <a:pt x="122" y="66"/>
                    </a:lnTo>
                    <a:lnTo>
                      <a:pt x="119" y="68"/>
                    </a:lnTo>
                    <a:lnTo>
                      <a:pt x="114" y="69"/>
                    </a:lnTo>
                    <a:lnTo>
                      <a:pt x="109" y="73"/>
                    </a:lnTo>
                    <a:lnTo>
                      <a:pt x="104" y="78"/>
                    </a:lnTo>
                    <a:lnTo>
                      <a:pt x="99" y="81"/>
                    </a:lnTo>
                    <a:lnTo>
                      <a:pt x="95" y="85"/>
                    </a:lnTo>
                    <a:lnTo>
                      <a:pt x="92" y="88"/>
                    </a:lnTo>
                    <a:lnTo>
                      <a:pt x="92" y="90"/>
                    </a:lnTo>
                    <a:lnTo>
                      <a:pt x="83" y="90"/>
                    </a:lnTo>
                    <a:lnTo>
                      <a:pt x="73" y="90"/>
                    </a:lnTo>
                    <a:lnTo>
                      <a:pt x="73" y="91"/>
                    </a:lnTo>
                    <a:lnTo>
                      <a:pt x="70" y="91"/>
                    </a:lnTo>
                    <a:lnTo>
                      <a:pt x="66" y="91"/>
                    </a:lnTo>
                    <a:lnTo>
                      <a:pt x="65" y="93"/>
                    </a:lnTo>
                    <a:lnTo>
                      <a:pt x="60" y="93"/>
                    </a:lnTo>
                    <a:lnTo>
                      <a:pt x="56" y="95"/>
                    </a:lnTo>
                    <a:lnTo>
                      <a:pt x="55" y="96"/>
                    </a:lnTo>
                    <a:lnTo>
                      <a:pt x="53" y="96"/>
                    </a:lnTo>
                    <a:lnTo>
                      <a:pt x="46" y="105"/>
                    </a:lnTo>
                    <a:lnTo>
                      <a:pt x="38" y="112"/>
                    </a:lnTo>
                    <a:lnTo>
                      <a:pt x="29" y="117"/>
                    </a:lnTo>
                    <a:lnTo>
                      <a:pt x="21" y="120"/>
                    </a:lnTo>
                    <a:lnTo>
                      <a:pt x="12" y="124"/>
                    </a:lnTo>
                    <a:lnTo>
                      <a:pt x="7" y="127"/>
                    </a:lnTo>
                    <a:lnTo>
                      <a:pt x="2" y="127"/>
                    </a:lnTo>
                    <a:lnTo>
                      <a:pt x="0" y="129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17" name="Freeform 128"/>
              <p:cNvSpPr>
                <a:spLocks/>
              </p:cNvSpPr>
              <p:nvPr/>
            </p:nvSpPr>
            <p:spPr bwMode="auto">
              <a:xfrm>
                <a:off x="3490" y="1273"/>
                <a:ext cx="366" cy="503"/>
              </a:xfrm>
              <a:custGeom>
                <a:avLst/>
                <a:gdLst>
                  <a:gd name="T0" fmla="*/ 211 w 377"/>
                  <a:gd name="T1" fmla="*/ 296 h 519"/>
                  <a:gd name="T2" fmla="*/ 216 w 377"/>
                  <a:gd name="T3" fmla="*/ 272 h 519"/>
                  <a:gd name="T4" fmla="*/ 230 w 377"/>
                  <a:gd name="T5" fmla="*/ 256 h 519"/>
                  <a:gd name="T6" fmla="*/ 236 w 377"/>
                  <a:gd name="T7" fmla="*/ 241 h 519"/>
                  <a:gd name="T8" fmla="*/ 237 w 377"/>
                  <a:gd name="T9" fmla="*/ 233 h 519"/>
                  <a:gd name="T10" fmla="*/ 244 w 377"/>
                  <a:gd name="T11" fmla="*/ 236 h 519"/>
                  <a:gd name="T12" fmla="*/ 248 w 377"/>
                  <a:gd name="T13" fmla="*/ 233 h 519"/>
                  <a:gd name="T14" fmla="*/ 250 w 377"/>
                  <a:gd name="T15" fmla="*/ 204 h 519"/>
                  <a:gd name="T16" fmla="*/ 229 w 377"/>
                  <a:gd name="T17" fmla="*/ 139 h 519"/>
                  <a:gd name="T18" fmla="*/ 214 w 377"/>
                  <a:gd name="T19" fmla="*/ 122 h 519"/>
                  <a:gd name="T20" fmla="*/ 204 w 377"/>
                  <a:gd name="T21" fmla="*/ 128 h 519"/>
                  <a:gd name="T22" fmla="*/ 192 w 377"/>
                  <a:gd name="T23" fmla="*/ 133 h 519"/>
                  <a:gd name="T24" fmla="*/ 186 w 377"/>
                  <a:gd name="T25" fmla="*/ 148 h 519"/>
                  <a:gd name="T26" fmla="*/ 176 w 377"/>
                  <a:gd name="T27" fmla="*/ 162 h 519"/>
                  <a:gd name="T28" fmla="*/ 172 w 377"/>
                  <a:gd name="T29" fmla="*/ 168 h 519"/>
                  <a:gd name="T30" fmla="*/ 166 w 377"/>
                  <a:gd name="T31" fmla="*/ 166 h 519"/>
                  <a:gd name="T32" fmla="*/ 153 w 377"/>
                  <a:gd name="T33" fmla="*/ 155 h 519"/>
                  <a:gd name="T34" fmla="*/ 156 w 377"/>
                  <a:gd name="T35" fmla="*/ 139 h 519"/>
                  <a:gd name="T36" fmla="*/ 164 w 377"/>
                  <a:gd name="T37" fmla="*/ 135 h 519"/>
                  <a:gd name="T38" fmla="*/ 182 w 377"/>
                  <a:gd name="T39" fmla="*/ 98 h 519"/>
                  <a:gd name="T40" fmla="*/ 182 w 377"/>
                  <a:gd name="T41" fmla="*/ 76 h 519"/>
                  <a:gd name="T42" fmla="*/ 173 w 377"/>
                  <a:gd name="T43" fmla="*/ 59 h 519"/>
                  <a:gd name="T44" fmla="*/ 169 w 377"/>
                  <a:gd name="T45" fmla="*/ 47 h 519"/>
                  <a:gd name="T46" fmla="*/ 178 w 377"/>
                  <a:gd name="T47" fmla="*/ 48 h 519"/>
                  <a:gd name="T48" fmla="*/ 164 w 377"/>
                  <a:gd name="T49" fmla="*/ 26 h 519"/>
                  <a:gd name="T50" fmla="*/ 140 w 377"/>
                  <a:gd name="T51" fmla="*/ 16 h 519"/>
                  <a:gd name="T52" fmla="*/ 91 w 377"/>
                  <a:gd name="T53" fmla="*/ 0 h 519"/>
                  <a:gd name="T54" fmla="*/ 77 w 377"/>
                  <a:gd name="T55" fmla="*/ 10 h 519"/>
                  <a:gd name="T56" fmla="*/ 71 w 377"/>
                  <a:gd name="T57" fmla="*/ 23 h 519"/>
                  <a:gd name="T58" fmla="*/ 79 w 377"/>
                  <a:gd name="T59" fmla="*/ 33 h 519"/>
                  <a:gd name="T60" fmla="*/ 72 w 377"/>
                  <a:gd name="T61" fmla="*/ 37 h 519"/>
                  <a:gd name="T62" fmla="*/ 57 w 377"/>
                  <a:gd name="T63" fmla="*/ 46 h 519"/>
                  <a:gd name="T64" fmla="*/ 59 w 377"/>
                  <a:gd name="T65" fmla="*/ 66 h 519"/>
                  <a:gd name="T66" fmla="*/ 55 w 377"/>
                  <a:gd name="T67" fmla="*/ 81 h 519"/>
                  <a:gd name="T68" fmla="*/ 47 w 377"/>
                  <a:gd name="T69" fmla="*/ 85 h 519"/>
                  <a:gd name="T70" fmla="*/ 47 w 377"/>
                  <a:gd name="T71" fmla="*/ 69 h 519"/>
                  <a:gd name="T72" fmla="*/ 44 w 377"/>
                  <a:gd name="T73" fmla="*/ 53 h 519"/>
                  <a:gd name="T74" fmla="*/ 42 w 377"/>
                  <a:gd name="T75" fmla="*/ 59 h 519"/>
                  <a:gd name="T76" fmla="*/ 36 w 377"/>
                  <a:gd name="T77" fmla="*/ 74 h 519"/>
                  <a:gd name="T78" fmla="*/ 25 w 377"/>
                  <a:gd name="T79" fmla="*/ 75 h 519"/>
                  <a:gd name="T80" fmla="*/ 18 w 377"/>
                  <a:gd name="T81" fmla="*/ 78 h 519"/>
                  <a:gd name="T82" fmla="*/ 17 w 377"/>
                  <a:gd name="T83" fmla="*/ 91 h 519"/>
                  <a:gd name="T84" fmla="*/ 17 w 377"/>
                  <a:gd name="T85" fmla="*/ 103 h 519"/>
                  <a:gd name="T86" fmla="*/ 17 w 377"/>
                  <a:gd name="T87" fmla="*/ 117 h 519"/>
                  <a:gd name="T88" fmla="*/ 10 w 377"/>
                  <a:gd name="T89" fmla="*/ 139 h 519"/>
                  <a:gd name="T90" fmla="*/ 3 w 377"/>
                  <a:gd name="T91" fmla="*/ 150 h 519"/>
                  <a:gd name="T92" fmla="*/ 10 w 377"/>
                  <a:gd name="T93" fmla="*/ 170 h 519"/>
                  <a:gd name="T94" fmla="*/ 3 w 377"/>
                  <a:gd name="T95" fmla="*/ 178 h 519"/>
                  <a:gd name="T96" fmla="*/ 17 w 377"/>
                  <a:gd name="T97" fmla="*/ 201 h 519"/>
                  <a:gd name="T98" fmla="*/ 17 w 377"/>
                  <a:gd name="T99" fmla="*/ 215 h 519"/>
                  <a:gd name="T100" fmla="*/ 30 w 377"/>
                  <a:gd name="T101" fmla="*/ 246 h 519"/>
                  <a:gd name="T102" fmla="*/ 28 w 377"/>
                  <a:gd name="T103" fmla="*/ 282 h 519"/>
                  <a:gd name="T104" fmla="*/ 17 w 377"/>
                  <a:gd name="T105" fmla="*/ 306 h 519"/>
                  <a:gd name="T106" fmla="*/ 17 w 377"/>
                  <a:gd name="T107" fmla="*/ 320 h 519"/>
                  <a:gd name="T108" fmla="*/ 3 w 377"/>
                  <a:gd name="T109" fmla="*/ 334 h 519"/>
                  <a:gd name="T110" fmla="*/ 201 w 377"/>
                  <a:gd name="T111" fmla="*/ 320 h 519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377"/>
                  <a:gd name="T169" fmla="*/ 0 h 519"/>
                  <a:gd name="T170" fmla="*/ 377 w 377"/>
                  <a:gd name="T171" fmla="*/ 519 h 519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377" h="519">
                    <a:moveTo>
                      <a:pt x="304" y="496"/>
                    </a:moveTo>
                    <a:lnTo>
                      <a:pt x="304" y="489"/>
                    </a:lnTo>
                    <a:lnTo>
                      <a:pt x="308" y="480"/>
                    </a:lnTo>
                    <a:lnTo>
                      <a:pt x="311" y="472"/>
                    </a:lnTo>
                    <a:lnTo>
                      <a:pt x="314" y="465"/>
                    </a:lnTo>
                    <a:lnTo>
                      <a:pt x="320" y="458"/>
                    </a:lnTo>
                    <a:lnTo>
                      <a:pt x="325" y="453"/>
                    </a:lnTo>
                    <a:lnTo>
                      <a:pt x="326" y="450"/>
                    </a:lnTo>
                    <a:lnTo>
                      <a:pt x="328" y="448"/>
                    </a:lnTo>
                    <a:lnTo>
                      <a:pt x="326" y="438"/>
                    </a:lnTo>
                    <a:lnTo>
                      <a:pt x="326" y="430"/>
                    </a:lnTo>
                    <a:lnTo>
                      <a:pt x="328" y="421"/>
                    </a:lnTo>
                    <a:lnTo>
                      <a:pt x="330" y="416"/>
                    </a:lnTo>
                    <a:lnTo>
                      <a:pt x="333" y="411"/>
                    </a:lnTo>
                    <a:lnTo>
                      <a:pt x="336" y="408"/>
                    </a:lnTo>
                    <a:lnTo>
                      <a:pt x="338" y="406"/>
                    </a:lnTo>
                    <a:lnTo>
                      <a:pt x="340" y="406"/>
                    </a:lnTo>
                    <a:lnTo>
                      <a:pt x="348" y="396"/>
                    </a:lnTo>
                    <a:lnTo>
                      <a:pt x="350" y="386"/>
                    </a:lnTo>
                    <a:lnTo>
                      <a:pt x="350" y="384"/>
                    </a:lnTo>
                    <a:lnTo>
                      <a:pt x="350" y="382"/>
                    </a:lnTo>
                    <a:lnTo>
                      <a:pt x="352" y="381"/>
                    </a:lnTo>
                    <a:lnTo>
                      <a:pt x="352" y="379"/>
                    </a:lnTo>
                    <a:lnTo>
                      <a:pt x="355" y="375"/>
                    </a:lnTo>
                    <a:lnTo>
                      <a:pt x="355" y="372"/>
                    </a:lnTo>
                    <a:lnTo>
                      <a:pt x="353" y="370"/>
                    </a:lnTo>
                    <a:lnTo>
                      <a:pt x="355" y="365"/>
                    </a:lnTo>
                    <a:lnTo>
                      <a:pt x="355" y="362"/>
                    </a:lnTo>
                    <a:lnTo>
                      <a:pt x="358" y="360"/>
                    </a:lnTo>
                    <a:lnTo>
                      <a:pt x="360" y="360"/>
                    </a:lnTo>
                    <a:lnTo>
                      <a:pt x="364" y="359"/>
                    </a:lnTo>
                    <a:lnTo>
                      <a:pt x="365" y="360"/>
                    </a:lnTo>
                    <a:lnTo>
                      <a:pt x="367" y="360"/>
                    </a:lnTo>
                    <a:lnTo>
                      <a:pt x="369" y="360"/>
                    </a:lnTo>
                    <a:lnTo>
                      <a:pt x="369" y="365"/>
                    </a:lnTo>
                    <a:lnTo>
                      <a:pt x="370" y="367"/>
                    </a:lnTo>
                    <a:lnTo>
                      <a:pt x="372" y="367"/>
                    </a:lnTo>
                    <a:lnTo>
                      <a:pt x="372" y="365"/>
                    </a:lnTo>
                    <a:lnTo>
                      <a:pt x="374" y="364"/>
                    </a:lnTo>
                    <a:lnTo>
                      <a:pt x="374" y="362"/>
                    </a:lnTo>
                    <a:lnTo>
                      <a:pt x="375" y="360"/>
                    </a:lnTo>
                    <a:lnTo>
                      <a:pt x="377" y="316"/>
                    </a:lnTo>
                    <a:lnTo>
                      <a:pt x="377" y="318"/>
                    </a:lnTo>
                    <a:lnTo>
                      <a:pt x="377" y="316"/>
                    </a:lnTo>
                    <a:lnTo>
                      <a:pt x="372" y="293"/>
                    </a:lnTo>
                    <a:lnTo>
                      <a:pt x="365" y="271"/>
                    </a:lnTo>
                    <a:lnTo>
                      <a:pt x="360" y="254"/>
                    </a:lnTo>
                    <a:lnTo>
                      <a:pt x="355" y="237"/>
                    </a:lnTo>
                    <a:lnTo>
                      <a:pt x="350" y="225"/>
                    </a:lnTo>
                    <a:lnTo>
                      <a:pt x="345" y="215"/>
                    </a:lnTo>
                    <a:lnTo>
                      <a:pt x="340" y="206"/>
                    </a:lnTo>
                    <a:lnTo>
                      <a:pt x="336" y="199"/>
                    </a:lnTo>
                    <a:lnTo>
                      <a:pt x="333" y="196"/>
                    </a:lnTo>
                    <a:lnTo>
                      <a:pt x="330" y="193"/>
                    </a:lnTo>
                    <a:lnTo>
                      <a:pt x="326" y="191"/>
                    </a:lnTo>
                    <a:lnTo>
                      <a:pt x="323" y="189"/>
                    </a:lnTo>
                    <a:lnTo>
                      <a:pt x="321" y="189"/>
                    </a:lnTo>
                    <a:lnTo>
                      <a:pt x="318" y="191"/>
                    </a:lnTo>
                    <a:lnTo>
                      <a:pt x="316" y="191"/>
                    </a:lnTo>
                    <a:lnTo>
                      <a:pt x="314" y="193"/>
                    </a:lnTo>
                    <a:lnTo>
                      <a:pt x="311" y="194"/>
                    </a:lnTo>
                    <a:lnTo>
                      <a:pt x="308" y="198"/>
                    </a:lnTo>
                    <a:lnTo>
                      <a:pt x="303" y="199"/>
                    </a:lnTo>
                    <a:lnTo>
                      <a:pt x="299" y="201"/>
                    </a:lnTo>
                    <a:lnTo>
                      <a:pt x="296" y="203"/>
                    </a:lnTo>
                    <a:lnTo>
                      <a:pt x="294" y="205"/>
                    </a:lnTo>
                    <a:lnTo>
                      <a:pt x="292" y="205"/>
                    </a:lnTo>
                    <a:lnTo>
                      <a:pt x="292" y="206"/>
                    </a:lnTo>
                    <a:lnTo>
                      <a:pt x="287" y="210"/>
                    </a:lnTo>
                    <a:lnTo>
                      <a:pt x="284" y="218"/>
                    </a:lnTo>
                    <a:lnTo>
                      <a:pt x="284" y="221"/>
                    </a:lnTo>
                    <a:lnTo>
                      <a:pt x="282" y="225"/>
                    </a:lnTo>
                    <a:lnTo>
                      <a:pt x="281" y="230"/>
                    </a:lnTo>
                    <a:lnTo>
                      <a:pt x="277" y="233"/>
                    </a:lnTo>
                    <a:lnTo>
                      <a:pt x="276" y="238"/>
                    </a:lnTo>
                    <a:lnTo>
                      <a:pt x="272" y="242"/>
                    </a:lnTo>
                    <a:lnTo>
                      <a:pt x="269" y="242"/>
                    </a:lnTo>
                    <a:lnTo>
                      <a:pt x="269" y="247"/>
                    </a:lnTo>
                    <a:lnTo>
                      <a:pt x="267" y="250"/>
                    </a:lnTo>
                    <a:lnTo>
                      <a:pt x="265" y="254"/>
                    </a:lnTo>
                    <a:lnTo>
                      <a:pt x="264" y="255"/>
                    </a:lnTo>
                    <a:lnTo>
                      <a:pt x="262" y="257"/>
                    </a:lnTo>
                    <a:lnTo>
                      <a:pt x="260" y="259"/>
                    </a:lnTo>
                    <a:lnTo>
                      <a:pt x="259" y="259"/>
                    </a:lnTo>
                    <a:lnTo>
                      <a:pt x="255" y="259"/>
                    </a:lnTo>
                    <a:lnTo>
                      <a:pt x="254" y="257"/>
                    </a:lnTo>
                    <a:lnTo>
                      <a:pt x="252" y="257"/>
                    </a:lnTo>
                    <a:lnTo>
                      <a:pt x="250" y="257"/>
                    </a:lnTo>
                    <a:lnTo>
                      <a:pt x="247" y="255"/>
                    </a:lnTo>
                    <a:lnTo>
                      <a:pt x="238" y="255"/>
                    </a:lnTo>
                    <a:lnTo>
                      <a:pt x="235" y="250"/>
                    </a:lnTo>
                    <a:lnTo>
                      <a:pt x="232" y="245"/>
                    </a:lnTo>
                    <a:lnTo>
                      <a:pt x="232" y="240"/>
                    </a:lnTo>
                    <a:lnTo>
                      <a:pt x="232" y="233"/>
                    </a:lnTo>
                    <a:lnTo>
                      <a:pt x="233" y="228"/>
                    </a:lnTo>
                    <a:lnTo>
                      <a:pt x="233" y="225"/>
                    </a:lnTo>
                    <a:lnTo>
                      <a:pt x="235" y="223"/>
                    </a:lnTo>
                    <a:lnTo>
                      <a:pt x="235" y="218"/>
                    </a:lnTo>
                    <a:lnTo>
                      <a:pt x="237" y="215"/>
                    </a:lnTo>
                    <a:lnTo>
                      <a:pt x="238" y="213"/>
                    </a:lnTo>
                    <a:lnTo>
                      <a:pt x="242" y="211"/>
                    </a:lnTo>
                    <a:lnTo>
                      <a:pt x="243" y="210"/>
                    </a:lnTo>
                    <a:lnTo>
                      <a:pt x="247" y="210"/>
                    </a:lnTo>
                    <a:lnTo>
                      <a:pt x="248" y="208"/>
                    </a:lnTo>
                    <a:lnTo>
                      <a:pt x="259" y="198"/>
                    </a:lnTo>
                    <a:lnTo>
                      <a:pt x="262" y="176"/>
                    </a:lnTo>
                    <a:lnTo>
                      <a:pt x="276" y="164"/>
                    </a:lnTo>
                    <a:lnTo>
                      <a:pt x="276" y="162"/>
                    </a:lnTo>
                    <a:lnTo>
                      <a:pt x="276" y="159"/>
                    </a:lnTo>
                    <a:lnTo>
                      <a:pt x="276" y="152"/>
                    </a:lnTo>
                    <a:lnTo>
                      <a:pt x="276" y="147"/>
                    </a:lnTo>
                    <a:lnTo>
                      <a:pt x="276" y="140"/>
                    </a:lnTo>
                    <a:lnTo>
                      <a:pt x="276" y="133"/>
                    </a:lnTo>
                    <a:lnTo>
                      <a:pt x="276" y="128"/>
                    </a:lnTo>
                    <a:lnTo>
                      <a:pt x="276" y="127"/>
                    </a:lnTo>
                    <a:lnTo>
                      <a:pt x="276" y="118"/>
                    </a:lnTo>
                    <a:lnTo>
                      <a:pt x="274" y="110"/>
                    </a:lnTo>
                    <a:lnTo>
                      <a:pt x="272" y="105"/>
                    </a:lnTo>
                    <a:lnTo>
                      <a:pt x="269" y="100"/>
                    </a:lnTo>
                    <a:lnTo>
                      <a:pt x="267" y="96"/>
                    </a:lnTo>
                    <a:lnTo>
                      <a:pt x="264" y="93"/>
                    </a:lnTo>
                    <a:lnTo>
                      <a:pt x="262" y="91"/>
                    </a:lnTo>
                    <a:lnTo>
                      <a:pt x="260" y="89"/>
                    </a:lnTo>
                    <a:lnTo>
                      <a:pt x="255" y="86"/>
                    </a:lnTo>
                    <a:lnTo>
                      <a:pt x="254" y="83"/>
                    </a:lnTo>
                    <a:lnTo>
                      <a:pt x="254" y="79"/>
                    </a:lnTo>
                    <a:lnTo>
                      <a:pt x="254" y="76"/>
                    </a:lnTo>
                    <a:lnTo>
                      <a:pt x="255" y="74"/>
                    </a:lnTo>
                    <a:lnTo>
                      <a:pt x="257" y="73"/>
                    </a:lnTo>
                    <a:lnTo>
                      <a:pt x="259" y="71"/>
                    </a:lnTo>
                    <a:lnTo>
                      <a:pt x="260" y="71"/>
                    </a:lnTo>
                    <a:lnTo>
                      <a:pt x="265" y="76"/>
                    </a:lnTo>
                    <a:lnTo>
                      <a:pt x="269" y="76"/>
                    </a:lnTo>
                    <a:lnTo>
                      <a:pt x="270" y="76"/>
                    </a:lnTo>
                    <a:lnTo>
                      <a:pt x="270" y="74"/>
                    </a:lnTo>
                    <a:lnTo>
                      <a:pt x="270" y="73"/>
                    </a:lnTo>
                    <a:lnTo>
                      <a:pt x="269" y="71"/>
                    </a:lnTo>
                    <a:lnTo>
                      <a:pt x="269" y="69"/>
                    </a:lnTo>
                    <a:lnTo>
                      <a:pt x="267" y="67"/>
                    </a:lnTo>
                    <a:lnTo>
                      <a:pt x="248" y="40"/>
                    </a:lnTo>
                    <a:lnTo>
                      <a:pt x="240" y="39"/>
                    </a:lnTo>
                    <a:lnTo>
                      <a:pt x="232" y="37"/>
                    </a:lnTo>
                    <a:lnTo>
                      <a:pt x="225" y="35"/>
                    </a:lnTo>
                    <a:lnTo>
                      <a:pt x="220" y="34"/>
                    </a:lnTo>
                    <a:lnTo>
                      <a:pt x="215" y="32"/>
                    </a:lnTo>
                    <a:lnTo>
                      <a:pt x="211" y="29"/>
                    </a:lnTo>
                    <a:lnTo>
                      <a:pt x="210" y="27"/>
                    </a:lnTo>
                    <a:lnTo>
                      <a:pt x="208" y="27"/>
                    </a:lnTo>
                    <a:lnTo>
                      <a:pt x="193" y="27"/>
                    </a:lnTo>
                    <a:lnTo>
                      <a:pt x="179" y="12"/>
                    </a:lnTo>
                    <a:lnTo>
                      <a:pt x="152" y="10"/>
                    </a:lnTo>
                    <a:lnTo>
                      <a:pt x="138" y="0"/>
                    </a:lnTo>
                    <a:lnTo>
                      <a:pt x="130" y="0"/>
                    </a:lnTo>
                    <a:lnTo>
                      <a:pt x="125" y="3"/>
                    </a:lnTo>
                    <a:lnTo>
                      <a:pt x="115" y="1"/>
                    </a:lnTo>
                    <a:lnTo>
                      <a:pt x="115" y="3"/>
                    </a:lnTo>
                    <a:lnTo>
                      <a:pt x="115" y="7"/>
                    </a:lnTo>
                    <a:lnTo>
                      <a:pt x="115" y="10"/>
                    </a:lnTo>
                    <a:lnTo>
                      <a:pt x="115" y="12"/>
                    </a:lnTo>
                    <a:lnTo>
                      <a:pt x="108" y="17"/>
                    </a:lnTo>
                    <a:lnTo>
                      <a:pt x="105" y="22"/>
                    </a:lnTo>
                    <a:lnTo>
                      <a:pt x="103" y="27"/>
                    </a:lnTo>
                    <a:lnTo>
                      <a:pt x="105" y="32"/>
                    </a:lnTo>
                    <a:lnTo>
                      <a:pt x="106" y="37"/>
                    </a:lnTo>
                    <a:lnTo>
                      <a:pt x="110" y="40"/>
                    </a:lnTo>
                    <a:lnTo>
                      <a:pt x="111" y="42"/>
                    </a:lnTo>
                    <a:lnTo>
                      <a:pt x="113" y="44"/>
                    </a:lnTo>
                    <a:lnTo>
                      <a:pt x="116" y="44"/>
                    </a:lnTo>
                    <a:lnTo>
                      <a:pt x="120" y="45"/>
                    </a:lnTo>
                    <a:lnTo>
                      <a:pt x="120" y="47"/>
                    </a:lnTo>
                    <a:lnTo>
                      <a:pt x="120" y="49"/>
                    </a:lnTo>
                    <a:lnTo>
                      <a:pt x="120" y="51"/>
                    </a:lnTo>
                    <a:lnTo>
                      <a:pt x="118" y="52"/>
                    </a:lnTo>
                    <a:lnTo>
                      <a:pt x="116" y="52"/>
                    </a:lnTo>
                    <a:lnTo>
                      <a:pt x="116" y="54"/>
                    </a:lnTo>
                    <a:lnTo>
                      <a:pt x="108" y="54"/>
                    </a:lnTo>
                    <a:lnTo>
                      <a:pt x="101" y="56"/>
                    </a:lnTo>
                    <a:lnTo>
                      <a:pt x="96" y="59"/>
                    </a:lnTo>
                    <a:lnTo>
                      <a:pt x="91" y="62"/>
                    </a:lnTo>
                    <a:lnTo>
                      <a:pt x="89" y="67"/>
                    </a:lnTo>
                    <a:lnTo>
                      <a:pt x="86" y="71"/>
                    </a:lnTo>
                    <a:lnTo>
                      <a:pt x="86" y="73"/>
                    </a:lnTo>
                    <a:lnTo>
                      <a:pt x="86" y="74"/>
                    </a:lnTo>
                    <a:lnTo>
                      <a:pt x="88" y="79"/>
                    </a:lnTo>
                    <a:lnTo>
                      <a:pt x="88" y="86"/>
                    </a:lnTo>
                    <a:lnTo>
                      <a:pt x="89" y="91"/>
                    </a:lnTo>
                    <a:lnTo>
                      <a:pt x="89" y="96"/>
                    </a:lnTo>
                    <a:lnTo>
                      <a:pt x="89" y="101"/>
                    </a:lnTo>
                    <a:lnTo>
                      <a:pt x="89" y="106"/>
                    </a:lnTo>
                    <a:lnTo>
                      <a:pt x="88" y="110"/>
                    </a:lnTo>
                    <a:lnTo>
                      <a:pt x="86" y="115"/>
                    </a:lnTo>
                    <a:lnTo>
                      <a:pt x="86" y="118"/>
                    </a:lnTo>
                    <a:lnTo>
                      <a:pt x="84" y="123"/>
                    </a:lnTo>
                    <a:lnTo>
                      <a:pt x="83" y="127"/>
                    </a:lnTo>
                    <a:lnTo>
                      <a:pt x="83" y="128"/>
                    </a:lnTo>
                    <a:lnTo>
                      <a:pt x="81" y="132"/>
                    </a:lnTo>
                    <a:lnTo>
                      <a:pt x="79" y="133"/>
                    </a:lnTo>
                    <a:lnTo>
                      <a:pt x="72" y="132"/>
                    </a:lnTo>
                    <a:lnTo>
                      <a:pt x="66" y="130"/>
                    </a:lnTo>
                    <a:lnTo>
                      <a:pt x="66" y="128"/>
                    </a:lnTo>
                    <a:lnTo>
                      <a:pt x="67" y="125"/>
                    </a:lnTo>
                    <a:lnTo>
                      <a:pt x="67" y="118"/>
                    </a:lnTo>
                    <a:lnTo>
                      <a:pt x="69" y="113"/>
                    </a:lnTo>
                    <a:lnTo>
                      <a:pt x="71" y="106"/>
                    </a:lnTo>
                    <a:lnTo>
                      <a:pt x="71" y="100"/>
                    </a:lnTo>
                    <a:lnTo>
                      <a:pt x="71" y="95"/>
                    </a:lnTo>
                    <a:lnTo>
                      <a:pt x="71" y="93"/>
                    </a:lnTo>
                    <a:lnTo>
                      <a:pt x="69" y="86"/>
                    </a:lnTo>
                    <a:lnTo>
                      <a:pt x="67" y="83"/>
                    </a:lnTo>
                    <a:lnTo>
                      <a:pt x="66" y="81"/>
                    </a:lnTo>
                    <a:lnTo>
                      <a:pt x="64" y="83"/>
                    </a:lnTo>
                    <a:lnTo>
                      <a:pt x="64" y="84"/>
                    </a:lnTo>
                    <a:lnTo>
                      <a:pt x="62" y="88"/>
                    </a:lnTo>
                    <a:lnTo>
                      <a:pt x="62" y="89"/>
                    </a:lnTo>
                    <a:lnTo>
                      <a:pt x="61" y="91"/>
                    </a:lnTo>
                    <a:lnTo>
                      <a:pt x="61" y="93"/>
                    </a:lnTo>
                    <a:lnTo>
                      <a:pt x="59" y="98"/>
                    </a:lnTo>
                    <a:lnTo>
                      <a:pt x="56" y="101"/>
                    </a:lnTo>
                    <a:lnTo>
                      <a:pt x="54" y="106"/>
                    </a:lnTo>
                    <a:lnTo>
                      <a:pt x="52" y="110"/>
                    </a:lnTo>
                    <a:lnTo>
                      <a:pt x="50" y="113"/>
                    </a:lnTo>
                    <a:lnTo>
                      <a:pt x="49" y="113"/>
                    </a:lnTo>
                    <a:lnTo>
                      <a:pt x="44" y="111"/>
                    </a:lnTo>
                    <a:lnTo>
                      <a:pt x="40" y="111"/>
                    </a:lnTo>
                    <a:lnTo>
                      <a:pt x="39" y="113"/>
                    </a:lnTo>
                    <a:lnTo>
                      <a:pt x="39" y="115"/>
                    </a:lnTo>
                    <a:lnTo>
                      <a:pt x="39" y="117"/>
                    </a:lnTo>
                    <a:lnTo>
                      <a:pt x="32" y="120"/>
                    </a:lnTo>
                    <a:lnTo>
                      <a:pt x="32" y="122"/>
                    </a:lnTo>
                    <a:lnTo>
                      <a:pt x="32" y="125"/>
                    </a:lnTo>
                    <a:lnTo>
                      <a:pt x="30" y="128"/>
                    </a:lnTo>
                    <a:lnTo>
                      <a:pt x="30" y="133"/>
                    </a:lnTo>
                    <a:lnTo>
                      <a:pt x="30" y="137"/>
                    </a:lnTo>
                    <a:lnTo>
                      <a:pt x="30" y="139"/>
                    </a:lnTo>
                    <a:lnTo>
                      <a:pt x="30" y="140"/>
                    </a:lnTo>
                    <a:lnTo>
                      <a:pt x="23" y="144"/>
                    </a:lnTo>
                    <a:lnTo>
                      <a:pt x="20" y="147"/>
                    </a:lnTo>
                    <a:lnTo>
                      <a:pt x="18" y="150"/>
                    </a:lnTo>
                    <a:lnTo>
                      <a:pt x="17" y="152"/>
                    </a:lnTo>
                    <a:lnTo>
                      <a:pt x="15" y="155"/>
                    </a:lnTo>
                    <a:lnTo>
                      <a:pt x="17" y="159"/>
                    </a:lnTo>
                    <a:lnTo>
                      <a:pt x="17" y="161"/>
                    </a:lnTo>
                    <a:lnTo>
                      <a:pt x="18" y="162"/>
                    </a:lnTo>
                    <a:lnTo>
                      <a:pt x="20" y="166"/>
                    </a:lnTo>
                    <a:lnTo>
                      <a:pt x="20" y="171"/>
                    </a:lnTo>
                    <a:lnTo>
                      <a:pt x="20" y="176"/>
                    </a:lnTo>
                    <a:lnTo>
                      <a:pt x="20" y="181"/>
                    </a:lnTo>
                    <a:lnTo>
                      <a:pt x="18" y="186"/>
                    </a:lnTo>
                    <a:lnTo>
                      <a:pt x="17" y="193"/>
                    </a:lnTo>
                    <a:lnTo>
                      <a:pt x="15" y="198"/>
                    </a:lnTo>
                    <a:lnTo>
                      <a:pt x="13" y="203"/>
                    </a:lnTo>
                    <a:lnTo>
                      <a:pt x="12" y="210"/>
                    </a:lnTo>
                    <a:lnTo>
                      <a:pt x="10" y="215"/>
                    </a:lnTo>
                    <a:lnTo>
                      <a:pt x="8" y="220"/>
                    </a:lnTo>
                    <a:lnTo>
                      <a:pt x="6" y="225"/>
                    </a:lnTo>
                    <a:lnTo>
                      <a:pt x="5" y="228"/>
                    </a:lnTo>
                    <a:lnTo>
                      <a:pt x="3" y="232"/>
                    </a:lnTo>
                    <a:lnTo>
                      <a:pt x="3" y="233"/>
                    </a:lnTo>
                    <a:lnTo>
                      <a:pt x="5" y="238"/>
                    </a:lnTo>
                    <a:lnTo>
                      <a:pt x="6" y="245"/>
                    </a:lnTo>
                    <a:lnTo>
                      <a:pt x="8" y="250"/>
                    </a:lnTo>
                    <a:lnTo>
                      <a:pt x="8" y="255"/>
                    </a:lnTo>
                    <a:lnTo>
                      <a:pt x="10" y="260"/>
                    </a:lnTo>
                    <a:lnTo>
                      <a:pt x="10" y="264"/>
                    </a:lnTo>
                    <a:lnTo>
                      <a:pt x="10" y="267"/>
                    </a:lnTo>
                    <a:lnTo>
                      <a:pt x="6" y="269"/>
                    </a:lnTo>
                    <a:lnTo>
                      <a:pt x="5" y="271"/>
                    </a:lnTo>
                    <a:lnTo>
                      <a:pt x="3" y="274"/>
                    </a:lnTo>
                    <a:lnTo>
                      <a:pt x="3" y="277"/>
                    </a:lnTo>
                    <a:lnTo>
                      <a:pt x="5" y="282"/>
                    </a:lnTo>
                    <a:lnTo>
                      <a:pt x="6" y="287"/>
                    </a:lnTo>
                    <a:lnTo>
                      <a:pt x="8" y="294"/>
                    </a:lnTo>
                    <a:lnTo>
                      <a:pt x="12" y="299"/>
                    </a:lnTo>
                    <a:lnTo>
                      <a:pt x="15" y="306"/>
                    </a:lnTo>
                    <a:lnTo>
                      <a:pt x="17" y="311"/>
                    </a:lnTo>
                    <a:lnTo>
                      <a:pt x="20" y="318"/>
                    </a:lnTo>
                    <a:lnTo>
                      <a:pt x="23" y="323"/>
                    </a:lnTo>
                    <a:lnTo>
                      <a:pt x="25" y="326"/>
                    </a:lnTo>
                    <a:lnTo>
                      <a:pt x="27" y="330"/>
                    </a:lnTo>
                    <a:lnTo>
                      <a:pt x="28" y="333"/>
                    </a:lnTo>
                    <a:lnTo>
                      <a:pt x="30" y="333"/>
                    </a:lnTo>
                    <a:lnTo>
                      <a:pt x="34" y="338"/>
                    </a:lnTo>
                    <a:lnTo>
                      <a:pt x="37" y="345"/>
                    </a:lnTo>
                    <a:lnTo>
                      <a:pt x="39" y="353"/>
                    </a:lnTo>
                    <a:lnTo>
                      <a:pt x="42" y="362"/>
                    </a:lnTo>
                    <a:lnTo>
                      <a:pt x="42" y="370"/>
                    </a:lnTo>
                    <a:lnTo>
                      <a:pt x="44" y="381"/>
                    </a:lnTo>
                    <a:lnTo>
                      <a:pt x="44" y="391"/>
                    </a:lnTo>
                    <a:lnTo>
                      <a:pt x="44" y="401"/>
                    </a:lnTo>
                    <a:lnTo>
                      <a:pt x="44" y="411"/>
                    </a:lnTo>
                    <a:lnTo>
                      <a:pt x="44" y="419"/>
                    </a:lnTo>
                    <a:lnTo>
                      <a:pt x="44" y="428"/>
                    </a:lnTo>
                    <a:lnTo>
                      <a:pt x="42" y="436"/>
                    </a:lnTo>
                    <a:lnTo>
                      <a:pt x="42" y="441"/>
                    </a:lnTo>
                    <a:lnTo>
                      <a:pt x="40" y="447"/>
                    </a:lnTo>
                    <a:lnTo>
                      <a:pt x="40" y="450"/>
                    </a:lnTo>
                    <a:lnTo>
                      <a:pt x="40" y="452"/>
                    </a:lnTo>
                    <a:lnTo>
                      <a:pt x="32" y="463"/>
                    </a:lnTo>
                    <a:lnTo>
                      <a:pt x="27" y="474"/>
                    </a:lnTo>
                    <a:lnTo>
                      <a:pt x="23" y="480"/>
                    </a:lnTo>
                    <a:lnTo>
                      <a:pt x="23" y="487"/>
                    </a:lnTo>
                    <a:lnTo>
                      <a:pt x="23" y="491"/>
                    </a:lnTo>
                    <a:lnTo>
                      <a:pt x="23" y="494"/>
                    </a:lnTo>
                    <a:lnTo>
                      <a:pt x="23" y="496"/>
                    </a:lnTo>
                    <a:lnTo>
                      <a:pt x="18" y="502"/>
                    </a:lnTo>
                    <a:lnTo>
                      <a:pt x="15" y="506"/>
                    </a:lnTo>
                    <a:lnTo>
                      <a:pt x="12" y="511"/>
                    </a:lnTo>
                    <a:lnTo>
                      <a:pt x="8" y="513"/>
                    </a:lnTo>
                    <a:lnTo>
                      <a:pt x="6" y="516"/>
                    </a:lnTo>
                    <a:lnTo>
                      <a:pt x="3" y="518"/>
                    </a:lnTo>
                    <a:lnTo>
                      <a:pt x="3" y="519"/>
                    </a:lnTo>
                    <a:lnTo>
                      <a:pt x="1" y="519"/>
                    </a:lnTo>
                    <a:lnTo>
                      <a:pt x="0" y="519"/>
                    </a:lnTo>
                    <a:lnTo>
                      <a:pt x="184" y="497"/>
                    </a:lnTo>
                    <a:lnTo>
                      <a:pt x="188" y="514"/>
                    </a:lnTo>
                    <a:lnTo>
                      <a:pt x="304" y="496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954" name="Freeform 129"/>
            <p:cNvSpPr>
              <a:spLocks/>
            </p:cNvSpPr>
            <p:nvPr/>
          </p:nvSpPr>
          <p:spPr bwMode="auto">
            <a:xfrm>
              <a:off x="3986" y="2043"/>
              <a:ext cx="434" cy="427"/>
            </a:xfrm>
            <a:custGeom>
              <a:avLst/>
              <a:gdLst>
                <a:gd name="T0" fmla="*/ 44 w 446"/>
                <a:gd name="T1" fmla="*/ 263 h 440"/>
                <a:gd name="T2" fmla="*/ 35 w 446"/>
                <a:gd name="T3" fmla="*/ 261 h 440"/>
                <a:gd name="T4" fmla="*/ 18 w 446"/>
                <a:gd name="T5" fmla="*/ 234 h 440"/>
                <a:gd name="T6" fmla="*/ 5 w 446"/>
                <a:gd name="T7" fmla="*/ 218 h 440"/>
                <a:gd name="T8" fmla="*/ 3 w 446"/>
                <a:gd name="T9" fmla="*/ 201 h 440"/>
                <a:gd name="T10" fmla="*/ 1 w 446"/>
                <a:gd name="T11" fmla="*/ 196 h 440"/>
                <a:gd name="T12" fmla="*/ 18 w 446"/>
                <a:gd name="T13" fmla="*/ 195 h 440"/>
                <a:gd name="T14" fmla="*/ 18 w 446"/>
                <a:gd name="T15" fmla="*/ 167 h 440"/>
                <a:gd name="T16" fmla="*/ 23 w 446"/>
                <a:gd name="T17" fmla="*/ 160 h 440"/>
                <a:gd name="T18" fmla="*/ 26 w 446"/>
                <a:gd name="T19" fmla="*/ 148 h 440"/>
                <a:gd name="T20" fmla="*/ 40 w 446"/>
                <a:gd name="T21" fmla="*/ 148 h 440"/>
                <a:gd name="T22" fmla="*/ 47 w 446"/>
                <a:gd name="T23" fmla="*/ 148 h 440"/>
                <a:gd name="T24" fmla="*/ 64 w 446"/>
                <a:gd name="T25" fmla="*/ 110 h 440"/>
                <a:gd name="T26" fmla="*/ 74 w 446"/>
                <a:gd name="T27" fmla="*/ 110 h 440"/>
                <a:gd name="T28" fmla="*/ 81 w 446"/>
                <a:gd name="T29" fmla="*/ 103 h 440"/>
                <a:gd name="T30" fmla="*/ 90 w 446"/>
                <a:gd name="T31" fmla="*/ 90 h 440"/>
                <a:gd name="T32" fmla="*/ 97 w 446"/>
                <a:gd name="T33" fmla="*/ 72 h 440"/>
                <a:gd name="T34" fmla="*/ 98 w 446"/>
                <a:gd name="T35" fmla="*/ 59 h 440"/>
                <a:gd name="T36" fmla="*/ 102 w 446"/>
                <a:gd name="T37" fmla="*/ 37 h 440"/>
                <a:gd name="T38" fmla="*/ 100 w 446"/>
                <a:gd name="T39" fmla="*/ 10 h 440"/>
                <a:gd name="T40" fmla="*/ 184 w 446"/>
                <a:gd name="T41" fmla="*/ 62 h 440"/>
                <a:gd name="T42" fmla="*/ 216 w 446"/>
                <a:gd name="T43" fmla="*/ 80 h 440"/>
                <a:gd name="T44" fmla="*/ 230 w 446"/>
                <a:gd name="T45" fmla="*/ 65 h 440"/>
                <a:gd name="T46" fmla="*/ 249 w 446"/>
                <a:gd name="T47" fmla="*/ 66 h 440"/>
                <a:gd name="T48" fmla="*/ 260 w 446"/>
                <a:gd name="T49" fmla="*/ 53 h 440"/>
                <a:gd name="T50" fmla="*/ 282 w 446"/>
                <a:gd name="T51" fmla="*/ 55 h 440"/>
                <a:gd name="T52" fmla="*/ 290 w 446"/>
                <a:gd name="T53" fmla="*/ 55 h 440"/>
                <a:gd name="T54" fmla="*/ 296 w 446"/>
                <a:gd name="T55" fmla="*/ 62 h 440"/>
                <a:gd name="T56" fmla="*/ 302 w 446"/>
                <a:gd name="T57" fmla="*/ 79 h 440"/>
                <a:gd name="T58" fmla="*/ 299 w 446"/>
                <a:gd name="T59" fmla="*/ 86 h 440"/>
                <a:gd name="T60" fmla="*/ 276 w 446"/>
                <a:gd name="T61" fmla="*/ 80 h 440"/>
                <a:gd name="T62" fmla="*/ 262 w 446"/>
                <a:gd name="T63" fmla="*/ 74 h 440"/>
                <a:gd name="T64" fmla="*/ 254 w 446"/>
                <a:gd name="T65" fmla="*/ 107 h 440"/>
                <a:gd name="T66" fmla="*/ 242 w 446"/>
                <a:gd name="T67" fmla="*/ 119 h 440"/>
                <a:gd name="T68" fmla="*/ 236 w 446"/>
                <a:gd name="T69" fmla="*/ 134 h 440"/>
                <a:gd name="T70" fmla="*/ 229 w 446"/>
                <a:gd name="T71" fmla="*/ 129 h 440"/>
                <a:gd name="T72" fmla="*/ 223 w 446"/>
                <a:gd name="T73" fmla="*/ 143 h 440"/>
                <a:gd name="T74" fmla="*/ 221 w 446"/>
                <a:gd name="T75" fmla="*/ 149 h 440"/>
                <a:gd name="T76" fmla="*/ 218 w 446"/>
                <a:gd name="T77" fmla="*/ 159 h 440"/>
                <a:gd name="T78" fmla="*/ 199 w 446"/>
                <a:gd name="T79" fmla="*/ 160 h 440"/>
                <a:gd name="T80" fmla="*/ 188 w 446"/>
                <a:gd name="T81" fmla="*/ 160 h 440"/>
                <a:gd name="T82" fmla="*/ 188 w 446"/>
                <a:gd name="T83" fmla="*/ 176 h 440"/>
                <a:gd name="T84" fmla="*/ 183 w 446"/>
                <a:gd name="T85" fmla="*/ 189 h 440"/>
                <a:gd name="T86" fmla="*/ 179 w 446"/>
                <a:gd name="T87" fmla="*/ 195 h 440"/>
                <a:gd name="T88" fmla="*/ 174 w 446"/>
                <a:gd name="T89" fmla="*/ 212 h 440"/>
                <a:gd name="T90" fmla="*/ 163 w 446"/>
                <a:gd name="T91" fmla="*/ 232 h 440"/>
                <a:gd name="T92" fmla="*/ 163 w 446"/>
                <a:gd name="T93" fmla="*/ 239 h 440"/>
                <a:gd name="T94" fmla="*/ 164 w 446"/>
                <a:gd name="T95" fmla="*/ 253 h 440"/>
                <a:gd name="T96" fmla="*/ 148 w 446"/>
                <a:gd name="T97" fmla="*/ 259 h 440"/>
                <a:gd name="T98" fmla="*/ 136 w 446"/>
                <a:gd name="T99" fmla="*/ 267 h 440"/>
                <a:gd name="T100" fmla="*/ 125 w 446"/>
                <a:gd name="T101" fmla="*/ 268 h 440"/>
                <a:gd name="T102" fmla="*/ 122 w 446"/>
                <a:gd name="T103" fmla="*/ 276 h 440"/>
                <a:gd name="T104" fmla="*/ 118 w 446"/>
                <a:gd name="T105" fmla="*/ 279 h 440"/>
                <a:gd name="T106" fmla="*/ 97 w 446"/>
                <a:gd name="T107" fmla="*/ 280 h 440"/>
                <a:gd name="T108" fmla="*/ 90 w 446"/>
                <a:gd name="T109" fmla="*/ 285 h 440"/>
                <a:gd name="T110" fmla="*/ 74 w 446"/>
                <a:gd name="T111" fmla="*/ 288 h 440"/>
                <a:gd name="T112" fmla="*/ 55 w 446"/>
                <a:gd name="T113" fmla="*/ 279 h 440"/>
                <a:gd name="T114" fmla="*/ 51 w 446"/>
                <a:gd name="T115" fmla="*/ 265 h 440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446"/>
                <a:gd name="T175" fmla="*/ 0 h 440"/>
                <a:gd name="T176" fmla="*/ 446 w 446"/>
                <a:gd name="T177" fmla="*/ 440 h 440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446" h="440">
                  <a:moveTo>
                    <a:pt x="76" y="404"/>
                  </a:moveTo>
                  <a:lnTo>
                    <a:pt x="64" y="404"/>
                  </a:lnTo>
                  <a:lnTo>
                    <a:pt x="64" y="402"/>
                  </a:lnTo>
                  <a:lnTo>
                    <a:pt x="62" y="401"/>
                  </a:lnTo>
                  <a:lnTo>
                    <a:pt x="62" y="399"/>
                  </a:lnTo>
                  <a:lnTo>
                    <a:pt x="61" y="397"/>
                  </a:lnTo>
                  <a:lnTo>
                    <a:pt x="57" y="397"/>
                  </a:lnTo>
                  <a:lnTo>
                    <a:pt x="54" y="396"/>
                  </a:lnTo>
                  <a:lnTo>
                    <a:pt x="49" y="396"/>
                  </a:lnTo>
                  <a:lnTo>
                    <a:pt x="49" y="394"/>
                  </a:lnTo>
                  <a:lnTo>
                    <a:pt x="45" y="389"/>
                  </a:lnTo>
                  <a:lnTo>
                    <a:pt x="40" y="384"/>
                  </a:lnTo>
                  <a:lnTo>
                    <a:pt x="35" y="375"/>
                  </a:lnTo>
                  <a:lnTo>
                    <a:pt x="28" y="367"/>
                  </a:lnTo>
                  <a:lnTo>
                    <a:pt x="22" y="357"/>
                  </a:lnTo>
                  <a:lnTo>
                    <a:pt x="13" y="348"/>
                  </a:lnTo>
                  <a:lnTo>
                    <a:pt x="5" y="338"/>
                  </a:lnTo>
                  <a:lnTo>
                    <a:pt x="5" y="335"/>
                  </a:lnTo>
                  <a:lnTo>
                    <a:pt x="5" y="331"/>
                  </a:lnTo>
                  <a:lnTo>
                    <a:pt x="6" y="326"/>
                  </a:lnTo>
                  <a:lnTo>
                    <a:pt x="6" y="323"/>
                  </a:lnTo>
                  <a:lnTo>
                    <a:pt x="6" y="318"/>
                  </a:lnTo>
                  <a:lnTo>
                    <a:pt x="5" y="311"/>
                  </a:lnTo>
                  <a:lnTo>
                    <a:pt x="3" y="306"/>
                  </a:lnTo>
                  <a:lnTo>
                    <a:pt x="0" y="303"/>
                  </a:lnTo>
                  <a:lnTo>
                    <a:pt x="0" y="299"/>
                  </a:lnTo>
                  <a:lnTo>
                    <a:pt x="0" y="297"/>
                  </a:lnTo>
                  <a:lnTo>
                    <a:pt x="1" y="297"/>
                  </a:lnTo>
                  <a:lnTo>
                    <a:pt x="1" y="299"/>
                  </a:lnTo>
                  <a:lnTo>
                    <a:pt x="3" y="299"/>
                  </a:lnTo>
                  <a:lnTo>
                    <a:pt x="6" y="303"/>
                  </a:lnTo>
                  <a:lnTo>
                    <a:pt x="13" y="301"/>
                  </a:lnTo>
                  <a:lnTo>
                    <a:pt x="18" y="297"/>
                  </a:lnTo>
                  <a:lnTo>
                    <a:pt x="23" y="292"/>
                  </a:lnTo>
                  <a:lnTo>
                    <a:pt x="28" y="287"/>
                  </a:lnTo>
                  <a:lnTo>
                    <a:pt x="32" y="281"/>
                  </a:lnTo>
                  <a:lnTo>
                    <a:pt x="34" y="277"/>
                  </a:lnTo>
                  <a:lnTo>
                    <a:pt x="35" y="275"/>
                  </a:lnTo>
                  <a:lnTo>
                    <a:pt x="32" y="253"/>
                  </a:lnTo>
                  <a:lnTo>
                    <a:pt x="34" y="252"/>
                  </a:lnTo>
                  <a:lnTo>
                    <a:pt x="34" y="250"/>
                  </a:lnTo>
                  <a:lnTo>
                    <a:pt x="35" y="247"/>
                  </a:lnTo>
                  <a:lnTo>
                    <a:pt x="37" y="243"/>
                  </a:lnTo>
                  <a:lnTo>
                    <a:pt x="39" y="242"/>
                  </a:lnTo>
                  <a:lnTo>
                    <a:pt x="39" y="238"/>
                  </a:lnTo>
                  <a:lnTo>
                    <a:pt x="40" y="230"/>
                  </a:lnTo>
                  <a:lnTo>
                    <a:pt x="40" y="225"/>
                  </a:lnTo>
                  <a:lnTo>
                    <a:pt x="44" y="221"/>
                  </a:lnTo>
                  <a:lnTo>
                    <a:pt x="45" y="221"/>
                  </a:lnTo>
                  <a:lnTo>
                    <a:pt x="49" y="221"/>
                  </a:lnTo>
                  <a:lnTo>
                    <a:pt x="50" y="221"/>
                  </a:lnTo>
                  <a:lnTo>
                    <a:pt x="52" y="223"/>
                  </a:lnTo>
                  <a:lnTo>
                    <a:pt x="54" y="225"/>
                  </a:lnTo>
                  <a:lnTo>
                    <a:pt x="57" y="233"/>
                  </a:lnTo>
                  <a:lnTo>
                    <a:pt x="61" y="235"/>
                  </a:lnTo>
                  <a:lnTo>
                    <a:pt x="62" y="233"/>
                  </a:lnTo>
                  <a:lnTo>
                    <a:pt x="66" y="230"/>
                  </a:lnTo>
                  <a:lnTo>
                    <a:pt x="67" y="225"/>
                  </a:lnTo>
                  <a:lnTo>
                    <a:pt x="67" y="221"/>
                  </a:lnTo>
                  <a:lnTo>
                    <a:pt x="67" y="216"/>
                  </a:lnTo>
                  <a:lnTo>
                    <a:pt x="69" y="216"/>
                  </a:lnTo>
                  <a:lnTo>
                    <a:pt x="71" y="189"/>
                  </a:lnTo>
                  <a:lnTo>
                    <a:pt x="93" y="167"/>
                  </a:lnTo>
                  <a:lnTo>
                    <a:pt x="93" y="169"/>
                  </a:lnTo>
                  <a:lnTo>
                    <a:pt x="94" y="171"/>
                  </a:lnTo>
                  <a:lnTo>
                    <a:pt x="98" y="171"/>
                  </a:lnTo>
                  <a:lnTo>
                    <a:pt x="101" y="169"/>
                  </a:lnTo>
                  <a:lnTo>
                    <a:pt x="105" y="169"/>
                  </a:lnTo>
                  <a:lnTo>
                    <a:pt x="108" y="167"/>
                  </a:lnTo>
                  <a:lnTo>
                    <a:pt x="110" y="165"/>
                  </a:lnTo>
                  <a:lnTo>
                    <a:pt x="110" y="164"/>
                  </a:lnTo>
                  <a:lnTo>
                    <a:pt x="111" y="164"/>
                  </a:lnTo>
                  <a:lnTo>
                    <a:pt x="113" y="160"/>
                  </a:lnTo>
                  <a:lnTo>
                    <a:pt x="118" y="155"/>
                  </a:lnTo>
                  <a:lnTo>
                    <a:pt x="122" y="150"/>
                  </a:lnTo>
                  <a:lnTo>
                    <a:pt x="125" y="147"/>
                  </a:lnTo>
                  <a:lnTo>
                    <a:pt x="130" y="142"/>
                  </a:lnTo>
                  <a:lnTo>
                    <a:pt x="132" y="138"/>
                  </a:lnTo>
                  <a:lnTo>
                    <a:pt x="133" y="137"/>
                  </a:lnTo>
                  <a:lnTo>
                    <a:pt x="138" y="130"/>
                  </a:lnTo>
                  <a:lnTo>
                    <a:pt x="142" y="125"/>
                  </a:lnTo>
                  <a:lnTo>
                    <a:pt x="144" y="120"/>
                  </a:lnTo>
                  <a:lnTo>
                    <a:pt x="144" y="115"/>
                  </a:lnTo>
                  <a:lnTo>
                    <a:pt x="144" y="111"/>
                  </a:lnTo>
                  <a:lnTo>
                    <a:pt x="142" y="108"/>
                  </a:lnTo>
                  <a:lnTo>
                    <a:pt x="142" y="106"/>
                  </a:lnTo>
                  <a:lnTo>
                    <a:pt x="142" y="105"/>
                  </a:lnTo>
                  <a:lnTo>
                    <a:pt x="142" y="103"/>
                  </a:lnTo>
                  <a:lnTo>
                    <a:pt x="142" y="96"/>
                  </a:lnTo>
                  <a:lnTo>
                    <a:pt x="144" y="89"/>
                  </a:lnTo>
                  <a:lnTo>
                    <a:pt x="144" y="79"/>
                  </a:lnTo>
                  <a:lnTo>
                    <a:pt x="145" y="69"/>
                  </a:lnTo>
                  <a:lnTo>
                    <a:pt x="147" y="61"/>
                  </a:lnTo>
                  <a:lnTo>
                    <a:pt x="147" y="55"/>
                  </a:lnTo>
                  <a:lnTo>
                    <a:pt x="149" y="52"/>
                  </a:lnTo>
                  <a:lnTo>
                    <a:pt x="152" y="47"/>
                  </a:lnTo>
                  <a:lnTo>
                    <a:pt x="152" y="40"/>
                  </a:lnTo>
                  <a:lnTo>
                    <a:pt x="152" y="32"/>
                  </a:lnTo>
                  <a:lnTo>
                    <a:pt x="150" y="23"/>
                  </a:lnTo>
                  <a:lnTo>
                    <a:pt x="149" y="15"/>
                  </a:lnTo>
                  <a:lnTo>
                    <a:pt x="147" y="10"/>
                  </a:lnTo>
                  <a:lnTo>
                    <a:pt x="145" y="5"/>
                  </a:lnTo>
                  <a:lnTo>
                    <a:pt x="144" y="3"/>
                  </a:lnTo>
                  <a:lnTo>
                    <a:pt x="155" y="0"/>
                  </a:lnTo>
                  <a:lnTo>
                    <a:pt x="174" y="111"/>
                  </a:lnTo>
                  <a:lnTo>
                    <a:pt x="269" y="93"/>
                  </a:lnTo>
                  <a:lnTo>
                    <a:pt x="279" y="154"/>
                  </a:lnTo>
                  <a:lnTo>
                    <a:pt x="314" y="121"/>
                  </a:lnTo>
                  <a:lnTo>
                    <a:pt x="314" y="123"/>
                  </a:lnTo>
                  <a:lnTo>
                    <a:pt x="316" y="123"/>
                  </a:lnTo>
                  <a:lnTo>
                    <a:pt x="318" y="123"/>
                  </a:lnTo>
                  <a:lnTo>
                    <a:pt x="321" y="121"/>
                  </a:lnTo>
                  <a:lnTo>
                    <a:pt x="326" y="116"/>
                  </a:lnTo>
                  <a:lnTo>
                    <a:pt x="331" y="110"/>
                  </a:lnTo>
                  <a:lnTo>
                    <a:pt x="338" y="98"/>
                  </a:lnTo>
                  <a:lnTo>
                    <a:pt x="340" y="98"/>
                  </a:lnTo>
                  <a:lnTo>
                    <a:pt x="343" y="99"/>
                  </a:lnTo>
                  <a:lnTo>
                    <a:pt x="348" y="101"/>
                  </a:lnTo>
                  <a:lnTo>
                    <a:pt x="353" y="101"/>
                  </a:lnTo>
                  <a:lnTo>
                    <a:pt x="358" y="101"/>
                  </a:lnTo>
                  <a:lnTo>
                    <a:pt x="365" y="99"/>
                  </a:lnTo>
                  <a:lnTo>
                    <a:pt x="370" y="94"/>
                  </a:lnTo>
                  <a:lnTo>
                    <a:pt x="375" y="88"/>
                  </a:lnTo>
                  <a:lnTo>
                    <a:pt x="377" y="86"/>
                  </a:lnTo>
                  <a:lnTo>
                    <a:pt x="377" y="84"/>
                  </a:lnTo>
                  <a:lnTo>
                    <a:pt x="380" y="81"/>
                  </a:lnTo>
                  <a:lnTo>
                    <a:pt x="384" y="79"/>
                  </a:lnTo>
                  <a:lnTo>
                    <a:pt x="389" y="77"/>
                  </a:lnTo>
                  <a:lnTo>
                    <a:pt x="394" y="77"/>
                  </a:lnTo>
                  <a:lnTo>
                    <a:pt x="402" y="79"/>
                  </a:lnTo>
                  <a:lnTo>
                    <a:pt x="413" y="83"/>
                  </a:lnTo>
                  <a:lnTo>
                    <a:pt x="414" y="83"/>
                  </a:lnTo>
                  <a:lnTo>
                    <a:pt x="416" y="83"/>
                  </a:lnTo>
                  <a:lnTo>
                    <a:pt x="418" y="83"/>
                  </a:lnTo>
                  <a:lnTo>
                    <a:pt x="419" y="83"/>
                  </a:lnTo>
                  <a:lnTo>
                    <a:pt x="423" y="83"/>
                  </a:lnTo>
                  <a:lnTo>
                    <a:pt x="424" y="83"/>
                  </a:lnTo>
                  <a:lnTo>
                    <a:pt x="426" y="83"/>
                  </a:lnTo>
                  <a:lnTo>
                    <a:pt x="428" y="89"/>
                  </a:lnTo>
                  <a:lnTo>
                    <a:pt x="430" y="91"/>
                  </a:lnTo>
                  <a:lnTo>
                    <a:pt x="433" y="93"/>
                  </a:lnTo>
                  <a:lnTo>
                    <a:pt x="436" y="96"/>
                  </a:lnTo>
                  <a:lnTo>
                    <a:pt x="441" y="99"/>
                  </a:lnTo>
                  <a:lnTo>
                    <a:pt x="445" y="105"/>
                  </a:lnTo>
                  <a:lnTo>
                    <a:pt x="446" y="110"/>
                  </a:lnTo>
                  <a:lnTo>
                    <a:pt x="446" y="115"/>
                  </a:lnTo>
                  <a:lnTo>
                    <a:pt x="443" y="120"/>
                  </a:lnTo>
                  <a:lnTo>
                    <a:pt x="443" y="121"/>
                  </a:lnTo>
                  <a:lnTo>
                    <a:pt x="443" y="125"/>
                  </a:lnTo>
                  <a:lnTo>
                    <a:pt x="443" y="128"/>
                  </a:lnTo>
                  <a:lnTo>
                    <a:pt x="441" y="130"/>
                  </a:lnTo>
                  <a:lnTo>
                    <a:pt x="438" y="132"/>
                  </a:lnTo>
                  <a:lnTo>
                    <a:pt x="433" y="133"/>
                  </a:lnTo>
                  <a:lnTo>
                    <a:pt x="424" y="130"/>
                  </a:lnTo>
                  <a:lnTo>
                    <a:pt x="411" y="125"/>
                  </a:lnTo>
                  <a:lnTo>
                    <a:pt x="409" y="123"/>
                  </a:lnTo>
                  <a:lnTo>
                    <a:pt x="406" y="121"/>
                  </a:lnTo>
                  <a:lnTo>
                    <a:pt x="401" y="120"/>
                  </a:lnTo>
                  <a:lnTo>
                    <a:pt x="396" y="118"/>
                  </a:lnTo>
                  <a:lnTo>
                    <a:pt x="392" y="115"/>
                  </a:lnTo>
                  <a:lnTo>
                    <a:pt x="387" y="113"/>
                  </a:lnTo>
                  <a:lnTo>
                    <a:pt x="384" y="111"/>
                  </a:lnTo>
                  <a:lnTo>
                    <a:pt x="380" y="145"/>
                  </a:lnTo>
                  <a:lnTo>
                    <a:pt x="375" y="150"/>
                  </a:lnTo>
                  <a:lnTo>
                    <a:pt x="375" y="152"/>
                  </a:lnTo>
                  <a:lnTo>
                    <a:pt x="374" y="157"/>
                  </a:lnTo>
                  <a:lnTo>
                    <a:pt x="372" y="162"/>
                  </a:lnTo>
                  <a:lnTo>
                    <a:pt x="369" y="169"/>
                  </a:lnTo>
                  <a:lnTo>
                    <a:pt x="365" y="176"/>
                  </a:lnTo>
                  <a:lnTo>
                    <a:pt x="362" y="179"/>
                  </a:lnTo>
                  <a:lnTo>
                    <a:pt x="358" y="182"/>
                  </a:lnTo>
                  <a:lnTo>
                    <a:pt x="355" y="181"/>
                  </a:lnTo>
                  <a:lnTo>
                    <a:pt x="355" y="182"/>
                  </a:lnTo>
                  <a:lnTo>
                    <a:pt x="355" y="186"/>
                  </a:lnTo>
                  <a:lnTo>
                    <a:pt x="353" y="189"/>
                  </a:lnTo>
                  <a:lnTo>
                    <a:pt x="352" y="194"/>
                  </a:lnTo>
                  <a:lnTo>
                    <a:pt x="350" y="199"/>
                  </a:lnTo>
                  <a:lnTo>
                    <a:pt x="347" y="203"/>
                  </a:lnTo>
                  <a:lnTo>
                    <a:pt x="345" y="203"/>
                  </a:lnTo>
                  <a:lnTo>
                    <a:pt x="342" y="199"/>
                  </a:lnTo>
                  <a:lnTo>
                    <a:pt x="340" y="199"/>
                  </a:lnTo>
                  <a:lnTo>
                    <a:pt x="338" y="198"/>
                  </a:lnTo>
                  <a:lnTo>
                    <a:pt x="336" y="196"/>
                  </a:lnTo>
                  <a:lnTo>
                    <a:pt x="333" y="196"/>
                  </a:lnTo>
                  <a:lnTo>
                    <a:pt x="331" y="198"/>
                  </a:lnTo>
                  <a:lnTo>
                    <a:pt x="328" y="199"/>
                  </a:lnTo>
                  <a:lnTo>
                    <a:pt x="326" y="206"/>
                  </a:lnTo>
                  <a:lnTo>
                    <a:pt x="326" y="216"/>
                  </a:lnTo>
                  <a:lnTo>
                    <a:pt x="326" y="218"/>
                  </a:lnTo>
                  <a:lnTo>
                    <a:pt x="326" y="220"/>
                  </a:lnTo>
                  <a:lnTo>
                    <a:pt x="325" y="223"/>
                  </a:lnTo>
                  <a:lnTo>
                    <a:pt x="325" y="225"/>
                  </a:lnTo>
                  <a:lnTo>
                    <a:pt x="323" y="226"/>
                  </a:lnTo>
                  <a:lnTo>
                    <a:pt x="323" y="228"/>
                  </a:lnTo>
                  <a:lnTo>
                    <a:pt x="323" y="230"/>
                  </a:lnTo>
                  <a:lnTo>
                    <a:pt x="323" y="231"/>
                  </a:lnTo>
                  <a:lnTo>
                    <a:pt x="321" y="235"/>
                  </a:lnTo>
                  <a:lnTo>
                    <a:pt x="320" y="242"/>
                  </a:lnTo>
                  <a:lnTo>
                    <a:pt x="318" y="247"/>
                  </a:lnTo>
                  <a:lnTo>
                    <a:pt x="313" y="250"/>
                  </a:lnTo>
                  <a:lnTo>
                    <a:pt x="308" y="252"/>
                  </a:lnTo>
                  <a:lnTo>
                    <a:pt x="301" y="250"/>
                  </a:lnTo>
                  <a:lnTo>
                    <a:pt x="291" y="243"/>
                  </a:lnTo>
                  <a:lnTo>
                    <a:pt x="289" y="242"/>
                  </a:lnTo>
                  <a:lnTo>
                    <a:pt x="286" y="240"/>
                  </a:lnTo>
                  <a:lnTo>
                    <a:pt x="282" y="238"/>
                  </a:lnTo>
                  <a:lnTo>
                    <a:pt x="279" y="238"/>
                  </a:lnTo>
                  <a:lnTo>
                    <a:pt x="276" y="240"/>
                  </a:lnTo>
                  <a:lnTo>
                    <a:pt x="274" y="243"/>
                  </a:lnTo>
                  <a:lnTo>
                    <a:pt x="274" y="250"/>
                  </a:lnTo>
                  <a:lnTo>
                    <a:pt x="276" y="260"/>
                  </a:lnTo>
                  <a:lnTo>
                    <a:pt x="276" y="262"/>
                  </a:lnTo>
                  <a:lnTo>
                    <a:pt x="276" y="265"/>
                  </a:lnTo>
                  <a:lnTo>
                    <a:pt x="274" y="267"/>
                  </a:lnTo>
                  <a:lnTo>
                    <a:pt x="272" y="269"/>
                  </a:lnTo>
                  <a:lnTo>
                    <a:pt x="272" y="272"/>
                  </a:lnTo>
                  <a:lnTo>
                    <a:pt x="270" y="274"/>
                  </a:lnTo>
                  <a:lnTo>
                    <a:pt x="270" y="275"/>
                  </a:lnTo>
                  <a:lnTo>
                    <a:pt x="269" y="275"/>
                  </a:lnTo>
                  <a:lnTo>
                    <a:pt x="267" y="287"/>
                  </a:lnTo>
                  <a:lnTo>
                    <a:pt x="265" y="289"/>
                  </a:lnTo>
                  <a:lnTo>
                    <a:pt x="264" y="291"/>
                  </a:lnTo>
                  <a:lnTo>
                    <a:pt x="264" y="292"/>
                  </a:lnTo>
                  <a:lnTo>
                    <a:pt x="262" y="296"/>
                  </a:lnTo>
                  <a:lnTo>
                    <a:pt x="260" y="301"/>
                  </a:lnTo>
                  <a:lnTo>
                    <a:pt x="259" y="308"/>
                  </a:lnTo>
                  <a:lnTo>
                    <a:pt x="259" y="314"/>
                  </a:lnTo>
                  <a:lnTo>
                    <a:pt x="259" y="318"/>
                  </a:lnTo>
                  <a:lnTo>
                    <a:pt x="255" y="321"/>
                  </a:lnTo>
                  <a:lnTo>
                    <a:pt x="252" y="326"/>
                  </a:lnTo>
                  <a:lnTo>
                    <a:pt x="248" y="331"/>
                  </a:lnTo>
                  <a:lnTo>
                    <a:pt x="245" y="336"/>
                  </a:lnTo>
                  <a:lnTo>
                    <a:pt x="242" y="341"/>
                  </a:lnTo>
                  <a:lnTo>
                    <a:pt x="240" y="347"/>
                  </a:lnTo>
                  <a:lnTo>
                    <a:pt x="238" y="352"/>
                  </a:lnTo>
                  <a:lnTo>
                    <a:pt x="238" y="353"/>
                  </a:lnTo>
                  <a:lnTo>
                    <a:pt x="238" y="355"/>
                  </a:lnTo>
                  <a:lnTo>
                    <a:pt x="238" y="357"/>
                  </a:lnTo>
                  <a:lnTo>
                    <a:pt x="238" y="360"/>
                  </a:lnTo>
                  <a:lnTo>
                    <a:pt x="238" y="362"/>
                  </a:lnTo>
                  <a:lnTo>
                    <a:pt x="238" y="363"/>
                  </a:lnTo>
                  <a:lnTo>
                    <a:pt x="238" y="365"/>
                  </a:lnTo>
                  <a:lnTo>
                    <a:pt x="243" y="369"/>
                  </a:lnTo>
                  <a:lnTo>
                    <a:pt x="237" y="377"/>
                  </a:lnTo>
                  <a:lnTo>
                    <a:pt x="242" y="384"/>
                  </a:lnTo>
                  <a:lnTo>
                    <a:pt x="225" y="396"/>
                  </a:lnTo>
                  <a:lnTo>
                    <a:pt x="223" y="396"/>
                  </a:lnTo>
                  <a:lnTo>
                    <a:pt x="220" y="394"/>
                  </a:lnTo>
                  <a:lnTo>
                    <a:pt x="216" y="394"/>
                  </a:lnTo>
                  <a:lnTo>
                    <a:pt x="211" y="394"/>
                  </a:lnTo>
                  <a:lnTo>
                    <a:pt x="208" y="396"/>
                  </a:lnTo>
                  <a:lnTo>
                    <a:pt x="203" y="401"/>
                  </a:lnTo>
                  <a:lnTo>
                    <a:pt x="201" y="407"/>
                  </a:lnTo>
                  <a:lnTo>
                    <a:pt x="199" y="406"/>
                  </a:lnTo>
                  <a:lnTo>
                    <a:pt x="198" y="404"/>
                  </a:lnTo>
                  <a:lnTo>
                    <a:pt x="194" y="404"/>
                  </a:lnTo>
                  <a:lnTo>
                    <a:pt x="189" y="402"/>
                  </a:lnTo>
                  <a:lnTo>
                    <a:pt x="186" y="402"/>
                  </a:lnTo>
                  <a:lnTo>
                    <a:pt x="184" y="404"/>
                  </a:lnTo>
                  <a:lnTo>
                    <a:pt x="184" y="407"/>
                  </a:lnTo>
                  <a:lnTo>
                    <a:pt x="186" y="414"/>
                  </a:lnTo>
                  <a:lnTo>
                    <a:pt x="186" y="416"/>
                  </a:lnTo>
                  <a:lnTo>
                    <a:pt x="184" y="418"/>
                  </a:lnTo>
                  <a:lnTo>
                    <a:pt x="182" y="418"/>
                  </a:lnTo>
                  <a:lnTo>
                    <a:pt x="179" y="419"/>
                  </a:lnTo>
                  <a:lnTo>
                    <a:pt x="176" y="421"/>
                  </a:lnTo>
                  <a:lnTo>
                    <a:pt x="174" y="423"/>
                  </a:lnTo>
                  <a:lnTo>
                    <a:pt x="172" y="423"/>
                  </a:lnTo>
                  <a:lnTo>
                    <a:pt x="171" y="424"/>
                  </a:lnTo>
                  <a:lnTo>
                    <a:pt x="167" y="426"/>
                  </a:lnTo>
                  <a:lnTo>
                    <a:pt x="162" y="428"/>
                  </a:lnTo>
                  <a:lnTo>
                    <a:pt x="155" y="429"/>
                  </a:lnTo>
                  <a:lnTo>
                    <a:pt x="150" y="429"/>
                  </a:lnTo>
                  <a:lnTo>
                    <a:pt x="145" y="429"/>
                  </a:lnTo>
                  <a:lnTo>
                    <a:pt x="142" y="428"/>
                  </a:lnTo>
                  <a:lnTo>
                    <a:pt x="140" y="423"/>
                  </a:lnTo>
                  <a:lnTo>
                    <a:pt x="138" y="426"/>
                  </a:lnTo>
                  <a:lnTo>
                    <a:pt x="135" y="429"/>
                  </a:lnTo>
                  <a:lnTo>
                    <a:pt x="132" y="433"/>
                  </a:lnTo>
                  <a:lnTo>
                    <a:pt x="127" y="438"/>
                  </a:lnTo>
                  <a:lnTo>
                    <a:pt x="122" y="440"/>
                  </a:lnTo>
                  <a:lnTo>
                    <a:pt x="116" y="440"/>
                  </a:lnTo>
                  <a:lnTo>
                    <a:pt x="110" y="438"/>
                  </a:lnTo>
                  <a:lnTo>
                    <a:pt x="108" y="438"/>
                  </a:lnTo>
                  <a:lnTo>
                    <a:pt x="105" y="438"/>
                  </a:lnTo>
                  <a:lnTo>
                    <a:pt x="101" y="436"/>
                  </a:lnTo>
                  <a:lnTo>
                    <a:pt x="98" y="435"/>
                  </a:lnTo>
                  <a:lnTo>
                    <a:pt x="93" y="433"/>
                  </a:lnTo>
                  <a:lnTo>
                    <a:pt x="88" y="428"/>
                  </a:lnTo>
                  <a:lnTo>
                    <a:pt x="83" y="423"/>
                  </a:lnTo>
                  <a:lnTo>
                    <a:pt x="79" y="416"/>
                  </a:lnTo>
                  <a:lnTo>
                    <a:pt x="78" y="413"/>
                  </a:lnTo>
                  <a:lnTo>
                    <a:pt x="78" y="409"/>
                  </a:lnTo>
                  <a:lnTo>
                    <a:pt x="78" y="406"/>
                  </a:lnTo>
                  <a:lnTo>
                    <a:pt x="76" y="404"/>
                  </a:lnTo>
                </a:path>
              </a:pathLst>
            </a:custGeom>
            <a:solidFill>
              <a:srgbClr val="C00000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55" name="Freeform 130"/>
            <p:cNvSpPr>
              <a:spLocks/>
            </p:cNvSpPr>
            <p:nvPr/>
          </p:nvSpPr>
          <p:spPr bwMode="auto">
            <a:xfrm>
              <a:off x="4583" y="2049"/>
              <a:ext cx="102" cy="170"/>
            </a:xfrm>
            <a:custGeom>
              <a:avLst/>
              <a:gdLst>
                <a:gd name="T0" fmla="*/ 17 w 105"/>
                <a:gd name="T1" fmla="*/ 16 h 175"/>
                <a:gd name="T2" fmla="*/ 17 w 105"/>
                <a:gd name="T3" fmla="*/ 17 h 175"/>
                <a:gd name="T4" fmla="*/ 17 w 105"/>
                <a:gd name="T5" fmla="*/ 17 h 175"/>
                <a:gd name="T6" fmla="*/ 17 w 105"/>
                <a:gd name="T7" fmla="*/ 20 h 175"/>
                <a:gd name="T8" fmla="*/ 17 w 105"/>
                <a:gd name="T9" fmla="*/ 22 h 175"/>
                <a:gd name="T10" fmla="*/ 17 w 105"/>
                <a:gd name="T11" fmla="*/ 24 h 175"/>
                <a:gd name="T12" fmla="*/ 17 w 105"/>
                <a:gd name="T13" fmla="*/ 32 h 175"/>
                <a:gd name="T14" fmla="*/ 17 w 105"/>
                <a:gd name="T15" fmla="*/ 39 h 175"/>
                <a:gd name="T16" fmla="*/ 20 w 105"/>
                <a:gd name="T17" fmla="*/ 42 h 175"/>
                <a:gd name="T18" fmla="*/ 23 w 105"/>
                <a:gd name="T19" fmla="*/ 42 h 175"/>
                <a:gd name="T20" fmla="*/ 25 w 105"/>
                <a:gd name="T21" fmla="*/ 43 h 175"/>
                <a:gd name="T22" fmla="*/ 30 w 105"/>
                <a:gd name="T23" fmla="*/ 45 h 175"/>
                <a:gd name="T24" fmla="*/ 35 w 105"/>
                <a:gd name="T25" fmla="*/ 48 h 175"/>
                <a:gd name="T26" fmla="*/ 35 w 105"/>
                <a:gd name="T27" fmla="*/ 54 h 175"/>
                <a:gd name="T28" fmla="*/ 35 w 105"/>
                <a:gd name="T29" fmla="*/ 59 h 175"/>
                <a:gd name="T30" fmla="*/ 35 w 105"/>
                <a:gd name="T31" fmla="*/ 59 h 175"/>
                <a:gd name="T32" fmla="*/ 39 w 105"/>
                <a:gd name="T33" fmla="*/ 63 h 175"/>
                <a:gd name="T34" fmla="*/ 41 w 105"/>
                <a:gd name="T35" fmla="*/ 67 h 175"/>
                <a:gd name="T36" fmla="*/ 43 w 105"/>
                <a:gd name="T37" fmla="*/ 70 h 175"/>
                <a:gd name="T38" fmla="*/ 43 w 105"/>
                <a:gd name="T39" fmla="*/ 71 h 175"/>
                <a:gd name="T40" fmla="*/ 44 w 105"/>
                <a:gd name="T41" fmla="*/ 71 h 175"/>
                <a:gd name="T42" fmla="*/ 45 w 105"/>
                <a:gd name="T43" fmla="*/ 74 h 175"/>
                <a:gd name="T44" fmla="*/ 45 w 105"/>
                <a:gd name="T45" fmla="*/ 75 h 175"/>
                <a:gd name="T46" fmla="*/ 49 w 105"/>
                <a:gd name="T47" fmla="*/ 80 h 175"/>
                <a:gd name="T48" fmla="*/ 55 w 105"/>
                <a:gd name="T49" fmla="*/ 82 h 175"/>
                <a:gd name="T50" fmla="*/ 59 w 105"/>
                <a:gd name="T51" fmla="*/ 82 h 175"/>
                <a:gd name="T52" fmla="*/ 61 w 105"/>
                <a:gd name="T53" fmla="*/ 82 h 175"/>
                <a:gd name="T54" fmla="*/ 63 w 105"/>
                <a:gd name="T55" fmla="*/ 90 h 175"/>
                <a:gd name="T56" fmla="*/ 58 w 105"/>
                <a:gd name="T57" fmla="*/ 94 h 175"/>
                <a:gd name="T58" fmla="*/ 58 w 105"/>
                <a:gd name="T59" fmla="*/ 94 h 175"/>
                <a:gd name="T60" fmla="*/ 57 w 105"/>
                <a:gd name="T61" fmla="*/ 95 h 175"/>
                <a:gd name="T62" fmla="*/ 57 w 105"/>
                <a:gd name="T63" fmla="*/ 96 h 175"/>
                <a:gd name="T64" fmla="*/ 53 w 105"/>
                <a:gd name="T65" fmla="*/ 99 h 175"/>
                <a:gd name="T66" fmla="*/ 57 w 105"/>
                <a:gd name="T67" fmla="*/ 100 h 175"/>
                <a:gd name="T68" fmla="*/ 61 w 105"/>
                <a:gd name="T69" fmla="*/ 99 h 175"/>
                <a:gd name="T70" fmla="*/ 63 w 105"/>
                <a:gd name="T71" fmla="*/ 98 h 175"/>
                <a:gd name="T72" fmla="*/ 66 w 105"/>
                <a:gd name="T73" fmla="*/ 96 h 175"/>
                <a:gd name="T74" fmla="*/ 69 w 105"/>
                <a:gd name="T75" fmla="*/ 99 h 175"/>
                <a:gd name="T76" fmla="*/ 69 w 105"/>
                <a:gd name="T77" fmla="*/ 104 h 175"/>
                <a:gd name="T78" fmla="*/ 69 w 105"/>
                <a:gd name="T79" fmla="*/ 109 h 175"/>
                <a:gd name="T80" fmla="*/ 0 w 105"/>
                <a:gd name="T81" fmla="*/ 17 h 175"/>
                <a:gd name="T82" fmla="*/ 0 w 105"/>
                <a:gd name="T83" fmla="*/ 17 h 175"/>
                <a:gd name="T84" fmla="*/ 5 w 105"/>
                <a:gd name="T85" fmla="*/ 7 h 175"/>
                <a:gd name="T86" fmla="*/ 15 w 105"/>
                <a:gd name="T87" fmla="*/ 0 h 175"/>
                <a:gd name="T88" fmla="*/ 17 w 105"/>
                <a:gd name="T89" fmla="*/ 0 h 175"/>
                <a:gd name="T90" fmla="*/ 18 w 105"/>
                <a:gd name="T91" fmla="*/ 2 h 175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w 105"/>
                <a:gd name="T139" fmla="*/ 0 h 175"/>
                <a:gd name="T140" fmla="*/ 105 w 105"/>
                <a:gd name="T141" fmla="*/ 175 h 175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T138" t="T139" r="T140" b="T141"/>
              <a:pathLst>
                <a:path w="105" h="175">
                  <a:moveTo>
                    <a:pt x="27" y="7"/>
                  </a:moveTo>
                  <a:lnTo>
                    <a:pt x="24" y="16"/>
                  </a:lnTo>
                  <a:lnTo>
                    <a:pt x="20" y="22"/>
                  </a:lnTo>
                  <a:lnTo>
                    <a:pt x="20" y="26"/>
                  </a:lnTo>
                  <a:lnTo>
                    <a:pt x="20" y="29"/>
                  </a:lnTo>
                  <a:lnTo>
                    <a:pt x="20" y="31"/>
                  </a:lnTo>
                  <a:lnTo>
                    <a:pt x="22" y="34"/>
                  </a:lnTo>
                  <a:lnTo>
                    <a:pt x="22" y="36"/>
                  </a:lnTo>
                  <a:lnTo>
                    <a:pt x="24" y="36"/>
                  </a:lnTo>
                  <a:lnTo>
                    <a:pt x="24" y="38"/>
                  </a:lnTo>
                  <a:lnTo>
                    <a:pt x="25" y="46"/>
                  </a:lnTo>
                  <a:lnTo>
                    <a:pt x="27" y="49"/>
                  </a:lnTo>
                  <a:lnTo>
                    <a:pt x="29" y="55"/>
                  </a:lnTo>
                  <a:lnTo>
                    <a:pt x="30" y="56"/>
                  </a:lnTo>
                  <a:lnTo>
                    <a:pt x="34" y="60"/>
                  </a:lnTo>
                  <a:lnTo>
                    <a:pt x="36" y="61"/>
                  </a:lnTo>
                  <a:lnTo>
                    <a:pt x="37" y="61"/>
                  </a:lnTo>
                  <a:lnTo>
                    <a:pt x="39" y="63"/>
                  </a:lnTo>
                  <a:lnTo>
                    <a:pt x="44" y="66"/>
                  </a:lnTo>
                  <a:lnTo>
                    <a:pt x="47" y="70"/>
                  </a:lnTo>
                  <a:lnTo>
                    <a:pt x="49" y="73"/>
                  </a:lnTo>
                  <a:lnTo>
                    <a:pt x="49" y="78"/>
                  </a:lnTo>
                  <a:lnTo>
                    <a:pt x="49" y="82"/>
                  </a:lnTo>
                  <a:lnTo>
                    <a:pt x="49" y="85"/>
                  </a:lnTo>
                  <a:lnTo>
                    <a:pt x="49" y="88"/>
                  </a:lnTo>
                  <a:lnTo>
                    <a:pt x="51" y="92"/>
                  </a:lnTo>
                  <a:lnTo>
                    <a:pt x="54" y="93"/>
                  </a:lnTo>
                  <a:lnTo>
                    <a:pt x="56" y="97"/>
                  </a:lnTo>
                  <a:lnTo>
                    <a:pt x="59" y="99"/>
                  </a:lnTo>
                  <a:lnTo>
                    <a:pt x="61" y="102"/>
                  </a:lnTo>
                  <a:lnTo>
                    <a:pt x="63" y="104"/>
                  </a:lnTo>
                  <a:lnTo>
                    <a:pt x="63" y="105"/>
                  </a:lnTo>
                  <a:lnTo>
                    <a:pt x="64" y="105"/>
                  </a:lnTo>
                  <a:lnTo>
                    <a:pt x="64" y="109"/>
                  </a:lnTo>
                  <a:lnTo>
                    <a:pt x="66" y="110"/>
                  </a:lnTo>
                  <a:lnTo>
                    <a:pt x="66" y="112"/>
                  </a:lnTo>
                  <a:lnTo>
                    <a:pt x="71" y="115"/>
                  </a:lnTo>
                  <a:lnTo>
                    <a:pt x="74" y="119"/>
                  </a:lnTo>
                  <a:lnTo>
                    <a:pt x="80" y="121"/>
                  </a:lnTo>
                  <a:lnTo>
                    <a:pt x="83" y="122"/>
                  </a:lnTo>
                  <a:lnTo>
                    <a:pt x="86" y="122"/>
                  </a:lnTo>
                  <a:lnTo>
                    <a:pt x="88" y="122"/>
                  </a:lnTo>
                  <a:lnTo>
                    <a:pt x="90" y="122"/>
                  </a:lnTo>
                  <a:lnTo>
                    <a:pt x="93" y="126"/>
                  </a:lnTo>
                  <a:lnTo>
                    <a:pt x="93" y="136"/>
                  </a:lnTo>
                  <a:lnTo>
                    <a:pt x="86" y="136"/>
                  </a:lnTo>
                  <a:lnTo>
                    <a:pt x="86" y="141"/>
                  </a:lnTo>
                  <a:lnTo>
                    <a:pt x="86" y="143"/>
                  </a:lnTo>
                  <a:lnTo>
                    <a:pt x="85" y="143"/>
                  </a:lnTo>
                  <a:lnTo>
                    <a:pt x="85" y="144"/>
                  </a:lnTo>
                  <a:lnTo>
                    <a:pt x="83" y="146"/>
                  </a:lnTo>
                  <a:lnTo>
                    <a:pt x="81" y="148"/>
                  </a:lnTo>
                  <a:lnTo>
                    <a:pt x="83" y="149"/>
                  </a:lnTo>
                  <a:lnTo>
                    <a:pt x="85" y="149"/>
                  </a:lnTo>
                  <a:lnTo>
                    <a:pt x="88" y="149"/>
                  </a:lnTo>
                  <a:lnTo>
                    <a:pt x="90" y="148"/>
                  </a:lnTo>
                  <a:lnTo>
                    <a:pt x="91" y="148"/>
                  </a:lnTo>
                  <a:lnTo>
                    <a:pt x="93" y="146"/>
                  </a:lnTo>
                  <a:lnTo>
                    <a:pt x="98" y="144"/>
                  </a:lnTo>
                  <a:lnTo>
                    <a:pt x="100" y="144"/>
                  </a:lnTo>
                  <a:lnTo>
                    <a:pt x="102" y="148"/>
                  </a:lnTo>
                  <a:lnTo>
                    <a:pt x="102" y="149"/>
                  </a:lnTo>
                  <a:lnTo>
                    <a:pt x="102" y="154"/>
                  </a:lnTo>
                  <a:lnTo>
                    <a:pt x="105" y="158"/>
                  </a:lnTo>
                  <a:lnTo>
                    <a:pt x="103" y="163"/>
                  </a:lnTo>
                  <a:lnTo>
                    <a:pt x="41" y="175"/>
                  </a:lnTo>
                  <a:lnTo>
                    <a:pt x="0" y="21"/>
                  </a:lnTo>
                  <a:lnTo>
                    <a:pt x="0" y="22"/>
                  </a:lnTo>
                  <a:lnTo>
                    <a:pt x="2" y="12"/>
                  </a:lnTo>
                  <a:lnTo>
                    <a:pt x="5" y="7"/>
                  </a:lnTo>
                  <a:lnTo>
                    <a:pt x="10" y="4"/>
                  </a:lnTo>
                  <a:lnTo>
                    <a:pt x="15" y="0"/>
                  </a:lnTo>
                  <a:lnTo>
                    <a:pt x="22" y="0"/>
                  </a:lnTo>
                  <a:lnTo>
                    <a:pt x="27" y="0"/>
                  </a:lnTo>
                  <a:lnTo>
                    <a:pt x="30" y="0"/>
                  </a:lnTo>
                  <a:lnTo>
                    <a:pt x="32" y="2"/>
                  </a:lnTo>
                  <a:lnTo>
                    <a:pt x="27" y="7"/>
                  </a:lnTo>
                </a:path>
              </a:pathLst>
            </a:custGeom>
            <a:solidFill>
              <a:srgbClr val="C00000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956" name="Group 131"/>
            <p:cNvGrpSpPr>
              <a:grpSpLocks/>
            </p:cNvGrpSpPr>
            <p:nvPr/>
          </p:nvGrpSpPr>
          <p:grpSpPr bwMode="auto">
            <a:xfrm>
              <a:off x="3980" y="2710"/>
              <a:ext cx="478" cy="363"/>
              <a:chOff x="3916" y="2758"/>
              <a:chExt cx="478" cy="363"/>
            </a:xfrm>
          </p:grpSpPr>
          <p:sp>
            <p:nvSpPr>
              <p:cNvPr id="1009" name="Freeform 132"/>
              <p:cNvSpPr>
                <a:spLocks/>
              </p:cNvSpPr>
              <p:nvPr/>
            </p:nvSpPr>
            <p:spPr bwMode="auto">
              <a:xfrm>
                <a:off x="4222" y="3072"/>
                <a:ext cx="15" cy="16"/>
              </a:xfrm>
              <a:custGeom>
                <a:avLst/>
                <a:gdLst>
                  <a:gd name="T0" fmla="*/ 1 w 15"/>
                  <a:gd name="T1" fmla="*/ 5 h 17"/>
                  <a:gd name="T2" fmla="*/ 5 w 15"/>
                  <a:gd name="T3" fmla="*/ 2 h 17"/>
                  <a:gd name="T4" fmla="*/ 6 w 15"/>
                  <a:gd name="T5" fmla="*/ 0 h 17"/>
                  <a:gd name="T6" fmla="*/ 10 w 15"/>
                  <a:gd name="T7" fmla="*/ 0 h 17"/>
                  <a:gd name="T8" fmla="*/ 12 w 15"/>
                  <a:gd name="T9" fmla="*/ 0 h 17"/>
                  <a:gd name="T10" fmla="*/ 13 w 15"/>
                  <a:gd name="T11" fmla="*/ 2 h 17"/>
                  <a:gd name="T12" fmla="*/ 13 w 15"/>
                  <a:gd name="T13" fmla="*/ 2 h 17"/>
                  <a:gd name="T14" fmla="*/ 15 w 15"/>
                  <a:gd name="T15" fmla="*/ 3 h 17"/>
                  <a:gd name="T16" fmla="*/ 15 w 15"/>
                  <a:gd name="T17" fmla="*/ 5 h 17"/>
                  <a:gd name="T18" fmla="*/ 15 w 15"/>
                  <a:gd name="T19" fmla="*/ 7 h 17"/>
                  <a:gd name="T20" fmla="*/ 13 w 15"/>
                  <a:gd name="T21" fmla="*/ 8 h 17"/>
                  <a:gd name="T22" fmla="*/ 13 w 15"/>
                  <a:gd name="T23" fmla="*/ 8 h 17"/>
                  <a:gd name="T24" fmla="*/ 12 w 15"/>
                  <a:gd name="T25" fmla="*/ 8 h 17"/>
                  <a:gd name="T26" fmla="*/ 10 w 15"/>
                  <a:gd name="T27" fmla="*/ 8 h 17"/>
                  <a:gd name="T28" fmla="*/ 6 w 15"/>
                  <a:gd name="T29" fmla="*/ 8 h 17"/>
                  <a:gd name="T30" fmla="*/ 3 w 15"/>
                  <a:gd name="T31" fmla="*/ 8 h 17"/>
                  <a:gd name="T32" fmla="*/ 1 w 15"/>
                  <a:gd name="T33" fmla="*/ 8 h 17"/>
                  <a:gd name="T34" fmla="*/ 1 w 15"/>
                  <a:gd name="T35" fmla="*/ 8 h 17"/>
                  <a:gd name="T36" fmla="*/ 0 w 15"/>
                  <a:gd name="T37" fmla="*/ 8 h 17"/>
                  <a:gd name="T38" fmla="*/ 0 w 15"/>
                  <a:gd name="T39" fmla="*/ 8 h 17"/>
                  <a:gd name="T40" fmla="*/ 0 w 15"/>
                  <a:gd name="T41" fmla="*/ 8 h 17"/>
                  <a:gd name="T42" fmla="*/ 0 w 15"/>
                  <a:gd name="T43" fmla="*/ 8 h 17"/>
                  <a:gd name="T44" fmla="*/ 0 w 15"/>
                  <a:gd name="T45" fmla="*/ 8 h 17"/>
                  <a:gd name="T46" fmla="*/ 1 w 15"/>
                  <a:gd name="T47" fmla="*/ 7 h 17"/>
                  <a:gd name="T48" fmla="*/ 1 w 15"/>
                  <a:gd name="T49" fmla="*/ 5 h 1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15"/>
                  <a:gd name="T76" fmla="*/ 0 h 17"/>
                  <a:gd name="T77" fmla="*/ 15 w 15"/>
                  <a:gd name="T78" fmla="*/ 17 h 17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15" h="17">
                    <a:moveTo>
                      <a:pt x="1" y="5"/>
                    </a:moveTo>
                    <a:lnTo>
                      <a:pt x="5" y="2"/>
                    </a:lnTo>
                    <a:lnTo>
                      <a:pt x="6" y="0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5" y="3"/>
                    </a:lnTo>
                    <a:lnTo>
                      <a:pt x="15" y="5"/>
                    </a:lnTo>
                    <a:lnTo>
                      <a:pt x="15" y="7"/>
                    </a:lnTo>
                    <a:lnTo>
                      <a:pt x="13" y="8"/>
                    </a:lnTo>
                    <a:lnTo>
                      <a:pt x="13" y="10"/>
                    </a:lnTo>
                    <a:lnTo>
                      <a:pt x="12" y="12"/>
                    </a:lnTo>
                    <a:lnTo>
                      <a:pt x="10" y="15"/>
                    </a:lnTo>
                    <a:lnTo>
                      <a:pt x="6" y="17"/>
                    </a:lnTo>
                    <a:lnTo>
                      <a:pt x="3" y="17"/>
                    </a:lnTo>
                    <a:lnTo>
                      <a:pt x="1" y="17"/>
                    </a:lnTo>
                    <a:lnTo>
                      <a:pt x="0" y="15"/>
                    </a:lnTo>
                    <a:lnTo>
                      <a:pt x="0" y="13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1" y="7"/>
                    </a:lnTo>
                    <a:lnTo>
                      <a:pt x="1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10" name="Freeform 133"/>
              <p:cNvSpPr>
                <a:spLocks/>
              </p:cNvSpPr>
              <p:nvPr/>
            </p:nvSpPr>
            <p:spPr bwMode="auto">
              <a:xfrm>
                <a:off x="4206" y="3072"/>
                <a:ext cx="11" cy="12"/>
              </a:xfrm>
              <a:custGeom>
                <a:avLst/>
                <a:gdLst>
                  <a:gd name="T0" fmla="*/ 0 w 11"/>
                  <a:gd name="T1" fmla="*/ 6 h 13"/>
                  <a:gd name="T2" fmla="*/ 0 w 11"/>
                  <a:gd name="T3" fmla="*/ 3 h 13"/>
                  <a:gd name="T4" fmla="*/ 2 w 11"/>
                  <a:gd name="T5" fmla="*/ 2 h 13"/>
                  <a:gd name="T6" fmla="*/ 4 w 11"/>
                  <a:gd name="T7" fmla="*/ 0 h 13"/>
                  <a:gd name="T8" fmla="*/ 6 w 11"/>
                  <a:gd name="T9" fmla="*/ 0 h 13"/>
                  <a:gd name="T10" fmla="*/ 7 w 11"/>
                  <a:gd name="T11" fmla="*/ 0 h 13"/>
                  <a:gd name="T12" fmla="*/ 9 w 11"/>
                  <a:gd name="T13" fmla="*/ 2 h 13"/>
                  <a:gd name="T14" fmla="*/ 11 w 11"/>
                  <a:gd name="T15" fmla="*/ 3 h 13"/>
                  <a:gd name="T16" fmla="*/ 11 w 11"/>
                  <a:gd name="T17" fmla="*/ 6 h 13"/>
                  <a:gd name="T18" fmla="*/ 11 w 11"/>
                  <a:gd name="T19" fmla="*/ 6 h 13"/>
                  <a:gd name="T20" fmla="*/ 9 w 11"/>
                  <a:gd name="T21" fmla="*/ 6 h 13"/>
                  <a:gd name="T22" fmla="*/ 7 w 11"/>
                  <a:gd name="T23" fmla="*/ 6 h 13"/>
                  <a:gd name="T24" fmla="*/ 6 w 11"/>
                  <a:gd name="T25" fmla="*/ 6 h 13"/>
                  <a:gd name="T26" fmla="*/ 4 w 11"/>
                  <a:gd name="T27" fmla="*/ 6 h 13"/>
                  <a:gd name="T28" fmla="*/ 2 w 11"/>
                  <a:gd name="T29" fmla="*/ 6 h 13"/>
                  <a:gd name="T30" fmla="*/ 0 w 11"/>
                  <a:gd name="T31" fmla="*/ 6 h 13"/>
                  <a:gd name="T32" fmla="*/ 0 w 11"/>
                  <a:gd name="T33" fmla="*/ 6 h 13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1"/>
                  <a:gd name="T52" fmla="*/ 0 h 13"/>
                  <a:gd name="T53" fmla="*/ 11 w 11"/>
                  <a:gd name="T54" fmla="*/ 13 h 13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1" h="13">
                    <a:moveTo>
                      <a:pt x="0" y="7"/>
                    </a:moveTo>
                    <a:lnTo>
                      <a:pt x="0" y="3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0"/>
                    </a:lnTo>
                    <a:lnTo>
                      <a:pt x="9" y="2"/>
                    </a:lnTo>
                    <a:lnTo>
                      <a:pt x="11" y="3"/>
                    </a:lnTo>
                    <a:lnTo>
                      <a:pt x="11" y="7"/>
                    </a:lnTo>
                    <a:lnTo>
                      <a:pt x="11" y="10"/>
                    </a:lnTo>
                    <a:lnTo>
                      <a:pt x="9" y="12"/>
                    </a:lnTo>
                    <a:lnTo>
                      <a:pt x="7" y="13"/>
                    </a:lnTo>
                    <a:lnTo>
                      <a:pt x="6" y="13"/>
                    </a:lnTo>
                    <a:lnTo>
                      <a:pt x="4" y="13"/>
                    </a:lnTo>
                    <a:lnTo>
                      <a:pt x="2" y="12"/>
                    </a:lnTo>
                    <a:lnTo>
                      <a:pt x="0" y="10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11" name="Freeform 134"/>
              <p:cNvSpPr>
                <a:spLocks/>
              </p:cNvSpPr>
              <p:nvPr/>
            </p:nvSpPr>
            <p:spPr bwMode="auto">
              <a:xfrm>
                <a:off x="4212" y="3098"/>
                <a:ext cx="13" cy="16"/>
              </a:xfrm>
              <a:custGeom>
                <a:avLst/>
                <a:gdLst>
                  <a:gd name="T0" fmla="*/ 1 w 13"/>
                  <a:gd name="T1" fmla="*/ 5 h 17"/>
                  <a:gd name="T2" fmla="*/ 3 w 13"/>
                  <a:gd name="T3" fmla="*/ 2 h 17"/>
                  <a:gd name="T4" fmla="*/ 6 w 13"/>
                  <a:gd name="T5" fmla="*/ 0 h 17"/>
                  <a:gd name="T6" fmla="*/ 8 w 13"/>
                  <a:gd name="T7" fmla="*/ 0 h 17"/>
                  <a:gd name="T8" fmla="*/ 11 w 13"/>
                  <a:gd name="T9" fmla="*/ 0 h 17"/>
                  <a:gd name="T10" fmla="*/ 13 w 13"/>
                  <a:gd name="T11" fmla="*/ 0 h 17"/>
                  <a:gd name="T12" fmla="*/ 13 w 13"/>
                  <a:gd name="T13" fmla="*/ 2 h 17"/>
                  <a:gd name="T14" fmla="*/ 13 w 13"/>
                  <a:gd name="T15" fmla="*/ 3 h 17"/>
                  <a:gd name="T16" fmla="*/ 13 w 13"/>
                  <a:gd name="T17" fmla="*/ 5 h 17"/>
                  <a:gd name="T18" fmla="*/ 13 w 13"/>
                  <a:gd name="T19" fmla="*/ 5 h 17"/>
                  <a:gd name="T20" fmla="*/ 13 w 13"/>
                  <a:gd name="T21" fmla="*/ 8 h 17"/>
                  <a:gd name="T22" fmla="*/ 13 w 13"/>
                  <a:gd name="T23" fmla="*/ 8 h 17"/>
                  <a:gd name="T24" fmla="*/ 11 w 13"/>
                  <a:gd name="T25" fmla="*/ 8 h 17"/>
                  <a:gd name="T26" fmla="*/ 10 w 13"/>
                  <a:gd name="T27" fmla="*/ 8 h 17"/>
                  <a:gd name="T28" fmla="*/ 6 w 13"/>
                  <a:gd name="T29" fmla="*/ 8 h 17"/>
                  <a:gd name="T30" fmla="*/ 5 w 13"/>
                  <a:gd name="T31" fmla="*/ 8 h 17"/>
                  <a:gd name="T32" fmla="*/ 1 w 13"/>
                  <a:gd name="T33" fmla="*/ 8 h 17"/>
                  <a:gd name="T34" fmla="*/ 1 w 13"/>
                  <a:gd name="T35" fmla="*/ 8 h 17"/>
                  <a:gd name="T36" fmla="*/ 0 w 13"/>
                  <a:gd name="T37" fmla="*/ 8 h 17"/>
                  <a:gd name="T38" fmla="*/ 0 w 13"/>
                  <a:gd name="T39" fmla="*/ 8 h 17"/>
                  <a:gd name="T40" fmla="*/ 0 w 13"/>
                  <a:gd name="T41" fmla="*/ 8 h 17"/>
                  <a:gd name="T42" fmla="*/ 0 w 13"/>
                  <a:gd name="T43" fmla="*/ 8 h 17"/>
                  <a:gd name="T44" fmla="*/ 0 w 13"/>
                  <a:gd name="T45" fmla="*/ 8 h 17"/>
                  <a:gd name="T46" fmla="*/ 0 w 13"/>
                  <a:gd name="T47" fmla="*/ 7 h 17"/>
                  <a:gd name="T48" fmla="*/ 1 w 13"/>
                  <a:gd name="T49" fmla="*/ 5 h 1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13"/>
                  <a:gd name="T76" fmla="*/ 0 h 17"/>
                  <a:gd name="T77" fmla="*/ 13 w 13"/>
                  <a:gd name="T78" fmla="*/ 17 h 17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13" h="17">
                    <a:moveTo>
                      <a:pt x="1" y="5"/>
                    </a:moveTo>
                    <a:lnTo>
                      <a:pt x="3" y="2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1" y="0"/>
                    </a:lnTo>
                    <a:lnTo>
                      <a:pt x="13" y="0"/>
                    </a:lnTo>
                    <a:lnTo>
                      <a:pt x="13" y="2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3" y="8"/>
                    </a:lnTo>
                    <a:lnTo>
                      <a:pt x="11" y="10"/>
                    </a:lnTo>
                    <a:lnTo>
                      <a:pt x="10" y="14"/>
                    </a:lnTo>
                    <a:lnTo>
                      <a:pt x="6" y="15"/>
                    </a:lnTo>
                    <a:lnTo>
                      <a:pt x="5" y="17"/>
                    </a:lnTo>
                    <a:lnTo>
                      <a:pt x="1" y="17"/>
                    </a:lnTo>
                    <a:lnTo>
                      <a:pt x="1" y="15"/>
                    </a:lnTo>
                    <a:lnTo>
                      <a:pt x="0" y="14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1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12" name="Freeform 135"/>
              <p:cNvSpPr>
                <a:spLocks/>
              </p:cNvSpPr>
              <p:nvPr/>
            </p:nvSpPr>
            <p:spPr bwMode="auto">
              <a:xfrm>
                <a:off x="3916" y="2758"/>
                <a:ext cx="478" cy="363"/>
              </a:xfrm>
              <a:custGeom>
                <a:avLst/>
                <a:gdLst>
                  <a:gd name="T0" fmla="*/ 178 w 492"/>
                  <a:gd name="T1" fmla="*/ 243 h 374"/>
                  <a:gd name="T2" fmla="*/ 178 w 492"/>
                  <a:gd name="T3" fmla="*/ 240 h 374"/>
                  <a:gd name="T4" fmla="*/ 178 w 492"/>
                  <a:gd name="T5" fmla="*/ 229 h 374"/>
                  <a:gd name="T6" fmla="*/ 162 w 492"/>
                  <a:gd name="T7" fmla="*/ 208 h 374"/>
                  <a:gd name="T8" fmla="*/ 154 w 492"/>
                  <a:gd name="T9" fmla="*/ 202 h 374"/>
                  <a:gd name="T10" fmla="*/ 142 w 492"/>
                  <a:gd name="T11" fmla="*/ 177 h 374"/>
                  <a:gd name="T12" fmla="*/ 130 w 492"/>
                  <a:gd name="T13" fmla="*/ 173 h 374"/>
                  <a:gd name="T14" fmla="*/ 122 w 492"/>
                  <a:gd name="T15" fmla="*/ 168 h 374"/>
                  <a:gd name="T16" fmla="*/ 112 w 492"/>
                  <a:gd name="T17" fmla="*/ 156 h 374"/>
                  <a:gd name="T18" fmla="*/ 106 w 492"/>
                  <a:gd name="T19" fmla="*/ 144 h 374"/>
                  <a:gd name="T20" fmla="*/ 95 w 492"/>
                  <a:gd name="T21" fmla="*/ 139 h 374"/>
                  <a:gd name="T22" fmla="*/ 91 w 492"/>
                  <a:gd name="T23" fmla="*/ 137 h 374"/>
                  <a:gd name="T24" fmla="*/ 86 w 492"/>
                  <a:gd name="T25" fmla="*/ 132 h 374"/>
                  <a:gd name="T26" fmla="*/ 79 w 492"/>
                  <a:gd name="T27" fmla="*/ 120 h 374"/>
                  <a:gd name="T28" fmla="*/ 73 w 492"/>
                  <a:gd name="T29" fmla="*/ 120 h 374"/>
                  <a:gd name="T30" fmla="*/ 63 w 492"/>
                  <a:gd name="T31" fmla="*/ 114 h 374"/>
                  <a:gd name="T32" fmla="*/ 55 w 492"/>
                  <a:gd name="T33" fmla="*/ 104 h 374"/>
                  <a:gd name="T34" fmla="*/ 47 w 492"/>
                  <a:gd name="T35" fmla="*/ 96 h 374"/>
                  <a:gd name="T36" fmla="*/ 40 w 492"/>
                  <a:gd name="T37" fmla="*/ 79 h 374"/>
                  <a:gd name="T38" fmla="*/ 38 w 492"/>
                  <a:gd name="T39" fmla="*/ 74 h 374"/>
                  <a:gd name="T40" fmla="*/ 32 w 492"/>
                  <a:gd name="T41" fmla="*/ 73 h 374"/>
                  <a:gd name="T42" fmla="*/ 17 w 492"/>
                  <a:gd name="T43" fmla="*/ 70 h 374"/>
                  <a:gd name="T44" fmla="*/ 17 w 492"/>
                  <a:gd name="T45" fmla="*/ 67 h 374"/>
                  <a:gd name="T46" fmla="*/ 0 w 492"/>
                  <a:gd name="T47" fmla="*/ 56 h 374"/>
                  <a:gd name="T48" fmla="*/ 17 w 492"/>
                  <a:gd name="T49" fmla="*/ 37 h 374"/>
                  <a:gd name="T50" fmla="*/ 17 w 492"/>
                  <a:gd name="T51" fmla="*/ 37 h 374"/>
                  <a:gd name="T52" fmla="*/ 17 w 492"/>
                  <a:gd name="T53" fmla="*/ 28 h 374"/>
                  <a:gd name="T54" fmla="*/ 38 w 492"/>
                  <a:gd name="T55" fmla="*/ 17 h 374"/>
                  <a:gd name="T56" fmla="*/ 57 w 492"/>
                  <a:gd name="T57" fmla="*/ 15 h 374"/>
                  <a:gd name="T58" fmla="*/ 138 w 492"/>
                  <a:gd name="T59" fmla="*/ 1 h 374"/>
                  <a:gd name="T60" fmla="*/ 144 w 492"/>
                  <a:gd name="T61" fmla="*/ 0 h 374"/>
                  <a:gd name="T62" fmla="*/ 162 w 492"/>
                  <a:gd name="T63" fmla="*/ 12 h 374"/>
                  <a:gd name="T64" fmla="*/ 329 w 492"/>
                  <a:gd name="T65" fmla="*/ 77 h 374"/>
                  <a:gd name="T66" fmla="*/ 326 w 492"/>
                  <a:gd name="T67" fmla="*/ 79 h 374"/>
                  <a:gd name="T68" fmla="*/ 317 w 492"/>
                  <a:gd name="T69" fmla="*/ 85 h 374"/>
                  <a:gd name="T70" fmla="*/ 306 w 492"/>
                  <a:gd name="T71" fmla="*/ 100 h 374"/>
                  <a:gd name="T72" fmla="*/ 295 w 492"/>
                  <a:gd name="T73" fmla="*/ 120 h 374"/>
                  <a:gd name="T74" fmla="*/ 292 w 492"/>
                  <a:gd name="T75" fmla="*/ 125 h 374"/>
                  <a:gd name="T76" fmla="*/ 289 w 492"/>
                  <a:gd name="T77" fmla="*/ 123 h 374"/>
                  <a:gd name="T78" fmla="*/ 288 w 492"/>
                  <a:gd name="T79" fmla="*/ 131 h 374"/>
                  <a:gd name="T80" fmla="*/ 293 w 492"/>
                  <a:gd name="T81" fmla="*/ 134 h 374"/>
                  <a:gd name="T82" fmla="*/ 295 w 492"/>
                  <a:gd name="T83" fmla="*/ 139 h 374"/>
                  <a:gd name="T84" fmla="*/ 288 w 492"/>
                  <a:gd name="T85" fmla="*/ 148 h 374"/>
                  <a:gd name="T86" fmla="*/ 282 w 492"/>
                  <a:gd name="T87" fmla="*/ 149 h 374"/>
                  <a:gd name="T88" fmla="*/ 269 w 492"/>
                  <a:gd name="T89" fmla="*/ 164 h 374"/>
                  <a:gd name="T90" fmla="*/ 265 w 492"/>
                  <a:gd name="T91" fmla="*/ 172 h 374"/>
                  <a:gd name="T92" fmla="*/ 259 w 492"/>
                  <a:gd name="T93" fmla="*/ 177 h 374"/>
                  <a:gd name="T94" fmla="*/ 251 w 492"/>
                  <a:gd name="T95" fmla="*/ 182 h 374"/>
                  <a:gd name="T96" fmla="*/ 233 w 492"/>
                  <a:gd name="T97" fmla="*/ 196 h 374"/>
                  <a:gd name="T98" fmla="*/ 214 w 492"/>
                  <a:gd name="T99" fmla="*/ 207 h 374"/>
                  <a:gd name="T100" fmla="*/ 203 w 492"/>
                  <a:gd name="T101" fmla="*/ 229 h 374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w 492"/>
                  <a:gd name="T154" fmla="*/ 0 h 374"/>
                  <a:gd name="T155" fmla="*/ 492 w 492"/>
                  <a:gd name="T156" fmla="*/ 374 h 374"/>
                </a:gdLst>
                <a:ahLst/>
                <a:cxnLst>
                  <a:cxn ang="T102">
                    <a:pos x="T0" y="T1"/>
                  </a:cxn>
                  <a:cxn ang="T103">
                    <a:pos x="T2" y="T3"/>
                  </a:cxn>
                  <a:cxn ang="T104">
                    <a:pos x="T4" y="T5"/>
                  </a:cxn>
                  <a:cxn ang="T105">
                    <a:pos x="T6" y="T7"/>
                  </a:cxn>
                  <a:cxn ang="T106">
                    <a:pos x="T8" y="T9"/>
                  </a:cxn>
                  <a:cxn ang="T107">
                    <a:pos x="T10" y="T11"/>
                  </a:cxn>
                  <a:cxn ang="T108">
                    <a:pos x="T12" y="T13"/>
                  </a:cxn>
                  <a:cxn ang="T109">
                    <a:pos x="T14" y="T15"/>
                  </a:cxn>
                  <a:cxn ang="T110">
                    <a:pos x="T16" y="T17"/>
                  </a:cxn>
                  <a:cxn ang="T111">
                    <a:pos x="T18" y="T19"/>
                  </a:cxn>
                  <a:cxn ang="T112">
                    <a:pos x="T20" y="T21"/>
                  </a:cxn>
                  <a:cxn ang="T113">
                    <a:pos x="T22" y="T23"/>
                  </a:cxn>
                  <a:cxn ang="T114">
                    <a:pos x="T24" y="T25"/>
                  </a:cxn>
                  <a:cxn ang="T115">
                    <a:pos x="T26" y="T27"/>
                  </a:cxn>
                  <a:cxn ang="T116">
                    <a:pos x="T28" y="T29"/>
                  </a:cxn>
                  <a:cxn ang="T117">
                    <a:pos x="T30" y="T31"/>
                  </a:cxn>
                  <a:cxn ang="T118">
                    <a:pos x="T32" y="T33"/>
                  </a:cxn>
                  <a:cxn ang="T119">
                    <a:pos x="T34" y="T35"/>
                  </a:cxn>
                  <a:cxn ang="T120">
                    <a:pos x="T36" y="T37"/>
                  </a:cxn>
                  <a:cxn ang="T121">
                    <a:pos x="T38" y="T39"/>
                  </a:cxn>
                  <a:cxn ang="T122">
                    <a:pos x="T40" y="T41"/>
                  </a:cxn>
                  <a:cxn ang="T123">
                    <a:pos x="T42" y="T43"/>
                  </a:cxn>
                  <a:cxn ang="T124">
                    <a:pos x="T44" y="T45"/>
                  </a:cxn>
                  <a:cxn ang="T125">
                    <a:pos x="T46" y="T47"/>
                  </a:cxn>
                  <a:cxn ang="T126">
                    <a:pos x="T48" y="T49"/>
                  </a:cxn>
                  <a:cxn ang="T127">
                    <a:pos x="T50" y="T51"/>
                  </a:cxn>
                  <a:cxn ang="T128">
                    <a:pos x="T52" y="T53"/>
                  </a:cxn>
                  <a:cxn ang="T129">
                    <a:pos x="T54" y="T55"/>
                  </a:cxn>
                  <a:cxn ang="T130">
                    <a:pos x="T56" y="T57"/>
                  </a:cxn>
                  <a:cxn ang="T131">
                    <a:pos x="T58" y="T59"/>
                  </a:cxn>
                  <a:cxn ang="T132">
                    <a:pos x="T60" y="T61"/>
                  </a:cxn>
                  <a:cxn ang="T133">
                    <a:pos x="T62" y="T63"/>
                  </a:cxn>
                  <a:cxn ang="T134">
                    <a:pos x="T64" y="T65"/>
                  </a:cxn>
                  <a:cxn ang="T135">
                    <a:pos x="T66" y="T67"/>
                  </a:cxn>
                  <a:cxn ang="T136">
                    <a:pos x="T68" y="T69"/>
                  </a:cxn>
                  <a:cxn ang="T137">
                    <a:pos x="T70" y="T71"/>
                  </a:cxn>
                  <a:cxn ang="T138">
                    <a:pos x="T72" y="T73"/>
                  </a:cxn>
                  <a:cxn ang="T139">
                    <a:pos x="T74" y="T75"/>
                  </a:cxn>
                  <a:cxn ang="T140">
                    <a:pos x="T76" y="T77"/>
                  </a:cxn>
                  <a:cxn ang="T141">
                    <a:pos x="T78" y="T79"/>
                  </a:cxn>
                  <a:cxn ang="T142">
                    <a:pos x="T80" y="T81"/>
                  </a:cxn>
                  <a:cxn ang="T143">
                    <a:pos x="T82" y="T83"/>
                  </a:cxn>
                  <a:cxn ang="T144">
                    <a:pos x="T84" y="T85"/>
                  </a:cxn>
                  <a:cxn ang="T145">
                    <a:pos x="T86" y="T87"/>
                  </a:cxn>
                  <a:cxn ang="T146">
                    <a:pos x="T88" y="T89"/>
                  </a:cxn>
                  <a:cxn ang="T147">
                    <a:pos x="T90" y="T91"/>
                  </a:cxn>
                  <a:cxn ang="T148">
                    <a:pos x="T92" y="T93"/>
                  </a:cxn>
                  <a:cxn ang="T149">
                    <a:pos x="T94" y="T95"/>
                  </a:cxn>
                  <a:cxn ang="T150">
                    <a:pos x="T96" y="T97"/>
                  </a:cxn>
                  <a:cxn ang="T151">
                    <a:pos x="T98" y="T99"/>
                  </a:cxn>
                  <a:cxn ang="T152">
                    <a:pos x="T100" y="T101"/>
                  </a:cxn>
                </a:cxnLst>
                <a:rect l="T153" t="T154" r="T155" b="T156"/>
                <a:pathLst>
                  <a:path w="492" h="374">
                    <a:moveTo>
                      <a:pt x="269" y="374"/>
                    </a:moveTo>
                    <a:lnTo>
                      <a:pt x="269" y="374"/>
                    </a:lnTo>
                    <a:lnTo>
                      <a:pt x="269" y="372"/>
                    </a:lnTo>
                    <a:lnTo>
                      <a:pt x="267" y="370"/>
                    </a:lnTo>
                    <a:lnTo>
                      <a:pt x="267" y="369"/>
                    </a:lnTo>
                    <a:lnTo>
                      <a:pt x="267" y="367"/>
                    </a:lnTo>
                    <a:lnTo>
                      <a:pt x="267" y="365"/>
                    </a:lnTo>
                    <a:lnTo>
                      <a:pt x="267" y="364"/>
                    </a:lnTo>
                    <a:lnTo>
                      <a:pt x="267" y="362"/>
                    </a:lnTo>
                    <a:lnTo>
                      <a:pt x="266" y="348"/>
                    </a:lnTo>
                    <a:lnTo>
                      <a:pt x="261" y="338"/>
                    </a:lnTo>
                    <a:lnTo>
                      <a:pt x="255" y="330"/>
                    </a:lnTo>
                    <a:lnTo>
                      <a:pt x="249" y="321"/>
                    </a:lnTo>
                    <a:lnTo>
                      <a:pt x="242" y="316"/>
                    </a:lnTo>
                    <a:lnTo>
                      <a:pt x="235" y="313"/>
                    </a:lnTo>
                    <a:lnTo>
                      <a:pt x="232" y="309"/>
                    </a:lnTo>
                    <a:lnTo>
                      <a:pt x="230" y="308"/>
                    </a:lnTo>
                    <a:lnTo>
                      <a:pt x="228" y="292"/>
                    </a:lnTo>
                    <a:lnTo>
                      <a:pt x="225" y="282"/>
                    </a:lnTo>
                    <a:lnTo>
                      <a:pt x="218" y="274"/>
                    </a:lnTo>
                    <a:lnTo>
                      <a:pt x="211" y="269"/>
                    </a:lnTo>
                    <a:lnTo>
                      <a:pt x="205" y="265"/>
                    </a:lnTo>
                    <a:lnTo>
                      <a:pt x="200" y="264"/>
                    </a:lnTo>
                    <a:lnTo>
                      <a:pt x="195" y="262"/>
                    </a:lnTo>
                    <a:lnTo>
                      <a:pt x="193" y="262"/>
                    </a:lnTo>
                    <a:lnTo>
                      <a:pt x="193" y="260"/>
                    </a:lnTo>
                    <a:lnTo>
                      <a:pt x="189" y="259"/>
                    </a:lnTo>
                    <a:lnTo>
                      <a:pt x="184" y="254"/>
                    </a:lnTo>
                    <a:lnTo>
                      <a:pt x="179" y="250"/>
                    </a:lnTo>
                    <a:lnTo>
                      <a:pt x="174" y="245"/>
                    </a:lnTo>
                    <a:lnTo>
                      <a:pt x="171" y="240"/>
                    </a:lnTo>
                    <a:lnTo>
                      <a:pt x="167" y="237"/>
                    </a:lnTo>
                    <a:lnTo>
                      <a:pt x="166" y="233"/>
                    </a:lnTo>
                    <a:lnTo>
                      <a:pt x="162" y="225"/>
                    </a:lnTo>
                    <a:lnTo>
                      <a:pt x="157" y="218"/>
                    </a:lnTo>
                    <a:lnTo>
                      <a:pt x="154" y="213"/>
                    </a:lnTo>
                    <a:lnTo>
                      <a:pt x="149" y="211"/>
                    </a:lnTo>
                    <a:lnTo>
                      <a:pt x="145" y="210"/>
                    </a:lnTo>
                    <a:lnTo>
                      <a:pt x="142" y="210"/>
                    </a:lnTo>
                    <a:lnTo>
                      <a:pt x="139" y="210"/>
                    </a:lnTo>
                    <a:lnTo>
                      <a:pt x="137" y="208"/>
                    </a:lnTo>
                    <a:lnTo>
                      <a:pt x="135" y="204"/>
                    </a:lnTo>
                    <a:lnTo>
                      <a:pt x="132" y="203"/>
                    </a:lnTo>
                    <a:lnTo>
                      <a:pt x="130" y="199"/>
                    </a:lnTo>
                    <a:lnTo>
                      <a:pt x="127" y="193"/>
                    </a:lnTo>
                    <a:lnTo>
                      <a:pt x="123" y="188"/>
                    </a:lnTo>
                    <a:lnTo>
                      <a:pt x="120" y="184"/>
                    </a:lnTo>
                    <a:lnTo>
                      <a:pt x="117" y="182"/>
                    </a:lnTo>
                    <a:lnTo>
                      <a:pt x="113" y="181"/>
                    </a:lnTo>
                    <a:lnTo>
                      <a:pt x="112" y="182"/>
                    </a:lnTo>
                    <a:lnTo>
                      <a:pt x="108" y="182"/>
                    </a:lnTo>
                    <a:lnTo>
                      <a:pt x="101" y="181"/>
                    </a:lnTo>
                    <a:lnTo>
                      <a:pt x="96" y="179"/>
                    </a:lnTo>
                    <a:lnTo>
                      <a:pt x="93" y="174"/>
                    </a:lnTo>
                    <a:lnTo>
                      <a:pt x="90" y="169"/>
                    </a:lnTo>
                    <a:lnTo>
                      <a:pt x="86" y="164"/>
                    </a:lnTo>
                    <a:lnTo>
                      <a:pt x="85" y="160"/>
                    </a:lnTo>
                    <a:lnTo>
                      <a:pt x="83" y="157"/>
                    </a:lnTo>
                    <a:lnTo>
                      <a:pt x="83" y="155"/>
                    </a:lnTo>
                    <a:lnTo>
                      <a:pt x="78" y="152"/>
                    </a:lnTo>
                    <a:lnTo>
                      <a:pt x="71" y="145"/>
                    </a:lnTo>
                    <a:lnTo>
                      <a:pt x="66" y="138"/>
                    </a:lnTo>
                    <a:lnTo>
                      <a:pt x="61" y="132"/>
                    </a:lnTo>
                    <a:lnTo>
                      <a:pt x="57" y="125"/>
                    </a:lnTo>
                    <a:lnTo>
                      <a:pt x="56" y="118"/>
                    </a:lnTo>
                    <a:lnTo>
                      <a:pt x="52" y="115"/>
                    </a:lnTo>
                    <a:lnTo>
                      <a:pt x="52" y="113"/>
                    </a:lnTo>
                    <a:lnTo>
                      <a:pt x="52" y="111"/>
                    </a:lnTo>
                    <a:lnTo>
                      <a:pt x="49" y="111"/>
                    </a:lnTo>
                    <a:lnTo>
                      <a:pt x="47" y="111"/>
                    </a:lnTo>
                    <a:lnTo>
                      <a:pt x="46" y="110"/>
                    </a:lnTo>
                    <a:lnTo>
                      <a:pt x="39" y="110"/>
                    </a:lnTo>
                    <a:lnTo>
                      <a:pt x="32" y="108"/>
                    </a:lnTo>
                    <a:lnTo>
                      <a:pt x="27" y="106"/>
                    </a:lnTo>
                    <a:lnTo>
                      <a:pt x="24" y="105"/>
                    </a:lnTo>
                    <a:lnTo>
                      <a:pt x="20" y="103"/>
                    </a:lnTo>
                    <a:lnTo>
                      <a:pt x="19" y="101"/>
                    </a:lnTo>
                    <a:lnTo>
                      <a:pt x="17" y="100"/>
                    </a:lnTo>
                    <a:lnTo>
                      <a:pt x="5" y="98"/>
                    </a:lnTo>
                    <a:lnTo>
                      <a:pt x="0" y="93"/>
                    </a:lnTo>
                    <a:lnTo>
                      <a:pt x="0" y="84"/>
                    </a:lnTo>
                    <a:lnTo>
                      <a:pt x="2" y="74"/>
                    </a:lnTo>
                    <a:lnTo>
                      <a:pt x="7" y="66"/>
                    </a:lnTo>
                    <a:lnTo>
                      <a:pt x="13" y="57"/>
                    </a:lnTo>
                    <a:lnTo>
                      <a:pt x="17" y="52"/>
                    </a:lnTo>
                    <a:lnTo>
                      <a:pt x="19" y="50"/>
                    </a:lnTo>
                    <a:lnTo>
                      <a:pt x="20" y="52"/>
                    </a:lnTo>
                    <a:lnTo>
                      <a:pt x="22" y="50"/>
                    </a:lnTo>
                    <a:lnTo>
                      <a:pt x="24" y="49"/>
                    </a:lnTo>
                    <a:lnTo>
                      <a:pt x="27" y="45"/>
                    </a:lnTo>
                    <a:lnTo>
                      <a:pt x="30" y="42"/>
                    </a:lnTo>
                    <a:lnTo>
                      <a:pt x="35" y="39"/>
                    </a:lnTo>
                    <a:lnTo>
                      <a:pt x="41" y="35"/>
                    </a:lnTo>
                    <a:lnTo>
                      <a:pt x="47" y="32"/>
                    </a:lnTo>
                    <a:lnTo>
                      <a:pt x="52" y="28"/>
                    </a:lnTo>
                    <a:lnTo>
                      <a:pt x="61" y="23"/>
                    </a:lnTo>
                    <a:lnTo>
                      <a:pt x="68" y="20"/>
                    </a:lnTo>
                    <a:lnTo>
                      <a:pt x="76" y="17"/>
                    </a:lnTo>
                    <a:lnTo>
                      <a:pt x="85" y="15"/>
                    </a:lnTo>
                    <a:lnTo>
                      <a:pt x="95" y="13"/>
                    </a:lnTo>
                    <a:lnTo>
                      <a:pt x="105" y="10"/>
                    </a:lnTo>
                    <a:lnTo>
                      <a:pt x="113" y="10"/>
                    </a:lnTo>
                    <a:lnTo>
                      <a:pt x="206" y="1"/>
                    </a:lnTo>
                    <a:lnTo>
                      <a:pt x="208" y="1"/>
                    </a:lnTo>
                    <a:lnTo>
                      <a:pt x="210" y="0"/>
                    </a:lnTo>
                    <a:lnTo>
                      <a:pt x="215" y="0"/>
                    </a:lnTo>
                    <a:lnTo>
                      <a:pt x="222" y="0"/>
                    </a:lnTo>
                    <a:lnTo>
                      <a:pt x="228" y="1"/>
                    </a:lnTo>
                    <a:lnTo>
                      <a:pt x="235" y="5"/>
                    </a:lnTo>
                    <a:lnTo>
                      <a:pt x="242" y="12"/>
                    </a:lnTo>
                    <a:lnTo>
                      <a:pt x="250" y="23"/>
                    </a:lnTo>
                    <a:lnTo>
                      <a:pt x="254" y="37"/>
                    </a:lnTo>
                    <a:lnTo>
                      <a:pt x="362" y="20"/>
                    </a:lnTo>
                    <a:lnTo>
                      <a:pt x="492" y="115"/>
                    </a:lnTo>
                    <a:lnTo>
                      <a:pt x="491" y="115"/>
                    </a:lnTo>
                    <a:lnTo>
                      <a:pt x="489" y="118"/>
                    </a:lnTo>
                    <a:lnTo>
                      <a:pt x="486" y="120"/>
                    </a:lnTo>
                    <a:lnTo>
                      <a:pt x="484" y="122"/>
                    </a:lnTo>
                    <a:lnTo>
                      <a:pt x="481" y="125"/>
                    </a:lnTo>
                    <a:lnTo>
                      <a:pt x="475" y="130"/>
                    </a:lnTo>
                    <a:lnTo>
                      <a:pt x="472" y="133"/>
                    </a:lnTo>
                    <a:lnTo>
                      <a:pt x="467" y="140"/>
                    </a:lnTo>
                    <a:lnTo>
                      <a:pt x="464" y="145"/>
                    </a:lnTo>
                    <a:lnTo>
                      <a:pt x="459" y="150"/>
                    </a:lnTo>
                    <a:lnTo>
                      <a:pt x="455" y="159"/>
                    </a:lnTo>
                    <a:lnTo>
                      <a:pt x="450" y="166"/>
                    </a:lnTo>
                    <a:lnTo>
                      <a:pt x="447" y="174"/>
                    </a:lnTo>
                    <a:lnTo>
                      <a:pt x="443" y="182"/>
                    </a:lnTo>
                    <a:lnTo>
                      <a:pt x="440" y="191"/>
                    </a:lnTo>
                    <a:lnTo>
                      <a:pt x="437" y="189"/>
                    </a:lnTo>
                    <a:lnTo>
                      <a:pt x="435" y="188"/>
                    </a:lnTo>
                    <a:lnTo>
                      <a:pt x="435" y="186"/>
                    </a:lnTo>
                    <a:lnTo>
                      <a:pt x="433" y="186"/>
                    </a:lnTo>
                    <a:lnTo>
                      <a:pt x="433" y="188"/>
                    </a:lnTo>
                    <a:lnTo>
                      <a:pt x="431" y="191"/>
                    </a:lnTo>
                    <a:lnTo>
                      <a:pt x="431" y="194"/>
                    </a:lnTo>
                    <a:lnTo>
                      <a:pt x="431" y="198"/>
                    </a:lnTo>
                    <a:lnTo>
                      <a:pt x="433" y="199"/>
                    </a:lnTo>
                    <a:lnTo>
                      <a:pt x="435" y="201"/>
                    </a:lnTo>
                    <a:lnTo>
                      <a:pt x="440" y="203"/>
                    </a:lnTo>
                    <a:lnTo>
                      <a:pt x="442" y="203"/>
                    </a:lnTo>
                    <a:lnTo>
                      <a:pt x="442" y="204"/>
                    </a:lnTo>
                    <a:lnTo>
                      <a:pt x="443" y="206"/>
                    </a:lnTo>
                    <a:lnTo>
                      <a:pt x="443" y="210"/>
                    </a:lnTo>
                    <a:lnTo>
                      <a:pt x="443" y="213"/>
                    </a:lnTo>
                    <a:lnTo>
                      <a:pt x="440" y="216"/>
                    </a:lnTo>
                    <a:lnTo>
                      <a:pt x="437" y="221"/>
                    </a:lnTo>
                    <a:lnTo>
                      <a:pt x="431" y="225"/>
                    </a:lnTo>
                    <a:lnTo>
                      <a:pt x="430" y="225"/>
                    </a:lnTo>
                    <a:lnTo>
                      <a:pt x="428" y="225"/>
                    </a:lnTo>
                    <a:lnTo>
                      <a:pt x="423" y="228"/>
                    </a:lnTo>
                    <a:lnTo>
                      <a:pt x="418" y="230"/>
                    </a:lnTo>
                    <a:lnTo>
                      <a:pt x="413" y="235"/>
                    </a:lnTo>
                    <a:lnTo>
                      <a:pt x="408" y="240"/>
                    </a:lnTo>
                    <a:lnTo>
                      <a:pt x="403" y="248"/>
                    </a:lnTo>
                    <a:lnTo>
                      <a:pt x="398" y="259"/>
                    </a:lnTo>
                    <a:lnTo>
                      <a:pt x="396" y="260"/>
                    </a:lnTo>
                    <a:lnTo>
                      <a:pt x="394" y="262"/>
                    </a:lnTo>
                    <a:lnTo>
                      <a:pt x="393" y="265"/>
                    </a:lnTo>
                    <a:lnTo>
                      <a:pt x="391" y="267"/>
                    </a:lnTo>
                    <a:lnTo>
                      <a:pt x="389" y="269"/>
                    </a:lnTo>
                    <a:lnTo>
                      <a:pt x="387" y="270"/>
                    </a:lnTo>
                    <a:lnTo>
                      <a:pt x="376" y="272"/>
                    </a:lnTo>
                    <a:lnTo>
                      <a:pt x="376" y="277"/>
                    </a:lnTo>
                    <a:lnTo>
                      <a:pt x="384" y="279"/>
                    </a:lnTo>
                    <a:lnTo>
                      <a:pt x="359" y="299"/>
                    </a:lnTo>
                    <a:lnTo>
                      <a:pt x="354" y="291"/>
                    </a:lnTo>
                    <a:lnTo>
                      <a:pt x="349" y="299"/>
                    </a:lnTo>
                    <a:lnTo>
                      <a:pt x="354" y="304"/>
                    </a:lnTo>
                    <a:lnTo>
                      <a:pt x="343" y="316"/>
                    </a:lnTo>
                    <a:lnTo>
                      <a:pt x="335" y="314"/>
                    </a:lnTo>
                    <a:lnTo>
                      <a:pt x="320" y="314"/>
                    </a:lnTo>
                    <a:lnTo>
                      <a:pt x="305" y="316"/>
                    </a:lnTo>
                    <a:lnTo>
                      <a:pt x="296" y="320"/>
                    </a:lnTo>
                    <a:lnTo>
                      <a:pt x="291" y="336"/>
                    </a:lnTo>
                    <a:lnTo>
                      <a:pt x="303" y="348"/>
                    </a:lnTo>
                    <a:lnTo>
                      <a:pt x="289" y="374"/>
                    </a:lnTo>
                    <a:lnTo>
                      <a:pt x="281" y="372"/>
                    </a:lnTo>
                    <a:lnTo>
                      <a:pt x="269" y="374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13" name="Freeform 136"/>
              <p:cNvSpPr>
                <a:spLocks/>
              </p:cNvSpPr>
              <p:nvPr/>
            </p:nvSpPr>
            <p:spPr bwMode="auto">
              <a:xfrm>
                <a:off x="4222" y="3072"/>
                <a:ext cx="15" cy="16"/>
              </a:xfrm>
              <a:custGeom>
                <a:avLst/>
                <a:gdLst>
                  <a:gd name="T0" fmla="*/ 1 w 15"/>
                  <a:gd name="T1" fmla="*/ 5 h 17"/>
                  <a:gd name="T2" fmla="*/ 1 w 15"/>
                  <a:gd name="T3" fmla="*/ 5 h 17"/>
                  <a:gd name="T4" fmla="*/ 5 w 15"/>
                  <a:gd name="T5" fmla="*/ 2 h 17"/>
                  <a:gd name="T6" fmla="*/ 6 w 15"/>
                  <a:gd name="T7" fmla="*/ 0 h 17"/>
                  <a:gd name="T8" fmla="*/ 10 w 15"/>
                  <a:gd name="T9" fmla="*/ 0 h 17"/>
                  <a:gd name="T10" fmla="*/ 12 w 15"/>
                  <a:gd name="T11" fmla="*/ 0 h 17"/>
                  <a:gd name="T12" fmla="*/ 12 w 15"/>
                  <a:gd name="T13" fmla="*/ 0 h 17"/>
                  <a:gd name="T14" fmla="*/ 13 w 15"/>
                  <a:gd name="T15" fmla="*/ 2 h 17"/>
                  <a:gd name="T16" fmla="*/ 13 w 15"/>
                  <a:gd name="T17" fmla="*/ 2 h 17"/>
                  <a:gd name="T18" fmla="*/ 15 w 15"/>
                  <a:gd name="T19" fmla="*/ 3 h 17"/>
                  <a:gd name="T20" fmla="*/ 15 w 15"/>
                  <a:gd name="T21" fmla="*/ 5 h 17"/>
                  <a:gd name="T22" fmla="*/ 15 w 15"/>
                  <a:gd name="T23" fmla="*/ 7 h 17"/>
                  <a:gd name="T24" fmla="*/ 13 w 15"/>
                  <a:gd name="T25" fmla="*/ 8 h 17"/>
                  <a:gd name="T26" fmla="*/ 13 w 15"/>
                  <a:gd name="T27" fmla="*/ 8 h 17"/>
                  <a:gd name="T28" fmla="*/ 12 w 15"/>
                  <a:gd name="T29" fmla="*/ 8 h 17"/>
                  <a:gd name="T30" fmla="*/ 12 w 15"/>
                  <a:gd name="T31" fmla="*/ 8 h 17"/>
                  <a:gd name="T32" fmla="*/ 10 w 15"/>
                  <a:gd name="T33" fmla="*/ 8 h 17"/>
                  <a:gd name="T34" fmla="*/ 6 w 15"/>
                  <a:gd name="T35" fmla="*/ 8 h 17"/>
                  <a:gd name="T36" fmla="*/ 3 w 15"/>
                  <a:gd name="T37" fmla="*/ 8 h 17"/>
                  <a:gd name="T38" fmla="*/ 1 w 15"/>
                  <a:gd name="T39" fmla="*/ 8 h 17"/>
                  <a:gd name="T40" fmla="*/ 1 w 15"/>
                  <a:gd name="T41" fmla="*/ 8 h 17"/>
                  <a:gd name="T42" fmla="*/ 1 w 15"/>
                  <a:gd name="T43" fmla="*/ 8 h 17"/>
                  <a:gd name="T44" fmla="*/ 0 w 15"/>
                  <a:gd name="T45" fmla="*/ 8 h 17"/>
                  <a:gd name="T46" fmla="*/ 0 w 15"/>
                  <a:gd name="T47" fmla="*/ 8 h 17"/>
                  <a:gd name="T48" fmla="*/ 0 w 15"/>
                  <a:gd name="T49" fmla="*/ 8 h 17"/>
                  <a:gd name="T50" fmla="*/ 0 w 15"/>
                  <a:gd name="T51" fmla="*/ 8 h 17"/>
                  <a:gd name="T52" fmla="*/ 0 w 15"/>
                  <a:gd name="T53" fmla="*/ 8 h 17"/>
                  <a:gd name="T54" fmla="*/ 1 w 15"/>
                  <a:gd name="T55" fmla="*/ 7 h 17"/>
                  <a:gd name="T56" fmla="*/ 1 w 15"/>
                  <a:gd name="T57" fmla="*/ 5 h 17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w 15"/>
                  <a:gd name="T88" fmla="*/ 0 h 17"/>
                  <a:gd name="T89" fmla="*/ 15 w 15"/>
                  <a:gd name="T90" fmla="*/ 17 h 17"/>
                </a:gdLst>
                <a:ahLst/>
                <a:cxnLst>
                  <a:cxn ang="T58">
                    <a:pos x="T0" y="T1"/>
                  </a:cxn>
                  <a:cxn ang="T59">
                    <a:pos x="T2" y="T3"/>
                  </a:cxn>
                  <a:cxn ang="T60">
                    <a:pos x="T4" y="T5"/>
                  </a:cxn>
                  <a:cxn ang="T61">
                    <a:pos x="T6" y="T7"/>
                  </a:cxn>
                  <a:cxn ang="T62">
                    <a:pos x="T8" y="T9"/>
                  </a:cxn>
                  <a:cxn ang="T63">
                    <a:pos x="T10" y="T11"/>
                  </a:cxn>
                  <a:cxn ang="T64">
                    <a:pos x="T12" y="T13"/>
                  </a:cxn>
                  <a:cxn ang="T65">
                    <a:pos x="T14" y="T15"/>
                  </a:cxn>
                  <a:cxn ang="T66">
                    <a:pos x="T16" y="T17"/>
                  </a:cxn>
                  <a:cxn ang="T67">
                    <a:pos x="T18" y="T19"/>
                  </a:cxn>
                  <a:cxn ang="T68">
                    <a:pos x="T20" y="T21"/>
                  </a:cxn>
                  <a:cxn ang="T69">
                    <a:pos x="T22" y="T23"/>
                  </a:cxn>
                  <a:cxn ang="T70">
                    <a:pos x="T24" y="T25"/>
                  </a:cxn>
                  <a:cxn ang="T71">
                    <a:pos x="T26" y="T27"/>
                  </a:cxn>
                  <a:cxn ang="T72">
                    <a:pos x="T28" y="T29"/>
                  </a:cxn>
                  <a:cxn ang="T73">
                    <a:pos x="T30" y="T31"/>
                  </a:cxn>
                  <a:cxn ang="T74">
                    <a:pos x="T32" y="T33"/>
                  </a:cxn>
                  <a:cxn ang="T75">
                    <a:pos x="T34" y="T35"/>
                  </a:cxn>
                  <a:cxn ang="T76">
                    <a:pos x="T36" y="T37"/>
                  </a:cxn>
                  <a:cxn ang="T77">
                    <a:pos x="T38" y="T39"/>
                  </a:cxn>
                  <a:cxn ang="T78">
                    <a:pos x="T40" y="T41"/>
                  </a:cxn>
                  <a:cxn ang="T79">
                    <a:pos x="T42" y="T43"/>
                  </a:cxn>
                  <a:cxn ang="T80">
                    <a:pos x="T44" y="T45"/>
                  </a:cxn>
                  <a:cxn ang="T81">
                    <a:pos x="T46" y="T47"/>
                  </a:cxn>
                  <a:cxn ang="T82">
                    <a:pos x="T48" y="T49"/>
                  </a:cxn>
                  <a:cxn ang="T83">
                    <a:pos x="T50" y="T51"/>
                  </a:cxn>
                  <a:cxn ang="T84">
                    <a:pos x="T52" y="T53"/>
                  </a:cxn>
                  <a:cxn ang="T85">
                    <a:pos x="T54" y="T55"/>
                  </a:cxn>
                  <a:cxn ang="T86">
                    <a:pos x="T56" y="T57"/>
                  </a:cxn>
                </a:cxnLst>
                <a:rect l="T87" t="T88" r="T89" b="T90"/>
                <a:pathLst>
                  <a:path w="15" h="17">
                    <a:moveTo>
                      <a:pt x="1" y="5"/>
                    </a:moveTo>
                    <a:lnTo>
                      <a:pt x="1" y="5"/>
                    </a:lnTo>
                    <a:lnTo>
                      <a:pt x="5" y="2"/>
                    </a:lnTo>
                    <a:lnTo>
                      <a:pt x="6" y="0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5" y="3"/>
                    </a:lnTo>
                    <a:lnTo>
                      <a:pt x="15" y="5"/>
                    </a:lnTo>
                    <a:lnTo>
                      <a:pt x="15" y="7"/>
                    </a:lnTo>
                    <a:lnTo>
                      <a:pt x="13" y="8"/>
                    </a:lnTo>
                    <a:lnTo>
                      <a:pt x="13" y="10"/>
                    </a:lnTo>
                    <a:lnTo>
                      <a:pt x="12" y="12"/>
                    </a:lnTo>
                    <a:lnTo>
                      <a:pt x="10" y="15"/>
                    </a:lnTo>
                    <a:lnTo>
                      <a:pt x="6" y="17"/>
                    </a:lnTo>
                    <a:lnTo>
                      <a:pt x="3" y="17"/>
                    </a:lnTo>
                    <a:lnTo>
                      <a:pt x="1" y="17"/>
                    </a:lnTo>
                    <a:lnTo>
                      <a:pt x="0" y="15"/>
                    </a:lnTo>
                    <a:lnTo>
                      <a:pt x="0" y="13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1" y="7"/>
                    </a:lnTo>
                    <a:lnTo>
                      <a:pt x="1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14" name="Freeform 137"/>
              <p:cNvSpPr>
                <a:spLocks/>
              </p:cNvSpPr>
              <p:nvPr/>
            </p:nvSpPr>
            <p:spPr bwMode="auto">
              <a:xfrm>
                <a:off x="4206" y="3072"/>
                <a:ext cx="11" cy="12"/>
              </a:xfrm>
              <a:custGeom>
                <a:avLst/>
                <a:gdLst>
                  <a:gd name="T0" fmla="*/ 0 w 11"/>
                  <a:gd name="T1" fmla="*/ 6 h 13"/>
                  <a:gd name="T2" fmla="*/ 0 w 11"/>
                  <a:gd name="T3" fmla="*/ 6 h 13"/>
                  <a:gd name="T4" fmla="*/ 0 w 11"/>
                  <a:gd name="T5" fmla="*/ 3 h 13"/>
                  <a:gd name="T6" fmla="*/ 2 w 11"/>
                  <a:gd name="T7" fmla="*/ 2 h 13"/>
                  <a:gd name="T8" fmla="*/ 4 w 11"/>
                  <a:gd name="T9" fmla="*/ 0 h 13"/>
                  <a:gd name="T10" fmla="*/ 6 w 11"/>
                  <a:gd name="T11" fmla="*/ 0 h 13"/>
                  <a:gd name="T12" fmla="*/ 6 w 11"/>
                  <a:gd name="T13" fmla="*/ 0 h 13"/>
                  <a:gd name="T14" fmla="*/ 7 w 11"/>
                  <a:gd name="T15" fmla="*/ 0 h 13"/>
                  <a:gd name="T16" fmla="*/ 9 w 11"/>
                  <a:gd name="T17" fmla="*/ 2 h 13"/>
                  <a:gd name="T18" fmla="*/ 11 w 11"/>
                  <a:gd name="T19" fmla="*/ 3 h 13"/>
                  <a:gd name="T20" fmla="*/ 11 w 11"/>
                  <a:gd name="T21" fmla="*/ 6 h 13"/>
                  <a:gd name="T22" fmla="*/ 11 w 11"/>
                  <a:gd name="T23" fmla="*/ 6 h 13"/>
                  <a:gd name="T24" fmla="*/ 11 w 11"/>
                  <a:gd name="T25" fmla="*/ 6 h 13"/>
                  <a:gd name="T26" fmla="*/ 9 w 11"/>
                  <a:gd name="T27" fmla="*/ 6 h 13"/>
                  <a:gd name="T28" fmla="*/ 7 w 11"/>
                  <a:gd name="T29" fmla="*/ 6 h 13"/>
                  <a:gd name="T30" fmla="*/ 6 w 11"/>
                  <a:gd name="T31" fmla="*/ 6 h 13"/>
                  <a:gd name="T32" fmla="*/ 6 w 11"/>
                  <a:gd name="T33" fmla="*/ 6 h 13"/>
                  <a:gd name="T34" fmla="*/ 4 w 11"/>
                  <a:gd name="T35" fmla="*/ 6 h 13"/>
                  <a:gd name="T36" fmla="*/ 2 w 11"/>
                  <a:gd name="T37" fmla="*/ 6 h 13"/>
                  <a:gd name="T38" fmla="*/ 0 w 11"/>
                  <a:gd name="T39" fmla="*/ 6 h 13"/>
                  <a:gd name="T40" fmla="*/ 0 w 11"/>
                  <a:gd name="T41" fmla="*/ 6 h 13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1"/>
                  <a:gd name="T64" fmla="*/ 0 h 13"/>
                  <a:gd name="T65" fmla="*/ 11 w 11"/>
                  <a:gd name="T66" fmla="*/ 13 h 13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1" h="13">
                    <a:moveTo>
                      <a:pt x="0" y="7"/>
                    </a:moveTo>
                    <a:lnTo>
                      <a:pt x="0" y="7"/>
                    </a:lnTo>
                    <a:lnTo>
                      <a:pt x="0" y="3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0"/>
                    </a:lnTo>
                    <a:lnTo>
                      <a:pt x="9" y="2"/>
                    </a:lnTo>
                    <a:lnTo>
                      <a:pt x="11" y="3"/>
                    </a:lnTo>
                    <a:lnTo>
                      <a:pt x="11" y="7"/>
                    </a:lnTo>
                    <a:lnTo>
                      <a:pt x="11" y="10"/>
                    </a:lnTo>
                    <a:lnTo>
                      <a:pt x="9" y="12"/>
                    </a:lnTo>
                    <a:lnTo>
                      <a:pt x="7" y="13"/>
                    </a:lnTo>
                    <a:lnTo>
                      <a:pt x="6" y="13"/>
                    </a:lnTo>
                    <a:lnTo>
                      <a:pt x="4" y="13"/>
                    </a:lnTo>
                    <a:lnTo>
                      <a:pt x="2" y="12"/>
                    </a:lnTo>
                    <a:lnTo>
                      <a:pt x="0" y="10"/>
                    </a:lnTo>
                    <a:lnTo>
                      <a:pt x="0" y="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15" name="Freeform 138"/>
              <p:cNvSpPr>
                <a:spLocks/>
              </p:cNvSpPr>
              <p:nvPr/>
            </p:nvSpPr>
            <p:spPr bwMode="auto">
              <a:xfrm>
                <a:off x="4212" y="3098"/>
                <a:ext cx="13" cy="16"/>
              </a:xfrm>
              <a:custGeom>
                <a:avLst/>
                <a:gdLst>
                  <a:gd name="T0" fmla="*/ 1 w 13"/>
                  <a:gd name="T1" fmla="*/ 5 h 17"/>
                  <a:gd name="T2" fmla="*/ 1 w 13"/>
                  <a:gd name="T3" fmla="*/ 5 h 17"/>
                  <a:gd name="T4" fmla="*/ 3 w 13"/>
                  <a:gd name="T5" fmla="*/ 2 h 17"/>
                  <a:gd name="T6" fmla="*/ 6 w 13"/>
                  <a:gd name="T7" fmla="*/ 0 h 17"/>
                  <a:gd name="T8" fmla="*/ 8 w 13"/>
                  <a:gd name="T9" fmla="*/ 0 h 17"/>
                  <a:gd name="T10" fmla="*/ 11 w 13"/>
                  <a:gd name="T11" fmla="*/ 0 h 17"/>
                  <a:gd name="T12" fmla="*/ 11 w 13"/>
                  <a:gd name="T13" fmla="*/ 0 h 17"/>
                  <a:gd name="T14" fmla="*/ 13 w 13"/>
                  <a:gd name="T15" fmla="*/ 0 h 17"/>
                  <a:gd name="T16" fmla="*/ 13 w 13"/>
                  <a:gd name="T17" fmla="*/ 2 h 17"/>
                  <a:gd name="T18" fmla="*/ 13 w 13"/>
                  <a:gd name="T19" fmla="*/ 3 h 17"/>
                  <a:gd name="T20" fmla="*/ 13 w 13"/>
                  <a:gd name="T21" fmla="*/ 5 h 17"/>
                  <a:gd name="T22" fmla="*/ 13 w 13"/>
                  <a:gd name="T23" fmla="*/ 5 h 17"/>
                  <a:gd name="T24" fmla="*/ 13 w 13"/>
                  <a:gd name="T25" fmla="*/ 8 h 17"/>
                  <a:gd name="T26" fmla="*/ 13 w 13"/>
                  <a:gd name="T27" fmla="*/ 8 h 17"/>
                  <a:gd name="T28" fmla="*/ 11 w 13"/>
                  <a:gd name="T29" fmla="*/ 8 h 17"/>
                  <a:gd name="T30" fmla="*/ 11 w 13"/>
                  <a:gd name="T31" fmla="*/ 8 h 17"/>
                  <a:gd name="T32" fmla="*/ 10 w 13"/>
                  <a:gd name="T33" fmla="*/ 8 h 17"/>
                  <a:gd name="T34" fmla="*/ 6 w 13"/>
                  <a:gd name="T35" fmla="*/ 8 h 17"/>
                  <a:gd name="T36" fmla="*/ 5 w 13"/>
                  <a:gd name="T37" fmla="*/ 8 h 17"/>
                  <a:gd name="T38" fmla="*/ 1 w 13"/>
                  <a:gd name="T39" fmla="*/ 8 h 17"/>
                  <a:gd name="T40" fmla="*/ 1 w 13"/>
                  <a:gd name="T41" fmla="*/ 8 h 17"/>
                  <a:gd name="T42" fmla="*/ 1 w 13"/>
                  <a:gd name="T43" fmla="*/ 8 h 17"/>
                  <a:gd name="T44" fmla="*/ 0 w 13"/>
                  <a:gd name="T45" fmla="*/ 8 h 17"/>
                  <a:gd name="T46" fmla="*/ 0 w 13"/>
                  <a:gd name="T47" fmla="*/ 8 h 17"/>
                  <a:gd name="T48" fmla="*/ 0 w 13"/>
                  <a:gd name="T49" fmla="*/ 8 h 17"/>
                  <a:gd name="T50" fmla="*/ 0 w 13"/>
                  <a:gd name="T51" fmla="*/ 8 h 17"/>
                  <a:gd name="T52" fmla="*/ 0 w 13"/>
                  <a:gd name="T53" fmla="*/ 8 h 17"/>
                  <a:gd name="T54" fmla="*/ 0 w 13"/>
                  <a:gd name="T55" fmla="*/ 7 h 17"/>
                  <a:gd name="T56" fmla="*/ 1 w 13"/>
                  <a:gd name="T57" fmla="*/ 5 h 17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w 13"/>
                  <a:gd name="T88" fmla="*/ 0 h 17"/>
                  <a:gd name="T89" fmla="*/ 13 w 13"/>
                  <a:gd name="T90" fmla="*/ 17 h 17"/>
                </a:gdLst>
                <a:ahLst/>
                <a:cxnLst>
                  <a:cxn ang="T58">
                    <a:pos x="T0" y="T1"/>
                  </a:cxn>
                  <a:cxn ang="T59">
                    <a:pos x="T2" y="T3"/>
                  </a:cxn>
                  <a:cxn ang="T60">
                    <a:pos x="T4" y="T5"/>
                  </a:cxn>
                  <a:cxn ang="T61">
                    <a:pos x="T6" y="T7"/>
                  </a:cxn>
                  <a:cxn ang="T62">
                    <a:pos x="T8" y="T9"/>
                  </a:cxn>
                  <a:cxn ang="T63">
                    <a:pos x="T10" y="T11"/>
                  </a:cxn>
                  <a:cxn ang="T64">
                    <a:pos x="T12" y="T13"/>
                  </a:cxn>
                  <a:cxn ang="T65">
                    <a:pos x="T14" y="T15"/>
                  </a:cxn>
                  <a:cxn ang="T66">
                    <a:pos x="T16" y="T17"/>
                  </a:cxn>
                  <a:cxn ang="T67">
                    <a:pos x="T18" y="T19"/>
                  </a:cxn>
                  <a:cxn ang="T68">
                    <a:pos x="T20" y="T21"/>
                  </a:cxn>
                  <a:cxn ang="T69">
                    <a:pos x="T22" y="T23"/>
                  </a:cxn>
                  <a:cxn ang="T70">
                    <a:pos x="T24" y="T25"/>
                  </a:cxn>
                  <a:cxn ang="T71">
                    <a:pos x="T26" y="T27"/>
                  </a:cxn>
                  <a:cxn ang="T72">
                    <a:pos x="T28" y="T29"/>
                  </a:cxn>
                  <a:cxn ang="T73">
                    <a:pos x="T30" y="T31"/>
                  </a:cxn>
                  <a:cxn ang="T74">
                    <a:pos x="T32" y="T33"/>
                  </a:cxn>
                  <a:cxn ang="T75">
                    <a:pos x="T34" y="T35"/>
                  </a:cxn>
                  <a:cxn ang="T76">
                    <a:pos x="T36" y="T37"/>
                  </a:cxn>
                  <a:cxn ang="T77">
                    <a:pos x="T38" y="T39"/>
                  </a:cxn>
                  <a:cxn ang="T78">
                    <a:pos x="T40" y="T41"/>
                  </a:cxn>
                  <a:cxn ang="T79">
                    <a:pos x="T42" y="T43"/>
                  </a:cxn>
                  <a:cxn ang="T80">
                    <a:pos x="T44" y="T45"/>
                  </a:cxn>
                  <a:cxn ang="T81">
                    <a:pos x="T46" y="T47"/>
                  </a:cxn>
                  <a:cxn ang="T82">
                    <a:pos x="T48" y="T49"/>
                  </a:cxn>
                  <a:cxn ang="T83">
                    <a:pos x="T50" y="T51"/>
                  </a:cxn>
                  <a:cxn ang="T84">
                    <a:pos x="T52" y="T53"/>
                  </a:cxn>
                  <a:cxn ang="T85">
                    <a:pos x="T54" y="T55"/>
                  </a:cxn>
                  <a:cxn ang="T86">
                    <a:pos x="T56" y="T57"/>
                  </a:cxn>
                </a:cxnLst>
                <a:rect l="T87" t="T88" r="T89" b="T90"/>
                <a:pathLst>
                  <a:path w="13" h="17">
                    <a:moveTo>
                      <a:pt x="1" y="5"/>
                    </a:moveTo>
                    <a:lnTo>
                      <a:pt x="1" y="5"/>
                    </a:lnTo>
                    <a:lnTo>
                      <a:pt x="3" y="2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1" y="0"/>
                    </a:lnTo>
                    <a:lnTo>
                      <a:pt x="13" y="0"/>
                    </a:lnTo>
                    <a:lnTo>
                      <a:pt x="13" y="2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3" y="8"/>
                    </a:lnTo>
                    <a:lnTo>
                      <a:pt x="11" y="10"/>
                    </a:lnTo>
                    <a:lnTo>
                      <a:pt x="10" y="14"/>
                    </a:lnTo>
                    <a:lnTo>
                      <a:pt x="6" y="15"/>
                    </a:lnTo>
                    <a:lnTo>
                      <a:pt x="5" y="17"/>
                    </a:lnTo>
                    <a:lnTo>
                      <a:pt x="1" y="17"/>
                    </a:lnTo>
                    <a:lnTo>
                      <a:pt x="1" y="15"/>
                    </a:lnTo>
                    <a:lnTo>
                      <a:pt x="0" y="14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1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957" name="Group 139"/>
            <p:cNvGrpSpPr>
              <a:grpSpLocks/>
            </p:cNvGrpSpPr>
            <p:nvPr/>
          </p:nvGrpSpPr>
          <p:grpSpPr bwMode="auto">
            <a:xfrm>
              <a:off x="1186" y="3709"/>
              <a:ext cx="274" cy="176"/>
              <a:chOff x="1338" y="3375"/>
              <a:chExt cx="282" cy="181"/>
            </a:xfrm>
          </p:grpSpPr>
          <p:sp>
            <p:nvSpPr>
              <p:cNvPr id="993" name="Freeform 140"/>
              <p:cNvSpPr>
                <a:spLocks/>
              </p:cNvSpPr>
              <p:nvPr/>
            </p:nvSpPr>
            <p:spPr bwMode="auto">
              <a:xfrm>
                <a:off x="1361" y="3375"/>
                <a:ext cx="26" cy="18"/>
              </a:xfrm>
              <a:custGeom>
                <a:avLst/>
                <a:gdLst>
                  <a:gd name="T0" fmla="*/ 0 w 26"/>
                  <a:gd name="T1" fmla="*/ 8 h 18"/>
                  <a:gd name="T2" fmla="*/ 0 w 26"/>
                  <a:gd name="T3" fmla="*/ 8 h 18"/>
                  <a:gd name="T4" fmla="*/ 2 w 26"/>
                  <a:gd name="T5" fmla="*/ 6 h 18"/>
                  <a:gd name="T6" fmla="*/ 2 w 26"/>
                  <a:gd name="T7" fmla="*/ 6 h 18"/>
                  <a:gd name="T8" fmla="*/ 5 w 26"/>
                  <a:gd name="T9" fmla="*/ 3 h 18"/>
                  <a:gd name="T10" fmla="*/ 9 w 26"/>
                  <a:gd name="T11" fmla="*/ 3 h 18"/>
                  <a:gd name="T12" fmla="*/ 12 w 26"/>
                  <a:gd name="T13" fmla="*/ 1 h 18"/>
                  <a:gd name="T14" fmla="*/ 17 w 26"/>
                  <a:gd name="T15" fmla="*/ 0 h 18"/>
                  <a:gd name="T16" fmla="*/ 22 w 26"/>
                  <a:gd name="T17" fmla="*/ 0 h 18"/>
                  <a:gd name="T18" fmla="*/ 24 w 26"/>
                  <a:gd name="T19" fmla="*/ 0 h 18"/>
                  <a:gd name="T20" fmla="*/ 24 w 26"/>
                  <a:gd name="T21" fmla="*/ 3 h 18"/>
                  <a:gd name="T22" fmla="*/ 24 w 26"/>
                  <a:gd name="T23" fmla="*/ 6 h 18"/>
                  <a:gd name="T24" fmla="*/ 26 w 26"/>
                  <a:gd name="T25" fmla="*/ 6 h 18"/>
                  <a:gd name="T26" fmla="*/ 21 w 26"/>
                  <a:gd name="T27" fmla="*/ 18 h 18"/>
                  <a:gd name="T28" fmla="*/ 4 w 26"/>
                  <a:gd name="T29" fmla="*/ 13 h 18"/>
                  <a:gd name="T30" fmla="*/ 0 w 26"/>
                  <a:gd name="T31" fmla="*/ 8 h 18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w 26"/>
                  <a:gd name="T49" fmla="*/ 0 h 18"/>
                  <a:gd name="T50" fmla="*/ 26 w 26"/>
                  <a:gd name="T51" fmla="*/ 18 h 18"/>
                </a:gdLst>
                <a:ahLst/>
                <a:cxnLst>
                  <a:cxn ang="T32">
                    <a:pos x="T0" y="T1"/>
                  </a:cxn>
                  <a:cxn ang="T33">
                    <a:pos x="T2" y="T3"/>
                  </a:cxn>
                  <a:cxn ang="T34">
                    <a:pos x="T4" y="T5"/>
                  </a:cxn>
                  <a:cxn ang="T35">
                    <a:pos x="T6" y="T7"/>
                  </a:cxn>
                  <a:cxn ang="T36">
                    <a:pos x="T8" y="T9"/>
                  </a:cxn>
                  <a:cxn ang="T37">
                    <a:pos x="T10" y="T11"/>
                  </a:cxn>
                  <a:cxn ang="T38">
                    <a:pos x="T12" y="T13"/>
                  </a:cxn>
                  <a:cxn ang="T39">
                    <a:pos x="T14" y="T15"/>
                  </a:cxn>
                  <a:cxn ang="T40">
                    <a:pos x="T16" y="T17"/>
                  </a:cxn>
                  <a:cxn ang="T41">
                    <a:pos x="T18" y="T19"/>
                  </a:cxn>
                  <a:cxn ang="T42">
                    <a:pos x="T20" y="T21"/>
                  </a:cxn>
                  <a:cxn ang="T43">
                    <a:pos x="T22" y="T23"/>
                  </a:cxn>
                  <a:cxn ang="T44">
                    <a:pos x="T24" y="T25"/>
                  </a:cxn>
                  <a:cxn ang="T45">
                    <a:pos x="T26" y="T27"/>
                  </a:cxn>
                  <a:cxn ang="T46">
                    <a:pos x="T28" y="T29"/>
                  </a:cxn>
                  <a:cxn ang="T47">
                    <a:pos x="T30" y="T31"/>
                  </a:cxn>
                </a:cxnLst>
                <a:rect l="T48" t="T49" r="T50" b="T51"/>
                <a:pathLst>
                  <a:path w="26" h="18">
                    <a:moveTo>
                      <a:pt x="0" y="8"/>
                    </a:moveTo>
                    <a:lnTo>
                      <a:pt x="0" y="8"/>
                    </a:lnTo>
                    <a:lnTo>
                      <a:pt x="2" y="6"/>
                    </a:lnTo>
                    <a:lnTo>
                      <a:pt x="5" y="3"/>
                    </a:lnTo>
                    <a:lnTo>
                      <a:pt x="9" y="3"/>
                    </a:lnTo>
                    <a:lnTo>
                      <a:pt x="12" y="1"/>
                    </a:lnTo>
                    <a:lnTo>
                      <a:pt x="17" y="0"/>
                    </a:lnTo>
                    <a:lnTo>
                      <a:pt x="22" y="0"/>
                    </a:lnTo>
                    <a:lnTo>
                      <a:pt x="24" y="0"/>
                    </a:lnTo>
                    <a:lnTo>
                      <a:pt x="24" y="3"/>
                    </a:lnTo>
                    <a:lnTo>
                      <a:pt x="24" y="6"/>
                    </a:lnTo>
                    <a:lnTo>
                      <a:pt x="26" y="6"/>
                    </a:lnTo>
                    <a:lnTo>
                      <a:pt x="21" y="18"/>
                    </a:lnTo>
                    <a:lnTo>
                      <a:pt x="4" y="13"/>
                    </a:lnTo>
                    <a:lnTo>
                      <a:pt x="0" y="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94" name="Freeform 141"/>
              <p:cNvSpPr>
                <a:spLocks/>
              </p:cNvSpPr>
              <p:nvPr/>
            </p:nvSpPr>
            <p:spPr bwMode="auto">
              <a:xfrm>
                <a:off x="1361" y="3375"/>
                <a:ext cx="26" cy="18"/>
              </a:xfrm>
              <a:custGeom>
                <a:avLst/>
                <a:gdLst>
                  <a:gd name="T0" fmla="*/ 0 w 26"/>
                  <a:gd name="T1" fmla="*/ 8 h 18"/>
                  <a:gd name="T2" fmla="*/ 0 w 26"/>
                  <a:gd name="T3" fmla="*/ 8 h 18"/>
                  <a:gd name="T4" fmla="*/ 0 w 26"/>
                  <a:gd name="T5" fmla="*/ 8 h 18"/>
                  <a:gd name="T6" fmla="*/ 2 w 26"/>
                  <a:gd name="T7" fmla="*/ 6 h 18"/>
                  <a:gd name="T8" fmla="*/ 2 w 26"/>
                  <a:gd name="T9" fmla="*/ 6 h 18"/>
                  <a:gd name="T10" fmla="*/ 5 w 26"/>
                  <a:gd name="T11" fmla="*/ 3 h 18"/>
                  <a:gd name="T12" fmla="*/ 9 w 26"/>
                  <a:gd name="T13" fmla="*/ 3 h 18"/>
                  <a:gd name="T14" fmla="*/ 12 w 26"/>
                  <a:gd name="T15" fmla="*/ 1 h 18"/>
                  <a:gd name="T16" fmla="*/ 17 w 26"/>
                  <a:gd name="T17" fmla="*/ 0 h 18"/>
                  <a:gd name="T18" fmla="*/ 22 w 26"/>
                  <a:gd name="T19" fmla="*/ 0 h 18"/>
                  <a:gd name="T20" fmla="*/ 22 w 26"/>
                  <a:gd name="T21" fmla="*/ 0 h 18"/>
                  <a:gd name="T22" fmla="*/ 24 w 26"/>
                  <a:gd name="T23" fmla="*/ 0 h 18"/>
                  <a:gd name="T24" fmla="*/ 24 w 26"/>
                  <a:gd name="T25" fmla="*/ 3 h 18"/>
                  <a:gd name="T26" fmla="*/ 24 w 26"/>
                  <a:gd name="T27" fmla="*/ 6 h 18"/>
                  <a:gd name="T28" fmla="*/ 26 w 26"/>
                  <a:gd name="T29" fmla="*/ 6 h 18"/>
                  <a:gd name="T30" fmla="*/ 21 w 26"/>
                  <a:gd name="T31" fmla="*/ 18 h 18"/>
                  <a:gd name="T32" fmla="*/ 4 w 26"/>
                  <a:gd name="T33" fmla="*/ 13 h 18"/>
                  <a:gd name="T34" fmla="*/ 0 w 26"/>
                  <a:gd name="T35" fmla="*/ 8 h 18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w 26"/>
                  <a:gd name="T55" fmla="*/ 0 h 18"/>
                  <a:gd name="T56" fmla="*/ 26 w 26"/>
                  <a:gd name="T57" fmla="*/ 18 h 18"/>
                </a:gdLst>
                <a:ahLst/>
                <a:cxnLst>
                  <a:cxn ang="T36">
                    <a:pos x="T0" y="T1"/>
                  </a:cxn>
                  <a:cxn ang="T37">
                    <a:pos x="T2" y="T3"/>
                  </a:cxn>
                  <a:cxn ang="T38">
                    <a:pos x="T4" y="T5"/>
                  </a:cxn>
                  <a:cxn ang="T39">
                    <a:pos x="T6" y="T7"/>
                  </a:cxn>
                  <a:cxn ang="T40">
                    <a:pos x="T8" y="T9"/>
                  </a:cxn>
                  <a:cxn ang="T41">
                    <a:pos x="T10" y="T11"/>
                  </a:cxn>
                  <a:cxn ang="T42">
                    <a:pos x="T12" y="T13"/>
                  </a:cxn>
                  <a:cxn ang="T43">
                    <a:pos x="T14" y="T15"/>
                  </a:cxn>
                  <a:cxn ang="T44">
                    <a:pos x="T16" y="T17"/>
                  </a:cxn>
                  <a:cxn ang="T45">
                    <a:pos x="T18" y="T19"/>
                  </a:cxn>
                  <a:cxn ang="T46">
                    <a:pos x="T20" y="T21"/>
                  </a:cxn>
                  <a:cxn ang="T47">
                    <a:pos x="T22" y="T23"/>
                  </a:cxn>
                  <a:cxn ang="T48">
                    <a:pos x="T24" y="T25"/>
                  </a:cxn>
                  <a:cxn ang="T49">
                    <a:pos x="T26" y="T27"/>
                  </a:cxn>
                  <a:cxn ang="T50">
                    <a:pos x="T28" y="T29"/>
                  </a:cxn>
                  <a:cxn ang="T51">
                    <a:pos x="T30" y="T31"/>
                  </a:cxn>
                  <a:cxn ang="T52">
                    <a:pos x="T32" y="T33"/>
                  </a:cxn>
                  <a:cxn ang="T53">
                    <a:pos x="T34" y="T35"/>
                  </a:cxn>
                </a:cxnLst>
                <a:rect l="T54" t="T55" r="T56" b="T57"/>
                <a:pathLst>
                  <a:path w="26" h="18">
                    <a:moveTo>
                      <a:pt x="0" y="8"/>
                    </a:moveTo>
                    <a:lnTo>
                      <a:pt x="0" y="8"/>
                    </a:lnTo>
                    <a:lnTo>
                      <a:pt x="2" y="6"/>
                    </a:lnTo>
                    <a:lnTo>
                      <a:pt x="5" y="3"/>
                    </a:lnTo>
                    <a:lnTo>
                      <a:pt x="9" y="3"/>
                    </a:lnTo>
                    <a:lnTo>
                      <a:pt x="12" y="1"/>
                    </a:lnTo>
                    <a:lnTo>
                      <a:pt x="17" y="0"/>
                    </a:lnTo>
                    <a:lnTo>
                      <a:pt x="22" y="0"/>
                    </a:lnTo>
                    <a:lnTo>
                      <a:pt x="24" y="0"/>
                    </a:lnTo>
                    <a:lnTo>
                      <a:pt x="24" y="3"/>
                    </a:lnTo>
                    <a:lnTo>
                      <a:pt x="24" y="6"/>
                    </a:lnTo>
                    <a:lnTo>
                      <a:pt x="26" y="6"/>
                    </a:lnTo>
                    <a:lnTo>
                      <a:pt x="21" y="18"/>
                    </a:lnTo>
                    <a:lnTo>
                      <a:pt x="4" y="13"/>
                    </a:lnTo>
                    <a:lnTo>
                      <a:pt x="0" y="8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95" name="Freeform 142"/>
              <p:cNvSpPr>
                <a:spLocks/>
              </p:cNvSpPr>
              <p:nvPr/>
            </p:nvSpPr>
            <p:spPr bwMode="auto">
              <a:xfrm>
                <a:off x="1441" y="3403"/>
                <a:ext cx="30" cy="24"/>
              </a:xfrm>
              <a:custGeom>
                <a:avLst/>
                <a:gdLst>
                  <a:gd name="T0" fmla="*/ 0 w 30"/>
                  <a:gd name="T1" fmla="*/ 5 h 24"/>
                  <a:gd name="T2" fmla="*/ 8 w 30"/>
                  <a:gd name="T3" fmla="*/ 5 h 24"/>
                  <a:gd name="T4" fmla="*/ 8 w 30"/>
                  <a:gd name="T5" fmla="*/ 5 h 24"/>
                  <a:gd name="T6" fmla="*/ 8 w 30"/>
                  <a:gd name="T7" fmla="*/ 4 h 24"/>
                  <a:gd name="T8" fmla="*/ 8 w 30"/>
                  <a:gd name="T9" fmla="*/ 2 h 24"/>
                  <a:gd name="T10" fmla="*/ 10 w 30"/>
                  <a:gd name="T11" fmla="*/ 0 h 24"/>
                  <a:gd name="T12" fmla="*/ 10 w 30"/>
                  <a:gd name="T13" fmla="*/ 0 h 24"/>
                  <a:gd name="T14" fmla="*/ 12 w 30"/>
                  <a:gd name="T15" fmla="*/ 0 h 24"/>
                  <a:gd name="T16" fmla="*/ 13 w 30"/>
                  <a:gd name="T17" fmla="*/ 2 h 24"/>
                  <a:gd name="T18" fmla="*/ 17 w 30"/>
                  <a:gd name="T19" fmla="*/ 5 h 24"/>
                  <a:gd name="T20" fmla="*/ 17 w 30"/>
                  <a:gd name="T21" fmla="*/ 7 h 24"/>
                  <a:gd name="T22" fmla="*/ 18 w 30"/>
                  <a:gd name="T23" fmla="*/ 9 h 24"/>
                  <a:gd name="T24" fmla="*/ 22 w 30"/>
                  <a:gd name="T25" fmla="*/ 12 h 24"/>
                  <a:gd name="T26" fmla="*/ 27 w 30"/>
                  <a:gd name="T27" fmla="*/ 16 h 24"/>
                  <a:gd name="T28" fmla="*/ 27 w 30"/>
                  <a:gd name="T29" fmla="*/ 17 h 24"/>
                  <a:gd name="T30" fmla="*/ 29 w 30"/>
                  <a:gd name="T31" fmla="*/ 19 h 24"/>
                  <a:gd name="T32" fmla="*/ 30 w 30"/>
                  <a:gd name="T33" fmla="*/ 21 h 24"/>
                  <a:gd name="T34" fmla="*/ 30 w 30"/>
                  <a:gd name="T35" fmla="*/ 22 h 24"/>
                  <a:gd name="T36" fmla="*/ 30 w 30"/>
                  <a:gd name="T37" fmla="*/ 24 h 24"/>
                  <a:gd name="T38" fmla="*/ 27 w 30"/>
                  <a:gd name="T39" fmla="*/ 24 h 24"/>
                  <a:gd name="T40" fmla="*/ 22 w 30"/>
                  <a:gd name="T41" fmla="*/ 24 h 24"/>
                  <a:gd name="T42" fmla="*/ 15 w 30"/>
                  <a:gd name="T43" fmla="*/ 21 h 24"/>
                  <a:gd name="T44" fmla="*/ 13 w 30"/>
                  <a:gd name="T45" fmla="*/ 21 h 24"/>
                  <a:gd name="T46" fmla="*/ 10 w 30"/>
                  <a:gd name="T47" fmla="*/ 21 h 24"/>
                  <a:gd name="T48" fmla="*/ 8 w 30"/>
                  <a:gd name="T49" fmla="*/ 22 h 24"/>
                  <a:gd name="T50" fmla="*/ 8 w 30"/>
                  <a:gd name="T51" fmla="*/ 22 h 24"/>
                  <a:gd name="T52" fmla="*/ 1 w 30"/>
                  <a:gd name="T53" fmla="*/ 14 h 24"/>
                  <a:gd name="T54" fmla="*/ 0 w 30"/>
                  <a:gd name="T55" fmla="*/ 5 h 24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w 30"/>
                  <a:gd name="T85" fmla="*/ 0 h 24"/>
                  <a:gd name="T86" fmla="*/ 30 w 30"/>
                  <a:gd name="T87" fmla="*/ 24 h 24"/>
                </a:gdLst>
                <a:ahLst/>
                <a:cxnLst>
                  <a:cxn ang="T56">
                    <a:pos x="T0" y="T1"/>
                  </a:cxn>
                  <a:cxn ang="T57">
                    <a:pos x="T2" y="T3"/>
                  </a:cxn>
                  <a:cxn ang="T58">
                    <a:pos x="T4" y="T5"/>
                  </a:cxn>
                  <a:cxn ang="T59">
                    <a:pos x="T6" y="T7"/>
                  </a:cxn>
                  <a:cxn ang="T60">
                    <a:pos x="T8" y="T9"/>
                  </a:cxn>
                  <a:cxn ang="T61">
                    <a:pos x="T10" y="T11"/>
                  </a:cxn>
                  <a:cxn ang="T62">
                    <a:pos x="T12" y="T13"/>
                  </a:cxn>
                  <a:cxn ang="T63">
                    <a:pos x="T14" y="T15"/>
                  </a:cxn>
                  <a:cxn ang="T64">
                    <a:pos x="T16" y="T17"/>
                  </a:cxn>
                  <a:cxn ang="T65">
                    <a:pos x="T18" y="T19"/>
                  </a:cxn>
                  <a:cxn ang="T66">
                    <a:pos x="T20" y="T21"/>
                  </a:cxn>
                  <a:cxn ang="T67">
                    <a:pos x="T22" y="T23"/>
                  </a:cxn>
                  <a:cxn ang="T68">
                    <a:pos x="T24" y="T25"/>
                  </a:cxn>
                  <a:cxn ang="T69">
                    <a:pos x="T26" y="T27"/>
                  </a:cxn>
                  <a:cxn ang="T70">
                    <a:pos x="T28" y="T29"/>
                  </a:cxn>
                  <a:cxn ang="T71">
                    <a:pos x="T30" y="T31"/>
                  </a:cxn>
                  <a:cxn ang="T72">
                    <a:pos x="T32" y="T33"/>
                  </a:cxn>
                  <a:cxn ang="T73">
                    <a:pos x="T34" y="T35"/>
                  </a:cxn>
                  <a:cxn ang="T74">
                    <a:pos x="T36" y="T37"/>
                  </a:cxn>
                  <a:cxn ang="T75">
                    <a:pos x="T38" y="T39"/>
                  </a:cxn>
                  <a:cxn ang="T76">
                    <a:pos x="T40" y="T41"/>
                  </a:cxn>
                  <a:cxn ang="T77">
                    <a:pos x="T42" y="T43"/>
                  </a:cxn>
                  <a:cxn ang="T78">
                    <a:pos x="T44" y="T45"/>
                  </a:cxn>
                  <a:cxn ang="T79">
                    <a:pos x="T46" y="T47"/>
                  </a:cxn>
                  <a:cxn ang="T80">
                    <a:pos x="T48" y="T49"/>
                  </a:cxn>
                  <a:cxn ang="T81">
                    <a:pos x="T50" y="T51"/>
                  </a:cxn>
                  <a:cxn ang="T82">
                    <a:pos x="T52" y="T53"/>
                  </a:cxn>
                  <a:cxn ang="T83">
                    <a:pos x="T54" y="T55"/>
                  </a:cxn>
                </a:cxnLst>
                <a:rect l="T84" t="T85" r="T86" b="T87"/>
                <a:pathLst>
                  <a:path w="30" h="24">
                    <a:moveTo>
                      <a:pt x="0" y="5"/>
                    </a:moveTo>
                    <a:lnTo>
                      <a:pt x="8" y="5"/>
                    </a:lnTo>
                    <a:lnTo>
                      <a:pt x="8" y="4"/>
                    </a:lnTo>
                    <a:lnTo>
                      <a:pt x="8" y="2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7" y="5"/>
                    </a:lnTo>
                    <a:lnTo>
                      <a:pt x="17" y="7"/>
                    </a:lnTo>
                    <a:lnTo>
                      <a:pt x="18" y="9"/>
                    </a:lnTo>
                    <a:lnTo>
                      <a:pt x="22" y="12"/>
                    </a:lnTo>
                    <a:lnTo>
                      <a:pt x="27" y="16"/>
                    </a:lnTo>
                    <a:lnTo>
                      <a:pt x="27" y="17"/>
                    </a:lnTo>
                    <a:lnTo>
                      <a:pt x="29" y="19"/>
                    </a:lnTo>
                    <a:lnTo>
                      <a:pt x="30" y="21"/>
                    </a:lnTo>
                    <a:lnTo>
                      <a:pt x="30" y="22"/>
                    </a:lnTo>
                    <a:lnTo>
                      <a:pt x="30" y="24"/>
                    </a:lnTo>
                    <a:lnTo>
                      <a:pt x="27" y="24"/>
                    </a:lnTo>
                    <a:lnTo>
                      <a:pt x="22" y="24"/>
                    </a:lnTo>
                    <a:lnTo>
                      <a:pt x="15" y="21"/>
                    </a:lnTo>
                    <a:lnTo>
                      <a:pt x="13" y="21"/>
                    </a:lnTo>
                    <a:lnTo>
                      <a:pt x="10" y="21"/>
                    </a:lnTo>
                    <a:lnTo>
                      <a:pt x="8" y="22"/>
                    </a:lnTo>
                    <a:lnTo>
                      <a:pt x="1" y="14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96" name="Freeform 143"/>
              <p:cNvSpPr>
                <a:spLocks/>
              </p:cNvSpPr>
              <p:nvPr/>
            </p:nvSpPr>
            <p:spPr bwMode="auto">
              <a:xfrm>
                <a:off x="1441" y="3403"/>
                <a:ext cx="30" cy="24"/>
              </a:xfrm>
              <a:custGeom>
                <a:avLst/>
                <a:gdLst>
                  <a:gd name="T0" fmla="*/ 0 w 30"/>
                  <a:gd name="T1" fmla="*/ 5 h 24"/>
                  <a:gd name="T2" fmla="*/ 8 w 30"/>
                  <a:gd name="T3" fmla="*/ 5 h 24"/>
                  <a:gd name="T4" fmla="*/ 8 w 30"/>
                  <a:gd name="T5" fmla="*/ 5 h 24"/>
                  <a:gd name="T6" fmla="*/ 8 w 30"/>
                  <a:gd name="T7" fmla="*/ 5 h 24"/>
                  <a:gd name="T8" fmla="*/ 8 w 30"/>
                  <a:gd name="T9" fmla="*/ 4 h 24"/>
                  <a:gd name="T10" fmla="*/ 8 w 30"/>
                  <a:gd name="T11" fmla="*/ 2 h 24"/>
                  <a:gd name="T12" fmla="*/ 10 w 30"/>
                  <a:gd name="T13" fmla="*/ 0 h 24"/>
                  <a:gd name="T14" fmla="*/ 10 w 30"/>
                  <a:gd name="T15" fmla="*/ 0 h 24"/>
                  <a:gd name="T16" fmla="*/ 12 w 30"/>
                  <a:gd name="T17" fmla="*/ 0 h 24"/>
                  <a:gd name="T18" fmla="*/ 13 w 30"/>
                  <a:gd name="T19" fmla="*/ 2 h 24"/>
                  <a:gd name="T20" fmla="*/ 17 w 30"/>
                  <a:gd name="T21" fmla="*/ 5 h 24"/>
                  <a:gd name="T22" fmla="*/ 17 w 30"/>
                  <a:gd name="T23" fmla="*/ 5 h 24"/>
                  <a:gd name="T24" fmla="*/ 17 w 30"/>
                  <a:gd name="T25" fmla="*/ 7 h 24"/>
                  <a:gd name="T26" fmla="*/ 18 w 30"/>
                  <a:gd name="T27" fmla="*/ 9 h 24"/>
                  <a:gd name="T28" fmla="*/ 22 w 30"/>
                  <a:gd name="T29" fmla="*/ 12 h 24"/>
                  <a:gd name="T30" fmla="*/ 27 w 30"/>
                  <a:gd name="T31" fmla="*/ 16 h 24"/>
                  <a:gd name="T32" fmla="*/ 27 w 30"/>
                  <a:gd name="T33" fmla="*/ 16 h 24"/>
                  <a:gd name="T34" fmla="*/ 27 w 30"/>
                  <a:gd name="T35" fmla="*/ 17 h 24"/>
                  <a:gd name="T36" fmla="*/ 29 w 30"/>
                  <a:gd name="T37" fmla="*/ 19 h 24"/>
                  <a:gd name="T38" fmla="*/ 30 w 30"/>
                  <a:gd name="T39" fmla="*/ 21 h 24"/>
                  <a:gd name="T40" fmla="*/ 30 w 30"/>
                  <a:gd name="T41" fmla="*/ 22 h 24"/>
                  <a:gd name="T42" fmla="*/ 30 w 30"/>
                  <a:gd name="T43" fmla="*/ 24 h 24"/>
                  <a:gd name="T44" fmla="*/ 27 w 30"/>
                  <a:gd name="T45" fmla="*/ 24 h 24"/>
                  <a:gd name="T46" fmla="*/ 22 w 30"/>
                  <a:gd name="T47" fmla="*/ 24 h 24"/>
                  <a:gd name="T48" fmla="*/ 15 w 30"/>
                  <a:gd name="T49" fmla="*/ 21 h 24"/>
                  <a:gd name="T50" fmla="*/ 15 w 30"/>
                  <a:gd name="T51" fmla="*/ 21 h 24"/>
                  <a:gd name="T52" fmla="*/ 13 w 30"/>
                  <a:gd name="T53" fmla="*/ 21 h 24"/>
                  <a:gd name="T54" fmla="*/ 10 w 30"/>
                  <a:gd name="T55" fmla="*/ 21 h 24"/>
                  <a:gd name="T56" fmla="*/ 8 w 30"/>
                  <a:gd name="T57" fmla="*/ 22 h 24"/>
                  <a:gd name="T58" fmla="*/ 8 w 30"/>
                  <a:gd name="T59" fmla="*/ 22 h 24"/>
                  <a:gd name="T60" fmla="*/ 1 w 30"/>
                  <a:gd name="T61" fmla="*/ 14 h 24"/>
                  <a:gd name="T62" fmla="*/ 0 w 30"/>
                  <a:gd name="T63" fmla="*/ 5 h 24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w 30"/>
                  <a:gd name="T97" fmla="*/ 0 h 24"/>
                  <a:gd name="T98" fmla="*/ 30 w 30"/>
                  <a:gd name="T99" fmla="*/ 24 h 24"/>
                </a:gdLst>
                <a:ahLst/>
                <a:cxnLst>
                  <a:cxn ang="T64">
                    <a:pos x="T0" y="T1"/>
                  </a:cxn>
                  <a:cxn ang="T65">
                    <a:pos x="T2" y="T3"/>
                  </a:cxn>
                  <a:cxn ang="T66">
                    <a:pos x="T4" y="T5"/>
                  </a:cxn>
                  <a:cxn ang="T67">
                    <a:pos x="T6" y="T7"/>
                  </a:cxn>
                  <a:cxn ang="T68">
                    <a:pos x="T8" y="T9"/>
                  </a:cxn>
                  <a:cxn ang="T69">
                    <a:pos x="T10" y="T11"/>
                  </a:cxn>
                  <a:cxn ang="T70">
                    <a:pos x="T12" y="T13"/>
                  </a:cxn>
                  <a:cxn ang="T71">
                    <a:pos x="T14" y="T15"/>
                  </a:cxn>
                  <a:cxn ang="T72">
                    <a:pos x="T16" y="T17"/>
                  </a:cxn>
                  <a:cxn ang="T73">
                    <a:pos x="T18" y="T19"/>
                  </a:cxn>
                  <a:cxn ang="T74">
                    <a:pos x="T20" y="T21"/>
                  </a:cxn>
                  <a:cxn ang="T75">
                    <a:pos x="T22" y="T23"/>
                  </a:cxn>
                  <a:cxn ang="T76">
                    <a:pos x="T24" y="T25"/>
                  </a:cxn>
                  <a:cxn ang="T77">
                    <a:pos x="T26" y="T27"/>
                  </a:cxn>
                  <a:cxn ang="T78">
                    <a:pos x="T28" y="T29"/>
                  </a:cxn>
                  <a:cxn ang="T79">
                    <a:pos x="T30" y="T31"/>
                  </a:cxn>
                  <a:cxn ang="T80">
                    <a:pos x="T32" y="T33"/>
                  </a:cxn>
                  <a:cxn ang="T81">
                    <a:pos x="T34" y="T35"/>
                  </a:cxn>
                  <a:cxn ang="T82">
                    <a:pos x="T36" y="T37"/>
                  </a:cxn>
                  <a:cxn ang="T83">
                    <a:pos x="T38" y="T39"/>
                  </a:cxn>
                  <a:cxn ang="T84">
                    <a:pos x="T40" y="T41"/>
                  </a:cxn>
                  <a:cxn ang="T85">
                    <a:pos x="T42" y="T43"/>
                  </a:cxn>
                  <a:cxn ang="T86">
                    <a:pos x="T44" y="T45"/>
                  </a:cxn>
                  <a:cxn ang="T87">
                    <a:pos x="T46" y="T47"/>
                  </a:cxn>
                  <a:cxn ang="T88">
                    <a:pos x="T48" y="T49"/>
                  </a:cxn>
                  <a:cxn ang="T89">
                    <a:pos x="T50" y="T51"/>
                  </a:cxn>
                  <a:cxn ang="T90">
                    <a:pos x="T52" y="T53"/>
                  </a:cxn>
                  <a:cxn ang="T91">
                    <a:pos x="T54" y="T55"/>
                  </a:cxn>
                  <a:cxn ang="T92">
                    <a:pos x="T56" y="T57"/>
                  </a:cxn>
                  <a:cxn ang="T93">
                    <a:pos x="T58" y="T59"/>
                  </a:cxn>
                  <a:cxn ang="T94">
                    <a:pos x="T60" y="T61"/>
                  </a:cxn>
                  <a:cxn ang="T95">
                    <a:pos x="T62" y="T63"/>
                  </a:cxn>
                </a:cxnLst>
                <a:rect l="T96" t="T97" r="T98" b="T99"/>
                <a:pathLst>
                  <a:path w="30" h="24">
                    <a:moveTo>
                      <a:pt x="0" y="5"/>
                    </a:moveTo>
                    <a:lnTo>
                      <a:pt x="8" y="5"/>
                    </a:lnTo>
                    <a:lnTo>
                      <a:pt x="8" y="4"/>
                    </a:lnTo>
                    <a:lnTo>
                      <a:pt x="8" y="2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7" y="5"/>
                    </a:lnTo>
                    <a:lnTo>
                      <a:pt x="17" y="7"/>
                    </a:lnTo>
                    <a:lnTo>
                      <a:pt x="18" y="9"/>
                    </a:lnTo>
                    <a:lnTo>
                      <a:pt x="22" y="12"/>
                    </a:lnTo>
                    <a:lnTo>
                      <a:pt x="27" y="16"/>
                    </a:lnTo>
                    <a:lnTo>
                      <a:pt x="27" y="17"/>
                    </a:lnTo>
                    <a:lnTo>
                      <a:pt x="29" y="19"/>
                    </a:lnTo>
                    <a:lnTo>
                      <a:pt x="30" y="21"/>
                    </a:lnTo>
                    <a:lnTo>
                      <a:pt x="30" y="22"/>
                    </a:lnTo>
                    <a:lnTo>
                      <a:pt x="30" y="24"/>
                    </a:lnTo>
                    <a:lnTo>
                      <a:pt x="27" y="24"/>
                    </a:lnTo>
                    <a:lnTo>
                      <a:pt x="22" y="24"/>
                    </a:lnTo>
                    <a:lnTo>
                      <a:pt x="15" y="21"/>
                    </a:lnTo>
                    <a:lnTo>
                      <a:pt x="13" y="21"/>
                    </a:lnTo>
                    <a:lnTo>
                      <a:pt x="10" y="21"/>
                    </a:lnTo>
                    <a:lnTo>
                      <a:pt x="8" y="22"/>
                    </a:lnTo>
                    <a:lnTo>
                      <a:pt x="1" y="14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97" name="Freeform 144"/>
              <p:cNvSpPr>
                <a:spLocks/>
              </p:cNvSpPr>
              <p:nvPr/>
            </p:nvSpPr>
            <p:spPr bwMode="auto">
              <a:xfrm>
                <a:off x="1492" y="3427"/>
                <a:ext cx="27" cy="12"/>
              </a:xfrm>
              <a:custGeom>
                <a:avLst/>
                <a:gdLst>
                  <a:gd name="T0" fmla="*/ 1 w 27"/>
                  <a:gd name="T1" fmla="*/ 0 h 12"/>
                  <a:gd name="T2" fmla="*/ 0 w 27"/>
                  <a:gd name="T3" fmla="*/ 9 h 12"/>
                  <a:gd name="T4" fmla="*/ 18 w 27"/>
                  <a:gd name="T5" fmla="*/ 12 h 12"/>
                  <a:gd name="T6" fmla="*/ 18 w 27"/>
                  <a:gd name="T7" fmla="*/ 12 h 12"/>
                  <a:gd name="T8" fmla="*/ 20 w 27"/>
                  <a:gd name="T9" fmla="*/ 10 h 12"/>
                  <a:gd name="T10" fmla="*/ 23 w 27"/>
                  <a:gd name="T11" fmla="*/ 9 h 12"/>
                  <a:gd name="T12" fmla="*/ 27 w 27"/>
                  <a:gd name="T13" fmla="*/ 7 h 12"/>
                  <a:gd name="T14" fmla="*/ 27 w 27"/>
                  <a:gd name="T15" fmla="*/ 5 h 12"/>
                  <a:gd name="T16" fmla="*/ 27 w 27"/>
                  <a:gd name="T17" fmla="*/ 3 h 12"/>
                  <a:gd name="T18" fmla="*/ 23 w 27"/>
                  <a:gd name="T19" fmla="*/ 3 h 12"/>
                  <a:gd name="T20" fmla="*/ 18 w 27"/>
                  <a:gd name="T21" fmla="*/ 3 h 12"/>
                  <a:gd name="T22" fmla="*/ 16 w 27"/>
                  <a:gd name="T23" fmla="*/ 3 h 12"/>
                  <a:gd name="T24" fmla="*/ 13 w 27"/>
                  <a:gd name="T25" fmla="*/ 2 h 12"/>
                  <a:gd name="T26" fmla="*/ 11 w 27"/>
                  <a:gd name="T27" fmla="*/ 2 h 12"/>
                  <a:gd name="T28" fmla="*/ 8 w 27"/>
                  <a:gd name="T29" fmla="*/ 2 h 12"/>
                  <a:gd name="T30" fmla="*/ 6 w 27"/>
                  <a:gd name="T31" fmla="*/ 2 h 12"/>
                  <a:gd name="T32" fmla="*/ 3 w 27"/>
                  <a:gd name="T33" fmla="*/ 0 h 12"/>
                  <a:gd name="T34" fmla="*/ 3 w 27"/>
                  <a:gd name="T35" fmla="*/ 0 h 12"/>
                  <a:gd name="T36" fmla="*/ 1 w 27"/>
                  <a:gd name="T37" fmla="*/ 0 h 12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w 27"/>
                  <a:gd name="T58" fmla="*/ 0 h 12"/>
                  <a:gd name="T59" fmla="*/ 27 w 27"/>
                  <a:gd name="T60" fmla="*/ 12 h 12"/>
                </a:gdLst>
                <a:ahLst/>
                <a:cxnLst>
                  <a:cxn ang="T38">
                    <a:pos x="T0" y="T1"/>
                  </a:cxn>
                  <a:cxn ang="T39">
                    <a:pos x="T2" y="T3"/>
                  </a:cxn>
                  <a:cxn ang="T40">
                    <a:pos x="T4" y="T5"/>
                  </a:cxn>
                  <a:cxn ang="T41">
                    <a:pos x="T6" y="T7"/>
                  </a:cxn>
                  <a:cxn ang="T42">
                    <a:pos x="T8" y="T9"/>
                  </a:cxn>
                  <a:cxn ang="T43">
                    <a:pos x="T10" y="T11"/>
                  </a:cxn>
                  <a:cxn ang="T44">
                    <a:pos x="T12" y="T13"/>
                  </a:cxn>
                  <a:cxn ang="T45">
                    <a:pos x="T14" y="T15"/>
                  </a:cxn>
                  <a:cxn ang="T46">
                    <a:pos x="T16" y="T17"/>
                  </a:cxn>
                  <a:cxn ang="T47">
                    <a:pos x="T18" y="T19"/>
                  </a:cxn>
                  <a:cxn ang="T48">
                    <a:pos x="T20" y="T21"/>
                  </a:cxn>
                  <a:cxn ang="T49">
                    <a:pos x="T22" y="T23"/>
                  </a:cxn>
                  <a:cxn ang="T50">
                    <a:pos x="T24" y="T25"/>
                  </a:cxn>
                  <a:cxn ang="T51">
                    <a:pos x="T26" y="T27"/>
                  </a:cxn>
                  <a:cxn ang="T52">
                    <a:pos x="T28" y="T29"/>
                  </a:cxn>
                  <a:cxn ang="T53">
                    <a:pos x="T30" y="T31"/>
                  </a:cxn>
                  <a:cxn ang="T54">
                    <a:pos x="T32" y="T33"/>
                  </a:cxn>
                  <a:cxn ang="T55">
                    <a:pos x="T34" y="T35"/>
                  </a:cxn>
                  <a:cxn ang="T56">
                    <a:pos x="T36" y="T37"/>
                  </a:cxn>
                </a:cxnLst>
                <a:rect l="T57" t="T58" r="T59" b="T60"/>
                <a:pathLst>
                  <a:path w="27" h="12">
                    <a:moveTo>
                      <a:pt x="1" y="0"/>
                    </a:moveTo>
                    <a:lnTo>
                      <a:pt x="0" y="9"/>
                    </a:lnTo>
                    <a:lnTo>
                      <a:pt x="18" y="12"/>
                    </a:lnTo>
                    <a:lnTo>
                      <a:pt x="20" y="10"/>
                    </a:lnTo>
                    <a:lnTo>
                      <a:pt x="23" y="9"/>
                    </a:lnTo>
                    <a:lnTo>
                      <a:pt x="27" y="7"/>
                    </a:lnTo>
                    <a:lnTo>
                      <a:pt x="27" y="5"/>
                    </a:lnTo>
                    <a:lnTo>
                      <a:pt x="27" y="3"/>
                    </a:lnTo>
                    <a:lnTo>
                      <a:pt x="23" y="3"/>
                    </a:lnTo>
                    <a:lnTo>
                      <a:pt x="18" y="3"/>
                    </a:lnTo>
                    <a:lnTo>
                      <a:pt x="16" y="3"/>
                    </a:lnTo>
                    <a:lnTo>
                      <a:pt x="13" y="2"/>
                    </a:lnTo>
                    <a:lnTo>
                      <a:pt x="11" y="2"/>
                    </a:lnTo>
                    <a:lnTo>
                      <a:pt x="8" y="2"/>
                    </a:lnTo>
                    <a:lnTo>
                      <a:pt x="6" y="2"/>
                    </a:lnTo>
                    <a:lnTo>
                      <a:pt x="3" y="0"/>
                    </a:lnTo>
                    <a:lnTo>
                      <a:pt x="1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98" name="Freeform 145"/>
              <p:cNvSpPr>
                <a:spLocks/>
              </p:cNvSpPr>
              <p:nvPr/>
            </p:nvSpPr>
            <p:spPr bwMode="auto">
              <a:xfrm>
                <a:off x="1492" y="3427"/>
                <a:ext cx="27" cy="12"/>
              </a:xfrm>
              <a:custGeom>
                <a:avLst/>
                <a:gdLst>
                  <a:gd name="T0" fmla="*/ 1 w 27"/>
                  <a:gd name="T1" fmla="*/ 0 h 12"/>
                  <a:gd name="T2" fmla="*/ 0 w 27"/>
                  <a:gd name="T3" fmla="*/ 9 h 12"/>
                  <a:gd name="T4" fmla="*/ 18 w 27"/>
                  <a:gd name="T5" fmla="*/ 12 h 12"/>
                  <a:gd name="T6" fmla="*/ 18 w 27"/>
                  <a:gd name="T7" fmla="*/ 12 h 12"/>
                  <a:gd name="T8" fmla="*/ 18 w 27"/>
                  <a:gd name="T9" fmla="*/ 12 h 12"/>
                  <a:gd name="T10" fmla="*/ 20 w 27"/>
                  <a:gd name="T11" fmla="*/ 10 h 12"/>
                  <a:gd name="T12" fmla="*/ 23 w 27"/>
                  <a:gd name="T13" fmla="*/ 9 h 12"/>
                  <a:gd name="T14" fmla="*/ 27 w 27"/>
                  <a:gd name="T15" fmla="*/ 7 h 12"/>
                  <a:gd name="T16" fmla="*/ 27 w 27"/>
                  <a:gd name="T17" fmla="*/ 5 h 12"/>
                  <a:gd name="T18" fmla="*/ 27 w 27"/>
                  <a:gd name="T19" fmla="*/ 3 h 12"/>
                  <a:gd name="T20" fmla="*/ 23 w 27"/>
                  <a:gd name="T21" fmla="*/ 3 h 12"/>
                  <a:gd name="T22" fmla="*/ 18 w 27"/>
                  <a:gd name="T23" fmla="*/ 3 h 12"/>
                  <a:gd name="T24" fmla="*/ 18 w 27"/>
                  <a:gd name="T25" fmla="*/ 3 h 12"/>
                  <a:gd name="T26" fmla="*/ 16 w 27"/>
                  <a:gd name="T27" fmla="*/ 3 h 12"/>
                  <a:gd name="T28" fmla="*/ 13 w 27"/>
                  <a:gd name="T29" fmla="*/ 2 h 12"/>
                  <a:gd name="T30" fmla="*/ 11 w 27"/>
                  <a:gd name="T31" fmla="*/ 2 h 12"/>
                  <a:gd name="T32" fmla="*/ 8 w 27"/>
                  <a:gd name="T33" fmla="*/ 2 h 12"/>
                  <a:gd name="T34" fmla="*/ 6 w 27"/>
                  <a:gd name="T35" fmla="*/ 2 h 12"/>
                  <a:gd name="T36" fmla="*/ 3 w 27"/>
                  <a:gd name="T37" fmla="*/ 0 h 12"/>
                  <a:gd name="T38" fmla="*/ 3 w 27"/>
                  <a:gd name="T39" fmla="*/ 0 h 12"/>
                  <a:gd name="T40" fmla="*/ 1 w 27"/>
                  <a:gd name="T41" fmla="*/ 0 h 12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27"/>
                  <a:gd name="T64" fmla="*/ 0 h 12"/>
                  <a:gd name="T65" fmla="*/ 27 w 27"/>
                  <a:gd name="T66" fmla="*/ 12 h 12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27" h="12">
                    <a:moveTo>
                      <a:pt x="1" y="0"/>
                    </a:moveTo>
                    <a:lnTo>
                      <a:pt x="0" y="9"/>
                    </a:lnTo>
                    <a:lnTo>
                      <a:pt x="18" y="12"/>
                    </a:lnTo>
                    <a:lnTo>
                      <a:pt x="20" y="10"/>
                    </a:lnTo>
                    <a:lnTo>
                      <a:pt x="23" y="9"/>
                    </a:lnTo>
                    <a:lnTo>
                      <a:pt x="27" y="7"/>
                    </a:lnTo>
                    <a:lnTo>
                      <a:pt x="27" y="5"/>
                    </a:lnTo>
                    <a:lnTo>
                      <a:pt x="27" y="3"/>
                    </a:lnTo>
                    <a:lnTo>
                      <a:pt x="23" y="3"/>
                    </a:lnTo>
                    <a:lnTo>
                      <a:pt x="18" y="3"/>
                    </a:lnTo>
                    <a:lnTo>
                      <a:pt x="16" y="3"/>
                    </a:lnTo>
                    <a:lnTo>
                      <a:pt x="13" y="2"/>
                    </a:lnTo>
                    <a:lnTo>
                      <a:pt x="11" y="2"/>
                    </a:lnTo>
                    <a:lnTo>
                      <a:pt x="8" y="2"/>
                    </a:lnTo>
                    <a:lnTo>
                      <a:pt x="6" y="2"/>
                    </a:lnTo>
                    <a:lnTo>
                      <a:pt x="3" y="0"/>
                    </a:lnTo>
                    <a:lnTo>
                      <a:pt x="1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99" name="Freeform 146"/>
              <p:cNvSpPr>
                <a:spLocks/>
              </p:cNvSpPr>
              <p:nvPr/>
            </p:nvSpPr>
            <p:spPr bwMode="auto">
              <a:xfrm>
                <a:off x="1524" y="3441"/>
                <a:ext cx="35" cy="25"/>
              </a:xfrm>
              <a:custGeom>
                <a:avLst/>
                <a:gdLst>
                  <a:gd name="T0" fmla="*/ 1 w 35"/>
                  <a:gd name="T1" fmla="*/ 8 h 25"/>
                  <a:gd name="T2" fmla="*/ 1 w 35"/>
                  <a:gd name="T3" fmla="*/ 8 h 25"/>
                  <a:gd name="T4" fmla="*/ 0 w 35"/>
                  <a:gd name="T5" fmla="*/ 6 h 25"/>
                  <a:gd name="T6" fmla="*/ 0 w 35"/>
                  <a:gd name="T7" fmla="*/ 5 h 25"/>
                  <a:gd name="T8" fmla="*/ 0 w 35"/>
                  <a:gd name="T9" fmla="*/ 3 h 25"/>
                  <a:gd name="T10" fmla="*/ 0 w 35"/>
                  <a:gd name="T11" fmla="*/ 1 h 25"/>
                  <a:gd name="T12" fmla="*/ 1 w 35"/>
                  <a:gd name="T13" fmla="*/ 0 h 25"/>
                  <a:gd name="T14" fmla="*/ 5 w 35"/>
                  <a:gd name="T15" fmla="*/ 1 h 25"/>
                  <a:gd name="T16" fmla="*/ 8 w 35"/>
                  <a:gd name="T17" fmla="*/ 3 h 25"/>
                  <a:gd name="T18" fmla="*/ 10 w 35"/>
                  <a:gd name="T19" fmla="*/ 3 h 25"/>
                  <a:gd name="T20" fmla="*/ 13 w 35"/>
                  <a:gd name="T21" fmla="*/ 3 h 25"/>
                  <a:gd name="T22" fmla="*/ 13 w 35"/>
                  <a:gd name="T23" fmla="*/ 5 h 25"/>
                  <a:gd name="T24" fmla="*/ 15 w 35"/>
                  <a:gd name="T25" fmla="*/ 5 h 25"/>
                  <a:gd name="T26" fmla="*/ 22 w 35"/>
                  <a:gd name="T27" fmla="*/ 5 h 25"/>
                  <a:gd name="T28" fmla="*/ 30 w 35"/>
                  <a:gd name="T29" fmla="*/ 10 h 25"/>
                  <a:gd name="T30" fmla="*/ 30 w 35"/>
                  <a:gd name="T31" fmla="*/ 10 h 25"/>
                  <a:gd name="T32" fmla="*/ 32 w 35"/>
                  <a:gd name="T33" fmla="*/ 11 h 25"/>
                  <a:gd name="T34" fmla="*/ 34 w 35"/>
                  <a:gd name="T35" fmla="*/ 13 h 25"/>
                  <a:gd name="T36" fmla="*/ 35 w 35"/>
                  <a:gd name="T37" fmla="*/ 15 h 25"/>
                  <a:gd name="T38" fmla="*/ 35 w 35"/>
                  <a:gd name="T39" fmla="*/ 17 h 25"/>
                  <a:gd name="T40" fmla="*/ 34 w 35"/>
                  <a:gd name="T41" fmla="*/ 20 h 25"/>
                  <a:gd name="T42" fmla="*/ 30 w 35"/>
                  <a:gd name="T43" fmla="*/ 20 h 25"/>
                  <a:gd name="T44" fmla="*/ 25 w 35"/>
                  <a:gd name="T45" fmla="*/ 22 h 25"/>
                  <a:gd name="T46" fmla="*/ 23 w 35"/>
                  <a:gd name="T47" fmla="*/ 22 h 25"/>
                  <a:gd name="T48" fmla="*/ 23 w 35"/>
                  <a:gd name="T49" fmla="*/ 23 h 25"/>
                  <a:gd name="T50" fmla="*/ 22 w 35"/>
                  <a:gd name="T51" fmla="*/ 23 h 25"/>
                  <a:gd name="T52" fmla="*/ 20 w 35"/>
                  <a:gd name="T53" fmla="*/ 25 h 25"/>
                  <a:gd name="T54" fmla="*/ 18 w 35"/>
                  <a:gd name="T55" fmla="*/ 25 h 25"/>
                  <a:gd name="T56" fmla="*/ 15 w 35"/>
                  <a:gd name="T57" fmla="*/ 23 h 25"/>
                  <a:gd name="T58" fmla="*/ 13 w 35"/>
                  <a:gd name="T59" fmla="*/ 20 h 25"/>
                  <a:gd name="T60" fmla="*/ 12 w 35"/>
                  <a:gd name="T61" fmla="*/ 17 h 25"/>
                  <a:gd name="T62" fmla="*/ 10 w 35"/>
                  <a:gd name="T63" fmla="*/ 15 h 25"/>
                  <a:gd name="T64" fmla="*/ 6 w 35"/>
                  <a:gd name="T65" fmla="*/ 11 h 25"/>
                  <a:gd name="T66" fmla="*/ 3 w 35"/>
                  <a:gd name="T67" fmla="*/ 10 h 25"/>
                  <a:gd name="T68" fmla="*/ 1 w 35"/>
                  <a:gd name="T69" fmla="*/ 8 h 25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w 35"/>
                  <a:gd name="T106" fmla="*/ 0 h 25"/>
                  <a:gd name="T107" fmla="*/ 35 w 35"/>
                  <a:gd name="T108" fmla="*/ 25 h 25"/>
                </a:gdLst>
                <a:ahLst/>
                <a:cxnLst>
                  <a:cxn ang="T70">
                    <a:pos x="T0" y="T1"/>
                  </a:cxn>
                  <a:cxn ang="T71">
                    <a:pos x="T2" y="T3"/>
                  </a:cxn>
                  <a:cxn ang="T72">
                    <a:pos x="T4" y="T5"/>
                  </a:cxn>
                  <a:cxn ang="T73">
                    <a:pos x="T6" y="T7"/>
                  </a:cxn>
                  <a:cxn ang="T74">
                    <a:pos x="T8" y="T9"/>
                  </a:cxn>
                  <a:cxn ang="T75">
                    <a:pos x="T10" y="T11"/>
                  </a:cxn>
                  <a:cxn ang="T76">
                    <a:pos x="T12" y="T13"/>
                  </a:cxn>
                  <a:cxn ang="T77">
                    <a:pos x="T14" y="T15"/>
                  </a:cxn>
                  <a:cxn ang="T78">
                    <a:pos x="T16" y="T17"/>
                  </a:cxn>
                  <a:cxn ang="T79">
                    <a:pos x="T18" y="T19"/>
                  </a:cxn>
                  <a:cxn ang="T80">
                    <a:pos x="T20" y="T21"/>
                  </a:cxn>
                  <a:cxn ang="T81">
                    <a:pos x="T22" y="T23"/>
                  </a:cxn>
                  <a:cxn ang="T82">
                    <a:pos x="T24" y="T25"/>
                  </a:cxn>
                  <a:cxn ang="T83">
                    <a:pos x="T26" y="T27"/>
                  </a:cxn>
                  <a:cxn ang="T84">
                    <a:pos x="T28" y="T29"/>
                  </a:cxn>
                  <a:cxn ang="T85">
                    <a:pos x="T30" y="T31"/>
                  </a:cxn>
                  <a:cxn ang="T86">
                    <a:pos x="T32" y="T33"/>
                  </a:cxn>
                  <a:cxn ang="T87">
                    <a:pos x="T34" y="T35"/>
                  </a:cxn>
                  <a:cxn ang="T88">
                    <a:pos x="T36" y="T37"/>
                  </a:cxn>
                  <a:cxn ang="T89">
                    <a:pos x="T38" y="T39"/>
                  </a:cxn>
                  <a:cxn ang="T90">
                    <a:pos x="T40" y="T41"/>
                  </a:cxn>
                  <a:cxn ang="T91">
                    <a:pos x="T42" y="T43"/>
                  </a:cxn>
                  <a:cxn ang="T92">
                    <a:pos x="T44" y="T45"/>
                  </a:cxn>
                  <a:cxn ang="T93">
                    <a:pos x="T46" y="T47"/>
                  </a:cxn>
                  <a:cxn ang="T94">
                    <a:pos x="T48" y="T49"/>
                  </a:cxn>
                  <a:cxn ang="T95">
                    <a:pos x="T50" y="T51"/>
                  </a:cxn>
                  <a:cxn ang="T96">
                    <a:pos x="T52" y="T53"/>
                  </a:cxn>
                  <a:cxn ang="T97">
                    <a:pos x="T54" y="T55"/>
                  </a:cxn>
                  <a:cxn ang="T98">
                    <a:pos x="T56" y="T57"/>
                  </a:cxn>
                  <a:cxn ang="T99">
                    <a:pos x="T58" y="T59"/>
                  </a:cxn>
                  <a:cxn ang="T100">
                    <a:pos x="T60" y="T61"/>
                  </a:cxn>
                  <a:cxn ang="T101">
                    <a:pos x="T62" y="T63"/>
                  </a:cxn>
                  <a:cxn ang="T102">
                    <a:pos x="T64" y="T65"/>
                  </a:cxn>
                  <a:cxn ang="T103">
                    <a:pos x="T66" y="T67"/>
                  </a:cxn>
                  <a:cxn ang="T104">
                    <a:pos x="T68" y="T69"/>
                  </a:cxn>
                </a:cxnLst>
                <a:rect l="T105" t="T106" r="T107" b="T108"/>
                <a:pathLst>
                  <a:path w="35" h="25">
                    <a:moveTo>
                      <a:pt x="1" y="8"/>
                    </a:moveTo>
                    <a:lnTo>
                      <a:pt x="1" y="8"/>
                    </a:lnTo>
                    <a:lnTo>
                      <a:pt x="0" y="6"/>
                    </a:lnTo>
                    <a:lnTo>
                      <a:pt x="0" y="5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5" y="1"/>
                    </a:lnTo>
                    <a:lnTo>
                      <a:pt x="8" y="3"/>
                    </a:lnTo>
                    <a:lnTo>
                      <a:pt x="10" y="3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5" y="5"/>
                    </a:lnTo>
                    <a:lnTo>
                      <a:pt x="22" y="5"/>
                    </a:lnTo>
                    <a:lnTo>
                      <a:pt x="30" y="10"/>
                    </a:lnTo>
                    <a:lnTo>
                      <a:pt x="32" y="11"/>
                    </a:lnTo>
                    <a:lnTo>
                      <a:pt x="34" y="13"/>
                    </a:lnTo>
                    <a:lnTo>
                      <a:pt x="35" y="15"/>
                    </a:lnTo>
                    <a:lnTo>
                      <a:pt x="35" y="17"/>
                    </a:lnTo>
                    <a:lnTo>
                      <a:pt x="34" y="20"/>
                    </a:lnTo>
                    <a:lnTo>
                      <a:pt x="30" y="20"/>
                    </a:lnTo>
                    <a:lnTo>
                      <a:pt x="25" y="22"/>
                    </a:lnTo>
                    <a:lnTo>
                      <a:pt x="23" y="22"/>
                    </a:lnTo>
                    <a:lnTo>
                      <a:pt x="23" y="23"/>
                    </a:lnTo>
                    <a:lnTo>
                      <a:pt x="22" y="23"/>
                    </a:lnTo>
                    <a:lnTo>
                      <a:pt x="20" y="25"/>
                    </a:lnTo>
                    <a:lnTo>
                      <a:pt x="18" y="25"/>
                    </a:lnTo>
                    <a:lnTo>
                      <a:pt x="15" y="23"/>
                    </a:lnTo>
                    <a:lnTo>
                      <a:pt x="13" y="20"/>
                    </a:lnTo>
                    <a:lnTo>
                      <a:pt x="12" y="17"/>
                    </a:lnTo>
                    <a:lnTo>
                      <a:pt x="10" y="15"/>
                    </a:lnTo>
                    <a:lnTo>
                      <a:pt x="6" y="11"/>
                    </a:lnTo>
                    <a:lnTo>
                      <a:pt x="3" y="10"/>
                    </a:lnTo>
                    <a:lnTo>
                      <a:pt x="1" y="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00" name="Freeform 147"/>
              <p:cNvSpPr>
                <a:spLocks/>
              </p:cNvSpPr>
              <p:nvPr/>
            </p:nvSpPr>
            <p:spPr bwMode="auto">
              <a:xfrm>
                <a:off x="1524" y="3441"/>
                <a:ext cx="35" cy="25"/>
              </a:xfrm>
              <a:custGeom>
                <a:avLst/>
                <a:gdLst>
                  <a:gd name="T0" fmla="*/ 1 w 35"/>
                  <a:gd name="T1" fmla="*/ 8 h 25"/>
                  <a:gd name="T2" fmla="*/ 1 w 35"/>
                  <a:gd name="T3" fmla="*/ 8 h 25"/>
                  <a:gd name="T4" fmla="*/ 1 w 35"/>
                  <a:gd name="T5" fmla="*/ 8 h 25"/>
                  <a:gd name="T6" fmla="*/ 0 w 35"/>
                  <a:gd name="T7" fmla="*/ 6 h 25"/>
                  <a:gd name="T8" fmla="*/ 0 w 35"/>
                  <a:gd name="T9" fmla="*/ 5 h 25"/>
                  <a:gd name="T10" fmla="*/ 0 w 35"/>
                  <a:gd name="T11" fmla="*/ 3 h 25"/>
                  <a:gd name="T12" fmla="*/ 0 w 35"/>
                  <a:gd name="T13" fmla="*/ 1 h 25"/>
                  <a:gd name="T14" fmla="*/ 1 w 35"/>
                  <a:gd name="T15" fmla="*/ 0 h 25"/>
                  <a:gd name="T16" fmla="*/ 5 w 35"/>
                  <a:gd name="T17" fmla="*/ 1 h 25"/>
                  <a:gd name="T18" fmla="*/ 8 w 35"/>
                  <a:gd name="T19" fmla="*/ 3 h 25"/>
                  <a:gd name="T20" fmla="*/ 8 w 35"/>
                  <a:gd name="T21" fmla="*/ 3 h 25"/>
                  <a:gd name="T22" fmla="*/ 10 w 35"/>
                  <a:gd name="T23" fmla="*/ 3 h 25"/>
                  <a:gd name="T24" fmla="*/ 13 w 35"/>
                  <a:gd name="T25" fmla="*/ 3 h 25"/>
                  <a:gd name="T26" fmla="*/ 13 w 35"/>
                  <a:gd name="T27" fmla="*/ 5 h 25"/>
                  <a:gd name="T28" fmla="*/ 15 w 35"/>
                  <a:gd name="T29" fmla="*/ 5 h 25"/>
                  <a:gd name="T30" fmla="*/ 22 w 35"/>
                  <a:gd name="T31" fmla="*/ 5 h 25"/>
                  <a:gd name="T32" fmla="*/ 30 w 35"/>
                  <a:gd name="T33" fmla="*/ 10 h 25"/>
                  <a:gd name="T34" fmla="*/ 30 w 35"/>
                  <a:gd name="T35" fmla="*/ 10 h 25"/>
                  <a:gd name="T36" fmla="*/ 30 w 35"/>
                  <a:gd name="T37" fmla="*/ 10 h 25"/>
                  <a:gd name="T38" fmla="*/ 32 w 35"/>
                  <a:gd name="T39" fmla="*/ 11 h 25"/>
                  <a:gd name="T40" fmla="*/ 34 w 35"/>
                  <a:gd name="T41" fmla="*/ 13 h 25"/>
                  <a:gd name="T42" fmla="*/ 35 w 35"/>
                  <a:gd name="T43" fmla="*/ 15 h 25"/>
                  <a:gd name="T44" fmla="*/ 35 w 35"/>
                  <a:gd name="T45" fmla="*/ 17 h 25"/>
                  <a:gd name="T46" fmla="*/ 34 w 35"/>
                  <a:gd name="T47" fmla="*/ 20 h 25"/>
                  <a:gd name="T48" fmla="*/ 30 w 35"/>
                  <a:gd name="T49" fmla="*/ 20 h 25"/>
                  <a:gd name="T50" fmla="*/ 25 w 35"/>
                  <a:gd name="T51" fmla="*/ 22 h 25"/>
                  <a:gd name="T52" fmla="*/ 25 w 35"/>
                  <a:gd name="T53" fmla="*/ 22 h 25"/>
                  <a:gd name="T54" fmla="*/ 23 w 35"/>
                  <a:gd name="T55" fmla="*/ 22 h 25"/>
                  <a:gd name="T56" fmla="*/ 23 w 35"/>
                  <a:gd name="T57" fmla="*/ 23 h 25"/>
                  <a:gd name="T58" fmla="*/ 22 w 35"/>
                  <a:gd name="T59" fmla="*/ 23 h 25"/>
                  <a:gd name="T60" fmla="*/ 20 w 35"/>
                  <a:gd name="T61" fmla="*/ 25 h 25"/>
                  <a:gd name="T62" fmla="*/ 18 w 35"/>
                  <a:gd name="T63" fmla="*/ 25 h 25"/>
                  <a:gd name="T64" fmla="*/ 15 w 35"/>
                  <a:gd name="T65" fmla="*/ 23 h 25"/>
                  <a:gd name="T66" fmla="*/ 13 w 35"/>
                  <a:gd name="T67" fmla="*/ 20 h 25"/>
                  <a:gd name="T68" fmla="*/ 12 w 35"/>
                  <a:gd name="T69" fmla="*/ 17 h 25"/>
                  <a:gd name="T70" fmla="*/ 12 w 35"/>
                  <a:gd name="T71" fmla="*/ 17 h 25"/>
                  <a:gd name="T72" fmla="*/ 10 w 35"/>
                  <a:gd name="T73" fmla="*/ 15 h 25"/>
                  <a:gd name="T74" fmla="*/ 6 w 35"/>
                  <a:gd name="T75" fmla="*/ 11 h 25"/>
                  <a:gd name="T76" fmla="*/ 3 w 35"/>
                  <a:gd name="T77" fmla="*/ 10 h 25"/>
                  <a:gd name="T78" fmla="*/ 1 w 35"/>
                  <a:gd name="T79" fmla="*/ 8 h 25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w 35"/>
                  <a:gd name="T121" fmla="*/ 0 h 25"/>
                  <a:gd name="T122" fmla="*/ 35 w 35"/>
                  <a:gd name="T123" fmla="*/ 25 h 25"/>
                </a:gdLst>
                <a:ahLst/>
                <a:cxnLst>
                  <a:cxn ang="T80">
                    <a:pos x="T0" y="T1"/>
                  </a:cxn>
                  <a:cxn ang="T81">
                    <a:pos x="T2" y="T3"/>
                  </a:cxn>
                  <a:cxn ang="T82">
                    <a:pos x="T4" y="T5"/>
                  </a:cxn>
                  <a:cxn ang="T83">
                    <a:pos x="T6" y="T7"/>
                  </a:cxn>
                  <a:cxn ang="T84">
                    <a:pos x="T8" y="T9"/>
                  </a:cxn>
                  <a:cxn ang="T85">
                    <a:pos x="T10" y="T11"/>
                  </a:cxn>
                  <a:cxn ang="T86">
                    <a:pos x="T12" y="T13"/>
                  </a:cxn>
                  <a:cxn ang="T87">
                    <a:pos x="T14" y="T15"/>
                  </a:cxn>
                  <a:cxn ang="T88">
                    <a:pos x="T16" y="T17"/>
                  </a:cxn>
                  <a:cxn ang="T89">
                    <a:pos x="T18" y="T19"/>
                  </a:cxn>
                  <a:cxn ang="T90">
                    <a:pos x="T20" y="T21"/>
                  </a:cxn>
                  <a:cxn ang="T91">
                    <a:pos x="T22" y="T23"/>
                  </a:cxn>
                  <a:cxn ang="T92">
                    <a:pos x="T24" y="T25"/>
                  </a:cxn>
                  <a:cxn ang="T93">
                    <a:pos x="T26" y="T27"/>
                  </a:cxn>
                  <a:cxn ang="T94">
                    <a:pos x="T28" y="T29"/>
                  </a:cxn>
                  <a:cxn ang="T95">
                    <a:pos x="T30" y="T31"/>
                  </a:cxn>
                  <a:cxn ang="T96">
                    <a:pos x="T32" y="T33"/>
                  </a:cxn>
                  <a:cxn ang="T97">
                    <a:pos x="T34" y="T35"/>
                  </a:cxn>
                  <a:cxn ang="T98">
                    <a:pos x="T36" y="T37"/>
                  </a:cxn>
                  <a:cxn ang="T99">
                    <a:pos x="T38" y="T39"/>
                  </a:cxn>
                  <a:cxn ang="T100">
                    <a:pos x="T40" y="T41"/>
                  </a:cxn>
                  <a:cxn ang="T101">
                    <a:pos x="T42" y="T43"/>
                  </a:cxn>
                  <a:cxn ang="T102">
                    <a:pos x="T44" y="T45"/>
                  </a:cxn>
                  <a:cxn ang="T103">
                    <a:pos x="T46" y="T47"/>
                  </a:cxn>
                  <a:cxn ang="T104">
                    <a:pos x="T48" y="T49"/>
                  </a:cxn>
                  <a:cxn ang="T105">
                    <a:pos x="T50" y="T51"/>
                  </a:cxn>
                  <a:cxn ang="T106">
                    <a:pos x="T52" y="T53"/>
                  </a:cxn>
                  <a:cxn ang="T107">
                    <a:pos x="T54" y="T55"/>
                  </a:cxn>
                  <a:cxn ang="T108">
                    <a:pos x="T56" y="T57"/>
                  </a:cxn>
                  <a:cxn ang="T109">
                    <a:pos x="T58" y="T59"/>
                  </a:cxn>
                  <a:cxn ang="T110">
                    <a:pos x="T60" y="T61"/>
                  </a:cxn>
                  <a:cxn ang="T111">
                    <a:pos x="T62" y="T63"/>
                  </a:cxn>
                  <a:cxn ang="T112">
                    <a:pos x="T64" y="T65"/>
                  </a:cxn>
                  <a:cxn ang="T113">
                    <a:pos x="T66" y="T67"/>
                  </a:cxn>
                  <a:cxn ang="T114">
                    <a:pos x="T68" y="T69"/>
                  </a:cxn>
                  <a:cxn ang="T115">
                    <a:pos x="T70" y="T71"/>
                  </a:cxn>
                  <a:cxn ang="T116">
                    <a:pos x="T72" y="T73"/>
                  </a:cxn>
                  <a:cxn ang="T117">
                    <a:pos x="T74" y="T75"/>
                  </a:cxn>
                  <a:cxn ang="T118">
                    <a:pos x="T76" y="T77"/>
                  </a:cxn>
                  <a:cxn ang="T119">
                    <a:pos x="T78" y="T79"/>
                  </a:cxn>
                </a:cxnLst>
                <a:rect l="T120" t="T121" r="T122" b="T123"/>
                <a:pathLst>
                  <a:path w="35" h="25">
                    <a:moveTo>
                      <a:pt x="1" y="8"/>
                    </a:moveTo>
                    <a:lnTo>
                      <a:pt x="1" y="8"/>
                    </a:lnTo>
                    <a:lnTo>
                      <a:pt x="0" y="6"/>
                    </a:lnTo>
                    <a:lnTo>
                      <a:pt x="0" y="5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5" y="1"/>
                    </a:lnTo>
                    <a:lnTo>
                      <a:pt x="8" y="3"/>
                    </a:lnTo>
                    <a:lnTo>
                      <a:pt x="10" y="3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5" y="5"/>
                    </a:lnTo>
                    <a:lnTo>
                      <a:pt x="22" y="5"/>
                    </a:lnTo>
                    <a:lnTo>
                      <a:pt x="30" y="10"/>
                    </a:lnTo>
                    <a:lnTo>
                      <a:pt x="32" y="11"/>
                    </a:lnTo>
                    <a:lnTo>
                      <a:pt x="34" y="13"/>
                    </a:lnTo>
                    <a:lnTo>
                      <a:pt x="35" y="15"/>
                    </a:lnTo>
                    <a:lnTo>
                      <a:pt x="35" y="17"/>
                    </a:lnTo>
                    <a:lnTo>
                      <a:pt x="34" y="20"/>
                    </a:lnTo>
                    <a:lnTo>
                      <a:pt x="30" y="20"/>
                    </a:lnTo>
                    <a:lnTo>
                      <a:pt x="25" y="22"/>
                    </a:lnTo>
                    <a:lnTo>
                      <a:pt x="23" y="22"/>
                    </a:lnTo>
                    <a:lnTo>
                      <a:pt x="23" y="23"/>
                    </a:lnTo>
                    <a:lnTo>
                      <a:pt x="22" y="23"/>
                    </a:lnTo>
                    <a:lnTo>
                      <a:pt x="20" y="25"/>
                    </a:lnTo>
                    <a:lnTo>
                      <a:pt x="18" y="25"/>
                    </a:lnTo>
                    <a:lnTo>
                      <a:pt x="15" y="23"/>
                    </a:lnTo>
                    <a:lnTo>
                      <a:pt x="13" y="20"/>
                    </a:lnTo>
                    <a:lnTo>
                      <a:pt x="12" y="17"/>
                    </a:lnTo>
                    <a:lnTo>
                      <a:pt x="10" y="15"/>
                    </a:lnTo>
                    <a:lnTo>
                      <a:pt x="6" y="11"/>
                    </a:lnTo>
                    <a:lnTo>
                      <a:pt x="3" y="10"/>
                    </a:lnTo>
                    <a:lnTo>
                      <a:pt x="1" y="8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01" name="Freeform 148"/>
              <p:cNvSpPr>
                <a:spLocks/>
              </p:cNvSpPr>
              <p:nvPr/>
            </p:nvSpPr>
            <p:spPr bwMode="auto">
              <a:xfrm>
                <a:off x="1554" y="3480"/>
                <a:ext cx="66" cy="76"/>
              </a:xfrm>
              <a:custGeom>
                <a:avLst/>
                <a:gdLst>
                  <a:gd name="T0" fmla="*/ 10 w 66"/>
                  <a:gd name="T1" fmla="*/ 5 h 76"/>
                  <a:gd name="T2" fmla="*/ 14 w 66"/>
                  <a:gd name="T3" fmla="*/ 0 h 76"/>
                  <a:gd name="T4" fmla="*/ 22 w 66"/>
                  <a:gd name="T5" fmla="*/ 6 h 76"/>
                  <a:gd name="T6" fmla="*/ 46 w 66"/>
                  <a:gd name="T7" fmla="*/ 18 h 76"/>
                  <a:gd name="T8" fmla="*/ 54 w 66"/>
                  <a:gd name="T9" fmla="*/ 22 h 76"/>
                  <a:gd name="T10" fmla="*/ 54 w 66"/>
                  <a:gd name="T11" fmla="*/ 28 h 76"/>
                  <a:gd name="T12" fmla="*/ 61 w 66"/>
                  <a:gd name="T13" fmla="*/ 38 h 76"/>
                  <a:gd name="T14" fmla="*/ 61 w 66"/>
                  <a:gd name="T15" fmla="*/ 38 h 76"/>
                  <a:gd name="T16" fmla="*/ 63 w 66"/>
                  <a:gd name="T17" fmla="*/ 38 h 76"/>
                  <a:gd name="T18" fmla="*/ 64 w 66"/>
                  <a:gd name="T19" fmla="*/ 40 h 76"/>
                  <a:gd name="T20" fmla="*/ 66 w 66"/>
                  <a:gd name="T21" fmla="*/ 42 h 76"/>
                  <a:gd name="T22" fmla="*/ 66 w 66"/>
                  <a:gd name="T23" fmla="*/ 44 h 76"/>
                  <a:gd name="T24" fmla="*/ 66 w 66"/>
                  <a:gd name="T25" fmla="*/ 45 h 76"/>
                  <a:gd name="T26" fmla="*/ 63 w 66"/>
                  <a:gd name="T27" fmla="*/ 49 h 76"/>
                  <a:gd name="T28" fmla="*/ 58 w 66"/>
                  <a:gd name="T29" fmla="*/ 52 h 76"/>
                  <a:gd name="T30" fmla="*/ 56 w 66"/>
                  <a:gd name="T31" fmla="*/ 52 h 76"/>
                  <a:gd name="T32" fmla="*/ 54 w 66"/>
                  <a:gd name="T33" fmla="*/ 52 h 76"/>
                  <a:gd name="T34" fmla="*/ 49 w 66"/>
                  <a:gd name="T35" fmla="*/ 54 h 76"/>
                  <a:gd name="T36" fmla="*/ 44 w 66"/>
                  <a:gd name="T37" fmla="*/ 55 h 76"/>
                  <a:gd name="T38" fmla="*/ 37 w 66"/>
                  <a:gd name="T39" fmla="*/ 59 h 76"/>
                  <a:gd name="T40" fmla="*/ 32 w 66"/>
                  <a:gd name="T41" fmla="*/ 62 h 76"/>
                  <a:gd name="T42" fmla="*/ 27 w 66"/>
                  <a:gd name="T43" fmla="*/ 67 h 76"/>
                  <a:gd name="T44" fmla="*/ 24 w 66"/>
                  <a:gd name="T45" fmla="*/ 76 h 76"/>
                  <a:gd name="T46" fmla="*/ 22 w 66"/>
                  <a:gd name="T47" fmla="*/ 76 h 76"/>
                  <a:gd name="T48" fmla="*/ 22 w 66"/>
                  <a:gd name="T49" fmla="*/ 74 h 76"/>
                  <a:gd name="T50" fmla="*/ 19 w 66"/>
                  <a:gd name="T51" fmla="*/ 74 h 76"/>
                  <a:gd name="T52" fmla="*/ 15 w 66"/>
                  <a:gd name="T53" fmla="*/ 71 h 76"/>
                  <a:gd name="T54" fmla="*/ 14 w 66"/>
                  <a:gd name="T55" fmla="*/ 69 h 76"/>
                  <a:gd name="T56" fmla="*/ 10 w 66"/>
                  <a:gd name="T57" fmla="*/ 66 h 76"/>
                  <a:gd name="T58" fmla="*/ 10 w 66"/>
                  <a:gd name="T59" fmla="*/ 60 h 76"/>
                  <a:gd name="T60" fmla="*/ 9 w 66"/>
                  <a:gd name="T61" fmla="*/ 54 h 76"/>
                  <a:gd name="T62" fmla="*/ 9 w 66"/>
                  <a:gd name="T63" fmla="*/ 54 h 76"/>
                  <a:gd name="T64" fmla="*/ 9 w 66"/>
                  <a:gd name="T65" fmla="*/ 52 h 76"/>
                  <a:gd name="T66" fmla="*/ 10 w 66"/>
                  <a:gd name="T67" fmla="*/ 50 h 76"/>
                  <a:gd name="T68" fmla="*/ 10 w 66"/>
                  <a:gd name="T69" fmla="*/ 49 h 76"/>
                  <a:gd name="T70" fmla="*/ 9 w 66"/>
                  <a:gd name="T71" fmla="*/ 47 h 76"/>
                  <a:gd name="T72" fmla="*/ 9 w 66"/>
                  <a:gd name="T73" fmla="*/ 44 h 76"/>
                  <a:gd name="T74" fmla="*/ 7 w 66"/>
                  <a:gd name="T75" fmla="*/ 40 h 76"/>
                  <a:gd name="T76" fmla="*/ 4 w 66"/>
                  <a:gd name="T77" fmla="*/ 37 h 76"/>
                  <a:gd name="T78" fmla="*/ 4 w 66"/>
                  <a:gd name="T79" fmla="*/ 35 h 76"/>
                  <a:gd name="T80" fmla="*/ 2 w 66"/>
                  <a:gd name="T81" fmla="*/ 33 h 76"/>
                  <a:gd name="T82" fmla="*/ 2 w 66"/>
                  <a:gd name="T83" fmla="*/ 32 h 76"/>
                  <a:gd name="T84" fmla="*/ 0 w 66"/>
                  <a:gd name="T85" fmla="*/ 30 h 76"/>
                  <a:gd name="T86" fmla="*/ 0 w 66"/>
                  <a:gd name="T87" fmla="*/ 28 h 76"/>
                  <a:gd name="T88" fmla="*/ 2 w 66"/>
                  <a:gd name="T89" fmla="*/ 25 h 76"/>
                  <a:gd name="T90" fmla="*/ 4 w 66"/>
                  <a:gd name="T91" fmla="*/ 25 h 76"/>
                  <a:gd name="T92" fmla="*/ 7 w 66"/>
                  <a:gd name="T93" fmla="*/ 23 h 76"/>
                  <a:gd name="T94" fmla="*/ 9 w 66"/>
                  <a:gd name="T95" fmla="*/ 25 h 76"/>
                  <a:gd name="T96" fmla="*/ 9 w 66"/>
                  <a:gd name="T97" fmla="*/ 25 h 76"/>
                  <a:gd name="T98" fmla="*/ 10 w 66"/>
                  <a:gd name="T99" fmla="*/ 25 h 76"/>
                  <a:gd name="T100" fmla="*/ 10 w 66"/>
                  <a:gd name="T101" fmla="*/ 25 h 76"/>
                  <a:gd name="T102" fmla="*/ 10 w 66"/>
                  <a:gd name="T103" fmla="*/ 23 h 76"/>
                  <a:gd name="T104" fmla="*/ 12 w 66"/>
                  <a:gd name="T105" fmla="*/ 22 h 76"/>
                  <a:gd name="T106" fmla="*/ 12 w 66"/>
                  <a:gd name="T107" fmla="*/ 16 h 76"/>
                  <a:gd name="T108" fmla="*/ 12 w 66"/>
                  <a:gd name="T109" fmla="*/ 10 h 76"/>
                  <a:gd name="T110" fmla="*/ 12 w 66"/>
                  <a:gd name="T111" fmla="*/ 8 h 76"/>
                  <a:gd name="T112" fmla="*/ 10 w 66"/>
                  <a:gd name="T113" fmla="*/ 6 h 76"/>
                  <a:gd name="T114" fmla="*/ 10 w 66"/>
                  <a:gd name="T115" fmla="*/ 6 h 76"/>
                  <a:gd name="T116" fmla="*/ 10 w 66"/>
                  <a:gd name="T117" fmla="*/ 5 h 7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66"/>
                  <a:gd name="T178" fmla="*/ 0 h 76"/>
                  <a:gd name="T179" fmla="*/ 66 w 66"/>
                  <a:gd name="T180" fmla="*/ 76 h 76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66" h="76">
                    <a:moveTo>
                      <a:pt x="10" y="5"/>
                    </a:moveTo>
                    <a:lnTo>
                      <a:pt x="14" y="0"/>
                    </a:lnTo>
                    <a:lnTo>
                      <a:pt x="22" y="6"/>
                    </a:lnTo>
                    <a:lnTo>
                      <a:pt x="46" y="18"/>
                    </a:lnTo>
                    <a:lnTo>
                      <a:pt x="54" y="22"/>
                    </a:lnTo>
                    <a:lnTo>
                      <a:pt x="54" y="28"/>
                    </a:lnTo>
                    <a:lnTo>
                      <a:pt x="61" y="38"/>
                    </a:lnTo>
                    <a:lnTo>
                      <a:pt x="63" y="38"/>
                    </a:lnTo>
                    <a:lnTo>
                      <a:pt x="64" y="40"/>
                    </a:lnTo>
                    <a:lnTo>
                      <a:pt x="66" y="42"/>
                    </a:lnTo>
                    <a:lnTo>
                      <a:pt x="66" y="44"/>
                    </a:lnTo>
                    <a:lnTo>
                      <a:pt x="66" y="45"/>
                    </a:lnTo>
                    <a:lnTo>
                      <a:pt x="63" y="49"/>
                    </a:lnTo>
                    <a:lnTo>
                      <a:pt x="58" y="52"/>
                    </a:lnTo>
                    <a:lnTo>
                      <a:pt x="56" y="52"/>
                    </a:lnTo>
                    <a:lnTo>
                      <a:pt x="54" y="52"/>
                    </a:lnTo>
                    <a:lnTo>
                      <a:pt x="49" y="54"/>
                    </a:lnTo>
                    <a:lnTo>
                      <a:pt x="44" y="55"/>
                    </a:lnTo>
                    <a:lnTo>
                      <a:pt x="37" y="59"/>
                    </a:lnTo>
                    <a:lnTo>
                      <a:pt x="32" y="62"/>
                    </a:lnTo>
                    <a:lnTo>
                      <a:pt x="27" y="67"/>
                    </a:lnTo>
                    <a:lnTo>
                      <a:pt x="24" y="76"/>
                    </a:lnTo>
                    <a:lnTo>
                      <a:pt x="22" y="76"/>
                    </a:lnTo>
                    <a:lnTo>
                      <a:pt x="22" y="74"/>
                    </a:lnTo>
                    <a:lnTo>
                      <a:pt x="19" y="74"/>
                    </a:lnTo>
                    <a:lnTo>
                      <a:pt x="15" y="71"/>
                    </a:lnTo>
                    <a:lnTo>
                      <a:pt x="14" y="69"/>
                    </a:lnTo>
                    <a:lnTo>
                      <a:pt x="10" y="66"/>
                    </a:lnTo>
                    <a:lnTo>
                      <a:pt x="10" y="60"/>
                    </a:lnTo>
                    <a:lnTo>
                      <a:pt x="9" y="54"/>
                    </a:lnTo>
                    <a:lnTo>
                      <a:pt x="9" y="52"/>
                    </a:lnTo>
                    <a:lnTo>
                      <a:pt x="10" y="50"/>
                    </a:lnTo>
                    <a:lnTo>
                      <a:pt x="10" y="49"/>
                    </a:lnTo>
                    <a:lnTo>
                      <a:pt x="9" y="47"/>
                    </a:lnTo>
                    <a:lnTo>
                      <a:pt x="9" y="44"/>
                    </a:lnTo>
                    <a:lnTo>
                      <a:pt x="7" y="40"/>
                    </a:lnTo>
                    <a:lnTo>
                      <a:pt x="4" y="37"/>
                    </a:lnTo>
                    <a:lnTo>
                      <a:pt x="4" y="35"/>
                    </a:lnTo>
                    <a:lnTo>
                      <a:pt x="2" y="33"/>
                    </a:lnTo>
                    <a:lnTo>
                      <a:pt x="2" y="32"/>
                    </a:lnTo>
                    <a:lnTo>
                      <a:pt x="0" y="30"/>
                    </a:lnTo>
                    <a:lnTo>
                      <a:pt x="0" y="28"/>
                    </a:lnTo>
                    <a:lnTo>
                      <a:pt x="2" y="25"/>
                    </a:lnTo>
                    <a:lnTo>
                      <a:pt x="4" y="25"/>
                    </a:lnTo>
                    <a:lnTo>
                      <a:pt x="7" y="23"/>
                    </a:lnTo>
                    <a:lnTo>
                      <a:pt x="9" y="25"/>
                    </a:lnTo>
                    <a:lnTo>
                      <a:pt x="10" y="25"/>
                    </a:lnTo>
                    <a:lnTo>
                      <a:pt x="10" y="23"/>
                    </a:lnTo>
                    <a:lnTo>
                      <a:pt x="12" y="22"/>
                    </a:lnTo>
                    <a:lnTo>
                      <a:pt x="12" y="16"/>
                    </a:lnTo>
                    <a:lnTo>
                      <a:pt x="12" y="10"/>
                    </a:lnTo>
                    <a:lnTo>
                      <a:pt x="12" y="8"/>
                    </a:lnTo>
                    <a:lnTo>
                      <a:pt x="10" y="6"/>
                    </a:lnTo>
                    <a:lnTo>
                      <a:pt x="10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02" name="Freeform 149"/>
              <p:cNvSpPr>
                <a:spLocks/>
              </p:cNvSpPr>
              <p:nvPr/>
            </p:nvSpPr>
            <p:spPr bwMode="auto">
              <a:xfrm>
                <a:off x="1554" y="3480"/>
                <a:ext cx="66" cy="76"/>
              </a:xfrm>
              <a:custGeom>
                <a:avLst/>
                <a:gdLst>
                  <a:gd name="T0" fmla="*/ 14 w 66"/>
                  <a:gd name="T1" fmla="*/ 0 h 76"/>
                  <a:gd name="T2" fmla="*/ 46 w 66"/>
                  <a:gd name="T3" fmla="*/ 18 h 76"/>
                  <a:gd name="T4" fmla="*/ 54 w 66"/>
                  <a:gd name="T5" fmla="*/ 28 h 76"/>
                  <a:gd name="T6" fmla="*/ 61 w 66"/>
                  <a:gd name="T7" fmla="*/ 38 h 76"/>
                  <a:gd name="T8" fmla="*/ 63 w 66"/>
                  <a:gd name="T9" fmla="*/ 38 h 76"/>
                  <a:gd name="T10" fmla="*/ 66 w 66"/>
                  <a:gd name="T11" fmla="*/ 42 h 76"/>
                  <a:gd name="T12" fmla="*/ 66 w 66"/>
                  <a:gd name="T13" fmla="*/ 45 h 76"/>
                  <a:gd name="T14" fmla="*/ 58 w 66"/>
                  <a:gd name="T15" fmla="*/ 52 h 76"/>
                  <a:gd name="T16" fmla="*/ 56 w 66"/>
                  <a:gd name="T17" fmla="*/ 52 h 76"/>
                  <a:gd name="T18" fmla="*/ 49 w 66"/>
                  <a:gd name="T19" fmla="*/ 54 h 76"/>
                  <a:gd name="T20" fmla="*/ 37 w 66"/>
                  <a:gd name="T21" fmla="*/ 59 h 76"/>
                  <a:gd name="T22" fmla="*/ 27 w 66"/>
                  <a:gd name="T23" fmla="*/ 67 h 76"/>
                  <a:gd name="T24" fmla="*/ 24 w 66"/>
                  <a:gd name="T25" fmla="*/ 76 h 76"/>
                  <a:gd name="T26" fmla="*/ 22 w 66"/>
                  <a:gd name="T27" fmla="*/ 74 h 76"/>
                  <a:gd name="T28" fmla="*/ 15 w 66"/>
                  <a:gd name="T29" fmla="*/ 71 h 76"/>
                  <a:gd name="T30" fmla="*/ 10 w 66"/>
                  <a:gd name="T31" fmla="*/ 66 h 76"/>
                  <a:gd name="T32" fmla="*/ 9 w 66"/>
                  <a:gd name="T33" fmla="*/ 54 h 76"/>
                  <a:gd name="T34" fmla="*/ 9 w 66"/>
                  <a:gd name="T35" fmla="*/ 54 h 76"/>
                  <a:gd name="T36" fmla="*/ 10 w 66"/>
                  <a:gd name="T37" fmla="*/ 50 h 76"/>
                  <a:gd name="T38" fmla="*/ 9 w 66"/>
                  <a:gd name="T39" fmla="*/ 47 h 76"/>
                  <a:gd name="T40" fmla="*/ 7 w 66"/>
                  <a:gd name="T41" fmla="*/ 40 h 76"/>
                  <a:gd name="T42" fmla="*/ 4 w 66"/>
                  <a:gd name="T43" fmla="*/ 37 h 76"/>
                  <a:gd name="T44" fmla="*/ 2 w 66"/>
                  <a:gd name="T45" fmla="*/ 33 h 76"/>
                  <a:gd name="T46" fmla="*/ 0 w 66"/>
                  <a:gd name="T47" fmla="*/ 30 h 76"/>
                  <a:gd name="T48" fmla="*/ 2 w 66"/>
                  <a:gd name="T49" fmla="*/ 25 h 76"/>
                  <a:gd name="T50" fmla="*/ 7 w 66"/>
                  <a:gd name="T51" fmla="*/ 23 h 76"/>
                  <a:gd name="T52" fmla="*/ 9 w 66"/>
                  <a:gd name="T53" fmla="*/ 25 h 76"/>
                  <a:gd name="T54" fmla="*/ 10 w 66"/>
                  <a:gd name="T55" fmla="*/ 25 h 76"/>
                  <a:gd name="T56" fmla="*/ 10 w 66"/>
                  <a:gd name="T57" fmla="*/ 23 h 76"/>
                  <a:gd name="T58" fmla="*/ 12 w 66"/>
                  <a:gd name="T59" fmla="*/ 16 h 76"/>
                  <a:gd name="T60" fmla="*/ 12 w 66"/>
                  <a:gd name="T61" fmla="*/ 10 h 76"/>
                  <a:gd name="T62" fmla="*/ 10 w 66"/>
                  <a:gd name="T63" fmla="*/ 6 h 76"/>
                  <a:gd name="T64" fmla="*/ 10 w 66"/>
                  <a:gd name="T65" fmla="*/ 5 h 7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w 66"/>
                  <a:gd name="T100" fmla="*/ 0 h 76"/>
                  <a:gd name="T101" fmla="*/ 66 w 66"/>
                  <a:gd name="T102" fmla="*/ 76 h 76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T99" t="T100" r="T101" b="T102"/>
                <a:pathLst>
                  <a:path w="66" h="76">
                    <a:moveTo>
                      <a:pt x="10" y="5"/>
                    </a:moveTo>
                    <a:lnTo>
                      <a:pt x="14" y="0"/>
                    </a:lnTo>
                    <a:lnTo>
                      <a:pt x="22" y="6"/>
                    </a:lnTo>
                    <a:lnTo>
                      <a:pt x="46" y="18"/>
                    </a:lnTo>
                    <a:lnTo>
                      <a:pt x="54" y="22"/>
                    </a:lnTo>
                    <a:lnTo>
                      <a:pt x="54" y="28"/>
                    </a:lnTo>
                    <a:lnTo>
                      <a:pt x="61" y="38"/>
                    </a:lnTo>
                    <a:lnTo>
                      <a:pt x="63" y="38"/>
                    </a:lnTo>
                    <a:lnTo>
                      <a:pt x="64" y="40"/>
                    </a:lnTo>
                    <a:lnTo>
                      <a:pt x="66" y="42"/>
                    </a:lnTo>
                    <a:lnTo>
                      <a:pt x="66" y="44"/>
                    </a:lnTo>
                    <a:lnTo>
                      <a:pt x="66" y="45"/>
                    </a:lnTo>
                    <a:lnTo>
                      <a:pt x="63" y="49"/>
                    </a:lnTo>
                    <a:lnTo>
                      <a:pt x="58" y="52"/>
                    </a:lnTo>
                    <a:lnTo>
                      <a:pt x="56" y="52"/>
                    </a:lnTo>
                    <a:lnTo>
                      <a:pt x="54" y="52"/>
                    </a:lnTo>
                    <a:lnTo>
                      <a:pt x="49" y="54"/>
                    </a:lnTo>
                    <a:lnTo>
                      <a:pt x="44" y="55"/>
                    </a:lnTo>
                    <a:lnTo>
                      <a:pt x="37" y="59"/>
                    </a:lnTo>
                    <a:lnTo>
                      <a:pt x="32" y="62"/>
                    </a:lnTo>
                    <a:lnTo>
                      <a:pt x="27" y="67"/>
                    </a:lnTo>
                    <a:lnTo>
                      <a:pt x="24" y="76"/>
                    </a:lnTo>
                    <a:lnTo>
                      <a:pt x="22" y="76"/>
                    </a:lnTo>
                    <a:lnTo>
                      <a:pt x="22" y="74"/>
                    </a:lnTo>
                    <a:lnTo>
                      <a:pt x="19" y="74"/>
                    </a:lnTo>
                    <a:lnTo>
                      <a:pt x="15" y="71"/>
                    </a:lnTo>
                    <a:lnTo>
                      <a:pt x="14" y="69"/>
                    </a:lnTo>
                    <a:lnTo>
                      <a:pt x="10" y="66"/>
                    </a:lnTo>
                    <a:lnTo>
                      <a:pt x="10" y="60"/>
                    </a:lnTo>
                    <a:lnTo>
                      <a:pt x="9" y="54"/>
                    </a:lnTo>
                    <a:lnTo>
                      <a:pt x="9" y="52"/>
                    </a:lnTo>
                    <a:lnTo>
                      <a:pt x="10" y="50"/>
                    </a:lnTo>
                    <a:lnTo>
                      <a:pt x="10" y="49"/>
                    </a:lnTo>
                    <a:lnTo>
                      <a:pt x="9" y="47"/>
                    </a:lnTo>
                    <a:lnTo>
                      <a:pt x="9" y="44"/>
                    </a:lnTo>
                    <a:lnTo>
                      <a:pt x="7" y="40"/>
                    </a:lnTo>
                    <a:lnTo>
                      <a:pt x="4" y="37"/>
                    </a:lnTo>
                    <a:lnTo>
                      <a:pt x="4" y="35"/>
                    </a:lnTo>
                    <a:lnTo>
                      <a:pt x="2" y="33"/>
                    </a:lnTo>
                    <a:lnTo>
                      <a:pt x="2" y="32"/>
                    </a:lnTo>
                    <a:lnTo>
                      <a:pt x="0" y="30"/>
                    </a:lnTo>
                    <a:lnTo>
                      <a:pt x="0" y="28"/>
                    </a:lnTo>
                    <a:lnTo>
                      <a:pt x="2" y="25"/>
                    </a:lnTo>
                    <a:lnTo>
                      <a:pt x="4" y="25"/>
                    </a:lnTo>
                    <a:lnTo>
                      <a:pt x="7" y="23"/>
                    </a:lnTo>
                    <a:lnTo>
                      <a:pt x="9" y="25"/>
                    </a:lnTo>
                    <a:lnTo>
                      <a:pt x="10" y="25"/>
                    </a:lnTo>
                    <a:lnTo>
                      <a:pt x="10" y="23"/>
                    </a:lnTo>
                    <a:lnTo>
                      <a:pt x="12" y="22"/>
                    </a:lnTo>
                    <a:lnTo>
                      <a:pt x="12" y="16"/>
                    </a:lnTo>
                    <a:lnTo>
                      <a:pt x="12" y="10"/>
                    </a:lnTo>
                    <a:lnTo>
                      <a:pt x="12" y="8"/>
                    </a:lnTo>
                    <a:lnTo>
                      <a:pt x="10" y="6"/>
                    </a:lnTo>
                    <a:lnTo>
                      <a:pt x="10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03" name="Freeform 150"/>
              <p:cNvSpPr>
                <a:spLocks/>
              </p:cNvSpPr>
              <p:nvPr/>
            </p:nvSpPr>
            <p:spPr bwMode="auto">
              <a:xfrm>
                <a:off x="1505" y="3446"/>
                <a:ext cx="10" cy="10"/>
              </a:xfrm>
              <a:custGeom>
                <a:avLst/>
                <a:gdLst>
                  <a:gd name="T0" fmla="*/ 0 w 10"/>
                  <a:gd name="T1" fmla="*/ 0 h 10"/>
                  <a:gd name="T2" fmla="*/ 7 w 10"/>
                  <a:gd name="T3" fmla="*/ 0 h 10"/>
                  <a:gd name="T4" fmla="*/ 10 w 10"/>
                  <a:gd name="T5" fmla="*/ 6 h 10"/>
                  <a:gd name="T6" fmla="*/ 5 w 10"/>
                  <a:gd name="T7" fmla="*/ 10 h 10"/>
                  <a:gd name="T8" fmla="*/ 2 w 10"/>
                  <a:gd name="T9" fmla="*/ 8 h 10"/>
                  <a:gd name="T10" fmla="*/ 0 w 10"/>
                  <a:gd name="T11" fmla="*/ 0 h 10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10"/>
                  <a:gd name="T19" fmla="*/ 0 h 10"/>
                  <a:gd name="T20" fmla="*/ 10 w 10"/>
                  <a:gd name="T21" fmla="*/ 10 h 10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10" h="10">
                    <a:moveTo>
                      <a:pt x="0" y="0"/>
                    </a:moveTo>
                    <a:lnTo>
                      <a:pt x="7" y="0"/>
                    </a:lnTo>
                    <a:lnTo>
                      <a:pt x="10" y="6"/>
                    </a:lnTo>
                    <a:lnTo>
                      <a:pt x="5" y="10"/>
                    </a:lnTo>
                    <a:lnTo>
                      <a:pt x="2" y="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04" name="Freeform 151"/>
              <p:cNvSpPr>
                <a:spLocks/>
              </p:cNvSpPr>
              <p:nvPr/>
            </p:nvSpPr>
            <p:spPr bwMode="auto">
              <a:xfrm>
                <a:off x="1505" y="3446"/>
                <a:ext cx="10" cy="10"/>
              </a:xfrm>
              <a:custGeom>
                <a:avLst/>
                <a:gdLst>
                  <a:gd name="T0" fmla="*/ 0 w 10"/>
                  <a:gd name="T1" fmla="*/ 0 h 10"/>
                  <a:gd name="T2" fmla="*/ 7 w 10"/>
                  <a:gd name="T3" fmla="*/ 0 h 10"/>
                  <a:gd name="T4" fmla="*/ 10 w 10"/>
                  <a:gd name="T5" fmla="*/ 6 h 10"/>
                  <a:gd name="T6" fmla="*/ 5 w 10"/>
                  <a:gd name="T7" fmla="*/ 10 h 10"/>
                  <a:gd name="T8" fmla="*/ 2 w 10"/>
                  <a:gd name="T9" fmla="*/ 8 h 10"/>
                  <a:gd name="T10" fmla="*/ 0 w 10"/>
                  <a:gd name="T11" fmla="*/ 0 h 10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10"/>
                  <a:gd name="T19" fmla="*/ 0 h 10"/>
                  <a:gd name="T20" fmla="*/ 10 w 10"/>
                  <a:gd name="T21" fmla="*/ 10 h 10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10" h="10">
                    <a:moveTo>
                      <a:pt x="0" y="0"/>
                    </a:moveTo>
                    <a:lnTo>
                      <a:pt x="7" y="0"/>
                    </a:lnTo>
                    <a:lnTo>
                      <a:pt x="10" y="6"/>
                    </a:lnTo>
                    <a:lnTo>
                      <a:pt x="5" y="10"/>
                    </a:lnTo>
                    <a:lnTo>
                      <a:pt x="2" y="8"/>
                    </a:lnTo>
                    <a:lnTo>
                      <a:pt x="0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05" name="Freeform 152"/>
              <p:cNvSpPr>
                <a:spLocks/>
              </p:cNvSpPr>
              <p:nvPr/>
            </p:nvSpPr>
            <p:spPr bwMode="auto">
              <a:xfrm>
                <a:off x="1524" y="3463"/>
                <a:ext cx="6" cy="8"/>
              </a:xfrm>
              <a:custGeom>
                <a:avLst/>
                <a:gdLst>
                  <a:gd name="T0" fmla="*/ 0 w 6"/>
                  <a:gd name="T1" fmla="*/ 5 h 8"/>
                  <a:gd name="T2" fmla="*/ 0 w 6"/>
                  <a:gd name="T3" fmla="*/ 3 h 8"/>
                  <a:gd name="T4" fmla="*/ 0 w 6"/>
                  <a:gd name="T5" fmla="*/ 1 h 8"/>
                  <a:gd name="T6" fmla="*/ 1 w 6"/>
                  <a:gd name="T7" fmla="*/ 1 h 8"/>
                  <a:gd name="T8" fmla="*/ 3 w 6"/>
                  <a:gd name="T9" fmla="*/ 0 h 8"/>
                  <a:gd name="T10" fmla="*/ 5 w 6"/>
                  <a:gd name="T11" fmla="*/ 1 h 8"/>
                  <a:gd name="T12" fmla="*/ 6 w 6"/>
                  <a:gd name="T13" fmla="*/ 1 h 8"/>
                  <a:gd name="T14" fmla="*/ 6 w 6"/>
                  <a:gd name="T15" fmla="*/ 3 h 8"/>
                  <a:gd name="T16" fmla="*/ 6 w 6"/>
                  <a:gd name="T17" fmla="*/ 5 h 8"/>
                  <a:gd name="T18" fmla="*/ 6 w 6"/>
                  <a:gd name="T19" fmla="*/ 6 h 8"/>
                  <a:gd name="T20" fmla="*/ 6 w 6"/>
                  <a:gd name="T21" fmla="*/ 8 h 8"/>
                  <a:gd name="T22" fmla="*/ 5 w 6"/>
                  <a:gd name="T23" fmla="*/ 8 h 8"/>
                  <a:gd name="T24" fmla="*/ 3 w 6"/>
                  <a:gd name="T25" fmla="*/ 8 h 8"/>
                  <a:gd name="T26" fmla="*/ 1 w 6"/>
                  <a:gd name="T27" fmla="*/ 8 h 8"/>
                  <a:gd name="T28" fmla="*/ 0 w 6"/>
                  <a:gd name="T29" fmla="*/ 8 h 8"/>
                  <a:gd name="T30" fmla="*/ 0 w 6"/>
                  <a:gd name="T31" fmla="*/ 6 h 8"/>
                  <a:gd name="T32" fmla="*/ 0 w 6"/>
                  <a:gd name="T33" fmla="*/ 5 h 8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6"/>
                  <a:gd name="T52" fmla="*/ 0 h 8"/>
                  <a:gd name="T53" fmla="*/ 6 w 6"/>
                  <a:gd name="T54" fmla="*/ 8 h 8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6" h="8">
                    <a:moveTo>
                      <a:pt x="0" y="5"/>
                    </a:moveTo>
                    <a:lnTo>
                      <a:pt x="0" y="3"/>
                    </a:lnTo>
                    <a:lnTo>
                      <a:pt x="0" y="1"/>
                    </a:lnTo>
                    <a:lnTo>
                      <a:pt x="1" y="1"/>
                    </a:lnTo>
                    <a:lnTo>
                      <a:pt x="3" y="0"/>
                    </a:lnTo>
                    <a:lnTo>
                      <a:pt x="5" y="1"/>
                    </a:lnTo>
                    <a:lnTo>
                      <a:pt x="6" y="1"/>
                    </a:lnTo>
                    <a:lnTo>
                      <a:pt x="6" y="3"/>
                    </a:lnTo>
                    <a:lnTo>
                      <a:pt x="6" y="5"/>
                    </a:lnTo>
                    <a:lnTo>
                      <a:pt x="6" y="6"/>
                    </a:lnTo>
                    <a:lnTo>
                      <a:pt x="6" y="8"/>
                    </a:lnTo>
                    <a:lnTo>
                      <a:pt x="5" y="8"/>
                    </a:lnTo>
                    <a:lnTo>
                      <a:pt x="3" y="8"/>
                    </a:lnTo>
                    <a:lnTo>
                      <a:pt x="1" y="8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06" name="Freeform 153"/>
              <p:cNvSpPr>
                <a:spLocks/>
              </p:cNvSpPr>
              <p:nvPr/>
            </p:nvSpPr>
            <p:spPr bwMode="auto">
              <a:xfrm>
                <a:off x="1524" y="3463"/>
                <a:ext cx="6" cy="8"/>
              </a:xfrm>
              <a:custGeom>
                <a:avLst/>
                <a:gdLst>
                  <a:gd name="T0" fmla="*/ 0 w 6"/>
                  <a:gd name="T1" fmla="*/ 5 h 8"/>
                  <a:gd name="T2" fmla="*/ 0 w 6"/>
                  <a:gd name="T3" fmla="*/ 5 h 8"/>
                  <a:gd name="T4" fmla="*/ 0 w 6"/>
                  <a:gd name="T5" fmla="*/ 3 h 8"/>
                  <a:gd name="T6" fmla="*/ 0 w 6"/>
                  <a:gd name="T7" fmla="*/ 1 h 8"/>
                  <a:gd name="T8" fmla="*/ 1 w 6"/>
                  <a:gd name="T9" fmla="*/ 1 h 8"/>
                  <a:gd name="T10" fmla="*/ 3 w 6"/>
                  <a:gd name="T11" fmla="*/ 0 h 8"/>
                  <a:gd name="T12" fmla="*/ 3 w 6"/>
                  <a:gd name="T13" fmla="*/ 0 h 8"/>
                  <a:gd name="T14" fmla="*/ 5 w 6"/>
                  <a:gd name="T15" fmla="*/ 1 h 8"/>
                  <a:gd name="T16" fmla="*/ 6 w 6"/>
                  <a:gd name="T17" fmla="*/ 1 h 8"/>
                  <a:gd name="T18" fmla="*/ 6 w 6"/>
                  <a:gd name="T19" fmla="*/ 3 h 8"/>
                  <a:gd name="T20" fmla="*/ 6 w 6"/>
                  <a:gd name="T21" fmla="*/ 5 h 8"/>
                  <a:gd name="T22" fmla="*/ 6 w 6"/>
                  <a:gd name="T23" fmla="*/ 5 h 8"/>
                  <a:gd name="T24" fmla="*/ 6 w 6"/>
                  <a:gd name="T25" fmla="*/ 6 h 8"/>
                  <a:gd name="T26" fmla="*/ 6 w 6"/>
                  <a:gd name="T27" fmla="*/ 8 h 8"/>
                  <a:gd name="T28" fmla="*/ 5 w 6"/>
                  <a:gd name="T29" fmla="*/ 8 h 8"/>
                  <a:gd name="T30" fmla="*/ 3 w 6"/>
                  <a:gd name="T31" fmla="*/ 8 h 8"/>
                  <a:gd name="T32" fmla="*/ 3 w 6"/>
                  <a:gd name="T33" fmla="*/ 8 h 8"/>
                  <a:gd name="T34" fmla="*/ 1 w 6"/>
                  <a:gd name="T35" fmla="*/ 8 h 8"/>
                  <a:gd name="T36" fmla="*/ 0 w 6"/>
                  <a:gd name="T37" fmla="*/ 8 h 8"/>
                  <a:gd name="T38" fmla="*/ 0 w 6"/>
                  <a:gd name="T39" fmla="*/ 6 h 8"/>
                  <a:gd name="T40" fmla="*/ 0 w 6"/>
                  <a:gd name="T41" fmla="*/ 5 h 8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6"/>
                  <a:gd name="T64" fmla="*/ 0 h 8"/>
                  <a:gd name="T65" fmla="*/ 6 w 6"/>
                  <a:gd name="T66" fmla="*/ 8 h 8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6" h="8">
                    <a:moveTo>
                      <a:pt x="0" y="5"/>
                    </a:moveTo>
                    <a:lnTo>
                      <a:pt x="0" y="5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1" y="1"/>
                    </a:lnTo>
                    <a:lnTo>
                      <a:pt x="3" y="0"/>
                    </a:lnTo>
                    <a:lnTo>
                      <a:pt x="5" y="1"/>
                    </a:lnTo>
                    <a:lnTo>
                      <a:pt x="6" y="1"/>
                    </a:lnTo>
                    <a:lnTo>
                      <a:pt x="6" y="3"/>
                    </a:lnTo>
                    <a:lnTo>
                      <a:pt x="6" y="5"/>
                    </a:lnTo>
                    <a:lnTo>
                      <a:pt x="6" y="6"/>
                    </a:lnTo>
                    <a:lnTo>
                      <a:pt x="6" y="8"/>
                    </a:lnTo>
                    <a:lnTo>
                      <a:pt x="5" y="8"/>
                    </a:lnTo>
                    <a:lnTo>
                      <a:pt x="3" y="8"/>
                    </a:lnTo>
                    <a:lnTo>
                      <a:pt x="1" y="8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07" name="Freeform 154"/>
              <p:cNvSpPr>
                <a:spLocks/>
              </p:cNvSpPr>
              <p:nvPr/>
            </p:nvSpPr>
            <p:spPr bwMode="auto">
              <a:xfrm>
                <a:off x="1338" y="3388"/>
                <a:ext cx="11" cy="9"/>
              </a:xfrm>
              <a:custGeom>
                <a:avLst/>
                <a:gdLst>
                  <a:gd name="T0" fmla="*/ 0 w 11"/>
                  <a:gd name="T1" fmla="*/ 4 h 9"/>
                  <a:gd name="T2" fmla="*/ 0 w 11"/>
                  <a:gd name="T3" fmla="*/ 2 h 9"/>
                  <a:gd name="T4" fmla="*/ 1 w 11"/>
                  <a:gd name="T5" fmla="*/ 2 h 9"/>
                  <a:gd name="T6" fmla="*/ 3 w 11"/>
                  <a:gd name="T7" fmla="*/ 0 h 9"/>
                  <a:gd name="T8" fmla="*/ 6 w 11"/>
                  <a:gd name="T9" fmla="*/ 0 h 9"/>
                  <a:gd name="T10" fmla="*/ 8 w 11"/>
                  <a:gd name="T11" fmla="*/ 0 h 9"/>
                  <a:gd name="T12" fmla="*/ 10 w 11"/>
                  <a:gd name="T13" fmla="*/ 2 h 9"/>
                  <a:gd name="T14" fmla="*/ 11 w 11"/>
                  <a:gd name="T15" fmla="*/ 2 h 9"/>
                  <a:gd name="T16" fmla="*/ 11 w 11"/>
                  <a:gd name="T17" fmla="*/ 4 h 9"/>
                  <a:gd name="T18" fmla="*/ 11 w 11"/>
                  <a:gd name="T19" fmla="*/ 5 h 9"/>
                  <a:gd name="T20" fmla="*/ 10 w 11"/>
                  <a:gd name="T21" fmla="*/ 7 h 9"/>
                  <a:gd name="T22" fmla="*/ 8 w 11"/>
                  <a:gd name="T23" fmla="*/ 9 h 9"/>
                  <a:gd name="T24" fmla="*/ 6 w 11"/>
                  <a:gd name="T25" fmla="*/ 9 h 9"/>
                  <a:gd name="T26" fmla="*/ 3 w 11"/>
                  <a:gd name="T27" fmla="*/ 9 h 9"/>
                  <a:gd name="T28" fmla="*/ 1 w 11"/>
                  <a:gd name="T29" fmla="*/ 7 h 9"/>
                  <a:gd name="T30" fmla="*/ 0 w 11"/>
                  <a:gd name="T31" fmla="*/ 5 h 9"/>
                  <a:gd name="T32" fmla="*/ 0 w 11"/>
                  <a:gd name="T33" fmla="*/ 4 h 9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1"/>
                  <a:gd name="T52" fmla="*/ 0 h 9"/>
                  <a:gd name="T53" fmla="*/ 11 w 11"/>
                  <a:gd name="T54" fmla="*/ 9 h 9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1" h="9">
                    <a:moveTo>
                      <a:pt x="0" y="4"/>
                    </a:moveTo>
                    <a:lnTo>
                      <a:pt x="0" y="2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0" y="2"/>
                    </a:lnTo>
                    <a:lnTo>
                      <a:pt x="11" y="2"/>
                    </a:lnTo>
                    <a:lnTo>
                      <a:pt x="11" y="4"/>
                    </a:lnTo>
                    <a:lnTo>
                      <a:pt x="11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3" y="9"/>
                    </a:lnTo>
                    <a:lnTo>
                      <a:pt x="1" y="7"/>
                    </a:lnTo>
                    <a:lnTo>
                      <a:pt x="0" y="5"/>
                    </a:lnTo>
                    <a:lnTo>
                      <a:pt x="0" y="4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008" name="Freeform 155"/>
              <p:cNvSpPr>
                <a:spLocks/>
              </p:cNvSpPr>
              <p:nvPr/>
            </p:nvSpPr>
            <p:spPr bwMode="auto">
              <a:xfrm>
                <a:off x="1338" y="3388"/>
                <a:ext cx="11" cy="9"/>
              </a:xfrm>
              <a:custGeom>
                <a:avLst/>
                <a:gdLst>
                  <a:gd name="T0" fmla="*/ 0 w 11"/>
                  <a:gd name="T1" fmla="*/ 4 h 9"/>
                  <a:gd name="T2" fmla="*/ 0 w 11"/>
                  <a:gd name="T3" fmla="*/ 4 h 9"/>
                  <a:gd name="T4" fmla="*/ 0 w 11"/>
                  <a:gd name="T5" fmla="*/ 2 h 9"/>
                  <a:gd name="T6" fmla="*/ 1 w 11"/>
                  <a:gd name="T7" fmla="*/ 2 h 9"/>
                  <a:gd name="T8" fmla="*/ 3 w 11"/>
                  <a:gd name="T9" fmla="*/ 0 h 9"/>
                  <a:gd name="T10" fmla="*/ 6 w 11"/>
                  <a:gd name="T11" fmla="*/ 0 h 9"/>
                  <a:gd name="T12" fmla="*/ 6 w 11"/>
                  <a:gd name="T13" fmla="*/ 0 h 9"/>
                  <a:gd name="T14" fmla="*/ 8 w 11"/>
                  <a:gd name="T15" fmla="*/ 0 h 9"/>
                  <a:gd name="T16" fmla="*/ 10 w 11"/>
                  <a:gd name="T17" fmla="*/ 2 h 9"/>
                  <a:gd name="T18" fmla="*/ 11 w 11"/>
                  <a:gd name="T19" fmla="*/ 2 h 9"/>
                  <a:gd name="T20" fmla="*/ 11 w 11"/>
                  <a:gd name="T21" fmla="*/ 4 h 9"/>
                  <a:gd name="T22" fmla="*/ 11 w 11"/>
                  <a:gd name="T23" fmla="*/ 4 h 9"/>
                  <a:gd name="T24" fmla="*/ 11 w 11"/>
                  <a:gd name="T25" fmla="*/ 5 h 9"/>
                  <a:gd name="T26" fmla="*/ 10 w 11"/>
                  <a:gd name="T27" fmla="*/ 7 h 9"/>
                  <a:gd name="T28" fmla="*/ 8 w 11"/>
                  <a:gd name="T29" fmla="*/ 9 h 9"/>
                  <a:gd name="T30" fmla="*/ 6 w 11"/>
                  <a:gd name="T31" fmla="*/ 9 h 9"/>
                  <a:gd name="T32" fmla="*/ 6 w 11"/>
                  <a:gd name="T33" fmla="*/ 9 h 9"/>
                  <a:gd name="T34" fmla="*/ 3 w 11"/>
                  <a:gd name="T35" fmla="*/ 9 h 9"/>
                  <a:gd name="T36" fmla="*/ 1 w 11"/>
                  <a:gd name="T37" fmla="*/ 7 h 9"/>
                  <a:gd name="T38" fmla="*/ 0 w 11"/>
                  <a:gd name="T39" fmla="*/ 5 h 9"/>
                  <a:gd name="T40" fmla="*/ 0 w 11"/>
                  <a:gd name="T41" fmla="*/ 4 h 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1"/>
                  <a:gd name="T64" fmla="*/ 0 h 9"/>
                  <a:gd name="T65" fmla="*/ 11 w 11"/>
                  <a:gd name="T66" fmla="*/ 9 h 9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1" h="9">
                    <a:moveTo>
                      <a:pt x="0" y="4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0" y="2"/>
                    </a:lnTo>
                    <a:lnTo>
                      <a:pt x="11" y="2"/>
                    </a:lnTo>
                    <a:lnTo>
                      <a:pt x="11" y="4"/>
                    </a:lnTo>
                    <a:lnTo>
                      <a:pt x="11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3" y="9"/>
                    </a:lnTo>
                    <a:lnTo>
                      <a:pt x="1" y="7"/>
                    </a:lnTo>
                    <a:lnTo>
                      <a:pt x="0" y="5"/>
                    </a:lnTo>
                    <a:lnTo>
                      <a:pt x="0" y="4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958" name="Freeform 156"/>
            <p:cNvSpPr>
              <a:spLocks/>
            </p:cNvSpPr>
            <p:nvPr/>
          </p:nvSpPr>
          <p:spPr bwMode="auto">
            <a:xfrm>
              <a:off x="1022" y="1847"/>
              <a:ext cx="537" cy="677"/>
            </a:xfrm>
            <a:custGeom>
              <a:avLst/>
              <a:gdLst>
                <a:gd name="T0" fmla="*/ 331 w 552"/>
                <a:gd name="T1" fmla="*/ 464 h 697"/>
                <a:gd name="T2" fmla="*/ 376 w 552"/>
                <a:gd name="T3" fmla="*/ 130 h 697"/>
                <a:gd name="T4" fmla="*/ 253 w 552"/>
                <a:gd name="T5" fmla="*/ 111 h 697"/>
                <a:gd name="T6" fmla="*/ 265 w 552"/>
                <a:gd name="T7" fmla="*/ 35 h 697"/>
                <a:gd name="T8" fmla="*/ 81 w 552"/>
                <a:gd name="T9" fmla="*/ 0 h 697"/>
                <a:gd name="T10" fmla="*/ 81 w 552"/>
                <a:gd name="T11" fmla="*/ 0 h 697"/>
                <a:gd name="T12" fmla="*/ 0 w 552"/>
                <a:gd name="T13" fmla="*/ 410 h 697"/>
                <a:gd name="T14" fmla="*/ 331 w 552"/>
                <a:gd name="T15" fmla="*/ 464 h 697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w 552"/>
                <a:gd name="T25" fmla="*/ 0 h 697"/>
                <a:gd name="T26" fmla="*/ 552 w 552"/>
                <a:gd name="T27" fmla="*/ 697 h 697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T24" t="T25" r="T26" b="T27"/>
              <a:pathLst>
                <a:path w="552" h="697">
                  <a:moveTo>
                    <a:pt x="486" y="697"/>
                  </a:moveTo>
                  <a:lnTo>
                    <a:pt x="552" y="195"/>
                  </a:lnTo>
                  <a:lnTo>
                    <a:pt x="372" y="166"/>
                  </a:lnTo>
                  <a:lnTo>
                    <a:pt x="389" y="49"/>
                  </a:lnTo>
                  <a:lnTo>
                    <a:pt x="118" y="0"/>
                  </a:lnTo>
                  <a:lnTo>
                    <a:pt x="0" y="616"/>
                  </a:lnTo>
                  <a:lnTo>
                    <a:pt x="486" y="697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59" name="Freeform 157"/>
            <p:cNvSpPr>
              <a:spLocks/>
            </p:cNvSpPr>
            <p:nvPr/>
          </p:nvSpPr>
          <p:spPr bwMode="auto">
            <a:xfrm>
              <a:off x="2159" y="2220"/>
              <a:ext cx="708" cy="381"/>
            </a:xfrm>
            <a:custGeom>
              <a:avLst/>
              <a:gdLst>
                <a:gd name="T0" fmla="*/ 18 w 728"/>
                <a:gd name="T1" fmla="*/ 0 h 393"/>
                <a:gd name="T2" fmla="*/ 35 w 728"/>
                <a:gd name="T3" fmla="*/ 4 h 393"/>
                <a:gd name="T4" fmla="*/ 53 w 728"/>
                <a:gd name="T5" fmla="*/ 5 h 393"/>
                <a:gd name="T6" fmla="*/ 81 w 728"/>
                <a:gd name="T7" fmla="*/ 9 h 393"/>
                <a:gd name="T8" fmla="*/ 112 w 728"/>
                <a:gd name="T9" fmla="*/ 11 h 393"/>
                <a:gd name="T10" fmla="*/ 144 w 728"/>
                <a:gd name="T11" fmla="*/ 12 h 393"/>
                <a:gd name="T12" fmla="*/ 180 w 728"/>
                <a:gd name="T13" fmla="*/ 12 h 393"/>
                <a:gd name="T14" fmla="*/ 216 w 728"/>
                <a:gd name="T15" fmla="*/ 14 h 393"/>
                <a:gd name="T16" fmla="*/ 253 w 728"/>
                <a:gd name="T17" fmla="*/ 14 h 393"/>
                <a:gd name="T18" fmla="*/ 290 w 728"/>
                <a:gd name="T19" fmla="*/ 16 h 393"/>
                <a:gd name="T20" fmla="*/ 324 w 728"/>
                <a:gd name="T21" fmla="*/ 16 h 393"/>
                <a:gd name="T22" fmla="*/ 355 w 728"/>
                <a:gd name="T23" fmla="*/ 16 h 393"/>
                <a:gd name="T24" fmla="*/ 383 w 728"/>
                <a:gd name="T25" fmla="*/ 16 h 393"/>
                <a:gd name="T26" fmla="*/ 407 w 728"/>
                <a:gd name="T27" fmla="*/ 16 h 393"/>
                <a:gd name="T28" fmla="*/ 426 w 728"/>
                <a:gd name="T29" fmla="*/ 16 h 393"/>
                <a:gd name="T30" fmla="*/ 437 w 728"/>
                <a:gd name="T31" fmla="*/ 16 h 393"/>
                <a:gd name="T32" fmla="*/ 442 w 728"/>
                <a:gd name="T33" fmla="*/ 16 h 393"/>
                <a:gd name="T34" fmla="*/ 448 w 728"/>
                <a:gd name="T35" fmla="*/ 16 h 393"/>
                <a:gd name="T36" fmla="*/ 464 w 728"/>
                <a:gd name="T37" fmla="*/ 17 h 393"/>
                <a:gd name="T38" fmla="*/ 465 w 728"/>
                <a:gd name="T39" fmla="*/ 19 h 393"/>
                <a:gd name="T40" fmla="*/ 469 w 728"/>
                <a:gd name="T41" fmla="*/ 22 h 393"/>
                <a:gd name="T42" fmla="*/ 472 w 728"/>
                <a:gd name="T43" fmla="*/ 27 h 393"/>
                <a:gd name="T44" fmla="*/ 469 w 728"/>
                <a:gd name="T45" fmla="*/ 36 h 393"/>
                <a:gd name="T46" fmla="*/ 459 w 728"/>
                <a:gd name="T47" fmla="*/ 50 h 393"/>
                <a:gd name="T48" fmla="*/ 471 w 728"/>
                <a:gd name="T49" fmla="*/ 62 h 393"/>
                <a:gd name="T50" fmla="*/ 480 w 728"/>
                <a:gd name="T51" fmla="*/ 78 h 393"/>
                <a:gd name="T52" fmla="*/ 494 w 728"/>
                <a:gd name="T53" fmla="*/ 254 h 393"/>
                <a:gd name="T54" fmla="*/ 488 w 728"/>
                <a:gd name="T55" fmla="*/ 254 h 393"/>
                <a:gd name="T56" fmla="*/ 477 w 728"/>
                <a:gd name="T57" fmla="*/ 254 h 393"/>
                <a:gd name="T58" fmla="*/ 455 w 728"/>
                <a:gd name="T59" fmla="*/ 254 h 393"/>
                <a:gd name="T60" fmla="*/ 430 w 728"/>
                <a:gd name="T61" fmla="*/ 254 h 393"/>
                <a:gd name="T62" fmla="*/ 398 w 728"/>
                <a:gd name="T63" fmla="*/ 254 h 393"/>
                <a:gd name="T64" fmla="*/ 362 w 728"/>
                <a:gd name="T65" fmla="*/ 254 h 393"/>
                <a:gd name="T66" fmla="*/ 324 w 728"/>
                <a:gd name="T67" fmla="*/ 253 h 393"/>
                <a:gd name="T68" fmla="*/ 284 w 728"/>
                <a:gd name="T69" fmla="*/ 253 h 393"/>
                <a:gd name="T70" fmla="*/ 241 w 728"/>
                <a:gd name="T71" fmla="*/ 252 h 393"/>
                <a:gd name="T72" fmla="*/ 200 w 728"/>
                <a:gd name="T73" fmla="*/ 252 h 393"/>
                <a:gd name="T74" fmla="*/ 159 w 728"/>
                <a:gd name="T75" fmla="*/ 252 h 393"/>
                <a:gd name="T76" fmla="*/ 118 w 728"/>
                <a:gd name="T77" fmla="*/ 251 h 393"/>
                <a:gd name="T78" fmla="*/ 82 w 728"/>
                <a:gd name="T79" fmla="*/ 250 h 393"/>
                <a:gd name="T80" fmla="*/ 49 w 728"/>
                <a:gd name="T81" fmla="*/ 248 h 393"/>
                <a:gd name="T82" fmla="*/ 18 w 728"/>
                <a:gd name="T83" fmla="*/ 246 h 393"/>
                <a:gd name="T84" fmla="*/ 0 w 728"/>
                <a:gd name="T85" fmla="*/ 245 h 393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728"/>
                <a:gd name="T130" fmla="*/ 0 h 393"/>
                <a:gd name="T131" fmla="*/ 728 w 728"/>
                <a:gd name="T132" fmla="*/ 393 h 393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728" h="393">
                  <a:moveTo>
                    <a:pt x="0" y="379"/>
                  </a:moveTo>
                  <a:lnTo>
                    <a:pt x="27" y="0"/>
                  </a:lnTo>
                  <a:lnTo>
                    <a:pt x="38" y="2"/>
                  </a:lnTo>
                  <a:lnTo>
                    <a:pt x="49" y="4"/>
                  </a:lnTo>
                  <a:lnTo>
                    <a:pt x="65" y="5"/>
                  </a:lnTo>
                  <a:lnTo>
                    <a:pt x="80" y="5"/>
                  </a:lnTo>
                  <a:lnTo>
                    <a:pt x="98" y="7"/>
                  </a:lnTo>
                  <a:lnTo>
                    <a:pt x="119" y="9"/>
                  </a:lnTo>
                  <a:lnTo>
                    <a:pt x="139" y="9"/>
                  </a:lnTo>
                  <a:lnTo>
                    <a:pt x="163" y="11"/>
                  </a:lnTo>
                  <a:lnTo>
                    <a:pt x="186" y="11"/>
                  </a:lnTo>
                  <a:lnTo>
                    <a:pt x="212" y="12"/>
                  </a:lnTo>
                  <a:lnTo>
                    <a:pt x="237" y="12"/>
                  </a:lnTo>
                  <a:lnTo>
                    <a:pt x="264" y="12"/>
                  </a:lnTo>
                  <a:lnTo>
                    <a:pt x="291" y="14"/>
                  </a:lnTo>
                  <a:lnTo>
                    <a:pt x="318" y="14"/>
                  </a:lnTo>
                  <a:lnTo>
                    <a:pt x="346" y="14"/>
                  </a:lnTo>
                  <a:lnTo>
                    <a:pt x="373" y="14"/>
                  </a:lnTo>
                  <a:lnTo>
                    <a:pt x="400" y="16"/>
                  </a:lnTo>
                  <a:lnTo>
                    <a:pt x="427" y="16"/>
                  </a:lnTo>
                  <a:lnTo>
                    <a:pt x="452" y="16"/>
                  </a:lnTo>
                  <a:lnTo>
                    <a:pt x="478" y="16"/>
                  </a:lnTo>
                  <a:lnTo>
                    <a:pt x="501" y="16"/>
                  </a:lnTo>
                  <a:lnTo>
                    <a:pt x="525" y="16"/>
                  </a:lnTo>
                  <a:lnTo>
                    <a:pt x="545" y="17"/>
                  </a:lnTo>
                  <a:lnTo>
                    <a:pt x="566" y="17"/>
                  </a:lnTo>
                  <a:lnTo>
                    <a:pt x="584" y="17"/>
                  </a:lnTo>
                  <a:lnTo>
                    <a:pt x="601" y="17"/>
                  </a:lnTo>
                  <a:lnTo>
                    <a:pt x="616" y="17"/>
                  </a:lnTo>
                  <a:lnTo>
                    <a:pt x="628" y="17"/>
                  </a:lnTo>
                  <a:lnTo>
                    <a:pt x="638" y="17"/>
                  </a:lnTo>
                  <a:lnTo>
                    <a:pt x="645" y="17"/>
                  </a:lnTo>
                  <a:lnTo>
                    <a:pt x="650" y="17"/>
                  </a:lnTo>
                  <a:lnTo>
                    <a:pt x="652" y="17"/>
                  </a:lnTo>
                  <a:lnTo>
                    <a:pt x="650" y="16"/>
                  </a:lnTo>
                  <a:lnTo>
                    <a:pt x="662" y="22"/>
                  </a:lnTo>
                  <a:lnTo>
                    <a:pt x="674" y="33"/>
                  </a:lnTo>
                  <a:lnTo>
                    <a:pt x="684" y="31"/>
                  </a:lnTo>
                  <a:lnTo>
                    <a:pt x="686" y="33"/>
                  </a:lnTo>
                  <a:lnTo>
                    <a:pt x="687" y="33"/>
                  </a:lnTo>
                  <a:lnTo>
                    <a:pt x="691" y="34"/>
                  </a:lnTo>
                  <a:lnTo>
                    <a:pt x="694" y="36"/>
                  </a:lnTo>
                  <a:lnTo>
                    <a:pt x="696" y="38"/>
                  </a:lnTo>
                  <a:lnTo>
                    <a:pt x="698" y="41"/>
                  </a:lnTo>
                  <a:lnTo>
                    <a:pt x="696" y="46"/>
                  </a:lnTo>
                  <a:lnTo>
                    <a:pt x="692" y="51"/>
                  </a:lnTo>
                  <a:lnTo>
                    <a:pt x="679" y="70"/>
                  </a:lnTo>
                  <a:lnTo>
                    <a:pt x="679" y="78"/>
                  </a:lnTo>
                  <a:lnTo>
                    <a:pt x="692" y="88"/>
                  </a:lnTo>
                  <a:lnTo>
                    <a:pt x="696" y="95"/>
                  </a:lnTo>
                  <a:lnTo>
                    <a:pt x="698" y="107"/>
                  </a:lnTo>
                  <a:lnTo>
                    <a:pt x="709" y="121"/>
                  </a:lnTo>
                  <a:lnTo>
                    <a:pt x="726" y="121"/>
                  </a:lnTo>
                  <a:lnTo>
                    <a:pt x="728" y="393"/>
                  </a:lnTo>
                  <a:lnTo>
                    <a:pt x="726" y="393"/>
                  </a:lnTo>
                  <a:lnTo>
                    <a:pt x="721" y="393"/>
                  </a:lnTo>
                  <a:lnTo>
                    <a:pt x="713" y="393"/>
                  </a:lnTo>
                  <a:lnTo>
                    <a:pt x="703" y="393"/>
                  </a:lnTo>
                  <a:lnTo>
                    <a:pt x="689" y="393"/>
                  </a:lnTo>
                  <a:lnTo>
                    <a:pt x="672" y="393"/>
                  </a:lnTo>
                  <a:lnTo>
                    <a:pt x="654" y="393"/>
                  </a:lnTo>
                  <a:lnTo>
                    <a:pt x="635" y="393"/>
                  </a:lnTo>
                  <a:lnTo>
                    <a:pt x="611" y="393"/>
                  </a:lnTo>
                  <a:lnTo>
                    <a:pt x="588" y="393"/>
                  </a:lnTo>
                  <a:lnTo>
                    <a:pt x="562" y="393"/>
                  </a:lnTo>
                  <a:lnTo>
                    <a:pt x="535" y="393"/>
                  </a:lnTo>
                  <a:lnTo>
                    <a:pt x="508" y="393"/>
                  </a:lnTo>
                  <a:lnTo>
                    <a:pt x="478" y="391"/>
                  </a:lnTo>
                  <a:lnTo>
                    <a:pt x="449" y="391"/>
                  </a:lnTo>
                  <a:lnTo>
                    <a:pt x="418" y="391"/>
                  </a:lnTo>
                  <a:lnTo>
                    <a:pt x="388" y="391"/>
                  </a:lnTo>
                  <a:lnTo>
                    <a:pt x="356" y="390"/>
                  </a:lnTo>
                  <a:lnTo>
                    <a:pt x="325" y="390"/>
                  </a:lnTo>
                  <a:lnTo>
                    <a:pt x="295" y="390"/>
                  </a:lnTo>
                  <a:lnTo>
                    <a:pt x="263" y="388"/>
                  </a:lnTo>
                  <a:lnTo>
                    <a:pt x="234" y="388"/>
                  </a:lnTo>
                  <a:lnTo>
                    <a:pt x="203" y="388"/>
                  </a:lnTo>
                  <a:lnTo>
                    <a:pt x="175" y="386"/>
                  </a:lnTo>
                  <a:lnTo>
                    <a:pt x="148" y="386"/>
                  </a:lnTo>
                  <a:lnTo>
                    <a:pt x="120" y="385"/>
                  </a:lnTo>
                  <a:lnTo>
                    <a:pt x="97" y="385"/>
                  </a:lnTo>
                  <a:lnTo>
                    <a:pt x="73" y="383"/>
                  </a:lnTo>
                  <a:lnTo>
                    <a:pt x="51" y="383"/>
                  </a:lnTo>
                  <a:lnTo>
                    <a:pt x="32" y="381"/>
                  </a:lnTo>
                  <a:lnTo>
                    <a:pt x="16" y="379"/>
                  </a:lnTo>
                  <a:lnTo>
                    <a:pt x="0" y="37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60" name="Freeform 158"/>
            <p:cNvSpPr>
              <a:spLocks/>
            </p:cNvSpPr>
            <p:nvPr/>
          </p:nvSpPr>
          <p:spPr bwMode="auto">
            <a:xfrm>
              <a:off x="2637" y="1100"/>
              <a:ext cx="623" cy="709"/>
            </a:xfrm>
            <a:custGeom>
              <a:avLst/>
              <a:gdLst>
                <a:gd name="T0" fmla="*/ 349 w 641"/>
                <a:gd name="T1" fmla="*/ 443 h 731"/>
                <a:gd name="T2" fmla="*/ 322 w 641"/>
                <a:gd name="T3" fmla="*/ 421 h 731"/>
                <a:gd name="T4" fmla="*/ 286 w 641"/>
                <a:gd name="T5" fmla="*/ 391 h 731"/>
                <a:gd name="T6" fmla="*/ 283 w 641"/>
                <a:gd name="T7" fmla="*/ 385 h 731"/>
                <a:gd name="T8" fmla="*/ 267 w 641"/>
                <a:gd name="T9" fmla="*/ 382 h 731"/>
                <a:gd name="T10" fmla="*/ 259 w 641"/>
                <a:gd name="T11" fmla="*/ 362 h 731"/>
                <a:gd name="T12" fmla="*/ 257 w 641"/>
                <a:gd name="T13" fmla="*/ 346 h 731"/>
                <a:gd name="T14" fmla="*/ 258 w 641"/>
                <a:gd name="T15" fmla="*/ 321 h 731"/>
                <a:gd name="T16" fmla="*/ 247 w 641"/>
                <a:gd name="T17" fmla="*/ 291 h 731"/>
                <a:gd name="T18" fmla="*/ 251 w 641"/>
                <a:gd name="T19" fmla="*/ 288 h 731"/>
                <a:gd name="T20" fmla="*/ 267 w 641"/>
                <a:gd name="T21" fmla="*/ 271 h 731"/>
                <a:gd name="T22" fmla="*/ 279 w 641"/>
                <a:gd name="T23" fmla="*/ 216 h 731"/>
                <a:gd name="T24" fmla="*/ 284 w 641"/>
                <a:gd name="T25" fmla="*/ 209 h 731"/>
                <a:gd name="T26" fmla="*/ 307 w 641"/>
                <a:gd name="T27" fmla="*/ 191 h 731"/>
                <a:gd name="T28" fmla="*/ 333 w 641"/>
                <a:gd name="T29" fmla="*/ 167 h 731"/>
                <a:gd name="T30" fmla="*/ 347 w 641"/>
                <a:gd name="T31" fmla="*/ 149 h 731"/>
                <a:gd name="T32" fmla="*/ 361 w 641"/>
                <a:gd name="T33" fmla="*/ 135 h 731"/>
                <a:gd name="T34" fmla="*/ 379 w 641"/>
                <a:gd name="T35" fmla="*/ 124 h 731"/>
                <a:gd name="T36" fmla="*/ 398 w 641"/>
                <a:gd name="T37" fmla="*/ 118 h 731"/>
                <a:gd name="T38" fmla="*/ 418 w 641"/>
                <a:gd name="T39" fmla="*/ 107 h 731"/>
                <a:gd name="T40" fmla="*/ 430 w 641"/>
                <a:gd name="T41" fmla="*/ 99 h 731"/>
                <a:gd name="T42" fmla="*/ 429 w 641"/>
                <a:gd name="T43" fmla="*/ 98 h 731"/>
                <a:gd name="T44" fmla="*/ 406 w 641"/>
                <a:gd name="T45" fmla="*/ 101 h 731"/>
                <a:gd name="T46" fmla="*/ 355 w 641"/>
                <a:gd name="T47" fmla="*/ 95 h 731"/>
                <a:gd name="T48" fmla="*/ 352 w 641"/>
                <a:gd name="T49" fmla="*/ 85 h 731"/>
                <a:gd name="T50" fmla="*/ 332 w 641"/>
                <a:gd name="T51" fmla="*/ 98 h 731"/>
                <a:gd name="T52" fmla="*/ 310 w 641"/>
                <a:gd name="T53" fmla="*/ 98 h 731"/>
                <a:gd name="T54" fmla="*/ 302 w 641"/>
                <a:gd name="T55" fmla="*/ 89 h 731"/>
                <a:gd name="T56" fmla="*/ 294 w 641"/>
                <a:gd name="T57" fmla="*/ 87 h 731"/>
                <a:gd name="T58" fmla="*/ 287 w 641"/>
                <a:gd name="T59" fmla="*/ 79 h 731"/>
                <a:gd name="T60" fmla="*/ 272 w 641"/>
                <a:gd name="T61" fmla="*/ 86 h 731"/>
                <a:gd name="T62" fmla="*/ 263 w 641"/>
                <a:gd name="T63" fmla="*/ 76 h 731"/>
                <a:gd name="T64" fmla="*/ 253 w 641"/>
                <a:gd name="T65" fmla="*/ 66 h 731"/>
                <a:gd name="T66" fmla="*/ 255 w 641"/>
                <a:gd name="T67" fmla="*/ 65 h 731"/>
                <a:gd name="T68" fmla="*/ 233 w 641"/>
                <a:gd name="T69" fmla="*/ 61 h 731"/>
                <a:gd name="T70" fmla="*/ 212 w 641"/>
                <a:gd name="T71" fmla="*/ 59 h 731"/>
                <a:gd name="T72" fmla="*/ 191 w 641"/>
                <a:gd name="T73" fmla="*/ 69 h 731"/>
                <a:gd name="T74" fmla="*/ 160 w 641"/>
                <a:gd name="T75" fmla="*/ 55 h 731"/>
                <a:gd name="T76" fmla="*/ 140 w 641"/>
                <a:gd name="T77" fmla="*/ 47 h 731"/>
                <a:gd name="T78" fmla="*/ 114 w 641"/>
                <a:gd name="T79" fmla="*/ 23 h 731"/>
                <a:gd name="T80" fmla="*/ 7 w 641"/>
                <a:gd name="T81" fmla="*/ 58 h 731"/>
                <a:gd name="T82" fmla="*/ 5 w 641"/>
                <a:gd name="T83" fmla="*/ 86 h 731"/>
                <a:gd name="T84" fmla="*/ 14 w 641"/>
                <a:gd name="T85" fmla="*/ 121 h 731"/>
                <a:gd name="T86" fmla="*/ 17 w 641"/>
                <a:gd name="T87" fmla="*/ 141 h 731"/>
                <a:gd name="T88" fmla="*/ 17 w 641"/>
                <a:gd name="T89" fmla="*/ 172 h 731"/>
                <a:gd name="T90" fmla="*/ 17 w 641"/>
                <a:gd name="T91" fmla="*/ 193 h 731"/>
                <a:gd name="T92" fmla="*/ 39 w 641"/>
                <a:gd name="T93" fmla="*/ 279 h 731"/>
                <a:gd name="T94" fmla="*/ 17 w 641"/>
                <a:gd name="T95" fmla="*/ 304 h 731"/>
                <a:gd name="T96" fmla="*/ 25 w 641"/>
                <a:gd name="T97" fmla="*/ 316 h 731"/>
                <a:gd name="T98" fmla="*/ 44 w 641"/>
                <a:gd name="T99" fmla="*/ 328 h 731"/>
                <a:gd name="T100" fmla="*/ 44 w 641"/>
                <a:gd name="T101" fmla="*/ 376 h 731"/>
                <a:gd name="T102" fmla="*/ 43 w 641"/>
                <a:gd name="T103" fmla="*/ 454 h 731"/>
                <a:gd name="T104" fmla="*/ 45 w 641"/>
                <a:gd name="T105" fmla="*/ 476 h 731"/>
                <a:gd name="T106" fmla="*/ 85 w 641"/>
                <a:gd name="T107" fmla="*/ 476 h 731"/>
                <a:gd name="T108" fmla="*/ 157 w 641"/>
                <a:gd name="T109" fmla="*/ 474 h 731"/>
                <a:gd name="T110" fmla="*/ 240 w 641"/>
                <a:gd name="T111" fmla="*/ 472 h 731"/>
                <a:gd name="T112" fmla="*/ 312 w 641"/>
                <a:gd name="T113" fmla="*/ 471 h 731"/>
                <a:gd name="T114" fmla="*/ 353 w 641"/>
                <a:gd name="T115" fmla="*/ 468 h 731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641"/>
                <a:gd name="T175" fmla="*/ 0 h 731"/>
                <a:gd name="T176" fmla="*/ 641 w 641"/>
                <a:gd name="T177" fmla="*/ 731 h 731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641" h="731">
                  <a:moveTo>
                    <a:pt x="526" y="718"/>
                  </a:moveTo>
                  <a:lnTo>
                    <a:pt x="528" y="716"/>
                  </a:lnTo>
                  <a:lnTo>
                    <a:pt x="528" y="709"/>
                  </a:lnTo>
                  <a:lnTo>
                    <a:pt x="525" y="701"/>
                  </a:lnTo>
                  <a:lnTo>
                    <a:pt x="523" y="691"/>
                  </a:lnTo>
                  <a:lnTo>
                    <a:pt x="520" y="682"/>
                  </a:lnTo>
                  <a:lnTo>
                    <a:pt x="518" y="674"/>
                  </a:lnTo>
                  <a:lnTo>
                    <a:pt x="515" y="667"/>
                  </a:lnTo>
                  <a:lnTo>
                    <a:pt x="513" y="665"/>
                  </a:lnTo>
                  <a:lnTo>
                    <a:pt x="499" y="660"/>
                  </a:lnTo>
                  <a:lnTo>
                    <a:pt x="487" y="653"/>
                  </a:lnTo>
                  <a:lnTo>
                    <a:pt x="479" y="645"/>
                  </a:lnTo>
                  <a:lnTo>
                    <a:pt x="471" y="637"/>
                  </a:lnTo>
                  <a:lnTo>
                    <a:pt x="465" y="628"/>
                  </a:lnTo>
                  <a:lnTo>
                    <a:pt x="460" y="620"/>
                  </a:lnTo>
                  <a:lnTo>
                    <a:pt x="457" y="616"/>
                  </a:lnTo>
                  <a:lnTo>
                    <a:pt x="457" y="613"/>
                  </a:lnTo>
                  <a:lnTo>
                    <a:pt x="427" y="601"/>
                  </a:lnTo>
                  <a:lnTo>
                    <a:pt x="425" y="593"/>
                  </a:lnTo>
                  <a:lnTo>
                    <a:pt x="423" y="593"/>
                  </a:lnTo>
                  <a:lnTo>
                    <a:pt x="423" y="591"/>
                  </a:lnTo>
                  <a:lnTo>
                    <a:pt x="421" y="591"/>
                  </a:lnTo>
                  <a:lnTo>
                    <a:pt x="418" y="591"/>
                  </a:lnTo>
                  <a:lnTo>
                    <a:pt x="416" y="591"/>
                  </a:lnTo>
                  <a:lnTo>
                    <a:pt x="413" y="593"/>
                  </a:lnTo>
                  <a:lnTo>
                    <a:pt x="410" y="591"/>
                  </a:lnTo>
                  <a:lnTo>
                    <a:pt x="405" y="589"/>
                  </a:lnTo>
                  <a:lnTo>
                    <a:pt x="398" y="587"/>
                  </a:lnTo>
                  <a:lnTo>
                    <a:pt x="393" y="582"/>
                  </a:lnTo>
                  <a:lnTo>
                    <a:pt x="388" y="577"/>
                  </a:lnTo>
                  <a:lnTo>
                    <a:pt x="384" y="574"/>
                  </a:lnTo>
                  <a:lnTo>
                    <a:pt x="383" y="569"/>
                  </a:lnTo>
                  <a:lnTo>
                    <a:pt x="383" y="564"/>
                  </a:lnTo>
                  <a:lnTo>
                    <a:pt x="386" y="555"/>
                  </a:lnTo>
                  <a:lnTo>
                    <a:pt x="388" y="550"/>
                  </a:lnTo>
                  <a:lnTo>
                    <a:pt x="388" y="545"/>
                  </a:lnTo>
                  <a:lnTo>
                    <a:pt x="388" y="542"/>
                  </a:lnTo>
                  <a:lnTo>
                    <a:pt x="386" y="538"/>
                  </a:lnTo>
                  <a:lnTo>
                    <a:pt x="384" y="535"/>
                  </a:lnTo>
                  <a:lnTo>
                    <a:pt x="383" y="532"/>
                  </a:lnTo>
                  <a:lnTo>
                    <a:pt x="379" y="528"/>
                  </a:lnTo>
                  <a:lnTo>
                    <a:pt x="379" y="523"/>
                  </a:lnTo>
                  <a:lnTo>
                    <a:pt x="379" y="515"/>
                  </a:lnTo>
                  <a:lnTo>
                    <a:pt x="379" y="508"/>
                  </a:lnTo>
                  <a:lnTo>
                    <a:pt x="383" y="499"/>
                  </a:lnTo>
                  <a:lnTo>
                    <a:pt x="384" y="493"/>
                  </a:lnTo>
                  <a:lnTo>
                    <a:pt x="388" y="486"/>
                  </a:lnTo>
                  <a:lnTo>
                    <a:pt x="388" y="481"/>
                  </a:lnTo>
                  <a:lnTo>
                    <a:pt x="389" y="481"/>
                  </a:lnTo>
                  <a:lnTo>
                    <a:pt x="381" y="467"/>
                  </a:lnTo>
                  <a:lnTo>
                    <a:pt x="367" y="467"/>
                  </a:lnTo>
                  <a:lnTo>
                    <a:pt x="367" y="447"/>
                  </a:lnTo>
                  <a:lnTo>
                    <a:pt x="369" y="447"/>
                  </a:lnTo>
                  <a:lnTo>
                    <a:pt x="371" y="445"/>
                  </a:lnTo>
                  <a:lnTo>
                    <a:pt x="372" y="445"/>
                  </a:lnTo>
                  <a:lnTo>
                    <a:pt x="374" y="442"/>
                  </a:lnTo>
                  <a:lnTo>
                    <a:pt x="374" y="440"/>
                  </a:lnTo>
                  <a:lnTo>
                    <a:pt x="376" y="437"/>
                  </a:lnTo>
                  <a:lnTo>
                    <a:pt x="377" y="432"/>
                  </a:lnTo>
                  <a:lnTo>
                    <a:pt x="384" y="427"/>
                  </a:lnTo>
                  <a:lnTo>
                    <a:pt x="389" y="422"/>
                  </a:lnTo>
                  <a:lnTo>
                    <a:pt x="398" y="415"/>
                  </a:lnTo>
                  <a:lnTo>
                    <a:pt x="405" y="410"/>
                  </a:lnTo>
                  <a:lnTo>
                    <a:pt x="411" y="406"/>
                  </a:lnTo>
                  <a:lnTo>
                    <a:pt x="415" y="403"/>
                  </a:lnTo>
                  <a:lnTo>
                    <a:pt x="418" y="403"/>
                  </a:lnTo>
                  <a:lnTo>
                    <a:pt x="416" y="332"/>
                  </a:lnTo>
                  <a:lnTo>
                    <a:pt x="415" y="332"/>
                  </a:lnTo>
                  <a:lnTo>
                    <a:pt x="415" y="330"/>
                  </a:lnTo>
                  <a:lnTo>
                    <a:pt x="416" y="329"/>
                  </a:lnTo>
                  <a:lnTo>
                    <a:pt x="418" y="325"/>
                  </a:lnTo>
                  <a:lnTo>
                    <a:pt x="423" y="322"/>
                  </a:lnTo>
                  <a:lnTo>
                    <a:pt x="430" y="317"/>
                  </a:lnTo>
                  <a:lnTo>
                    <a:pt x="435" y="313"/>
                  </a:lnTo>
                  <a:lnTo>
                    <a:pt x="440" y="308"/>
                  </a:lnTo>
                  <a:lnTo>
                    <a:pt x="445" y="303"/>
                  </a:lnTo>
                  <a:lnTo>
                    <a:pt x="450" y="298"/>
                  </a:lnTo>
                  <a:lnTo>
                    <a:pt x="457" y="293"/>
                  </a:lnTo>
                  <a:lnTo>
                    <a:pt x="464" y="286"/>
                  </a:lnTo>
                  <a:lnTo>
                    <a:pt x="471" y="279"/>
                  </a:lnTo>
                  <a:lnTo>
                    <a:pt x="477" y="274"/>
                  </a:lnTo>
                  <a:lnTo>
                    <a:pt x="484" y="268"/>
                  </a:lnTo>
                  <a:lnTo>
                    <a:pt x="491" y="261"/>
                  </a:lnTo>
                  <a:lnTo>
                    <a:pt x="496" y="256"/>
                  </a:lnTo>
                  <a:lnTo>
                    <a:pt x="503" y="249"/>
                  </a:lnTo>
                  <a:lnTo>
                    <a:pt x="506" y="244"/>
                  </a:lnTo>
                  <a:lnTo>
                    <a:pt x="511" y="239"/>
                  </a:lnTo>
                  <a:lnTo>
                    <a:pt x="515" y="235"/>
                  </a:lnTo>
                  <a:lnTo>
                    <a:pt x="516" y="232"/>
                  </a:lnTo>
                  <a:lnTo>
                    <a:pt x="518" y="229"/>
                  </a:lnTo>
                  <a:lnTo>
                    <a:pt x="520" y="224"/>
                  </a:lnTo>
                  <a:lnTo>
                    <a:pt x="523" y="220"/>
                  </a:lnTo>
                  <a:lnTo>
                    <a:pt x="525" y="217"/>
                  </a:lnTo>
                  <a:lnTo>
                    <a:pt x="528" y="213"/>
                  </a:lnTo>
                  <a:lnTo>
                    <a:pt x="533" y="210"/>
                  </a:lnTo>
                  <a:lnTo>
                    <a:pt x="537" y="207"/>
                  </a:lnTo>
                  <a:lnTo>
                    <a:pt x="542" y="203"/>
                  </a:lnTo>
                  <a:lnTo>
                    <a:pt x="547" y="200"/>
                  </a:lnTo>
                  <a:lnTo>
                    <a:pt x="550" y="198"/>
                  </a:lnTo>
                  <a:lnTo>
                    <a:pt x="555" y="195"/>
                  </a:lnTo>
                  <a:lnTo>
                    <a:pt x="560" y="193"/>
                  </a:lnTo>
                  <a:lnTo>
                    <a:pt x="565" y="190"/>
                  </a:lnTo>
                  <a:lnTo>
                    <a:pt x="570" y="188"/>
                  </a:lnTo>
                  <a:lnTo>
                    <a:pt x="574" y="188"/>
                  </a:lnTo>
                  <a:lnTo>
                    <a:pt x="579" y="186"/>
                  </a:lnTo>
                  <a:lnTo>
                    <a:pt x="582" y="185"/>
                  </a:lnTo>
                  <a:lnTo>
                    <a:pt x="587" y="183"/>
                  </a:lnTo>
                  <a:lnTo>
                    <a:pt x="592" y="181"/>
                  </a:lnTo>
                  <a:lnTo>
                    <a:pt x="597" y="180"/>
                  </a:lnTo>
                  <a:lnTo>
                    <a:pt x="603" y="176"/>
                  </a:lnTo>
                  <a:lnTo>
                    <a:pt x="608" y="173"/>
                  </a:lnTo>
                  <a:lnTo>
                    <a:pt x="613" y="169"/>
                  </a:lnTo>
                  <a:lnTo>
                    <a:pt x="618" y="166"/>
                  </a:lnTo>
                  <a:lnTo>
                    <a:pt x="623" y="164"/>
                  </a:lnTo>
                  <a:lnTo>
                    <a:pt x="628" y="161"/>
                  </a:lnTo>
                  <a:lnTo>
                    <a:pt x="631" y="158"/>
                  </a:lnTo>
                  <a:lnTo>
                    <a:pt x="635" y="156"/>
                  </a:lnTo>
                  <a:lnTo>
                    <a:pt x="638" y="154"/>
                  </a:lnTo>
                  <a:lnTo>
                    <a:pt x="640" y="153"/>
                  </a:lnTo>
                  <a:lnTo>
                    <a:pt x="641" y="151"/>
                  </a:lnTo>
                  <a:lnTo>
                    <a:pt x="641" y="149"/>
                  </a:lnTo>
                  <a:lnTo>
                    <a:pt x="640" y="149"/>
                  </a:lnTo>
                  <a:lnTo>
                    <a:pt x="638" y="149"/>
                  </a:lnTo>
                  <a:lnTo>
                    <a:pt x="633" y="149"/>
                  </a:lnTo>
                  <a:lnTo>
                    <a:pt x="625" y="153"/>
                  </a:lnTo>
                  <a:lnTo>
                    <a:pt x="618" y="153"/>
                  </a:lnTo>
                  <a:lnTo>
                    <a:pt x="611" y="153"/>
                  </a:lnTo>
                  <a:lnTo>
                    <a:pt x="606" y="153"/>
                  </a:lnTo>
                  <a:lnTo>
                    <a:pt x="603" y="149"/>
                  </a:lnTo>
                  <a:lnTo>
                    <a:pt x="599" y="147"/>
                  </a:lnTo>
                  <a:lnTo>
                    <a:pt x="597" y="146"/>
                  </a:lnTo>
                  <a:lnTo>
                    <a:pt x="596" y="144"/>
                  </a:lnTo>
                  <a:lnTo>
                    <a:pt x="530" y="144"/>
                  </a:lnTo>
                  <a:lnTo>
                    <a:pt x="530" y="131"/>
                  </a:lnTo>
                  <a:lnTo>
                    <a:pt x="528" y="131"/>
                  </a:lnTo>
                  <a:lnTo>
                    <a:pt x="526" y="131"/>
                  </a:lnTo>
                  <a:lnTo>
                    <a:pt x="525" y="131"/>
                  </a:lnTo>
                  <a:lnTo>
                    <a:pt x="523" y="131"/>
                  </a:lnTo>
                  <a:lnTo>
                    <a:pt x="521" y="131"/>
                  </a:lnTo>
                  <a:lnTo>
                    <a:pt x="520" y="131"/>
                  </a:lnTo>
                  <a:lnTo>
                    <a:pt x="518" y="131"/>
                  </a:lnTo>
                  <a:lnTo>
                    <a:pt x="509" y="139"/>
                  </a:lnTo>
                  <a:lnTo>
                    <a:pt x="501" y="146"/>
                  </a:lnTo>
                  <a:lnTo>
                    <a:pt x="494" y="149"/>
                  </a:lnTo>
                  <a:lnTo>
                    <a:pt x="487" y="153"/>
                  </a:lnTo>
                  <a:lnTo>
                    <a:pt x="481" y="154"/>
                  </a:lnTo>
                  <a:lnTo>
                    <a:pt x="476" y="154"/>
                  </a:lnTo>
                  <a:lnTo>
                    <a:pt x="471" y="153"/>
                  </a:lnTo>
                  <a:lnTo>
                    <a:pt x="465" y="153"/>
                  </a:lnTo>
                  <a:lnTo>
                    <a:pt x="462" y="149"/>
                  </a:lnTo>
                  <a:lnTo>
                    <a:pt x="459" y="147"/>
                  </a:lnTo>
                  <a:lnTo>
                    <a:pt x="455" y="144"/>
                  </a:lnTo>
                  <a:lnTo>
                    <a:pt x="454" y="142"/>
                  </a:lnTo>
                  <a:lnTo>
                    <a:pt x="452" y="141"/>
                  </a:lnTo>
                  <a:lnTo>
                    <a:pt x="450" y="139"/>
                  </a:lnTo>
                  <a:lnTo>
                    <a:pt x="450" y="137"/>
                  </a:lnTo>
                  <a:lnTo>
                    <a:pt x="450" y="136"/>
                  </a:lnTo>
                  <a:lnTo>
                    <a:pt x="449" y="136"/>
                  </a:lnTo>
                  <a:lnTo>
                    <a:pt x="447" y="136"/>
                  </a:lnTo>
                  <a:lnTo>
                    <a:pt x="443" y="136"/>
                  </a:lnTo>
                  <a:lnTo>
                    <a:pt x="440" y="136"/>
                  </a:lnTo>
                  <a:lnTo>
                    <a:pt x="437" y="134"/>
                  </a:lnTo>
                  <a:lnTo>
                    <a:pt x="435" y="132"/>
                  </a:lnTo>
                  <a:lnTo>
                    <a:pt x="433" y="131"/>
                  </a:lnTo>
                  <a:lnTo>
                    <a:pt x="432" y="127"/>
                  </a:lnTo>
                  <a:lnTo>
                    <a:pt x="432" y="125"/>
                  </a:lnTo>
                  <a:lnTo>
                    <a:pt x="430" y="124"/>
                  </a:lnTo>
                  <a:lnTo>
                    <a:pt x="428" y="120"/>
                  </a:lnTo>
                  <a:lnTo>
                    <a:pt x="427" y="117"/>
                  </a:lnTo>
                  <a:lnTo>
                    <a:pt x="423" y="117"/>
                  </a:lnTo>
                  <a:lnTo>
                    <a:pt x="420" y="117"/>
                  </a:lnTo>
                  <a:lnTo>
                    <a:pt x="415" y="119"/>
                  </a:lnTo>
                  <a:lnTo>
                    <a:pt x="411" y="122"/>
                  </a:lnTo>
                  <a:lnTo>
                    <a:pt x="405" y="132"/>
                  </a:lnTo>
                  <a:lnTo>
                    <a:pt x="399" y="136"/>
                  </a:lnTo>
                  <a:lnTo>
                    <a:pt x="396" y="134"/>
                  </a:lnTo>
                  <a:lnTo>
                    <a:pt x="396" y="131"/>
                  </a:lnTo>
                  <a:lnTo>
                    <a:pt x="394" y="125"/>
                  </a:lnTo>
                  <a:lnTo>
                    <a:pt x="393" y="120"/>
                  </a:lnTo>
                  <a:lnTo>
                    <a:pt x="393" y="115"/>
                  </a:lnTo>
                  <a:lnTo>
                    <a:pt x="389" y="112"/>
                  </a:lnTo>
                  <a:lnTo>
                    <a:pt x="381" y="109"/>
                  </a:lnTo>
                  <a:lnTo>
                    <a:pt x="377" y="105"/>
                  </a:lnTo>
                  <a:lnTo>
                    <a:pt x="376" y="103"/>
                  </a:lnTo>
                  <a:lnTo>
                    <a:pt x="376" y="102"/>
                  </a:lnTo>
                  <a:lnTo>
                    <a:pt x="376" y="100"/>
                  </a:lnTo>
                  <a:lnTo>
                    <a:pt x="377" y="100"/>
                  </a:lnTo>
                  <a:lnTo>
                    <a:pt x="379" y="98"/>
                  </a:lnTo>
                  <a:lnTo>
                    <a:pt x="377" y="98"/>
                  </a:lnTo>
                  <a:lnTo>
                    <a:pt x="374" y="97"/>
                  </a:lnTo>
                  <a:lnTo>
                    <a:pt x="371" y="97"/>
                  </a:lnTo>
                  <a:lnTo>
                    <a:pt x="364" y="97"/>
                  </a:lnTo>
                  <a:lnTo>
                    <a:pt x="355" y="95"/>
                  </a:lnTo>
                  <a:lnTo>
                    <a:pt x="347" y="93"/>
                  </a:lnTo>
                  <a:lnTo>
                    <a:pt x="339" y="92"/>
                  </a:lnTo>
                  <a:lnTo>
                    <a:pt x="332" y="90"/>
                  </a:lnTo>
                  <a:lnTo>
                    <a:pt x="327" y="88"/>
                  </a:lnTo>
                  <a:lnTo>
                    <a:pt x="322" y="88"/>
                  </a:lnTo>
                  <a:lnTo>
                    <a:pt x="318" y="88"/>
                  </a:lnTo>
                  <a:lnTo>
                    <a:pt x="315" y="90"/>
                  </a:lnTo>
                  <a:lnTo>
                    <a:pt x="311" y="92"/>
                  </a:lnTo>
                  <a:lnTo>
                    <a:pt x="306" y="98"/>
                  </a:lnTo>
                  <a:lnTo>
                    <a:pt x="301" y="102"/>
                  </a:lnTo>
                  <a:lnTo>
                    <a:pt x="296" y="105"/>
                  </a:lnTo>
                  <a:lnTo>
                    <a:pt x="289" y="105"/>
                  </a:lnTo>
                  <a:lnTo>
                    <a:pt x="286" y="105"/>
                  </a:lnTo>
                  <a:lnTo>
                    <a:pt x="283" y="105"/>
                  </a:lnTo>
                  <a:lnTo>
                    <a:pt x="279" y="105"/>
                  </a:lnTo>
                  <a:lnTo>
                    <a:pt x="278" y="105"/>
                  </a:lnTo>
                  <a:lnTo>
                    <a:pt x="276" y="92"/>
                  </a:lnTo>
                  <a:lnTo>
                    <a:pt x="242" y="92"/>
                  </a:lnTo>
                  <a:lnTo>
                    <a:pt x="240" y="83"/>
                  </a:lnTo>
                  <a:lnTo>
                    <a:pt x="229" y="85"/>
                  </a:lnTo>
                  <a:lnTo>
                    <a:pt x="222" y="85"/>
                  </a:lnTo>
                  <a:lnTo>
                    <a:pt x="215" y="83"/>
                  </a:lnTo>
                  <a:lnTo>
                    <a:pt x="212" y="80"/>
                  </a:lnTo>
                  <a:lnTo>
                    <a:pt x="208" y="76"/>
                  </a:lnTo>
                  <a:lnTo>
                    <a:pt x="207" y="73"/>
                  </a:lnTo>
                  <a:lnTo>
                    <a:pt x="205" y="71"/>
                  </a:lnTo>
                  <a:lnTo>
                    <a:pt x="205" y="70"/>
                  </a:lnTo>
                  <a:lnTo>
                    <a:pt x="205" y="26"/>
                  </a:lnTo>
                  <a:lnTo>
                    <a:pt x="181" y="2"/>
                  </a:lnTo>
                  <a:lnTo>
                    <a:pt x="168" y="0"/>
                  </a:lnTo>
                  <a:lnTo>
                    <a:pt x="169" y="37"/>
                  </a:lnTo>
                  <a:lnTo>
                    <a:pt x="159" y="46"/>
                  </a:lnTo>
                  <a:lnTo>
                    <a:pt x="0" y="48"/>
                  </a:lnTo>
                  <a:lnTo>
                    <a:pt x="7" y="85"/>
                  </a:lnTo>
                  <a:lnTo>
                    <a:pt x="7" y="87"/>
                  </a:lnTo>
                  <a:lnTo>
                    <a:pt x="7" y="88"/>
                  </a:lnTo>
                  <a:lnTo>
                    <a:pt x="7" y="93"/>
                  </a:lnTo>
                  <a:lnTo>
                    <a:pt x="5" y="100"/>
                  </a:lnTo>
                  <a:lnTo>
                    <a:pt x="5" y="107"/>
                  </a:lnTo>
                  <a:lnTo>
                    <a:pt x="5" y="114"/>
                  </a:lnTo>
                  <a:lnTo>
                    <a:pt x="5" y="124"/>
                  </a:lnTo>
                  <a:lnTo>
                    <a:pt x="5" y="132"/>
                  </a:lnTo>
                  <a:lnTo>
                    <a:pt x="5" y="142"/>
                  </a:lnTo>
                  <a:lnTo>
                    <a:pt x="7" y="153"/>
                  </a:lnTo>
                  <a:lnTo>
                    <a:pt x="7" y="161"/>
                  </a:lnTo>
                  <a:lnTo>
                    <a:pt x="9" y="169"/>
                  </a:lnTo>
                  <a:lnTo>
                    <a:pt x="10" y="178"/>
                  </a:lnTo>
                  <a:lnTo>
                    <a:pt x="14" y="186"/>
                  </a:lnTo>
                  <a:lnTo>
                    <a:pt x="17" y="193"/>
                  </a:lnTo>
                  <a:lnTo>
                    <a:pt x="22" y="198"/>
                  </a:lnTo>
                  <a:lnTo>
                    <a:pt x="22" y="200"/>
                  </a:lnTo>
                  <a:lnTo>
                    <a:pt x="22" y="203"/>
                  </a:lnTo>
                  <a:lnTo>
                    <a:pt x="24" y="208"/>
                  </a:lnTo>
                  <a:lnTo>
                    <a:pt x="25" y="217"/>
                  </a:lnTo>
                  <a:lnTo>
                    <a:pt x="27" y="225"/>
                  </a:lnTo>
                  <a:lnTo>
                    <a:pt x="29" y="235"/>
                  </a:lnTo>
                  <a:lnTo>
                    <a:pt x="29" y="246"/>
                  </a:lnTo>
                  <a:lnTo>
                    <a:pt x="31" y="256"/>
                  </a:lnTo>
                  <a:lnTo>
                    <a:pt x="31" y="259"/>
                  </a:lnTo>
                  <a:lnTo>
                    <a:pt x="31" y="264"/>
                  </a:lnTo>
                  <a:lnTo>
                    <a:pt x="31" y="271"/>
                  </a:lnTo>
                  <a:lnTo>
                    <a:pt x="31" y="278"/>
                  </a:lnTo>
                  <a:lnTo>
                    <a:pt x="31" y="285"/>
                  </a:lnTo>
                  <a:lnTo>
                    <a:pt x="31" y="290"/>
                  </a:lnTo>
                  <a:lnTo>
                    <a:pt x="31" y="295"/>
                  </a:lnTo>
                  <a:lnTo>
                    <a:pt x="31" y="296"/>
                  </a:lnTo>
                  <a:lnTo>
                    <a:pt x="39" y="310"/>
                  </a:lnTo>
                  <a:lnTo>
                    <a:pt x="36" y="332"/>
                  </a:lnTo>
                  <a:lnTo>
                    <a:pt x="39" y="362"/>
                  </a:lnTo>
                  <a:lnTo>
                    <a:pt x="49" y="376"/>
                  </a:lnTo>
                  <a:lnTo>
                    <a:pt x="54" y="389"/>
                  </a:lnTo>
                  <a:lnTo>
                    <a:pt x="53" y="427"/>
                  </a:lnTo>
                  <a:lnTo>
                    <a:pt x="53" y="437"/>
                  </a:lnTo>
                  <a:lnTo>
                    <a:pt x="37" y="455"/>
                  </a:lnTo>
                  <a:lnTo>
                    <a:pt x="36" y="457"/>
                  </a:lnTo>
                  <a:lnTo>
                    <a:pt x="34" y="459"/>
                  </a:lnTo>
                  <a:lnTo>
                    <a:pt x="32" y="462"/>
                  </a:lnTo>
                  <a:lnTo>
                    <a:pt x="31" y="466"/>
                  </a:lnTo>
                  <a:lnTo>
                    <a:pt x="29" y="469"/>
                  </a:lnTo>
                  <a:lnTo>
                    <a:pt x="29" y="474"/>
                  </a:lnTo>
                  <a:lnTo>
                    <a:pt x="31" y="477"/>
                  </a:lnTo>
                  <a:lnTo>
                    <a:pt x="34" y="481"/>
                  </a:lnTo>
                  <a:lnTo>
                    <a:pt x="36" y="481"/>
                  </a:lnTo>
                  <a:lnTo>
                    <a:pt x="39" y="484"/>
                  </a:lnTo>
                  <a:lnTo>
                    <a:pt x="44" y="488"/>
                  </a:lnTo>
                  <a:lnTo>
                    <a:pt x="49" y="491"/>
                  </a:lnTo>
                  <a:lnTo>
                    <a:pt x="54" y="496"/>
                  </a:lnTo>
                  <a:lnTo>
                    <a:pt x="59" y="499"/>
                  </a:lnTo>
                  <a:lnTo>
                    <a:pt x="61" y="501"/>
                  </a:lnTo>
                  <a:lnTo>
                    <a:pt x="63" y="503"/>
                  </a:lnTo>
                  <a:lnTo>
                    <a:pt x="63" y="505"/>
                  </a:lnTo>
                  <a:lnTo>
                    <a:pt x="63" y="511"/>
                  </a:lnTo>
                  <a:lnTo>
                    <a:pt x="63" y="523"/>
                  </a:lnTo>
                  <a:lnTo>
                    <a:pt x="63" y="538"/>
                  </a:lnTo>
                  <a:lnTo>
                    <a:pt x="63" y="555"/>
                  </a:lnTo>
                  <a:lnTo>
                    <a:pt x="63" y="576"/>
                  </a:lnTo>
                  <a:lnTo>
                    <a:pt x="63" y="596"/>
                  </a:lnTo>
                  <a:lnTo>
                    <a:pt x="63" y="618"/>
                  </a:lnTo>
                  <a:lnTo>
                    <a:pt x="63" y="638"/>
                  </a:lnTo>
                  <a:lnTo>
                    <a:pt x="61" y="660"/>
                  </a:lnTo>
                  <a:lnTo>
                    <a:pt x="61" y="679"/>
                  </a:lnTo>
                  <a:lnTo>
                    <a:pt x="61" y="696"/>
                  </a:lnTo>
                  <a:lnTo>
                    <a:pt x="61" y="711"/>
                  </a:lnTo>
                  <a:lnTo>
                    <a:pt x="61" y="721"/>
                  </a:lnTo>
                  <a:lnTo>
                    <a:pt x="63" y="728"/>
                  </a:lnTo>
                  <a:lnTo>
                    <a:pt x="63" y="731"/>
                  </a:lnTo>
                  <a:lnTo>
                    <a:pt x="63" y="730"/>
                  </a:lnTo>
                  <a:lnTo>
                    <a:pt x="66" y="730"/>
                  </a:lnTo>
                  <a:lnTo>
                    <a:pt x="73" y="730"/>
                  </a:lnTo>
                  <a:lnTo>
                    <a:pt x="80" y="730"/>
                  </a:lnTo>
                  <a:lnTo>
                    <a:pt x="90" y="730"/>
                  </a:lnTo>
                  <a:lnTo>
                    <a:pt x="100" y="730"/>
                  </a:lnTo>
                  <a:lnTo>
                    <a:pt x="113" y="730"/>
                  </a:lnTo>
                  <a:lnTo>
                    <a:pt x="127" y="730"/>
                  </a:lnTo>
                  <a:lnTo>
                    <a:pt x="144" y="730"/>
                  </a:lnTo>
                  <a:lnTo>
                    <a:pt x="159" y="730"/>
                  </a:lnTo>
                  <a:lnTo>
                    <a:pt x="178" y="730"/>
                  </a:lnTo>
                  <a:lnTo>
                    <a:pt x="196" y="730"/>
                  </a:lnTo>
                  <a:lnTo>
                    <a:pt x="215" y="730"/>
                  </a:lnTo>
                  <a:lnTo>
                    <a:pt x="235" y="728"/>
                  </a:lnTo>
                  <a:lnTo>
                    <a:pt x="254" y="728"/>
                  </a:lnTo>
                  <a:lnTo>
                    <a:pt x="274" y="728"/>
                  </a:lnTo>
                  <a:lnTo>
                    <a:pt x="296" y="728"/>
                  </a:lnTo>
                  <a:lnTo>
                    <a:pt x="317" y="728"/>
                  </a:lnTo>
                  <a:lnTo>
                    <a:pt x="337" y="728"/>
                  </a:lnTo>
                  <a:lnTo>
                    <a:pt x="357" y="726"/>
                  </a:lnTo>
                  <a:lnTo>
                    <a:pt x="376" y="726"/>
                  </a:lnTo>
                  <a:lnTo>
                    <a:pt x="396" y="726"/>
                  </a:lnTo>
                  <a:lnTo>
                    <a:pt x="415" y="726"/>
                  </a:lnTo>
                  <a:lnTo>
                    <a:pt x="432" y="725"/>
                  </a:lnTo>
                  <a:lnTo>
                    <a:pt x="449" y="725"/>
                  </a:lnTo>
                  <a:lnTo>
                    <a:pt x="465" y="725"/>
                  </a:lnTo>
                  <a:lnTo>
                    <a:pt x="479" y="723"/>
                  </a:lnTo>
                  <a:lnTo>
                    <a:pt x="493" y="723"/>
                  </a:lnTo>
                  <a:lnTo>
                    <a:pt x="503" y="721"/>
                  </a:lnTo>
                  <a:lnTo>
                    <a:pt x="513" y="721"/>
                  </a:lnTo>
                  <a:lnTo>
                    <a:pt x="521" y="719"/>
                  </a:lnTo>
                  <a:lnTo>
                    <a:pt x="526" y="718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961" name="Group 159"/>
            <p:cNvGrpSpPr>
              <a:grpSpLocks/>
            </p:cNvGrpSpPr>
            <p:nvPr/>
          </p:nvGrpSpPr>
          <p:grpSpPr bwMode="auto">
            <a:xfrm>
              <a:off x="3736" y="1882"/>
              <a:ext cx="401" cy="455"/>
              <a:chOff x="3961" y="1493"/>
              <a:chExt cx="412" cy="469"/>
            </a:xfrm>
          </p:grpSpPr>
          <p:sp>
            <p:nvSpPr>
              <p:cNvPr id="991" name="Freeform 160"/>
              <p:cNvSpPr>
                <a:spLocks/>
              </p:cNvSpPr>
              <p:nvPr/>
            </p:nvSpPr>
            <p:spPr bwMode="auto">
              <a:xfrm>
                <a:off x="3961" y="1493"/>
                <a:ext cx="412" cy="469"/>
              </a:xfrm>
              <a:custGeom>
                <a:avLst/>
                <a:gdLst>
                  <a:gd name="T0" fmla="*/ 121 w 412"/>
                  <a:gd name="T1" fmla="*/ 76 h 469"/>
                  <a:gd name="T2" fmla="*/ 130 w 412"/>
                  <a:gd name="T3" fmla="*/ 73 h 469"/>
                  <a:gd name="T4" fmla="*/ 152 w 412"/>
                  <a:gd name="T5" fmla="*/ 78 h 469"/>
                  <a:gd name="T6" fmla="*/ 181 w 412"/>
                  <a:gd name="T7" fmla="*/ 79 h 469"/>
                  <a:gd name="T8" fmla="*/ 169 w 412"/>
                  <a:gd name="T9" fmla="*/ 100 h 469"/>
                  <a:gd name="T10" fmla="*/ 182 w 412"/>
                  <a:gd name="T11" fmla="*/ 100 h 469"/>
                  <a:gd name="T12" fmla="*/ 196 w 412"/>
                  <a:gd name="T13" fmla="*/ 93 h 469"/>
                  <a:gd name="T14" fmla="*/ 209 w 412"/>
                  <a:gd name="T15" fmla="*/ 98 h 469"/>
                  <a:gd name="T16" fmla="*/ 226 w 412"/>
                  <a:gd name="T17" fmla="*/ 91 h 469"/>
                  <a:gd name="T18" fmla="*/ 240 w 412"/>
                  <a:gd name="T19" fmla="*/ 86 h 469"/>
                  <a:gd name="T20" fmla="*/ 255 w 412"/>
                  <a:gd name="T21" fmla="*/ 78 h 469"/>
                  <a:gd name="T22" fmla="*/ 270 w 412"/>
                  <a:gd name="T23" fmla="*/ 76 h 469"/>
                  <a:gd name="T24" fmla="*/ 277 w 412"/>
                  <a:gd name="T25" fmla="*/ 76 h 469"/>
                  <a:gd name="T26" fmla="*/ 291 w 412"/>
                  <a:gd name="T27" fmla="*/ 62 h 469"/>
                  <a:gd name="T28" fmla="*/ 318 w 412"/>
                  <a:gd name="T29" fmla="*/ 37 h 469"/>
                  <a:gd name="T30" fmla="*/ 353 w 412"/>
                  <a:gd name="T31" fmla="*/ 12 h 469"/>
                  <a:gd name="T32" fmla="*/ 380 w 412"/>
                  <a:gd name="T33" fmla="*/ 0 h 469"/>
                  <a:gd name="T34" fmla="*/ 404 w 412"/>
                  <a:gd name="T35" fmla="*/ 176 h 469"/>
                  <a:gd name="T36" fmla="*/ 409 w 412"/>
                  <a:gd name="T37" fmla="*/ 206 h 469"/>
                  <a:gd name="T38" fmla="*/ 404 w 412"/>
                  <a:gd name="T39" fmla="*/ 227 h 469"/>
                  <a:gd name="T40" fmla="*/ 399 w 412"/>
                  <a:gd name="T41" fmla="*/ 262 h 469"/>
                  <a:gd name="T42" fmla="*/ 399 w 412"/>
                  <a:gd name="T43" fmla="*/ 274 h 469"/>
                  <a:gd name="T44" fmla="*/ 399 w 412"/>
                  <a:gd name="T45" fmla="*/ 291 h 469"/>
                  <a:gd name="T46" fmla="*/ 387 w 412"/>
                  <a:gd name="T47" fmla="*/ 308 h 469"/>
                  <a:gd name="T48" fmla="*/ 370 w 412"/>
                  <a:gd name="T49" fmla="*/ 326 h 469"/>
                  <a:gd name="T50" fmla="*/ 365 w 412"/>
                  <a:gd name="T51" fmla="*/ 333 h 469"/>
                  <a:gd name="T52" fmla="*/ 351 w 412"/>
                  <a:gd name="T53" fmla="*/ 337 h 469"/>
                  <a:gd name="T54" fmla="*/ 326 w 412"/>
                  <a:gd name="T55" fmla="*/ 382 h 469"/>
                  <a:gd name="T56" fmla="*/ 323 w 412"/>
                  <a:gd name="T57" fmla="*/ 396 h 469"/>
                  <a:gd name="T58" fmla="*/ 311 w 412"/>
                  <a:gd name="T59" fmla="*/ 391 h 469"/>
                  <a:gd name="T60" fmla="*/ 302 w 412"/>
                  <a:gd name="T61" fmla="*/ 387 h 469"/>
                  <a:gd name="T62" fmla="*/ 296 w 412"/>
                  <a:gd name="T63" fmla="*/ 404 h 469"/>
                  <a:gd name="T64" fmla="*/ 292 w 412"/>
                  <a:gd name="T65" fmla="*/ 413 h 469"/>
                  <a:gd name="T66" fmla="*/ 289 w 412"/>
                  <a:gd name="T67" fmla="*/ 419 h 469"/>
                  <a:gd name="T68" fmla="*/ 285 w 412"/>
                  <a:gd name="T69" fmla="*/ 453 h 469"/>
                  <a:gd name="T70" fmla="*/ 263 w 412"/>
                  <a:gd name="T71" fmla="*/ 469 h 469"/>
                  <a:gd name="T72" fmla="*/ 253 w 412"/>
                  <a:gd name="T73" fmla="*/ 458 h 469"/>
                  <a:gd name="T74" fmla="*/ 236 w 412"/>
                  <a:gd name="T75" fmla="*/ 450 h 469"/>
                  <a:gd name="T76" fmla="*/ 231 w 412"/>
                  <a:gd name="T77" fmla="*/ 443 h 469"/>
                  <a:gd name="T78" fmla="*/ 214 w 412"/>
                  <a:gd name="T79" fmla="*/ 436 h 469"/>
                  <a:gd name="T80" fmla="*/ 198 w 412"/>
                  <a:gd name="T81" fmla="*/ 452 h 469"/>
                  <a:gd name="T82" fmla="*/ 177 w 412"/>
                  <a:gd name="T83" fmla="*/ 453 h 469"/>
                  <a:gd name="T84" fmla="*/ 169 w 412"/>
                  <a:gd name="T85" fmla="*/ 448 h 469"/>
                  <a:gd name="T86" fmla="*/ 157 w 412"/>
                  <a:gd name="T87" fmla="*/ 452 h 469"/>
                  <a:gd name="T88" fmla="*/ 143 w 412"/>
                  <a:gd name="T89" fmla="*/ 455 h 469"/>
                  <a:gd name="T90" fmla="*/ 98 w 412"/>
                  <a:gd name="T91" fmla="*/ 440 h 469"/>
                  <a:gd name="T92" fmla="*/ 89 w 412"/>
                  <a:gd name="T93" fmla="*/ 423 h 469"/>
                  <a:gd name="T94" fmla="*/ 59 w 412"/>
                  <a:gd name="T95" fmla="*/ 414 h 469"/>
                  <a:gd name="T96" fmla="*/ 42 w 412"/>
                  <a:gd name="T97" fmla="*/ 414 h 469"/>
                  <a:gd name="T98" fmla="*/ 0 w 412"/>
                  <a:gd name="T99" fmla="*/ 96 h 469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w 412"/>
                  <a:gd name="T151" fmla="*/ 0 h 469"/>
                  <a:gd name="T152" fmla="*/ 412 w 412"/>
                  <a:gd name="T153" fmla="*/ 469 h 469"/>
                </a:gdLst>
                <a:ahLst/>
                <a:cxnLst>
                  <a:cxn ang="T100">
                    <a:pos x="T0" y="T1"/>
                  </a:cxn>
                  <a:cxn ang="T101">
                    <a:pos x="T2" y="T3"/>
                  </a:cxn>
                  <a:cxn ang="T102">
                    <a:pos x="T4" y="T5"/>
                  </a:cxn>
                  <a:cxn ang="T103">
                    <a:pos x="T6" y="T7"/>
                  </a:cxn>
                  <a:cxn ang="T104">
                    <a:pos x="T8" y="T9"/>
                  </a:cxn>
                  <a:cxn ang="T105">
                    <a:pos x="T10" y="T11"/>
                  </a:cxn>
                  <a:cxn ang="T106">
                    <a:pos x="T12" y="T13"/>
                  </a:cxn>
                  <a:cxn ang="T107">
                    <a:pos x="T14" y="T15"/>
                  </a:cxn>
                  <a:cxn ang="T108">
                    <a:pos x="T16" y="T17"/>
                  </a:cxn>
                  <a:cxn ang="T109">
                    <a:pos x="T18" y="T19"/>
                  </a:cxn>
                  <a:cxn ang="T110">
                    <a:pos x="T20" y="T21"/>
                  </a:cxn>
                  <a:cxn ang="T111">
                    <a:pos x="T22" y="T23"/>
                  </a:cxn>
                  <a:cxn ang="T112">
                    <a:pos x="T24" y="T25"/>
                  </a:cxn>
                  <a:cxn ang="T113">
                    <a:pos x="T26" y="T27"/>
                  </a:cxn>
                  <a:cxn ang="T114">
                    <a:pos x="T28" y="T29"/>
                  </a:cxn>
                  <a:cxn ang="T115">
                    <a:pos x="T30" y="T31"/>
                  </a:cxn>
                  <a:cxn ang="T116">
                    <a:pos x="T32" y="T33"/>
                  </a:cxn>
                  <a:cxn ang="T117">
                    <a:pos x="T34" y="T35"/>
                  </a:cxn>
                  <a:cxn ang="T118">
                    <a:pos x="T36" y="T37"/>
                  </a:cxn>
                  <a:cxn ang="T119">
                    <a:pos x="T38" y="T39"/>
                  </a:cxn>
                  <a:cxn ang="T120">
                    <a:pos x="T40" y="T41"/>
                  </a:cxn>
                  <a:cxn ang="T121">
                    <a:pos x="T42" y="T43"/>
                  </a:cxn>
                  <a:cxn ang="T122">
                    <a:pos x="T44" y="T45"/>
                  </a:cxn>
                  <a:cxn ang="T123">
                    <a:pos x="T46" y="T47"/>
                  </a:cxn>
                  <a:cxn ang="T124">
                    <a:pos x="T48" y="T49"/>
                  </a:cxn>
                  <a:cxn ang="T125">
                    <a:pos x="T50" y="T51"/>
                  </a:cxn>
                  <a:cxn ang="T126">
                    <a:pos x="T52" y="T53"/>
                  </a:cxn>
                  <a:cxn ang="T127">
                    <a:pos x="T54" y="T55"/>
                  </a:cxn>
                  <a:cxn ang="T128">
                    <a:pos x="T56" y="T57"/>
                  </a:cxn>
                  <a:cxn ang="T129">
                    <a:pos x="T58" y="T59"/>
                  </a:cxn>
                  <a:cxn ang="T130">
                    <a:pos x="T60" y="T61"/>
                  </a:cxn>
                  <a:cxn ang="T131">
                    <a:pos x="T62" y="T63"/>
                  </a:cxn>
                  <a:cxn ang="T132">
                    <a:pos x="T64" y="T65"/>
                  </a:cxn>
                  <a:cxn ang="T133">
                    <a:pos x="T66" y="T67"/>
                  </a:cxn>
                  <a:cxn ang="T134">
                    <a:pos x="T68" y="T69"/>
                  </a:cxn>
                  <a:cxn ang="T135">
                    <a:pos x="T70" y="T71"/>
                  </a:cxn>
                  <a:cxn ang="T136">
                    <a:pos x="T72" y="T73"/>
                  </a:cxn>
                  <a:cxn ang="T137">
                    <a:pos x="T74" y="T75"/>
                  </a:cxn>
                  <a:cxn ang="T138">
                    <a:pos x="T76" y="T77"/>
                  </a:cxn>
                  <a:cxn ang="T139">
                    <a:pos x="T78" y="T79"/>
                  </a:cxn>
                  <a:cxn ang="T140">
                    <a:pos x="T80" y="T81"/>
                  </a:cxn>
                  <a:cxn ang="T141">
                    <a:pos x="T82" y="T83"/>
                  </a:cxn>
                  <a:cxn ang="T142">
                    <a:pos x="T84" y="T85"/>
                  </a:cxn>
                  <a:cxn ang="T143">
                    <a:pos x="T86" y="T87"/>
                  </a:cxn>
                  <a:cxn ang="T144">
                    <a:pos x="T88" y="T89"/>
                  </a:cxn>
                  <a:cxn ang="T145">
                    <a:pos x="T90" y="T91"/>
                  </a:cxn>
                  <a:cxn ang="T146">
                    <a:pos x="T92" y="T93"/>
                  </a:cxn>
                  <a:cxn ang="T147">
                    <a:pos x="T94" y="T95"/>
                  </a:cxn>
                  <a:cxn ang="T148">
                    <a:pos x="T96" y="T97"/>
                  </a:cxn>
                  <a:cxn ang="T149">
                    <a:pos x="T98" y="T99"/>
                  </a:cxn>
                </a:cxnLst>
                <a:rect l="T150" t="T151" r="T152" b="T153"/>
                <a:pathLst>
                  <a:path w="412" h="469">
                    <a:moveTo>
                      <a:pt x="0" y="96"/>
                    </a:moveTo>
                    <a:lnTo>
                      <a:pt x="116" y="78"/>
                    </a:lnTo>
                    <a:lnTo>
                      <a:pt x="118" y="78"/>
                    </a:lnTo>
                    <a:lnTo>
                      <a:pt x="121" y="76"/>
                    </a:lnTo>
                    <a:lnTo>
                      <a:pt x="125" y="74"/>
                    </a:lnTo>
                    <a:lnTo>
                      <a:pt x="126" y="73"/>
                    </a:lnTo>
                    <a:lnTo>
                      <a:pt x="128" y="73"/>
                    </a:lnTo>
                    <a:lnTo>
                      <a:pt x="130" y="73"/>
                    </a:lnTo>
                    <a:lnTo>
                      <a:pt x="135" y="73"/>
                    </a:lnTo>
                    <a:lnTo>
                      <a:pt x="140" y="73"/>
                    </a:lnTo>
                    <a:lnTo>
                      <a:pt x="145" y="74"/>
                    </a:lnTo>
                    <a:lnTo>
                      <a:pt x="152" y="78"/>
                    </a:lnTo>
                    <a:lnTo>
                      <a:pt x="159" y="81"/>
                    </a:lnTo>
                    <a:lnTo>
                      <a:pt x="164" y="86"/>
                    </a:lnTo>
                    <a:lnTo>
                      <a:pt x="174" y="86"/>
                    </a:lnTo>
                    <a:lnTo>
                      <a:pt x="181" y="79"/>
                    </a:lnTo>
                    <a:lnTo>
                      <a:pt x="191" y="84"/>
                    </a:lnTo>
                    <a:lnTo>
                      <a:pt x="177" y="91"/>
                    </a:lnTo>
                    <a:lnTo>
                      <a:pt x="169" y="100"/>
                    </a:lnTo>
                    <a:lnTo>
                      <a:pt x="170" y="100"/>
                    </a:lnTo>
                    <a:lnTo>
                      <a:pt x="174" y="100"/>
                    </a:lnTo>
                    <a:lnTo>
                      <a:pt x="177" y="100"/>
                    </a:lnTo>
                    <a:lnTo>
                      <a:pt x="182" y="100"/>
                    </a:lnTo>
                    <a:lnTo>
                      <a:pt x="186" y="98"/>
                    </a:lnTo>
                    <a:lnTo>
                      <a:pt x="191" y="95"/>
                    </a:lnTo>
                    <a:lnTo>
                      <a:pt x="196" y="91"/>
                    </a:lnTo>
                    <a:lnTo>
                      <a:pt x="196" y="93"/>
                    </a:lnTo>
                    <a:lnTo>
                      <a:pt x="198" y="93"/>
                    </a:lnTo>
                    <a:lnTo>
                      <a:pt x="201" y="95"/>
                    </a:lnTo>
                    <a:lnTo>
                      <a:pt x="206" y="96"/>
                    </a:lnTo>
                    <a:lnTo>
                      <a:pt x="209" y="98"/>
                    </a:lnTo>
                    <a:lnTo>
                      <a:pt x="214" y="98"/>
                    </a:lnTo>
                    <a:lnTo>
                      <a:pt x="219" y="96"/>
                    </a:lnTo>
                    <a:lnTo>
                      <a:pt x="226" y="91"/>
                    </a:lnTo>
                    <a:lnTo>
                      <a:pt x="230" y="91"/>
                    </a:lnTo>
                    <a:lnTo>
                      <a:pt x="231" y="89"/>
                    </a:lnTo>
                    <a:lnTo>
                      <a:pt x="236" y="88"/>
                    </a:lnTo>
                    <a:lnTo>
                      <a:pt x="240" y="86"/>
                    </a:lnTo>
                    <a:lnTo>
                      <a:pt x="245" y="84"/>
                    </a:lnTo>
                    <a:lnTo>
                      <a:pt x="250" y="81"/>
                    </a:lnTo>
                    <a:lnTo>
                      <a:pt x="253" y="78"/>
                    </a:lnTo>
                    <a:lnTo>
                      <a:pt x="255" y="78"/>
                    </a:lnTo>
                    <a:lnTo>
                      <a:pt x="258" y="78"/>
                    </a:lnTo>
                    <a:lnTo>
                      <a:pt x="262" y="78"/>
                    </a:lnTo>
                    <a:lnTo>
                      <a:pt x="265" y="76"/>
                    </a:lnTo>
                    <a:lnTo>
                      <a:pt x="270" y="76"/>
                    </a:lnTo>
                    <a:lnTo>
                      <a:pt x="274" y="76"/>
                    </a:lnTo>
                    <a:lnTo>
                      <a:pt x="275" y="76"/>
                    </a:lnTo>
                    <a:lnTo>
                      <a:pt x="277" y="76"/>
                    </a:lnTo>
                    <a:lnTo>
                      <a:pt x="279" y="74"/>
                    </a:lnTo>
                    <a:lnTo>
                      <a:pt x="282" y="71"/>
                    </a:lnTo>
                    <a:lnTo>
                      <a:pt x="285" y="67"/>
                    </a:lnTo>
                    <a:lnTo>
                      <a:pt x="291" y="62"/>
                    </a:lnTo>
                    <a:lnTo>
                      <a:pt x="297" y="56"/>
                    </a:lnTo>
                    <a:lnTo>
                      <a:pt x="302" y="51"/>
                    </a:lnTo>
                    <a:lnTo>
                      <a:pt x="311" y="44"/>
                    </a:lnTo>
                    <a:lnTo>
                      <a:pt x="318" y="37"/>
                    </a:lnTo>
                    <a:lnTo>
                      <a:pt x="326" y="32"/>
                    </a:lnTo>
                    <a:lnTo>
                      <a:pt x="335" y="25"/>
                    </a:lnTo>
                    <a:lnTo>
                      <a:pt x="345" y="18"/>
                    </a:lnTo>
                    <a:lnTo>
                      <a:pt x="353" y="12"/>
                    </a:lnTo>
                    <a:lnTo>
                      <a:pt x="363" y="7"/>
                    </a:lnTo>
                    <a:lnTo>
                      <a:pt x="372" y="3"/>
                    </a:lnTo>
                    <a:lnTo>
                      <a:pt x="382" y="0"/>
                    </a:lnTo>
                    <a:lnTo>
                      <a:pt x="380" y="0"/>
                    </a:lnTo>
                    <a:lnTo>
                      <a:pt x="412" y="166"/>
                    </a:lnTo>
                    <a:lnTo>
                      <a:pt x="401" y="169"/>
                    </a:lnTo>
                    <a:lnTo>
                      <a:pt x="402" y="171"/>
                    </a:lnTo>
                    <a:lnTo>
                      <a:pt x="404" y="176"/>
                    </a:lnTo>
                    <a:lnTo>
                      <a:pt x="406" y="181"/>
                    </a:lnTo>
                    <a:lnTo>
                      <a:pt x="407" y="189"/>
                    </a:lnTo>
                    <a:lnTo>
                      <a:pt x="409" y="198"/>
                    </a:lnTo>
                    <a:lnTo>
                      <a:pt x="409" y="206"/>
                    </a:lnTo>
                    <a:lnTo>
                      <a:pt x="409" y="213"/>
                    </a:lnTo>
                    <a:lnTo>
                      <a:pt x="406" y="218"/>
                    </a:lnTo>
                    <a:lnTo>
                      <a:pt x="404" y="221"/>
                    </a:lnTo>
                    <a:lnTo>
                      <a:pt x="404" y="227"/>
                    </a:lnTo>
                    <a:lnTo>
                      <a:pt x="402" y="235"/>
                    </a:lnTo>
                    <a:lnTo>
                      <a:pt x="401" y="245"/>
                    </a:lnTo>
                    <a:lnTo>
                      <a:pt x="401" y="255"/>
                    </a:lnTo>
                    <a:lnTo>
                      <a:pt x="399" y="262"/>
                    </a:lnTo>
                    <a:lnTo>
                      <a:pt x="399" y="269"/>
                    </a:lnTo>
                    <a:lnTo>
                      <a:pt x="399" y="271"/>
                    </a:lnTo>
                    <a:lnTo>
                      <a:pt x="399" y="272"/>
                    </a:lnTo>
                    <a:lnTo>
                      <a:pt x="399" y="274"/>
                    </a:lnTo>
                    <a:lnTo>
                      <a:pt x="401" y="277"/>
                    </a:lnTo>
                    <a:lnTo>
                      <a:pt x="401" y="281"/>
                    </a:lnTo>
                    <a:lnTo>
                      <a:pt x="401" y="286"/>
                    </a:lnTo>
                    <a:lnTo>
                      <a:pt x="399" y="291"/>
                    </a:lnTo>
                    <a:lnTo>
                      <a:pt x="395" y="296"/>
                    </a:lnTo>
                    <a:lnTo>
                      <a:pt x="390" y="303"/>
                    </a:lnTo>
                    <a:lnTo>
                      <a:pt x="389" y="304"/>
                    </a:lnTo>
                    <a:lnTo>
                      <a:pt x="387" y="308"/>
                    </a:lnTo>
                    <a:lnTo>
                      <a:pt x="382" y="313"/>
                    </a:lnTo>
                    <a:lnTo>
                      <a:pt x="379" y="316"/>
                    </a:lnTo>
                    <a:lnTo>
                      <a:pt x="375" y="321"/>
                    </a:lnTo>
                    <a:lnTo>
                      <a:pt x="370" y="326"/>
                    </a:lnTo>
                    <a:lnTo>
                      <a:pt x="368" y="330"/>
                    </a:lnTo>
                    <a:lnTo>
                      <a:pt x="367" y="330"/>
                    </a:lnTo>
                    <a:lnTo>
                      <a:pt x="367" y="331"/>
                    </a:lnTo>
                    <a:lnTo>
                      <a:pt x="365" y="333"/>
                    </a:lnTo>
                    <a:lnTo>
                      <a:pt x="362" y="335"/>
                    </a:lnTo>
                    <a:lnTo>
                      <a:pt x="358" y="335"/>
                    </a:lnTo>
                    <a:lnTo>
                      <a:pt x="355" y="337"/>
                    </a:lnTo>
                    <a:lnTo>
                      <a:pt x="351" y="337"/>
                    </a:lnTo>
                    <a:lnTo>
                      <a:pt x="350" y="335"/>
                    </a:lnTo>
                    <a:lnTo>
                      <a:pt x="350" y="333"/>
                    </a:lnTo>
                    <a:lnTo>
                      <a:pt x="328" y="355"/>
                    </a:lnTo>
                    <a:lnTo>
                      <a:pt x="326" y="382"/>
                    </a:lnTo>
                    <a:lnTo>
                      <a:pt x="324" y="382"/>
                    </a:lnTo>
                    <a:lnTo>
                      <a:pt x="324" y="387"/>
                    </a:lnTo>
                    <a:lnTo>
                      <a:pt x="324" y="391"/>
                    </a:lnTo>
                    <a:lnTo>
                      <a:pt x="323" y="396"/>
                    </a:lnTo>
                    <a:lnTo>
                      <a:pt x="319" y="399"/>
                    </a:lnTo>
                    <a:lnTo>
                      <a:pt x="318" y="401"/>
                    </a:lnTo>
                    <a:lnTo>
                      <a:pt x="314" y="399"/>
                    </a:lnTo>
                    <a:lnTo>
                      <a:pt x="311" y="391"/>
                    </a:lnTo>
                    <a:lnTo>
                      <a:pt x="309" y="389"/>
                    </a:lnTo>
                    <a:lnTo>
                      <a:pt x="307" y="387"/>
                    </a:lnTo>
                    <a:lnTo>
                      <a:pt x="306" y="387"/>
                    </a:lnTo>
                    <a:lnTo>
                      <a:pt x="302" y="387"/>
                    </a:lnTo>
                    <a:lnTo>
                      <a:pt x="301" y="387"/>
                    </a:lnTo>
                    <a:lnTo>
                      <a:pt x="297" y="391"/>
                    </a:lnTo>
                    <a:lnTo>
                      <a:pt x="297" y="396"/>
                    </a:lnTo>
                    <a:lnTo>
                      <a:pt x="296" y="404"/>
                    </a:lnTo>
                    <a:lnTo>
                      <a:pt x="296" y="408"/>
                    </a:lnTo>
                    <a:lnTo>
                      <a:pt x="294" y="409"/>
                    </a:lnTo>
                    <a:lnTo>
                      <a:pt x="292" y="413"/>
                    </a:lnTo>
                    <a:lnTo>
                      <a:pt x="291" y="416"/>
                    </a:lnTo>
                    <a:lnTo>
                      <a:pt x="291" y="418"/>
                    </a:lnTo>
                    <a:lnTo>
                      <a:pt x="289" y="419"/>
                    </a:lnTo>
                    <a:lnTo>
                      <a:pt x="292" y="441"/>
                    </a:lnTo>
                    <a:lnTo>
                      <a:pt x="291" y="443"/>
                    </a:lnTo>
                    <a:lnTo>
                      <a:pt x="289" y="447"/>
                    </a:lnTo>
                    <a:lnTo>
                      <a:pt x="285" y="453"/>
                    </a:lnTo>
                    <a:lnTo>
                      <a:pt x="280" y="458"/>
                    </a:lnTo>
                    <a:lnTo>
                      <a:pt x="275" y="463"/>
                    </a:lnTo>
                    <a:lnTo>
                      <a:pt x="270" y="467"/>
                    </a:lnTo>
                    <a:lnTo>
                      <a:pt x="263" y="469"/>
                    </a:lnTo>
                    <a:lnTo>
                      <a:pt x="260" y="465"/>
                    </a:lnTo>
                    <a:lnTo>
                      <a:pt x="258" y="463"/>
                    </a:lnTo>
                    <a:lnTo>
                      <a:pt x="257" y="462"/>
                    </a:lnTo>
                    <a:lnTo>
                      <a:pt x="253" y="458"/>
                    </a:lnTo>
                    <a:lnTo>
                      <a:pt x="250" y="455"/>
                    </a:lnTo>
                    <a:lnTo>
                      <a:pt x="245" y="452"/>
                    </a:lnTo>
                    <a:lnTo>
                      <a:pt x="241" y="450"/>
                    </a:lnTo>
                    <a:lnTo>
                      <a:pt x="236" y="450"/>
                    </a:lnTo>
                    <a:lnTo>
                      <a:pt x="233" y="453"/>
                    </a:lnTo>
                    <a:lnTo>
                      <a:pt x="231" y="452"/>
                    </a:lnTo>
                    <a:lnTo>
                      <a:pt x="231" y="448"/>
                    </a:lnTo>
                    <a:lnTo>
                      <a:pt x="231" y="443"/>
                    </a:lnTo>
                    <a:lnTo>
                      <a:pt x="230" y="438"/>
                    </a:lnTo>
                    <a:lnTo>
                      <a:pt x="226" y="435"/>
                    </a:lnTo>
                    <a:lnTo>
                      <a:pt x="221" y="433"/>
                    </a:lnTo>
                    <a:lnTo>
                      <a:pt x="214" y="436"/>
                    </a:lnTo>
                    <a:lnTo>
                      <a:pt x="204" y="445"/>
                    </a:lnTo>
                    <a:lnTo>
                      <a:pt x="203" y="447"/>
                    </a:lnTo>
                    <a:lnTo>
                      <a:pt x="201" y="448"/>
                    </a:lnTo>
                    <a:lnTo>
                      <a:pt x="198" y="452"/>
                    </a:lnTo>
                    <a:lnTo>
                      <a:pt x="194" y="453"/>
                    </a:lnTo>
                    <a:lnTo>
                      <a:pt x="189" y="455"/>
                    </a:lnTo>
                    <a:lnTo>
                      <a:pt x="184" y="457"/>
                    </a:lnTo>
                    <a:lnTo>
                      <a:pt x="177" y="453"/>
                    </a:lnTo>
                    <a:lnTo>
                      <a:pt x="172" y="450"/>
                    </a:lnTo>
                    <a:lnTo>
                      <a:pt x="170" y="448"/>
                    </a:lnTo>
                    <a:lnTo>
                      <a:pt x="169" y="448"/>
                    </a:lnTo>
                    <a:lnTo>
                      <a:pt x="167" y="447"/>
                    </a:lnTo>
                    <a:lnTo>
                      <a:pt x="164" y="448"/>
                    </a:lnTo>
                    <a:lnTo>
                      <a:pt x="160" y="448"/>
                    </a:lnTo>
                    <a:lnTo>
                      <a:pt x="157" y="452"/>
                    </a:lnTo>
                    <a:lnTo>
                      <a:pt x="152" y="457"/>
                    </a:lnTo>
                    <a:lnTo>
                      <a:pt x="150" y="457"/>
                    </a:lnTo>
                    <a:lnTo>
                      <a:pt x="147" y="455"/>
                    </a:lnTo>
                    <a:lnTo>
                      <a:pt x="143" y="455"/>
                    </a:lnTo>
                    <a:lnTo>
                      <a:pt x="142" y="455"/>
                    </a:lnTo>
                    <a:lnTo>
                      <a:pt x="128" y="443"/>
                    </a:lnTo>
                    <a:lnTo>
                      <a:pt x="98" y="441"/>
                    </a:lnTo>
                    <a:lnTo>
                      <a:pt x="98" y="440"/>
                    </a:lnTo>
                    <a:lnTo>
                      <a:pt x="98" y="436"/>
                    </a:lnTo>
                    <a:lnTo>
                      <a:pt x="96" y="433"/>
                    </a:lnTo>
                    <a:lnTo>
                      <a:pt x="94" y="428"/>
                    </a:lnTo>
                    <a:lnTo>
                      <a:pt x="89" y="423"/>
                    </a:lnTo>
                    <a:lnTo>
                      <a:pt x="82" y="418"/>
                    </a:lnTo>
                    <a:lnTo>
                      <a:pt x="72" y="416"/>
                    </a:lnTo>
                    <a:lnTo>
                      <a:pt x="60" y="414"/>
                    </a:lnTo>
                    <a:lnTo>
                      <a:pt x="59" y="414"/>
                    </a:lnTo>
                    <a:lnTo>
                      <a:pt x="55" y="414"/>
                    </a:lnTo>
                    <a:lnTo>
                      <a:pt x="52" y="414"/>
                    </a:lnTo>
                    <a:lnTo>
                      <a:pt x="47" y="414"/>
                    </a:lnTo>
                    <a:lnTo>
                      <a:pt x="42" y="414"/>
                    </a:lnTo>
                    <a:lnTo>
                      <a:pt x="38" y="414"/>
                    </a:lnTo>
                    <a:lnTo>
                      <a:pt x="37" y="414"/>
                    </a:lnTo>
                    <a:lnTo>
                      <a:pt x="35" y="414"/>
                    </a:lnTo>
                    <a:lnTo>
                      <a:pt x="0" y="96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92" name="Freeform 161"/>
              <p:cNvSpPr>
                <a:spLocks/>
              </p:cNvSpPr>
              <p:nvPr/>
            </p:nvSpPr>
            <p:spPr bwMode="auto">
              <a:xfrm>
                <a:off x="3961" y="1493"/>
                <a:ext cx="412" cy="469"/>
              </a:xfrm>
              <a:custGeom>
                <a:avLst/>
                <a:gdLst>
                  <a:gd name="T0" fmla="*/ 118 w 412"/>
                  <a:gd name="T1" fmla="*/ 78 h 469"/>
                  <a:gd name="T2" fmla="*/ 126 w 412"/>
                  <a:gd name="T3" fmla="*/ 73 h 469"/>
                  <a:gd name="T4" fmla="*/ 140 w 412"/>
                  <a:gd name="T5" fmla="*/ 73 h 469"/>
                  <a:gd name="T6" fmla="*/ 164 w 412"/>
                  <a:gd name="T7" fmla="*/ 86 h 469"/>
                  <a:gd name="T8" fmla="*/ 177 w 412"/>
                  <a:gd name="T9" fmla="*/ 91 h 469"/>
                  <a:gd name="T10" fmla="*/ 170 w 412"/>
                  <a:gd name="T11" fmla="*/ 100 h 469"/>
                  <a:gd name="T12" fmla="*/ 186 w 412"/>
                  <a:gd name="T13" fmla="*/ 98 h 469"/>
                  <a:gd name="T14" fmla="*/ 196 w 412"/>
                  <a:gd name="T15" fmla="*/ 93 h 469"/>
                  <a:gd name="T16" fmla="*/ 209 w 412"/>
                  <a:gd name="T17" fmla="*/ 98 h 469"/>
                  <a:gd name="T18" fmla="*/ 226 w 412"/>
                  <a:gd name="T19" fmla="*/ 91 h 469"/>
                  <a:gd name="T20" fmla="*/ 236 w 412"/>
                  <a:gd name="T21" fmla="*/ 88 h 469"/>
                  <a:gd name="T22" fmla="*/ 253 w 412"/>
                  <a:gd name="T23" fmla="*/ 78 h 469"/>
                  <a:gd name="T24" fmla="*/ 262 w 412"/>
                  <a:gd name="T25" fmla="*/ 78 h 469"/>
                  <a:gd name="T26" fmla="*/ 275 w 412"/>
                  <a:gd name="T27" fmla="*/ 76 h 469"/>
                  <a:gd name="T28" fmla="*/ 279 w 412"/>
                  <a:gd name="T29" fmla="*/ 74 h 469"/>
                  <a:gd name="T30" fmla="*/ 297 w 412"/>
                  <a:gd name="T31" fmla="*/ 56 h 469"/>
                  <a:gd name="T32" fmla="*/ 326 w 412"/>
                  <a:gd name="T33" fmla="*/ 32 h 469"/>
                  <a:gd name="T34" fmla="*/ 363 w 412"/>
                  <a:gd name="T35" fmla="*/ 7 h 469"/>
                  <a:gd name="T36" fmla="*/ 412 w 412"/>
                  <a:gd name="T37" fmla="*/ 166 h 469"/>
                  <a:gd name="T38" fmla="*/ 404 w 412"/>
                  <a:gd name="T39" fmla="*/ 176 h 469"/>
                  <a:gd name="T40" fmla="*/ 409 w 412"/>
                  <a:gd name="T41" fmla="*/ 206 h 469"/>
                  <a:gd name="T42" fmla="*/ 404 w 412"/>
                  <a:gd name="T43" fmla="*/ 221 h 469"/>
                  <a:gd name="T44" fmla="*/ 401 w 412"/>
                  <a:gd name="T45" fmla="*/ 255 h 469"/>
                  <a:gd name="T46" fmla="*/ 399 w 412"/>
                  <a:gd name="T47" fmla="*/ 271 h 469"/>
                  <a:gd name="T48" fmla="*/ 401 w 412"/>
                  <a:gd name="T49" fmla="*/ 281 h 469"/>
                  <a:gd name="T50" fmla="*/ 390 w 412"/>
                  <a:gd name="T51" fmla="*/ 303 h 469"/>
                  <a:gd name="T52" fmla="*/ 382 w 412"/>
                  <a:gd name="T53" fmla="*/ 313 h 469"/>
                  <a:gd name="T54" fmla="*/ 368 w 412"/>
                  <a:gd name="T55" fmla="*/ 330 h 469"/>
                  <a:gd name="T56" fmla="*/ 365 w 412"/>
                  <a:gd name="T57" fmla="*/ 333 h 469"/>
                  <a:gd name="T58" fmla="*/ 351 w 412"/>
                  <a:gd name="T59" fmla="*/ 337 h 469"/>
                  <a:gd name="T60" fmla="*/ 326 w 412"/>
                  <a:gd name="T61" fmla="*/ 382 h 469"/>
                  <a:gd name="T62" fmla="*/ 324 w 412"/>
                  <a:gd name="T63" fmla="*/ 391 h 469"/>
                  <a:gd name="T64" fmla="*/ 314 w 412"/>
                  <a:gd name="T65" fmla="*/ 399 h 469"/>
                  <a:gd name="T66" fmla="*/ 307 w 412"/>
                  <a:gd name="T67" fmla="*/ 387 h 469"/>
                  <a:gd name="T68" fmla="*/ 297 w 412"/>
                  <a:gd name="T69" fmla="*/ 391 h 469"/>
                  <a:gd name="T70" fmla="*/ 296 w 412"/>
                  <a:gd name="T71" fmla="*/ 404 h 469"/>
                  <a:gd name="T72" fmla="*/ 291 w 412"/>
                  <a:gd name="T73" fmla="*/ 416 h 469"/>
                  <a:gd name="T74" fmla="*/ 292 w 412"/>
                  <a:gd name="T75" fmla="*/ 441 h 469"/>
                  <a:gd name="T76" fmla="*/ 285 w 412"/>
                  <a:gd name="T77" fmla="*/ 453 h 469"/>
                  <a:gd name="T78" fmla="*/ 263 w 412"/>
                  <a:gd name="T79" fmla="*/ 469 h 469"/>
                  <a:gd name="T80" fmla="*/ 257 w 412"/>
                  <a:gd name="T81" fmla="*/ 462 h 469"/>
                  <a:gd name="T82" fmla="*/ 241 w 412"/>
                  <a:gd name="T83" fmla="*/ 450 h 469"/>
                  <a:gd name="T84" fmla="*/ 231 w 412"/>
                  <a:gd name="T85" fmla="*/ 452 h 469"/>
                  <a:gd name="T86" fmla="*/ 226 w 412"/>
                  <a:gd name="T87" fmla="*/ 435 h 469"/>
                  <a:gd name="T88" fmla="*/ 204 w 412"/>
                  <a:gd name="T89" fmla="*/ 445 h 469"/>
                  <a:gd name="T90" fmla="*/ 194 w 412"/>
                  <a:gd name="T91" fmla="*/ 453 h 469"/>
                  <a:gd name="T92" fmla="*/ 172 w 412"/>
                  <a:gd name="T93" fmla="*/ 450 h 469"/>
                  <a:gd name="T94" fmla="*/ 169 w 412"/>
                  <a:gd name="T95" fmla="*/ 448 h 469"/>
                  <a:gd name="T96" fmla="*/ 157 w 412"/>
                  <a:gd name="T97" fmla="*/ 452 h 469"/>
                  <a:gd name="T98" fmla="*/ 147 w 412"/>
                  <a:gd name="T99" fmla="*/ 455 h 469"/>
                  <a:gd name="T100" fmla="*/ 98 w 412"/>
                  <a:gd name="T101" fmla="*/ 441 h 469"/>
                  <a:gd name="T102" fmla="*/ 96 w 412"/>
                  <a:gd name="T103" fmla="*/ 433 h 469"/>
                  <a:gd name="T104" fmla="*/ 72 w 412"/>
                  <a:gd name="T105" fmla="*/ 416 h 469"/>
                  <a:gd name="T106" fmla="*/ 55 w 412"/>
                  <a:gd name="T107" fmla="*/ 414 h 469"/>
                  <a:gd name="T108" fmla="*/ 38 w 412"/>
                  <a:gd name="T109" fmla="*/ 414 h 469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w 412"/>
                  <a:gd name="T166" fmla="*/ 0 h 469"/>
                  <a:gd name="T167" fmla="*/ 412 w 412"/>
                  <a:gd name="T168" fmla="*/ 469 h 469"/>
                </a:gdLst>
                <a:ahLst/>
                <a:cxnLst>
                  <a:cxn ang="T110">
                    <a:pos x="T0" y="T1"/>
                  </a:cxn>
                  <a:cxn ang="T111">
                    <a:pos x="T2" y="T3"/>
                  </a:cxn>
                  <a:cxn ang="T112">
                    <a:pos x="T4" y="T5"/>
                  </a:cxn>
                  <a:cxn ang="T113">
                    <a:pos x="T6" y="T7"/>
                  </a:cxn>
                  <a:cxn ang="T114">
                    <a:pos x="T8" y="T9"/>
                  </a:cxn>
                  <a:cxn ang="T115">
                    <a:pos x="T10" y="T11"/>
                  </a:cxn>
                  <a:cxn ang="T116">
                    <a:pos x="T12" y="T13"/>
                  </a:cxn>
                  <a:cxn ang="T117">
                    <a:pos x="T14" y="T15"/>
                  </a:cxn>
                  <a:cxn ang="T118">
                    <a:pos x="T16" y="T17"/>
                  </a:cxn>
                  <a:cxn ang="T119">
                    <a:pos x="T18" y="T19"/>
                  </a:cxn>
                  <a:cxn ang="T120">
                    <a:pos x="T20" y="T21"/>
                  </a:cxn>
                  <a:cxn ang="T121">
                    <a:pos x="T22" y="T23"/>
                  </a:cxn>
                  <a:cxn ang="T122">
                    <a:pos x="T24" y="T25"/>
                  </a:cxn>
                  <a:cxn ang="T123">
                    <a:pos x="T26" y="T27"/>
                  </a:cxn>
                  <a:cxn ang="T124">
                    <a:pos x="T28" y="T29"/>
                  </a:cxn>
                  <a:cxn ang="T125">
                    <a:pos x="T30" y="T31"/>
                  </a:cxn>
                  <a:cxn ang="T126">
                    <a:pos x="T32" y="T33"/>
                  </a:cxn>
                  <a:cxn ang="T127">
                    <a:pos x="T34" y="T35"/>
                  </a:cxn>
                  <a:cxn ang="T128">
                    <a:pos x="T36" y="T37"/>
                  </a:cxn>
                  <a:cxn ang="T129">
                    <a:pos x="T38" y="T39"/>
                  </a:cxn>
                  <a:cxn ang="T130">
                    <a:pos x="T40" y="T41"/>
                  </a:cxn>
                  <a:cxn ang="T131">
                    <a:pos x="T42" y="T43"/>
                  </a:cxn>
                  <a:cxn ang="T132">
                    <a:pos x="T44" y="T45"/>
                  </a:cxn>
                  <a:cxn ang="T133">
                    <a:pos x="T46" y="T47"/>
                  </a:cxn>
                  <a:cxn ang="T134">
                    <a:pos x="T48" y="T49"/>
                  </a:cxn>
                  <a:cxn ang="T135">
                    <a:pos x="T50" y="T51"/>
                  </a:cxn>
                  <a:cxn ang="T136">
                    <a:pos x="T52" y="T53"/>
                  </a:cxn>
                  <a:cxn ang="T137">
                    <a:pos x="T54" y="T55"/>
                  </a:cxn>
                  <a:cxn ang="T138">
                    <a:pos x="T56" y="T57"/>
                  </a:cxn>
                  <a:cxn ang="T139">
                    <a:pos x="T58" y="T59"/>
                  </a:cxn>
                  <a:cxn ang="T140">
                    <a:pos x="T60" y="T61"/>
                  </a:cxn>
                  <a:cxn ang="T141">
                    <a:pos x="T62" y="T63"/>
                  </a:cxn>
                  <a:cxn ang="T142">
                    <a:pos x="T64" y="T65"/>
                  </a:cxn>
                  <a:cxn ang="T143">
                    <a:pos x="T66" y="T67"/>
                  </a:cxn>
                  <a:cxn ang="T144">
                    <a:pos x="T68" y="T69"/>
                  </a:cxn>
                  <a:cxn ang="T145">
                    <a:pos x="T70" y="T71"/>
                  </a:cxn>
                  <a:cxn ang="T146">
                    <a:pos x="T72" y="T73"/>
                  </a:cxn>
                  <a:cxn ang="T147">
                    <a:pos x="T74" y="T75"/>
                  </a:cxn>
                  <a:cxn ang="T148">
                    <a:pos x="T76" y="T77"/>
                  </a:cxn>
                  <a:cxn ang="T149">
                    <a:pos x="T78" y="T79"/>
                  </a:cxn>
                  <a:cxn ang="T150">
                    <a:pos x="T80" y="T81"/>
                  </a:cxn>
                  <a:cxn ang="T151">
                    <a:pos x="T82" y="T83"/>
                  </a:cxn>
                  <a:cxn ang="T152">
                    <a:pos x="T84" y="T85"/>
                  </a:cxn>
                  <a:cxn ang="T153">
                    <a:pos x="T86" y="T87"/>
                  </a:cxn>
                  <a:cxn ang="T154">
                    <a:pos x="T88" y="T89"/>
                  </a:cxn>
                  <a:cxn ang="T155">
                    <a:pos x="T90" y="T91"/>
                  </a:cxn>
                  <a:cxn ang="T156">
                    <a:pos x="T92" y="T93"/>
                  </a:cxn>
                  <a:cxn ang="T157">
                    <a:pos x="T94" y="T95"/>
                  </a:cxn>
                  <a:cxn ang="T158">
                    <a:pos x="T96" y="T97"/>
                  </a:cxn>
                  <a:cxn ang="T159">
                    <a:pos x="T98" y="T99"/>
                  </a:cxn>
                  <a:cxn ang="T160">
                    <a:pos x="T100" y="T101"/>
                  </a:cxn>
                  <a:cxn ang="T161">
                    <a:pos x="T102" y="T103"/>
                  </a:cxn>
                  <a:cxn ang="T162">
                    <a:pos x="T104" y="T105"/>
                  </a:cxn>
                  <a:cxn ang="T163">
                    <a:pos x="T106" y="T107"/>
                  </a:cxn>
                  <a:cxn ang="T164">
                    <a:pos x="T108" y="T109"/>
                  </a:cxn>
                </a:cxnLst>
                <a:rect l="T165" t="T166" r="T167" b="T168"/>
                <a:pathLst>
                  <a:path w="412" h="469">
                    <a:moveTo>
                      <a:pt x="0" y="96"/>
                    </a:moveTo>
                    <a:lnTo>
                      <a:pt x="116" y="78"/>
                    </a:lnTo>
                    <a:lnTo>
                      <a:pt x="118" y="78"/>
                    </a:lnTo>
                    <a:lnTo>
                      <a:pt x="121" y="76"/>
                    </a:lnTo>
                    <a:lnTo>
                      <a:pt x="125" y="74"/>
                    </a:lnTo>
                    <a:lnTo>
                      <a:pt x="126" y="73"/>
                    </a:lnTo>
                    <a:lnTo>
                      <a:pt x="128" y="73"/>
                    </a:lnTo>
                    <a:lnTo>
                      <a:pt x="130" y="73"/>
                    </a:lnTo>
                    <a:lnTo>
                      <a:pt x="135" y="73"/>
                    </a:lnTo>
                    <a:lnTo>
                      <a:pt x="140" y="73"/>
                    </a:lnTo>
                    <a:lnTo>
                      <a:pt x="145" y="74"/>
                    </a:lnTo>
                    <a:lnTo>
                      <a:pt x="152" y="78"/>
                    </a:lnTo>
                    <a:lnTo>
                      <a:pt x="159" y="81"/>
                    </a:lnTo>
                    <a:lnTo>
                      <a:pt x="164" y="86"/>
                    </a:lnTo>
                    <a:lnTo>
                      <a:pt x="174" y="86"/>
                    </a:lnTo>
                    <a:lnTo>
                      <a:pt x="181" y="79"/>
                    </a:lnTo>
                    <a:lnTo>
                      <a:pt x="191" y="84"/>
                    </a:lnTo>
                    <a:lnTo>
                      <a:pt x="177" y="91"/>
                    </a:lnTo>
                    <a:lnTo>
                      <a:pt x="169" y="100"/>
                    </a:lnTo>
                    <a:lnTo>
                      <a:pt x="170" y="100"/>
                    </a:lnTo>
                    <a:lnTo>
                      <a:pt x="174" y="100"/>
                    </a:lnTo>
                    <a:lnTo>
                      <a:pt x="177" y="100"/>
                    </a:lnTo>
                    <a:lnTo>
                      <a:pt x="182" y="100"/>
                    </a:lnTo>
                    <a:lnTo>
                      <a:pt x="186" y="98"/>
                    </a:lnTo>
                    <a:lnTo>
                      <a:pt x="191" y="95"/>
                    </a:lnTo>
                    <a:lnTo>
                      <a:pt x="196" y="91"/>
                    </a:lnTo>
                    <a:lnTo>
                      <a:pt x="196" y="93"/>
                    </a:lnTo>
                    <a:lnTo>
                      <a:pt x="198" y="93"/>
                    </a:lnTo>
                    <a:lnTo>
                      <a:pt x="201" y="95"/>
                    </a:lnTo>
                    <a:lnTo>
                      <a:pt x="206" y="96"/>
                    </a:lnTo>
                    <a:lnTo>
                      <a:pt x="209" y="98"/>
                    </a:lnTo>
                    <a:lnTo>
                      <a:pt x="214" y="98"/>
                    </a:lnTo>
                    <a:lnTo>
                      <a:pt x="219" y="96"/>
                    </a:lnTo>
                    <a:lnTo>
                      <a:pt x="226" y="91"/>
                    </a:lnTo>
                    <a:lnTo>
                      <a:pt x="230" y="91"/>
                    </a:lnTo>
                    <a:lnTo>
                      <a:pt x="231" y="89"/>
                    </a:lnTo>
                    <a:lnTo>
                      <a:pt x="236" y="88"/>
                    </a:lnTo>
                    <a:lnTo>
                      <a:pt x="240" y="86"/>
                    </a:lnTo>
                    <a:lnTo>
                      <a:pt x="245" y="84"/>
                    </a:lnTo>
                    <a:lnTo>
                      <a:pt x="250" y="81"/>
                    </a:lnTo>
                    <a:lnTo>
                      <a:pt x="253" y="78"/>
                    </a:lnTo>
                    <a:lnTo>
                      <a:pt x="255" y="78"/>
                    </a:lnTo>
                    <a:lnTo>
                      <a:pt x="258" y="78"/>
                    </a:lnTo>
                    <a:lnTo>
                      <a:pt x="262" y="78"/>
                    </a:lnTo>
                    <a:lnTo>
                      <a:pt x="265" y="76"/>
                    </a:lnTo>
                    <a:lnTo>
                      <a:pt x="270" y="76"/>
                    </a:lnTo>
                    <a:lnTo>
                      <a:pt x="274" y="76"/>
                    </a:lnTo>
                    <a:lnTo>
                      <a:pt x="275" y="76"/>
                    </a:lnTo>
                    <a:lnTo>
                      <a:pt x="277" y="76"/>
                    </a:lnTo>
                    <a:lnTo>
                      <a:pt x="279" y="74"/>
                    </a:lnTo>
                    <a:lnTo>
                      <a:pt x="282" y="71"/>
                    </a:lnTo>
                    <a:lnTo>
                      <a:pt x="285" y="67"/>
                    </a:lnTo>
                    <a:lnTo>
                      <a:pt x="291" y="62"/>
                    </a:lnTo>
                    <a:lnTo>
                      <a:pt x="297" y="56"/>
                    </a:lnTo>
                    <a:lnTo>
                      <a:pt x="302" y="51"/>
                    </a:lnTo>
                    <a:lnTo>
                      <a:pt x="311" y="44"/>
                    </a:lnTo>
                    <a:lnTo>
                      <a:pt x="318" y="37"/>
                    </a:lnTo>
                    <a:lnTo>
                      <a:pt x="326" y="32"/>
                    </a:lnTo>
                    <a:lnTo>
                      <a:pt x="335" y="25"/>
                    </a:lnTo>
                    <a:lnTo>
                      <a:pt x="345" y="18"/>
                    </a:lnTo>
                    <a:lnTo>
                      <a:pt x="353" y="12"/>
                    </a:lnTo>
                    <a:lnTo>
                      <a:pt x="363" y="7"/>
                    </a:lnTo>
                    <a:lnTo>
                      <a:pt x="372" y="3"/>
                    </a:lnTo>
                    <a:lnTo>
                      <a:pt x="382" y="0"/>
                    </a:lnTo>
                    <a:lnTo>
                      <a:pt x="380" y="0"/>
                    </a:lnTo>
                    <a:lnTo>
                      <a:pt x="412" y="166"/>
                    </a:lnTo>
                    <a:lnTo>
                      <a:pt x="401" y="169"/>
                    </a:lnTo>
                    <a:lnTo>
                      <a:pt x="402" y="171"/>
                    </a:lnTo>
                    <a:lnTo>
                      <a:pt x="404" y="176"/>
                    </a:lnTo>
                    <a:lnTo>
                      <a:pt x="406" y="181"/>
                    </a:lnTo>
                    <a:lnTo>
                      <a:pt x="407" y="189"/>
                    </a:lnTo>
                    <a:lnTo>
                      <a:pt x="409" y="198"/>
                    </a:lnTo>
                    <a:lnTo>
                      <a:pt x="409" y="206"/>
                    </a:lnTo>
                    <a:lnTo>
                      <a:pt x="409" y="213"/>
                    </a:lnTo>
                    <a:lnTo>
                      <a:pt x="406" y="218"/>
                    </a:lnTo>
                    <a:lnTo>
                      <a:pt x="404" y="221"/>
                    </a:lnTo>
                    <a:lnTo>
                      <a:pt x="404" y="227"/>
                    </a:lnTo>
                    <a:lnTo>
                      <a:pt x="402" y="235"/>
                    </a:lnTo>
                    <a:lnTo>
                      <a:pt x="401" y="245"/>
                    </a:lnTo>
                    <a:lnTo>
                      <a:pt x="401" y="255"/>
                    </a:lnTo>
                    <a:lnTo>
                      <a:pt x="399" y="262"/>
                    </a:lnTo>
                    <a:lnTo>
                      <a:pt x="399" y="269"/>
                    </a:lnTo>
                    <a:lnTo>
                      <a:pt x="399" y="271"/>
                    </a:lnTo>
                    <a:lnTo>
                      <a:pt x="399" y="272"/>
                    </a:lnTo>
                    <a:lnTo>
                      <a:pt x="399" y="274"/>
                    </a:lnTo>
                    <a:lnTo>
                      <a:pt x="401" y="277"/>
                    </a:lnTo>
                    <a:lnTo>
                      <a:pt x="401" y="281"/>
                    </a:lnTo>
                    <a:lnTo>
                      <a:pt x="401" y="286"/>
                    </a:lnTo>
                    <a:lnTo>
                      <a:pt x="399" y="291"/>
                    </a:lnTo>
                    <a:lnTo>
                      <a:pt x="395" y="296"/>
                    </a:lnTo>
                    <a:lnTo>
                      <a:pt x="390" y="303"/>
                    </a:lnTo>
                    <a:lnTo>
                      <a:pt x="389" y="304"/>
                    </a:lnTo>
                    <a:lnTo>
                      <a:pt x="387" y="308"/>
                    </a:lnTo>
                    <a:lnTo>
                      <a:pt x="382" y="313"/>
                    </a:lnTo>
                    <a:lnTo>
                      <a:pt x="379" y="316"/>
                    </a:lnTo>
                    <a:lnTo>
                      <a:pt x="375" y="321"/>
                    </a:lnTo>
                    <a:lnTo>
                      <a:pt x="370" y="326"/>
                    </a:lnTo>
                    <a:lnTo>
                      <a:pt x="368" y="330"/>
                    </a:lnTo>
                    <a:lnTo>
                      <a:pt x="367" y="330"/>
                    </a:lnTo>
                    <a:lnTo>
                      <a:pt x="367" y="331"/>
                    </a:lnTo>
                    <a:lnTo>
                      <a:pt x="365" y="333"/>
                    </a:lnTo>
                    <a:lnTo>
                      <a:pt x="362" y="335"/>
                    </a:lnTo>
                    <a:lnTo>
                      <a:pt x="358" y="335"/>
                    </a:lnTo>
                    <a:lnTo>
                      <a:pt x="355" y="337"/>
                    </a:lnTo>
                    <a:lnTo>
                      <a:pt x="351" y="337"/>
                    </a:lnTo>
                    <a:lnTo>
                      <a:pt x="350" y="335"/>
                    </a:lnTo>
                    <a:lnTo>
                      <a:pt x="350" y="333"/>
                    </a:lnTo>
                    <a:lnTo>
                      <a:pt x="328" y="355"/>
                    </a:lnTo>
                    <a:lnTo>
                      <a:pt x="326" y="382"/>
                    </a:lnTo>
                    <a:lnTo>
                      <a:pt x="324" y="382"/>
                    </a:lnTo>
                    <a:lnTo>
                      <a:pt x="324" y="387"/>
                    </a:lnTo>
                    <a:lnTo>
                      <a:pt x="324" y="391"/>
                    </a:lnTo>
                    <a:lnTo>
                      <a:pt x="323" y="396"/>
                    </a:lnTo>
                    <a:lnTo>
                      <a:pt x="319" y="399"/>
                    </a:lnTo>
                    <a:lnTo>
                      <a:pt x="318" y="401"/>
                    </a:lnTo>
                    <a:lnTo>
                      <a:pt x="314" y="399"/>
                    </a:lnTo>
                    <a:lnTo>
                      <a:pt x="311" y="391"/>
                    </a:lnTo>
                    <a:lnTo>
                      <a:pt x="309" y="389"/>
                    </a:lnTo>
                    <a:lnTo>
                      <a:pt x="307" y="387"/>
                    </a:lnTo>
                    <a:lnTo>
                      <a:pt x="306" y="387"/>
                    </a:lnTo>
                    <a:lnTo>
                      <a:pt x="302" y="387"/>
                    </a:lnTo>
                    <a:lnTo>
                      <a:pt x="301" y="387"/>
                    </a:lnTo>
                    <a:lnTo>
                      <a:pt x="297" y="391"/>
                    </a:lnTo>
                    <a:lnTo>
                      <a:pt x="297" y="396"/>
                    </a:lnTo>
                    <a:lnTo>
                      <a:pt x="296" y="404"/>
                    </a:lnTo>
                    <a:lnTo>
                      <a:pt x="296" y="408"/>
                    </a:lnTo>
                    <a:lnTo>
                      <a:pt x="294" y="409"/>
                    </a:lnTo>
                    <a:lnTo>
                      <a:pt x="292" y="413"/>
                    </a:lnTo>
                    <a:lnTo>
                      <a:pt x="291" y="416"/>
                    </a:lnTo>
                    <a:lnTo>
                      <a:pt x="291" y="418"/>
                    </a:lnTo>
                    <a:lnTo>
                      <a:pt x="289" y="419"/>
                    </a:lnTo>
                    <a:lnTo>
                      <a:pt x="292" y="441"/>
                    </a:lnTo>
                    <a:lnTo>
                      <a:pt x="291" y="443"/>
                    </a:lnTo>
                    <a:lnTo>
                      <a:pt x="289" y="447"/>
                    </a:lnTo>
                    <a:lnTo>
                      <a:pt x="285" y="453"/>
                    </a:lnTo>
                    <a:lnTo>
                      <a:pt x="280" y="458"/>
                    </a:lnTo>
                    <a:lnTo>
                      <a:pt x="275" y="463"/>
                    </a:lnTo>
                    <a:lnTo>
                      <a:pt x="270" y="467"/>
                    </a:lnTo>
                    <a:lnTo>
                      <a:pt x="263" y="469"/>
                    </a:lnTo>
                    <a:lnTo>
                      <a:pt x="260" y="465"/>
                    </a:lnTo>
                    <a:lnTo>
                      <a:pt x="258" y="463"/>
                    </a:lnTo>
                    <a:lnTo>
                      <a:pt x="257" y="462"/>
                    </a:lnTo>
                    <a:lnTo>
                      <a:pt x="253" y="458"/>
                    </a:lnTo>
                    <a:lnTo>
                      <a:pt x="250" y="455"/>
                    </a:lnTo>
                    <a:lnTo>
                      <a:pt x="245" y="452"/>
                    </a:lnTo>
                    <a:lnTo>
                      <a:pt x="241" y="450"/>
                    </a:lnTo>
                    <a:lnTo>
                      <a:pt x="236" y="450"/>
                    </a:lnTo>
                    <a:lnTo>
                      <a:pt x="233" y="453"/>
                    </a:lnTo>
                    <a:lnTo>
                      <a:pt x="231" y="452"/>
                    </a:lnTo>
                    <a:lnTo>
                      <a:pt x="231" y="448"/>
                    </a:lnTo>
                    <a:lnTo>
                      <a:pt x="231" y="443"/>
                    </a:lnTo>
                    <a:lnTo>
                      <a:pt x="230" y="438"/>
                    </a:lnTo>
                    <a:lnTo>
                      <a:pt x="226" y="435"/>
                    </a:lnTo>
                    <a:lnTo>
                      <a:pt x="221" y="433"/>
                    </a:lnTo>
                    <a:lnTo>
                      <a:pt x="214" y="436"/>
                    </a:lnTo>
                    <a:lnTo>
                      <a:pt x="204" y="445"/>
                    </a:lnTo>
                    <a:lnTo>
                      <a:pt x="203" y="447"/>
                    </a:lnTo>
                    <a:lnTo>
                      <a:pt x="201" y="448"/>
                    </a:lnTo>
                    <a:lnTo>
                      <a:pt x="198" y="452"/>
                    </a:lnTo>
                    <a:lnTo>
                      <a:pt x="194" y="453"/>
                    </a:lnTo>
                    <a:lnTo>
                      <a:pt x="189" y="455"/>
                    </a:lnTo>
                    <a:lnTo>
                      <a:pt x="184" y="457"/>
                    </a:lnTo>
                    <a:lnTo>
                      <a:pt x="177" y="453"/>
                    </a:lnTo>
                    <a:lnTo>
                      <a:pt x="172" y="450"/>
                    </a:lnTo>
                    <a:lnTo>
                      <a:pt x="170" y="448"/>
                    </a:lnTo>
                    <a:lnTo>
                      <a:pt x="169" y="448"/>
                    </a:lnTo>
                    <a:lnTo>
                      <a:pt x="167" y="447"/>
                    </a:lnTo>
                    <a:lnTo>
                      <a:pt x="164" y="448"/>
                    </a:lnTo>
                    <a:lnTo>
                      <a:pt x="160" y="448"/>
                    </a:lnTo>
                    <a:lnTo>
                      <a:pt x="157" y="452"/>
                    </a:lnTo>
                    <a:lnTo>
                      <a:pt x="152" y="457"/>
                    </a:lnTo>
                    <a:lnTo>
                      <a:pt x="150" y="457"/>
                    </a:lnTo>
                    <a:lnTo>
                      <a:pt x="147" y="455"/>
                    </a:lnTo>
                    <a:lnTo>
                      <a:pt x="143" y="455"/>
                    </a:lnTo>
                    <a:lnTo>
                      <a:pt x="142" y="455"/>
                    </a:lnTo>
                    <a:lnTo>
                      <a:pt x="128" y="443"/>
                    </a:lnTo>
                    <a:lnTo>
                      <a:pt x="98" y="441"/>
                    </a:lnTo>
                    <a:lnTo>
                      <a:pt x="98" y="440"/>
                    </a:lnTo>
                    <a:lnTo>
                      <a:pt x="98" y="436"/>
                    </a:lnTo>
                    <a:lnTo>
                      <a:pt x="96" y="433"/>
                    </a:lnTo>
                    <a:lnTo>
                      <a:pt x="94" y="428"/>
                    </a:lnTo>
                    <a:lnTo>
                      <a:pt x="89" y="423"/>
                    </a:lnTo>
                    <a:lnTo>
                      <a:pt x="82" y="418"/>
                    </a:lnTo>
                    <a:lnTo>
                      <a:pt x="72" y="416"/>
                    </a:lnTo>
                    <a:lnTo>
                      <a:pt x="60" y="414"/>
                    </a:lnTo>
                    <a:lnTo>
                      <a:pt x="59" y="414"/>
                    </a:lnTo>
                    <a:lnTo>
                      <a:pt x="55" y="414"/>
                    </a:lnTo>
                    <a:lnTo>
                      <a:pt x="52" y="414"/>
                    </a:lnTo>
                    <a:lnTo>
                      <a:pt x="47" y="414"/>
                    </a:lnTo>
                    <a:lnTo>
                      <a:pt x="42" y="414"/>
                    </a:lnTo>
                    <a:lnTo>
                      <a:pt x="38" y="414"/>
                    </a:lnTo>
                    <a:lnTo>
                      <a:pt x="37" y="414"/>
                    </a:lnTo>
                    <a:lnTo>
                      <a:pt x="35" y="414"/>
                    </a:lnTo>
                    <a:lnTo>
                      <a:pt x="0" y="96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962" name="Group 162"/>
            <p:cNvGrpSpPr>
              <a:grpSpLocks/>
            </p:cNvGrpSpPr>
            <p:nvPr/>
          </p:nvGrpSpPr>
          <p:grpSpPr bwMode="auto">
            <a:xfrm>
              <a:off x="3877" y="2450"/>
              <a:ext cx="847" cy="372"/>
              <a:chOff x="4106" y="2078"/>
              <a:chExt cx="870" cy="383"/>
            </a:xfrm>
          </p:grpSpPr>
          <p:sp>
            <p:nvSpPr>
              <p:cNvPr id="983" name="Freeform 163"/>
              <p:cNvSpPr>
                <a:spLocks/>
              </p:cNvSpPr>
              <p:nvPr/>
            </p:nvSpPr>
            <p:spPr bwMode="auto">
              <a:xfrm>
                <a:off x="4106" y="2082"/>
                <a:ext cx="834" cy="379"/>
              </a:xfrm>
              <a:custGeom>
                <a:avLst/>
                <a:gdLst>
                  <a:gd name="T0" fmla="*/ 650 w 834"/>
                  <a:gd name="T1" fmla="*/ 362 h 379"/>
                  <a:gd name="T2" fmla="*/ 658 w 834"/>
                  <a:gd name="T3" fmla="*/ 340 h 379"/>
                  <a:gd name="T4" fmla="*/ 663 w 834"/>
                  <a:gd name="T5" fmla="*/ 338 h 379"/>
                  <a:gd name="T6" fmla="*/ 685 w 834"/>
                  <a:gd name="T7" fmla="*/ 292 h 379"/>
                  <a:gd name="T8" fmla="*/ 701 w 834"/>
                  <a:gd name="T9" fmla="*/ 276 h 379"/>
                  <a:gd name="T10" fmla="*/ 714 w 834"/>
                  <a:gd name="T11" fmla="*/ 262 h 379"/>
                  <a:gd name="T12" fmla="*/ 758 w 834"/>
                  <a:gd name="T13" fmla="*/ 238 h 379"/>
                  <a:gd name="T14" fmla="*/ 768 w 834"/>
                  <a:gd name="T15" fmla="*/ 232 h 379"/>
                  <a:gd name="T16" fmla="*/ 780 w 834"/>
                  <a:gd name="T17" fmla="*/ 230 h 379"/>
                  <a:gd name="T18" fmla="*/ 792 w 834"/>
                  <a:gd name="T19" fmla="*/ 215 h 379"/>
                  <a:gd name="T20" fmla="*/ 794 w 834"/>
                  <a:gd name="T21" fmla="*/ 193 h 379"/>
                  <a:gd name="T22" fmla="*/ 785 w 834"/>
                  <a:gd name="T23" fmla="*/ 199 h 379"/>
                  <a:gd name="T24" fmla="*/ 780 w 834"/>
                  <a:gd name="T25" fmla="*/ 193 h 379"/>
                  <a:gd name="T26" fmla="*/ 726 w 834"/>
                  <a:gd name="T27" fmla="*/ 198 h 379"/>
                  <a:gd name="T28" fmla="*/ 758 w 834"/>
                  <a:gd name="T29" fmla="*/ 199 h 379"/>
                  <a:gd name="T30" fmla="*/ 768 w 834"/>
                  <a:gd name="T31" fmla="*/ 176 h 379"/>
                  <a:gd name="T32" fmla="*/ 740 w 834"/>
                  <a:gd name="T33" fmla="*/ 155 h 379"/>
                  <a:gd name="T34" fmla="*/ 728 w 834"/>
                  <a:gd name="T35" fmla="*/ 149 h 379"/>
                  <a:gd name="T36" fmla="*/ 748 w 834"/>
                  <a:gd name="T37" fmla="*/ 149 h 379"/>
                  <a:gd name="T38" fmla="*/ 768 w 834"/>
                  <a:gd name="T39" fmla="*/ 144 h 379"/>
                  <a:gd name="T40" fmla="*/ 784 w 834"/>
                  <a:gd name="T41" fmla="*/ 147 h 379"/>
                  <a:gd name="T42" fmla="*/ 804 w 834"/>
                  <a:gd name="T43" fmla="*/ 147 h 379"/>
                  <a:gd name="T44" fmla="*/ 828 w 834"/>
                  <a:gd name="T45" fmla="*/ 110 h 379"/>
                  <a:gd name="T46" fmla="*/ 834 w 834"/>
                  <a:gd name="T47" fmla="*/ 105 h 379"/>
                  <a:gd name="T48" fmla="*/ 824 w 834"/>
                  <a:gd name="T49" fmla="*/ 67 h 379"/>
                  <a:gd name="T50" fmla="*/ 809 w 834"/>
                  <a:gd name="T51" fmla="*/ 89 h 379"/>
                  <a:gd name="T52" fmla="*/ 806 w 834"/>
                  <a:gd name="T53" fmla="*/ 101 h 379"/>
                  <a:gd name="T54" fmla="*/ 800 w 834"/>
                  <a:gd name="T55" fmla="*/ 79 h 379"/>
                  <a:gd name="T56" fmla="*/ 778 w 834"/>
                  <a:gd name="T57" fmla="*/ 76 h 379"/>
                  <a:gd name="T58" fmla="*/ 753 w 834"/>
                  <a:gd name="T59" fmla="*/ 83 h 379"/>
                  <a:gd name="T60" fmla="*/ 724 w 834"/>
                  <a:gd name="T61" fmla="*/ 96 h 379"/>
                  <a:gd name="T62" fmla="*/ 731 w 834"/>
                  <a:gd name="T63" fmla="*/ 61 h 379"/>
                  <a:gd name="T64" fmla="*/ 762 w 834"/>
                  <a:gd name="T65" fmla="*/ 67 h 379"/>
                  <a:gd name="T66" fmla="*/ 758 w 834"/>
                  <a:gd name="T67" fmla="*/ 52 h 379"/>
                  <a:gd name="T68" fmla="*/ 789 w 834"/>
                  <a:gd name="T69" fmla="*/ 49 h 379"/>
                  <a:gd name="T70" fmla="*/ 784 w 834"/>
                  <a:gd name="T71" fmla="*/ 35 h 379"/>
                  <a:gd name="T72" fmla="*/ 802 w 834"/>
                  <a:gd name="T73" fmla="*/ 39 h 379"/>
                  <a:gd name="T74" fmla="*/ 809 w 834"/>
                  <a:gd name="T75" fmla="*/ 35 h 379"/>
                  <a:gd name="T76" fmla="*/ 692 w 834"/>
                  <a:gd name="T77" fmla="*/ 20 h 379"/>
                  <a:gd name="T78" fmla="*/ 509 w 834"/>
                  <a:gd name="T79" fmla="*/ 56 h 379"/>
                  <a:gd name="T80" fmla="*/ 366 w 834"/>
                  <a:gd name="T81" fmla="*/ 79 h 379"/>
                  <a:gd name="T82" fmla="*/ 271 w 834"/>
                  <a:gd name="T83" fmla="*/ 91 h 379"/>
                  <a:gd name="T84" fmla="*/ 230 w 834"/>
                  <a:gd name="T85" fmla="*/ 94 h 379"/>
                  <a:gd name="T86" fmla="*/ 234 w 834"/>
                  <a:gd name="T87" fmla="*/ 118 h 379"/>
                  <a:gd name="T88" fmla="*/ 212 w 834"/>
                  <a:gd name="T89" fmla="*/ 145 h 379"/>
                  <a:gd name="T90" fmla="*/ 183 w 834"/>
                  <a:gd name="T91" fmla="*/ 162 h 379"/>
                  <a:gd name="T92" fmla="*/ 149 w 834"/>
                  <a:gd name="T93" fmla="*/ 181 h 379"/>
                  <a:gd name="T94" fmla="*/ 129 w 834"/>
                  <a:gd name="T95" fmla="*/ 194 h 379"/>
                  <a:gd name="T96" fmla="*/ 117 w 834"/>
                  <a:gd name="T97" fmla="*/ 218 h 379"/>
                  <a:gd name="T98" fmla="*/ 68 w 834"/>
                  <a:gd name="T99" fmla="*/ 250 h 379"/>
                  <a:gd name="T100" fmla="*/ 27 w 834"/>
                  <a:gd name="T101" fmla="*/ 274 h 379"/>
                  <a:gd name="T102" fmla="*/ 9 w 834"/>
                  <a:gd name="T103" fmla="*/ 299 h 379"/>
                  <a:gd name="T104" fmla="*/ 125 w 834"/>
                  <a:gd name="T105" fmla="*/ 316 h 379"/>
                  <a:gd name="T106" fmla="*/ 152 w 834"/>
                  <a:gd name="T107" fmla="*/ 296 h 379"/>
                  <a:gd name="T108" fmla="*/ 210 w 834"/>
                  <a:gd name="T109" fmla="*/ 274 h 379"/>
                  <a:gd name="T110" fmla="*/ 333 w 834"/>
                  <a:gd name="T111" fmla="*/ 265 h 379"/>
                  <a:gd name="T112" fmla="*/ 597 w 834"/>
                  <a:gd name="T113" fmla="*/ 379 h 379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834"/>
                  <a:gd name="T172" fmla="*/ 0 h 379"/>
                  <a:gd name="T173" fmla="*/ 834 w 834"/>
                  <a:gd name="T174" fmla="*/ 379 h 379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834" h="379">
                    <a:moveTo>
                      <a:pt x="604" y="377"/>
                    </a:moveTo>
                    <a:lnTo>
                      <a:pt x="618" y="369"/>
                    </a:lnTo>
                    <a:lnTo>
                      <a:pt x="628" y="362"/>
                    </a:lnTo>
                    <a:lnTo>
                      <a:pt x="636" y="360"/>
                    </a:lnTo>
                    <a:lnTo>
                      <a:pt x="643" y="360"/>
                    </a:lnTo>
                    <a:lnTo>
                      <a:pt x="648" y="360"/>
                    </a:lnTo>
                    <a:lnTo>
                      <a:pt x="650" y="362"/>
                    </a:lnTo>
                    <a:lnTo>
                      <a:pt x="653" y="364"/>
                    </a:lnTo>
                    <a:lnTo>
                      <a:pt x="653" y="365"/>
                    </a:lnTo>
                    <a:lnTo>
                      <a:pt x="653" y="333"/>
                    </a:lnTo>
                    <a:lnTo>
                      <a:pt x="657" y="333"/>
                    </a:lnTo>
                    <a:lnTo>
                      <a:pt x="658" y="335"/>
                    </a:lnTo>
                    <a:lnTo>
                      <a:pt x="658" y="338"/>
                    </a:lnTo>
                    <a:lnTo>
                      <a:pt x="658" y="340"/>
                    </a:lnTo>
                    <a:lnTo>
                      <a:pt x="660" y="345"/>
                    </a:lnTo>
                    <a:lnTo>
                      <a:pt x="662" y="348"/>
                    </a:lnTo>
                    <a:lnTo>
                      <a:pt x="662" y="352"/>
                    </a:lnTo>
                    <a:lnTo>
                      <a:pt x="662" y="353"/>
                    </a:lnTo>
                    <a:lnTo>
                      <a:pt x="663" y="345"/>
                    </a:lnTo>
                    <a:lnTo>
                      <a:pt x="663" y="338"/>
                    </a:lnTo>
                    <a:lnTo>
                      <a:pt x="667" y="330"/>
                    </a:lnTo>
                    <a:lnTo>
                      <a:pt x="668" y="323"/>
                    </a:lnTo>
                    <a:lnTo>
                      <a:pt x="672" y="316"/>
                    </a:lnTo>
                    <a:lnTo>
                      <a:pt x="675" y="309"/>
                    </a:lnTo>
                    <a:lnTo>
                      <a:pt x="679" y="303"/>
                    </a:lnTo>
                    <a:lnTo>
                      <a:pt x="682" y="298"/>
                    </a:lnTo>
                    <a:lnTo>
                      <a:pt x="685" y="292"/>
                    </a:lnTo>
                    <a:lnTo>
                      <a:pt x="689" y="289"/>
                    </a:lnTo>
                    <a:lnTo>
                      <a:pt x="692" y="286"/>
                    </a:lnTo>
                    <a:lnTo>
                      <a:pt x="696" y="282"/>
                    </a:lnTo>
                    <a:lnTo>
                      <a:pt x="697" y="279"/>
                    </a:lnTo>
                    <a:lnTo>
                      <a:pt x="699" y="277"/>
                    </a:lnTo>
                    <a:lnTo>
                      <a:pt x="701" y="277"/>
                    </a:lnTo>
                    <a:lnTo>
                      <a:pt x="701" y="276"/>
                    </a:lnTo>
                    <a:lnTo>
                      <a:pt x="696" y="267"/>
                    </a:lnTo>
                    <a:lnTo>
                      <a:pt x="702" y="262"/>
                    </a:lnTo>
                    <a:lnTo>
                      <a:pt x="702" y="264"/>
                    </a:lnTo>
                    <a:lnTo>
                      <a:pt x="704" y="267"/>
                    </a:lnTo>
                    <a:lnTo>
                      <a:pt x="706" y="270"/>
                    </a:lnTo>
                    <a:lnTo>
                      <a:pt x="707" y="270"/>
                    </a:lnTo>
                    <a:lnTo>
                      <a:pt x="714" y="262"/>
                    </a:lnTo>
                    <a:lnTo>
                      <a:pt x="721" y="254"/>
                    </a:lnTo>
                    <a:lnTo>
                      <a:pt x="729" y="248"/>
                    </a:lnTo>
                    <a:lnTo>
                      <a:pt x="738" y="243"/>
                    </a:lnTo>
                    <a:lnTo>
                      <a:pt x="745" y="242"/>
                    </a:lnTo>
                    <a:lnTo>
                      <a:pt x="751" y="240"/>
                    </a:lnTo>
                    <a:lnTo>
                      <a:pt x="756" y="238"/>
                    </a:lnTo>
                    <a:lnTo>
                      <a:pt x="758" y="238"/>
                    </a:lnTo>
                    <a:lnTo>
                      <a:pt x="758" y="232"/>
                    </a:lnTo>
                    <a:lnTo>
                      <a:pt x="760" y="230"/>
                    </a:lnTo>
                    <a:lnTo>
                      <a:pt x="762" y="228"/>
                    </a:lnTo>
                    <a:lnTo>
                      <a:pt x="763" y="228"/>
                    </a:lnTo>
                    <a:lnTo>
                      <a:pt x="765" y="230"/>
                    </a:lnTo>
                    <a:lnTo>
                      <a:pt x="767" y="230"/>
                    </a:lnTo>
                    <a:lnTo>
                      <a:pt x="768" y="232"/>
                    </a:lnTo>
                    <a:lnTo>
                      <a:pt x="768" y="233"/>
                    </a:lnTo>
                    <a:lnTo>
                      <a:pt x="770" y="230"/>
                    </a:lnTo>
                    <a:lnTo>
                      <a:pt x="772" y="228"/>
                    </a:lnTo>
                    <a:lnTo>
                      <a:pt x="773" y="226"/>
                    </a:lnTo>
                    <a:lnTo>
                      <a:pt x="775" y="228"/>
                    </a:lnTo>
                    <a:lnTo>
                      <a:pt x="778" y="228"/>
                    </a:lnTo>
                    <a:lnTo>
                      <a:pt x="780" y="230"/>
                    </a:lnTo>
                    <a:lnTo>
                      <a:pt x="782" y="230"/>
                    </a:lnTo>
                    <a:lnTo>
                      <a:pt x="784" y="230"/>
                    </a:lnTo>
                    <a:lnTo>
                      <a:pt x="785" y="226"/>
                    </a:lnTo>
                    <a:lnTo>
                      <a:pt x="787" y="223"/>
                    </a:lnTo>
                    <a:lnTo>
                      <a:pt x="790" y="218"/>
                    </a:lnTo>
                    <a:lnTo>
                      <a:pt x="792" y="215"/>
                    </a:lnTo>
                    <a:lnTo>
                      <a:pt x="795" y="210"/>
                    </a:lnTo>
                    <a:lnTo>
                      <a:pt x="797" y="208"/>
                    </a:lnTo>
                    <a:lnTo>
                      <a:pt x="797" y="204"/>
                    </a:lnTo>
                    <a:lnTo>
                      <a:pt x="797" y="196"/>
                    </a:lnTo>
                    <a:lnTo>
                      <a:pt x="795" y="193"/>
                    </a:lnTo>
                    <a:lnTo>
                      <a:pt x="795" y="191"/>
                    </a:lnTo>
                    <a:lnTo>
                      <a:pt x="794" y="193"/>
                    </a:lnTo>
                    <a:lnTo>
                      <a:pt x="792" y="194"/>
                    </a:lnTo>
                    <a:lnTo>
                      <a:pt x="790" y="198"/>
                    </a:lnTo>
                    <a:lnTo>
                      <a:pt x="790" y="199"/>
                    </a:lnTo>
                    <a:lnTo>
                      <a:pt x="790" y="201"/>
                    </a:lnTo>
                    <a:lnTo>
                      <a:pt x="789" y="201"/>
                    </a:lnTo>
                    <a:lnTo>
                      <a:pt x="787" y="199"/>
                    </a:lnTo>
                    <a:lnTo>
                      <a:pt x="785" y="199"/>
                    </a:lnTo>
                    <a:lnTo>
                      <a:pt x="785" y="198"/>
                    </a:lnTo>
                    <a:lnTo>
                      <a:pt x="784" y="191"/>
                    </a:lnTo>
                    <a:lnTo>
                      <a:pt x="784" y="188"/>
                    </a:lnTo>
                    <a:lnTo>
                      <a:pt x="784" y="186"/>
                    </a:lnTo>
                    <a:lnTo>
                      <a:pt x="782" y="188"/>
                    </a:lnTo>
                    <a:lnTo>
                      <a:pt x="780" y="189"/>
                    </a:lnTo>
                    <a:lnTo>
                      <a:pt x="780" y="193"/>
                    </a:lnTo>
                    <a:lnTo>
                      <a:pt x="780" y="194"/>
                    </a:lnTo>
                    <a:lnTo>
                      <a:pt x="780" y="196"/>
                    </a:lnTo>
                    <a:lnTo>
                      <a:pt x="772" y="198"/>
                    </a:lnTo>
                    <a:lnTo>
                      <a:pt x="753" y="215"/>
                    </a:lnTo>
                    <a:lnTo>
                      <a:pt x="741" y="213"/>
                    </a:lnTo>
                    <a:lnTo>
                      <a:pt x="724" y="198"/>
                    </a:lnTo>
                    <a:lnTo>
                      <a:pt x="726" y="198"/>
                    </a:lnTo>
                    <a:lnTo>
                      <a:pt x="729" y="199"/>
                    </a:lnTo>
                    <a:lnTo>
                      <a:pt x="733" y="199"/>
                    </a:lnTo>
                    <a:lnTo>
                      <a:pt x="736" y="201"/>
                    </a:lnTo>
                    <a:lnTo>
                      <a:pt x="741" y="204"/>
                    </a:lnTo>
                    <a:lnTo>
                      <a:pt x="748" y="204"/>
                    </a:lnTo>
                    <a:lnTo>
                      <a:pt x="753" y="203"/>
                    </a:lnTo>
                    <a:lnTo>
                      <a:pt x="758" y="199"/>
                    </a:lnTo>
                    <a:lnTo>
                      <a:pt x="763" y="194"/>
                    </a:lnTo>
                    <a:lnTo>
                      <a:pt x="767" y="191"/>
                    </a:lnTo>
                    <a:lnTo>
                      <a:pt x="770" y="188"/>
                    </a:lnTo>
                    <a:lnTo>
                      <a:pt x="770" y="186"/>
                    </a:lnTo>
                    <a:lnTo>
                      <a:pt x="760" y="182"/>
                    </a:lnTo>
                    <a:lnTo>
                      <a:pt x="758" y="177"/>
                    </a:lnTo>
                    <a:lnTo>
                      <a:pt x="768" y="176"/>
                    </a:lnTo>
                    <a:lnTo>
                      <a:pt x="772" y="164"/>
                    </a:lnTo>
                    <a:lnTo>
                      <a:pt x="770" y="164"/>
                    </a:lnTo>
                    <a:lnTo>
                      <a:pt x="768" y="164"/>
                    </a:lnTo>
                    <a:lnTo>
                      <a:pt x="767" y="164"/>
                    </a:lnTo>
                    <a:lnTo>
                      <a:pt x="763" y="162"/>
                    </a:lnTo>
                    <a:lnTo>
                      <a:pt x="750" y="159"/>
                    </a:lnTo>
                    <a:lnTo>
                      <a:pt x="740" y="155"/>
                    </a:lnTo>
                    <a:lnTo>
                      <a:pt x="731" y="154"/>
                    </a:lnTo>
                    <a:lnTo>
                      <a:pt x="728" y="152"/>
                    </a:lnTo>
                    <a:lnTo>
                      <a:pt x="724" y="150"/>
                    </a:lnTo>
                    <a:lnTo>
                      <a:pt x="723" y="150"/>
                    </a:lnTo>
                    <a:lnTo>
                      <a:pt x="724" y="149"/>
                    </a:lnTo>
                    <a:lnTo>
                      <a:pt x="726" y="149"/>
                    </a:lnTo>
                    <a:lnTo>
                      <a:pt x="728" y="149"/>
                    </a:lnTo>
                    <a:lnTo>
                      <a:pt x="731" y="147"/>
                    </a:lnTo>
                    <a:lnTo>
                      <a:pt x="736" y="149"/>
                    </a:lnTo>
                    <a:lnTo>
                      <a:pt x="740" y="149"/>
                    </a:lnTo>
                    <a:lnTo>
                      <a:pt x="743" y="149"/>
                    </a:lnTo>
                    <a:lnTo>
                      <a:pt x="745" y="149"/>
                    </a:lnTo>
                    <a:lnTo>
                      <a:pt x="746" y="149"/>
                    </a:lnTo>
                    <a:lnTo>
                      <a:pt x="748" y="149"/>
                    </a:lnTo>
                    <a:lnTo>
                      <a:pt x="746" y="138"/>
                    </a:lnTo>
                    <a:lnTo>
                      <a:pt x="755" y="135"/>
                    </a:lnTo>
                    <a:lnTo>
                      <a:pt x="760" y="144"/>
                    </a:lnTo>
                    <a:lnTo>
                      <a:pt x="762" y="144"/>
                    </a:lnTo>
                    <a:lnTo>
                      <a:pt x="765" y="144"/>
                    </a:lnTo>
                    <a:lnTo>
                      <a:pt x="767" y="145"/>
                    </a:lnTo>
                    <a:lnTo>
                      <a:pt x="768" y="144"/>
                    </a:lnTo>
                    <a:lnTo>
                      <a:pt x="770" y="138"/>
                    </a:lnTo>
                    <a:lnTo>
                      <a:pt x="772" y="135"/>
                    </a:lnTo>
                    <a:lnTo>
                      <a:pt x="773" y="137"/>
                    </a:lnTo>
                    <a:lnTo>
                      <a:pt x="777" y="138"/>
                    </a:lnTo>
                    <a:lnTo>
                      <a:pt x="778" y="142"/>
                    </a:lnTo>
                    <a:lnTo>
                      <a:pt x="782" y="145"/>
                    </a:lnTo>
                    <a:lnTo>
                      <a:pt x="784" y="147"/>
                    </a:lnTo>
                    <a:lnTo>
                      <a:pt x="784" y="149"/>
                    </a:lnTo>
                    <a:lnTo>
                      <a:pt x="785" y="149"/>
                    </a:lnTo>
                    <a:lnTo>
                      <a:pt x="787" y="149"/>
                    </a:lnTo>
                    <a:lnTo>
                      <a:pt x="792" y="149"/>
                    </a:lnTo>
                    <a:lnTo>
                      <a:pt x="795" y="149"/>
                    </a:lnTo>
                    <a:lnTo>
                      <a:pt x="800" y="149"/>
                    </a:lnTo>
                    <a:lnTo>
                      <a:pt x="804" y="147"/>
                    </a:lnTo>
                    <a:lnTo>
                      <a:pt x="807" y="147"/>
                    </a:lnTo>
                    <a:lnTo>
                      <a:pt x="809" y="147"/>
                    </a:lnTo>
                    <a:lnTo>
                      <a:pt x="814" y="130"/>
                    </a:lnTo>
                    <a:lnTo>
                      <a:pt x="819" y="120"/>
                    </a:lnTo>
                    <a:lnTo>
                      <a:pt x="824" y="113"/>
                    </a:lnTo>
                    <a:lnTo>
                      <a:pt x="826" y="110"/>
                    </a:lnTo>
                    <a:lnTo>
                      <a:pt x="828" y="110"/>
                    </a:lnTo>
                    <a:lnTo>
                      <a:pt x="829" y="111"/>
                    </a:lnTo>
                    <a:lnTo>
                      <a:pt x="831" y="113"/>
                    </a:lnTo>
                    <a:lnTo>
                      <a:pt x="831" y="111"/>
                    </a:lnTo>
                    <a:lnTo>
                      <a:pt x="833" y="110"/>
                    </a:lnTo>
                    <a:lnTo>
                      <a:pt x="834" y="106"/>
                    </a:lnTo>
                    <a:lnTo>
                      <a:pt x="834" y="105"/>
                    </a:lnTo>
                    <a:lnTo>
                      <a:pt x="834" y="96"/>
                    </a:lnTo>
                    <a:lnTo>
                      <a:pt x="833" y="88"/>
                    </a:lnTo>
                    <a:lnTo>
                      <a:pt x="831" y="81"/>
                    </a:lnTo>
                    <a:lnTo>
                      <a:pt x="829" y="76"/>
                    </a:lnTo>
                    <a:lnTo>
                      <a:pt x="828" y="72"/>
                    </a:lnTo>
                    <a:lnTo>
                      <a:pt x="826" y="69"/>
                    </a:lnTo>
                    <a:lnTo>
                      <a:pt x="824" y="67"/>
                    </a:lnTo>
                    <a:lnTo>
                      <a:pt x="817" y="72"/>
                    </a:lnTo>
                    <a:lnTo>
                      <a:pt x="816" y="72"/>
                    </a:lnTo>
                    <a:lnTo>
                      <a:pt x="814" y="74"/>
                    </a:lnTo>
                    <a:lnTo>
                      <a:pt x="811" y="76"/>
                    </a:lnTo>
                    <a:lnTo>
                      <a:pt x="809" y="79"/>
                    </a:lnTo>
                    <a:lnTo>
                      <a:pt x="809" y="89"/>
                    </a:lnTo>
                    <a:lnTo>
                      <a:pt x="809" y="96"/>
                    </a:lnTo>
                    <a:lnTo>
                      <a:pt x="807" y="101"/>
                    </a:lnTo>
                    <a:lnTo>
                      <a:pt x="807" y="105"/>
                    </a:lnTo>
                    <a:lnTo>
                      <a:pt x="807" y="106"/>
                    </a:lnTo>
                    <a:lnTo>
                      <a:pt x="806" y="105"/>
                    </a:lnTo>
                    <a:lnTo>
                      <a:pt x="806" y="101"/>
                    </a:lnTo>
                    <a:lnTo>
                      <a:pt x="804" y="98"/>
                    </a:lnTo>
                    <a:lnTo>
                      <a:pt x="802" y="94"/>
                    </a:lnTo>
                    <a:lnTo>
                      <a:pt x="802" y="91"/>
                    </a:lnTo>
                    <a:lnTo>
                      <a:pt x="802" y="88"/>
                    </a:lnTo>
                    <a:lnTo>
                      <a:pt x="800" y="84"/>
                    </a:lnTo>
                    <a:lnTo>
                      <a:pt x="800" y="81"/>
                    </a:lnTo>
                    <a:lnTo>
                      <a:pt x="800" y="79"/>
                    </a:lnTo>
                    <a:lnTo>
                      <a:pt x="800" y="78"/>
                    </a:lnTo>
                    <a:lnTo>
                      <a:pt x="799" y="71"/>
                    </a:lnTo>
                    <a:lnTo>
                      <a:pt x="797" y="67"/>
                    </a:lnTo>
                    <a:lnTo>
                      <a:pt x="792" y="67"/>
                    </a:lnTo>
                    <a:lnTo>
                      <a:pt x="789" y="69"/>
                    </a:lnTo>
                    <a:lnTo>
                      <a:pt x="784" y="72"/>
                    </a:lnTo>
                    <a:lnTo>
                      <a:pt x="778" y="76"/>
                    </a:lnTo>
                    <a:lnTo>
                      <a:pt x="777" y="78"/>
                    </a:lnTo>
                    <a:lnTo>
                      <a:pt x="775" y="79"/>
                    </a:lnTo>
                    <a:lnTo>
                      <a:pt x="763" y="79"/>
                    </a:lnTo>
                    <a:lnTo>
                      <a:pt x="762" y="81"/>
                    </a:lnTo>
                    <a:lnTo>
                      <a:pt x="760" y="81"/>
                    </a:lnTo>
                    <a:lnTo>
                      <a:pt x="756" y="83"/>
                    </a:lnTo>
                    <a:lnTo>
                      <a:pt x="753" y="83"/>
                    </a:lnTo>
                    <a:lnTo>
                      <a:pt x="750" y="84"/>
                    </a:lnTo>
                    <a:lnTo>
                      <a:pt x="745" y="86"/>
                    </a:lnTo>
                    <a:lnTo>
                      <a:pt x="743" y="88"/>
                    </a:lnTo>
                    <a:lnTo>
                      <a:pt x="741" y="88"/>
                    </a:lnTo>
                    <a:lnTo>
                      <a:pt x="731" y="94"/>
                    </a:lnTo>
                    <a:lnTo>
                      <a:pt x="726" y="96"/>
                    </a:lnTo>
                    <a:lnTo>
                      <a:pt x="724" y="96"/>
                    </a:lnTo>
                    <a:lnTo>
                      <a:pt x="724" y="94"/>
                    </a:lnTo>
                    <a:lnTo>
                      <a:pt x="726" y="91"/>
                    </a:lnTo>
                    <a:lnTo>
                      <a:pt x="729" y="88"/>
                    </a:lnTo>
                    <a:lnTo>
                      <a:pt x="731" y="84"/>
                    </a:lnTo>
                    <a:lnTo>
                      <a:pt x="733" y="84"/>
                    </a:lnTo>
                    <a:lnTo>
                      <a:pt x="724" y="66"/>
                    </a:lnTo>
                    <a:lnTo>
                      <a:pt x="731" y="61"/>
                    </a:lnTo>
                    <a:lnTo>
                      <a:pt x="736" y="71"/>
                    </a:lnTo>
                    <a:lnTo>
                      <a:pt x="748" y="78"/>
                    </a:lnTo>
                    <a:lnTo>
                      <a:pt x="751" y="76"/>
                    </a:lnTo>
                    <a:lnTo>
                      <a:pt x="755" y="72"/>
                    </a:lnTo>
                    <a:lnTo>
                      <a:pt x="758" y="71"/>
                    </a:lnTo>
                    <a:lnTo>
                      <a:pt x="762" y="67"/>
                    </a:lnTo>
                    <a:lnTo>
                      <a:pt x="763" y="66"/>
                    </a:lnTo>
                    <a:lnTo>
                      <a:pt x="765" y="64"/>
                    </a:lnTo>
                    <a:lnTo>
                      <a:pt x="765" y="62"/>
                    </a:lnTo>
                    <a:lnTo>
                      <a:pt x="756" y="56"/>
                    </a:lnTo>
                    <a:lnTo>
                      <a:pt x="753" y="52"/>
                    </a:lnTo>
                    <a:lnTo>
                      <a:pt x="755" y="52"/>
                    </a:lnTo>
                    <a:lnTo>
                      <a:pt x="758" y="52"/>
                    </a:lnTo>
                    <a:lnTo>
                      <a:pt x="763" y="54"/>
                    </a:lnTo>
                    <a:lnTo>
                      <a:pt x="768" y="56"/>
                    </a:lnTo>
                    <a:lnTo>
                      <a:pt x="772" y="57"/>
                    </a:lnTo>
                    <a:lnTo>
                      <a:pt x="775" y="59"/>
                    </a:lnTo>
                    <a:lnTo>
                      <a:pt x="789" y="52"/>
                    </a:lnTo>
                    <a:lnTo>
                      <a:pt x="789" y="50"/>
                    </a:lnTo>
                    <a:lnTo>
                      <a:pt x="789" y="49"/>
                    </a:lnTo>
                    <a:lnTo>
                      <a:pt x="787" y="47"/>
                    </a:lnTo>
                    <a:lnTo>
                      <a:pt x="787" y="45"/>
                    </a:lnTo>
                    <a:lnTo>
                      <a:pt x="780" y="39"/>
                    </a:lnTo>
                    <a:lnTo>
                      <a:pt x="777" y="34"/>
                    </a:lnTo>
                    <a:lnTo>
                      <a:pt x="780" y="34"/>
                    </a:lnTo>
                    <a:lnTo>
                      <a:pt x="784" y="35"/>
                    </a:lnTo>
                    <a:lnTo>
                      <a:pt x="787" y="37"/>
                    </a:lnTo>
                    <a:lnTo>
                      <a:pt x="790" y="39"/>
                    </a:lnTo>
                    <a:lnTo>
                      <a:pt x="790" y="40"/>
                    </a:lnTo>
                    <a:lnTo>
                      <a:pt x="792" y="40"/>
                    </a:lnTo>
                    <a:lnTo>
                      <a:pt x="795" y="39"/>
                    </a:lnTo>
                    <a:lnTo>
                      <a:pt x="800" y="39"/>
                    </a:lnTo>
                    <a:lnTo>
                      <a:pt x="802" y="39"/>
                    </a:lnTo>
                    <a:lnTo>
                      <a:pt x="811" y="47"/>
                    </a:lnTo>
                    <a:lnTo>
                      <a:pt x="816" y="50"/>
                    </a:lnTo>
                    <a:lnTo>
                      <a:pt x="817" y="50"/>
                    </a:lnTo>
                    <a:lnTo>
                      <a:pt x="817" y="47"/>
                    </a:lnTo>
                    <a:lnTo>
                      <a:pt x="814" y="44"/>
                    </a:lnTo>
                    <a:lnTo>
                      <a:pt x="811" y="39"/>
                    </a:lnTo>
                    <a:lnTo>
                      <a:pt x="809" y="35"/>
                    </a:lnTo>
                    <a:lnTo>
                      <a:pt x="807" y="34"/>
                    </a:lnTo>
                    <a:lnTo>
                      <a:pt x="800" y="17"/>
                    </a:lnTo>
                    <a:lnTo>
                      <a:pt x="790" y="15"/>
                    </a:lnTo>
                    <a:lnTo>
                      <a:pt x="780" y="0"/>
                    </a:lnTo>
                    <a:lnTo>
                      <a:pt x="750" y="8"/>
                    </a:lnTo>
                    <a:lnTo>
                      <a:pt x="721" y="15"/>
                    </a:lnTo>
                    <a:lnTo>
                      <a:pt x="692" y="20"/>
                    </a:lnTo>
                    <a:lnTo>
                      <a:pt x="663" y="27"/>
                    </a:lnTo>
                    <a:lnTo>
                      <a:pt x="636" y="32"/>
                    </a:lnTo>
                    <a:lnTo>
                      <a:pt x="609" y="39"/>
                    </a:lnTo>
                    <a:lnTo>
                      <a:pt x="584" y="44"/>
                    </a:lnTo>
                    <a:lnTo>
                      <a:pt x="558" y="47"/>
                    </a:lnTo>
                    <a:lnTo>
                      <a:pt x="533" y="52"/>
                    </a:lnTo>
                    <a:lnTo>
                      <a:pt x="509" y="56"/>
                    </a:lnTo>
                    <a:lnTo>
                      <a:pt x="486" y="61"/>
                    </a:lnTo>
                    <a:lnTo>
                      <a:pt x="464" y="64"/>
                    </a:lnTo>
                    <a:lnTo>
                      <a:pt x="443" y="67"/>
                    </a:lnTo>
                    <a:lnTo>
                      <a:pt x="423" y="71"/>
                    </a:lnTo>
                    <a:lnTo>
                      <a:pt x="403" y="74"/>
                    </a:lnTo>
                    <a:lnTo>
                      <a:pt x="384" y="76"/>
                    </a:lnTo>
                    <a:lnTo>
                      <a:pt x="366" y="79"/>
                    </a:lnTo>
                    <a:lnTo>
                      <a:pt x="349" y="81"/>
                    </a:lnTo>
                    <a:lnTo>
                      <a:pt x="333" y="83"/>
                    </a:lnTo>
                    <a:lnTo>
                      <a:pt x="318" y="84"/>
                    </a:lnTo>
                    <a:lnTo>
                      <a:pt x="305" y="86"/>
                    </a:lnTo>
                    <a:lnTo>
                      <a:pt x="293" y="88"/>
                    </a:lnTo>
                    <a:lnTo>
                      <a:pt x="281" y="89"/>
                    </a:lnTo>
                    <a:lnTo>
                      <a:pt x="271" y="91"/>
                    </a:lnTo>
                    <a:lnTo>
                      <a:pt x="261" y="91"/>
                    </a:lnTo>
                    <a:lnTo>
                      <a:pt x="252" y="93"/>
                    </a:lnTo>
                    <a:lnTo>
                      <a:pt x="245" y="93"/>
                    </a:lnTo>
                    <a:lnTo>
                      <a:pt x="240" y="94"/>
                    </a:lnTo>
                    <a:lnTo>
                      <a:pt x="235" y="94"/>
                    </a:lnTo>
                    <a:lnTo>
                      <a:pt x="232" y="94"/>
                    </a:lnTo>
                    <a:lnTo>
                      <a:pt x="230" y="94"/>
                    </a:lnTo>
                    <a:lnTo>
                      <a:pt x="232" y="94"/>
                    </a:lnTo>
                    <a:lnTo>
                      <a:pt x="232" y="96"/>
                    </a:lnTo>
                    <a:lnTo>
                      <a:pt x="232" y="100"/>
                    </a:lnTo>
                    <a:lnTo>
                      <a:pt x="232" y="106"/>
                    </a:lnTo>
                    <a:lnTo>
                      <a:pt x="232" y="111"/>
                    </a:lnTo>
                    <a:lnTo>
                      <a:pt x="234" y="118"/>
                    </a:lnTo>
                    <a:lnTo>
                      <a:pt x="232" y="125"/>
                    </a:lnTo>
                    <a:lnTo>
                      <a:pt x="232" y="128"/>
                    </a:lnTo>
                    <a:lnTo>
                      <a:pt x="232" y="130"/>
                    </a:lnTo>
                    <a:lnTo>
                      <a:pt x="225" y="130"/>
                    </a:lnTo>
                    <a:lnTo>
                      <a:pt x="220" y="133"/>
                    </a:lnTo>
                    <a:lnTo>
                      <a:pt x="215" y="138"/>
                    </a:lnTo>
                    <a:lnTo>
                      <a:pt x="212" y="145"/>
                    </a:lnTo>
                    <a:lnTo>
                      <a:pt x="208" y="152"/>
                    </a:lnTo>
                    <a:lnTo>
                      <a:pt x="206" y="157"/>
                    </a:lnTo>
                    <a:lnTo>
                      <a:pt x="205" y="160"/>
                    </a:lnTo>
                    <a:lnTo>
                      <a:pt x="198" y="157"/>
                    </a:lnTo>
                    <a:lnTo>
                      <a:pt x="191" y="157"/>
                    </a:lnTo>
                    <a:lnTo>
                      <a:pt x="183" y="162"/>
                    </a:lnTo>
                    <a:lnTo>
                      <a:pt x="174" y="169"/>
                    </a:lnTo>
                    <a:lnTo>
                      <a:pt x="168" y="177"/>
                    </a:lnTo>
                    <a:lnTo>
                      <a:pt x="161" y="184"/>
                    </a:lnTo>
                    <a:lnTo>
                      <a:pt x="156" y="188"/>
                    </a:lnTo>
                    <a:lnTo>
                      <a:pt x="154" y="188"/>
                    </a:lnTo>
                    <a:lnTo>
                      <a:pt x="152" y="182"/>
                    </a:lnTo>
                    <a:lnTo>
                      <a:pt x="149" y="181"/>
                    </a:lnTo>
                    <a:lnTo>
                      <a:pt x="147" y="179"/>
                    </a:lnTo>
                    <a:lnTo>
                      <a:pt x="144" y="179"/>
                    </a:lnTo>
                    <a:lnTo>
                      <a:pt x="140" y="181"/>
                    </a:lnTo>
                    <a:lnTo>
                      <a:pt x="137" y="182"/>
                    </a:lnTo>
                    <a:lnTo>
                      <a:pt x="134" y="186"/>
                    </a:lnTo>
                    <a:lnTo>
                      <a:pt x="132" y="191"/>
                    </a:lnTo>
                    <a:lnTo>
                      <a:pt x="129" y="194"/>
                    </a:lnTo>
                    <a:lnTo>
                      <a:pt x="125" y="199"/>
                    </a:lnTo>
                    <a:lnTo>
                      <a:pt x="124" y="204"/>
                    </a:lnTo>
                    <a:lnTo>
                      <a:pt x="122" y="208"/>
                    </a:lnTo>
                    <a:lnTo>
                      <a:pt x="118" y="213"/>
                    </a:lnTo>
                    <a:lnTo>
                      <a:pt x="118" y="215"/>
                    </a:lnTo>
                    <a:lnTo>
                      <a:pt x="117" y="216"/>
                    </a:lnTo>
                    <a:lnTo>
                      <a:pt x="117" y="218"/>
                    </a:lnTo>
                    <a:lnTo>
                      <a:pt x="108" y="220"/>
                    </a:lnTo>
                    <a:lnTo>
                      <a:pt x="100" y="223"/>
                    </a:lnTo>
                    <a:lnTo>
                      <a:pt x="91" y="228"/>
                    </a:lnTo>
                    <a:lnTo>
                      <a:pt x="83" y="235"/>
                    </a:lnTo>
                    <a:lnTo>
                      <a:pt x="78" y="240"/>
                    </a:lnTo>
                    <a:lnTo>
                      <a:pt x="71" y="247"/>
                    </a:lnTo>
                    <a:lnTo>
                      <a:pt x="68" y="250"/>
                    </a:lnTo>
                    <a:lnTo>
                      <a:pt x="66" y="252"/>
                    </a:lnTo>
                    <a:lnTo>
                      <a:pt x="56" y="252"/>
                    </a:lnTo>
                    <a:lnTo>
                      <a:pt x="47" y="255"/>
                    </a:lnTo>
                    <a:lnTo>
                      <a:pt x="41" y="259"/>
                    </a:lnTo>
                    <a:lnTo>
                      <a:pt x="34" y="264"/>
                    </a:lnTo>
                    <a:lnTo>
                      <a:pt x="31" y="269"/>
                    </a:lnTo>
                    <a:lnTo>
                      <a:pt x="27" y="274"/>
                    </a:lnTo>
                    <a:lnTo>
                      <a:pt x="25" y="277"/>
                    </a:lnTo>
                    <a:lnTo>
                      <a:pt x="25" y="279"/>
                    </a:lnTo>
                    <a:lnTo>
                      <a:pt x="24" y="286"/>
                    </a:lnTo>
                    <a:lnTo>
                      <a:pt x="20" y="291"/>
                    </a:lnTo>
                    <a:lnTo>
                      <a:pt x="17" y="296"/>
                    </a:lnTo>
                    <a:lnTo>
                      <a:pt x="12" y="298"/>
                    </a:lnTo>
                    <a:lnTo>
                      <a:pt x="9" y="299"/>
                    </a:lnTo>
                    <a:lnTo>
                      <a:pt x="3" y="299"/>
                    </a:lnTo>
                    <a:lnTo>
                      <a:pt x="0" y="299"/>
                    </a:lnTo>
                    <a:lnTo>
                      <a:pt x="0" y="333"/>
                    </a:lnTo>
                    <a:lnTo>
                      <a:pt x="124" y="314"/>
                    </a:lnTo>
                    <a:lnTo>
                      <a:pt x="125" y="316"/>
                    </a:lnTo>
                    <a:lnTo>
                      <a:pt x="127" y="314"/>
                    </a:lnTo>
                    <a:lnTo>
                      <a:pt x="129" y="313"/>
                    </a:lnTo>
                    <a:lnTo>
                      <a:pt x="132" y="309"/>
                    </a:lnTo>
                    <a:lnTo>
                      <a:pt x="135" y="306"/>
                    </a:lnTo>
                    <a:lnTo>
                      <a:pt x="140" y="303"/>
                    </a:lnTo>
                    <a:lnTo>
                      <a:pt x="146" y="299"/>
                    </a:lnTo>
                    <a:lnTo>
                      <a:pt x="152" y="296"/>
                    </a:lnTo>
                    <a:lnTo>
                      <a:pt x="157" y="292"/>
                    </a:lnTo>
                    <a:lnTo>
                      <a:pt x="166" y="287"/>
                    </a:lnTo>
                    <a:lnTo>
                      <a:pt x="173" y="284"/>
                    </a:lnTo>
                    <a:lnTo>
                      <a:pt x="181" y="281"/>
                    </a:lnTo>
                    <a:lnTo>
                      <a:pt x="190" y="279"/>
                    </a:lnTo>
                    <a:lnTo>
                      <a:pt x="200" y="277"/>
                    </a:lnTo>
                    <a:lnTo>
                      <a:pt x="210" y="274"/>
                    </a:lnTo>
                    <a:lnTo>
                      <a:pt x="218" y="274"/>
                    </a:lnTo>
                    <a:lnTo>
                      <a:pt x="311" y="265"/>
                    </a:lnTo>
                    <a:lnTo>
                      <a:pt x="313" y="265"/>
                    </a:lnTo>
                    <a:lnTo>
                      <a:pt x="315" y="264"/>
                    </a:lnTo>
                    <a:lnTo>
                      <a:pt x="320" y="264"/>
                    </a:lnTo>
                    <a:lnTo>
                      <a:pt x="327" y="264"/>
                    </a:lnTo>
                    <a:lnTo>
                      <a:pt x="333" y="265"/>
                    </a:lnTo>
                    <a:lnTo>
                      <a:pt x="340" y="269"/>
                    </a:lnTo>
                    <a:lnTo>
                      <a:pt x="347" y="276"/>
                    </a:lnTo>
                    <a:lnTo>
                      <a:pt x="355" y="287"/>
                    </a:lnTo>
                    <a:lnTo>
                      <a:pt x="359" y="301"/>
                    </a:lnTo>
                    <a:lnTo>
                      <a:pt x="467" y="284"/>
                    </a:lnTo>
                    <a:lnTo>
                      <a:pt x="597" y="379"/>
                    </a:lnTo>
                    <a:lnTo>
                      <a:pt x="601" y="379"/>
                    </a:lnTo>
                    <a:lnTo>
                      <a:pt x="602" y="379"/>
                    </a:lnTo>
                    <a:lnTo>
                      <a:pt x="604" y="37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84" name="Freeform 164"/>
              <p:cNvSpPr>
                <a:spLocks/>
              </p:cNvSpPr>
              <p:nvPr/>
            </p:nvSpPr>
            <p:spPr bwMode="auto">
              <a:xfrm>
                <a:off x="4106" y="2082"/>
                <a:ext cx="834" cy="379"/>
              </a:xfrm>
              <a:custGeom>
                <a:avLst/>
                <a:gdLst>
                  <a:gd name="T0" fmla="*/ 648 w 834"/>
                  <a:gd name="T1" fmla="*/ 360 h 379"/>
                  <a:gd name="T2" fmla="*/ 658 w 834"/>
                  <a:gd name="T3" fmla="*/ 335 h 379"/>
                  <a:gd name="T4" fmla="*/ 662 w 834"/>
                  <a:gd name="T5" fmla="*/ 353 h 379"/>
                  <a:gd name="T6" fmla="*/ 675 w 834"/>
                  <a:gd name="T7" fmla="*/ 309 h 379"/>
                  <a:gd name="T8" fmla="*/ 697 w 834"/>
                  <a:gd name="T9" fmla="*/ 279 h 379"/>
                  <a:gd name="T10" fmla="*/ 702 w 834"/>
                  <a:gd name="T11" fmla="*/ 264 h 379"/>
                  <a:gd name="T12" fmla="*/ 729 w 834"/>
                  <a:gd name="T13" fmla="*/ 248 h 379"/>
                  <a:gd name="T14" fmla="*/ 758 w 834"/>
                  <a:gd name="T15" fmla="*/ 232 h 379"/>
                  <a:gd name="T16" fmla="*/ 768 w 834"/>
                  <a:gd name="T17" fmla="*/ 233 h 379"/>
                  <a:gd name="T18" fmla="*/ 780 w 834"/>
                  <a:gd name="T19" fmla="*/ 230 h 379"/>
                  <a:gd name="T20" fmla="*/ 790 w 834"/>
                  <a:gd name="T21" fmla="*/ 218 h 379"/>
                  <a:gd name="T22" fmla="*/ 795 w 834"/>
                  <a:gd name="T23" fmla="*/ 193 h 379"/>
                  <a:gd name="T24" fmla="*/ 790 w 834"/>
                  <a:gd name="T25" fmla="*/ 201 h 379"/>
                  <a:gd name="T26" fmla="*/ 784 w 834"/>
                  <a:gd name="T27" fmla="*/ 188 h 379"/>
                  <a:gd name="T28" fmla="*/ 772 w 834"/>
                  <a:gd name="T29" fmla="*/ 198 h 379"/>
                  <a:gd name="T30" fmla="*/ 733 w 834"/>
                  <a:gd name="T31" fmla="*/ 199 h 379"/>
                  <a:gd name="T32" fmla="*/ 763 w 834"/>
                  <a:gd name="T33" fmla="*/ 194 h 379"/>
                  <a:gd name="T34" fmla="*/ 772 w 834"/>
                  <a:gd name="T35" fmla="*/ 164 h 379"/>
                  <a:gd name="T36" fmla="*/ 750 w 834"/>
                  <a:gd name="T37" fmla="*/ 159 h 379"/>
                  <a:gd name="T38" fmla="*/ 726 w 834"/>
                  <a:gd name="T39" fmla="*/ 149 h 379"/>
                  <a:gd name="T40" fmla="*/ 746 w 834"/>
                  <a:gd name="T41" fmla="*/ 149 h 379"/>
                  <a:gd name="T42" fmla="*/ 765 w 834"/>
                  <a:gd name="T43" fmla="*/ 144 h 379"/>
                  <a:gd name="T44" fmla="*/ 777 w 834"/>
                  <a:gd name="T45" fmla="*/ 138 h 379"/>
                  <a:gd name="T46" fmla="*/ 787 w 834"/>
                  <a:gd name="T47" fmla="*/ 149 h 379"/>
                  <a:gd name="T48" fmla="*/ 809 w 834"/>
                  <a:gd name="T49" fmla="*/ 147 h 379"/>
                  <a:gd name="T50" fmla="*/ 831 w 834"/>
                  <a:gd name="T51" fmla="*/ 113 h 379"/>
                  <a:gd name="T52" fmla="*/ 834 w 834"/>
                  <a:gd name="T53" fmla="*/ 105 h 379"/>
                  <a:gd name="T54" fmla="*/ 824 w 834"/>
                  <a:gd name="T55" fmla="*/ 67 h 379"/>
                  <a:gd name="T56" fmla="*/ 809 w 834"/>
                  <a:gd name="T57" fmla="*/ 79 h 379"/>
                  <a:gd name="T58" fmla="*/ 806 w 834"/>
                  <a:gd name="T59" fmla="*/ 105 h 379"/>
                  <a:gd name="T60" fmla="*/ 800 w 834"/>
                  <a:gd name="T61" fmla="*/ 84 h 379"/>
                  <a:gd name="T62" fmla="*/ 792 w 834"/>
                  <a:gd name="T63" fmla="*/ 67 h 379"/>
                  <a:gd name="T64" fmla="*/ 763 w 834"/>
                  <a:gd name="T65" fmla="*/ 79 h 379"/>
                  <a:gd name="T66" fmla="*/ 743 w 834"/>
                  <a:gd name="T67" fmla="*/ 88 h 379"/>
                  <a:gd name="T68" fmla="*/ 726 w 834"/>
                  <a:gd name="T69" fmla="*/ 91 h 379"/>
                  <a:gd name="T70" fmla="*/ 748 w 834"/>
                  <a:gd name="T71" fmla="*/ 78 h 379"/>
                  <a:gd name="T72" fmla="*/ 763 w 834"/>
                  <a:gd name="T73" fmla="*/ 66 h 379"/>
                  <a:gd name="T74" fmla="*/ 758 w 834"/>
                  <a:gd name="T75" fmla="*/ 52 h 379"/>
                  <a:gd name="T76" fmla="*/ 789 w 834"/>
                  <a:gd name="T77" fmla="*/ 50 h 379"/>
                  <a:gd name="T78" fmla="*/ 777 w 834"/>
                  <a:gd name="T79" fmla="*/ 34 h 379"/>
                  <a:gd name="T80" fmla="*/ 792 w 834"/>
                  <a:gd name="T81" fmla="*/ 40 h 379"/>
                  <a:gd name="T82" fmla="*/ 817 w 834"/>
                  <a:gd name="T83" fmla="*/ 50 h 379"/>
                  <a:gd name="T84" fmla="*/ 790 w 834"/>
                  <a:gd name="T85" fmla="*/ 15 h 379"/>
                  <a:gd name="T86" fmla="*/ 636 w 834"/>
                  <a:gd name="T87" fmla="*/ 32 h 379"/>
                  <a:gd name="T88" fmla="*/ 464 w 834"/>
                  <a:gd name="T89" fmla="*/ 64 h 379"/>
                  <a:gd name="T90" fmla="*/ 333 w 834"/>
                  <a:gd name="T91" fmla="*/ 83 h 379"/>
                  <a:gd name="T92" fmla="*/ 252 w 834"/>
                  <a:gd name="T93" fmla="*/ 93 h 379"/>
                  <a:gd name="T94" fmla="*/ 232 w 834"/>
                  <a:gd name="T95" fmla="*/ 94 h 379"/>
                  <a:gd name="T96" fmla="*/ 232 w 834"/>
                  <a:gd name="T97" fmla="*/ 125 h 379"/>
                  <a:gd name="T98" fmla="*/ 212 w 834"/>
                  <a:gd name="T99" fmla="*/ 145 h 379"/>
                  <a:gd name="T100" fmla="*/ 191 w 834"/>
                  <a:gd name="T101" fmla="*/ 157 h 379"/>
                  <a:gd name="T102" fmla="*/ 154 w 834"/>
                  <a:gd name="T103" fmla="*/ 188 h 379"/>
                  <a:gd name="T104" fmla="*/ 134 w 834"/>
                  <a:gd name="T105" fmla="*/ 186 h 379"/>
                  <a:gd name="T106" fmla="*/ 118 w 834"/>
                  <a:gd name="T107" fmla="*/ 215 h 379"/>
                  <a:gd name="T108" fmla="*/ 83 w 834"/>
                  <a:gd name="T109" fmla="*/ 235 h 379"/>
                  <a:gd name="T110" fmla="*/ 47 w 834"/>
                  <a:gd name="T111" fmla="*/ 255 h 379"/>
                  <a:gd name="T112" fmla="*/ 25 w 834"/>
                  <a:gd name="T113" fmla="*/ 279 h 379"/>
                  <a:gd name="T114" fmla="*/ 0 w 834"/>
                  <a:gd name="T115" fmla="*/ 299 h 379"/>
                  <a:gd name="T116" fmla="*/ 127 w 834"/>
                  <a:gd name="T117" fmla="*/ 314 h 379"/>
                  <a:gd name="T118" fmla="*/ 157 w 834"/>
                  <a:gd name="T119" fmla="*/ 292 h 379"/>
                  <a:gd name="T120" fmla="*/ 218 w 834"/>
                  <a:gd name="T121" fmla="*/ 274 h 379"/>
                  <a:gd name="T122" fmla="*/ 333 w 834"/>
                  <a:gd name="T123" fmla="*/ 265 h 379"/>
                  <a:gd name="T124" fmla="*/ 597 w 834"/>
                  <a:gd name="T125" fmla="*/ 379 h 379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  <a:gd name="T189" fmla="*/ 0 w 834"/>
                  <a:gd name="T190" fmla="*/ 0 h 379"/>
                  <a:gd name="T191" fmla="*/ 834 w 834"/>
                  <a:gd name="T192" fmla="*/ 379 h 379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T189" t="T190" r="T191" b="T192"/>
                <a:pathLst>
                  <a:path w="834" h="379">
                    <a:moveTo>
                      <a:pt x="604" y="377"/>
                    </a:moveTo>
                    <a:lnTo>
                      <a:pt x="604" y="377"/>
                    </a:lnTo>
                    <a:lnTo>
                      <a:pt x="618" y="369"/>
                    </a:lnTo>
                    <a:lnTo>
                      <a:pt x="628" y="362"/>
                    </a:lnTo>
                    <a:lnTo>
                      <a:pt x="636" y="360"/>
                    </a:lnTo>
                    <a:lnTo>
                      <a:pt x="643" y="360"/>
                    </a:lnTo>
                    <a:lnTo>
                      <a:pt x="648" y="360"/>
                    </a:lnTo>
                    <a:lnTo>
                      <a:pt x="650" y="362"/>
                    </a:lnTo>
                    <a:lnTo>
                      <a:pt x="653" y="364"/>
                    </a:lnTo>
                    <a:lnTo>
                      <a:pt x="653" y="365"/>
                    </a:lnTo>
                    <a:lnTo>
                      <a:pt x="653" y="333"/>
                    </a:lnTo>
                    <a:lnTo>
                      <a:pt x="657" y="333"/>
                    </a:lnTo>
                    <a:lnTo>
                      <a:pt x="658" y="335"/>
                    </a:lnTo>
                    <a:lnTo>
                      <a:pt x="658" y="338"/>
                    </a:lnTo>
                    <a:lnTo>
                      <a:pt x="658" y="340"/>
                    </a:lnTo>
                    <a:lnTo>
                      <a:pt x="660" y="345"/>
                    </a:lnTo>
                    <a:lnTo>
                      <a:pt x="662" y="348"/>
                    </a:lnTo>
                    <a:lnTo>
                      <a:pt x="662" y="352"/>
                    </a:lnTo>
                    <a:lnTo>
                      <a:pt x="662" y="353"/>
                    </a:lnTo>
                    <a:lnTo>
                      <a:pt x="663" y="345"/>
                    </a:lnTo>
                    <a:lnTo>
                      <a:pt x="663" y="338"/>
                    </a:lnTo>
                    <a:lnTo>
                      <a:pt x="667" y="330"/>
                    </a:lnTo>
                    <a:lnTo>
                      <a:pt x="668" y="323"/>
                    </a:lnTo>
                    <a:lnTo>
                      <a:pt x="672" y="316"/>
                    </a:lnTo>
                    <a:lnTo>
                      <a:pt x="675" y="309"/>
                    </a:lnTo>
                    <a:lnTo>
                      <a:pt x="679" y="303"/>
                    </a:lnTo>
                    <a:lnTo>
                      <a:pt x="682" y="298"/>
                    </a:lnTo>
                    <a:lnTo>
                      <a:pt x="685" y="292"/>
                    </a:lnTo>
                    <a:lnTo>
                      <a:pt x="689" y="289"/>
                    </a:lnTo>
                    <a:lnTo>
                      <a:pt x="692" y="286"/>
                    </a:lnTo>
                    <a:lnTo>
                      <a:pt x="696" y="282"/>
                    </a:lnTo>
                    <a:lnTo>
                      <a:pt x="697" y="279"/>
                    </a:lnTo>
                    <a:lnTo>
                      <a:pt x="699" y="277"/>
                    </a:lnTo>
                    <a:lnTo>
                      <a:pt x="701" y="277"/>
                    </a:lnTo>
                    <a:lnTo>
                      <a:pt x="701" y="276"/>
                    </a:lnTo>
                    <a:lnTo>
                      <a:pt x="696" y="267"/>
                    </a:lnTo>
                    <a:lnTo>
                      <a:pt x="702" y="262"/>
                    </a:lnTo>
                    <a:lnTo>
                      <a:pt x="702" y="264"/>
                    </a:lnTo>
                    <a:lnTo>
                      <a:pt x="704" y="267"/>
                    </a:lnTo>
                    <a:lnTo>
                      <a:pt x="706" y="270"/>
                    </a:lnTo>
                    <a:lnTo>
                      <a:pt x="707" y="270"/>
                    </a:lnTo>
                    <a:lnTo>
                      <a:pt x="714" y="262"/>
                    </a:lnTo>
                    <a:lnTo>
                      <a:pt x="721" y="254"/>
                    </a:lnTo>
                    <a:lnTo>
                      <a:pt x="729" y="248"/>
                    </a:lnTo>
                    <a:lnTo>
                      <a:pt x="738" y="243"/>
                    </a:lnTo>
                    <a:lnTo>
                      <a:pt x="745" y="242"/>
                    </a:lnTo>
                    <a:lnTo>
                      <a:pt x="751" y="240"/>
                    </a:lnTo>
                    <a:lnTo>
                      <a:pt x="756" y="238"/>
                    </a:lnTo>
                    <a:lnTo>
                      <a:pt x="758" y="238"/>
                    </a:lnTo>
                    <a:lnTo>
                      <a:pt x="758" y="232"/>
                    </a:lnTo>
                    <a:lnTo>
                      <a:pt x="760" y="230"/>
                    </a:lnTo>
                    <a:lnTo>
                      <a:pt x="762" y="228"/>
                    </a:lnTo>
                    <a:lnTo>
                      <a:pt x="763" y="228"/>
                    </a:lnTo>
                    <a:lnTo>
                      <a:pt x="765" y="230"/>
                    </a:lnTo>
                    <a:lnTo>
                      <a:pt x="767" y="230"/>
                    </a:lnTo>
                    <a:lnTo>
                      <a:pt x="768" y="232"/>
                    </a:lnTo>
                    <a:lnTo>
                      <a:pt x="768" y="233"/>
                    </a:lnTo>
                    <a:lnTo>
                      <a:pt x="770" y="230"/>
                    </a:lnTo>
                    <a:lnTo>
                      <a:pt x="772" y="228"/>
                    </a:lnTo>
                    <a:lnTo>
                      <a:pt x="773" y="226"/>
                    </a:lnTo>
                    <a:lnTo>
                      <a:pt x="775" y="228"/>
                    </a:lnTo>
                    <a:lnTo>
                      <a:pt x="778" y="228"/>
                    </a:lnTo>
                    <a:lnTo>
                      <a:pt x="780" y="230"/>
                    </a:lnTo>
                    <a:lnTo>
                      <a:pt x="782" y="230"/>
                    </a:lnTo>
                    <a:lnTo>
                      <a:pt x="784" y="230"/>
                    </a:lnTo>
                    <a:lnTo>
                      <a:pt x="785" y="226"/>
                    </a:lnTo>
                    <a:lnTo>
                      <a:pt x="787" y="223"/>
                    </a:lnTo>
                    <a:lnTo>
                      <a:pt x="790" y="218"/>
                    </a:lnTo>
                    <a:lnTo>
                      <a:pt x="792" y="215"/>
                    </a:lnTo>
                    <a:lnTo>
                      <a:pt x="795" y="210"/>
                    </a:lnTo>
                    <a:lnTo>
                      <a:pt x="797" y="208"/>
                    </a:lnTo>
                    <a:lnTo>
                      <a:pt x="797" y="204"/>
                    </a:lnTo>
                    <a:lnTo>
                      <a:pt x="797" y="196"/>
                    </a:lnTo>
                    <a:lnTo>
                      <a:pt x="795" y="193"/>
                    </a:lnTo>
                    <a:lnTo>
                      <a:pt x="795" y="191"/>
                    </a:lnTo>
                    <a:lnTo>
                      <a:pt x="794" y="193"/>
                    </a:lnTo>
                    <a:lnTo>
                      <a:pt x="792" y="194"/>
                    </a:lnTo>
                    <a:lnTo>
                      <a:pt x="790" y="198"/>
                    </a:lnTo>
                    <a:lnTo>
                      <a:pt x="790" y="199"/>
                    </a:lnTo>
                    <a:lnTo>
                      <a:pt x="790" y="201"/>
                    </a:lnTo>
                    <a:lnTo>
                      <a:pt x="789" y="201"/>
                    </a:lnTo>
                    <a:lnTo>
                      <a:pt x="787" y="199"/>
                    </a:lnTo>
                    <a:lnTo>
                      <a:pt x="785" y="199"/>
                    </a:lnTo>
                    <a:lnTo>
                      <a:pt x="785" y="198"/>
                    </a:lnTo>
                    <a:lnTo>
                      <a:pt x="784" y="191"/>
                    </a:lnTo>
                    <a:lnTo>
                      <a:pt x="784" y="188"/>
                    </a:lnTo>
                    <a:lnTo>
                      <a:pt x="784" y="186"/>
                    </a:lnTo>
                    <a:lnTo>
                      <a:pt x="782" y="188"/>
                    </a:lnTo>
                    <a:lnTo>
                      <a:pt x="780" y="189"/>
                    </a:lnTo>
                    <a:lnTo>
                      <a:pt x="780" y="193"/>
                    </a:lnTo>
                    <a:lnTo>
                      <a:pt x="780" y="194"/>
                    </a:lnTo>
                    <a:lnTo>
                      <a:pt x="780" y="196"/>
                    </a:lnTo>
                    <a:lnTo>
                      <a:pt x="772" y="198"/>
                    </a:lnTo>
                    <a:lnTo>
                      <a:pt x="753" y="215"/>
                    </a:lnTo>
                    <a:lnTo>
                      <a:pt x="741" y="213"/>
                    </a:lnTo>
                    <a:lnTo>
                      <a:pt x="724" y="198"/>
                    </a:lnTo>
                    <a:lnTo>
                      <a:pt x="726" y="198"/>
                    </a:lnTo>
                    <a:lnTo>
                      <a:pt x="729" y="199"/>
                    </a:lnTo>
                    <a:lnTo>
                      <a:pt x="733" y="199"/>
                    </a:lnTo>
                    <a:lnTo>
                      <a:pt x="736" y="201"/>
                    </a:lnTo>
                    <a:lnTo>
                      <a:pt x="741" y="204"/>
                    </a:lnTo>
                    <a:lnTo>
                      <a:pt x="748" y="204"/>
                    </a:lnTo>
                    <a:lnTo>
                      <a:pt x="753" y="203"/>
                    </a:lnTo>
                    <a:lnTo>
                      <a:pt x="758" y="199"/>
                    </a:lnTo>
                    <a:lnTo>
                      <a:pt x="763" y="194"/>
                    </a:lnTo>
                    <a:lnTo>
                      <a:pt x="767" y="191"/>
                    </a:lnTo>
                    <a:lnTo>
                      <a:pt x="770" y="188"/>
                    </a:lnTo>
                    <a:lnTo>
                      <a:pt x="770" y="186"/>
                    </a:lnTo>
                    <a:lnTo>
                      <a:pt x="760" y="182"/>
                    </a:lnTo>
                    <a:lnTo>
                      <a:pt x="758" y="177"/>
                    </a:lnTo>
                    <a:lnTo>
                      <a:pt x="768" y="176"/>
                    </a:lnTo>
                    <a:lnTo>
                      <a:pt x="772" y="164"/>
                    </a:lnTo>
                    <a:lnTo>
                      <a:pt x="770" y="164"/>
                    </a:lnTo>
                    <a:lnTo>
                      <a:pt x="768" y="164"/>
                    </a:lnTo>
                    <a:lnTo>
                      <a:pt x="767" y="164"/>
                    </a:lnTo>
                    <a:lnTo>
                      <a:pt x="763" y="162"/>
                    </a:lnTo>
                    <a:lnTo>
                      <a:pt x="750" y="159"/>
                    </a:lnTo>
                    <a:lnTo>
                      <a:pt x="740" y="155"/>
                    </a:lnTo>
                    <a:lnTo>
                      <a:pt x="731" y="154"/>
                    </a:lnTo>
                    <a:lnTo>
                      <a:pt x="728" y="152"/>
                    </a:lnTo>
                    <a:lnTo>
                      <a:pt x="724" y="150"/>
                    </a:lnTo>
                    <a:lnTo>
                      <a:pt x="723" y="150"/>
                    </a:lnTo>
                    <a:lnTo>
                      <a:pt x="724" y="149"/>
                    </a:lnTo>
                    <a:lnTo>
                      <a:pt x="726" y="149"/>
                    </a:lnTo>
                    <a:lnTo>
                      <a:pt x="728" y="149"/>
                    </a:lnTo>
                    <a:lnTo>
                      <a:pt x="731" y="147"/>
                    </a:lnTo>
                    <a:lnTo>
                      <a:pt x="736" y="149"/>
                    </a:lnTo>
                    <a:lnTo>
                      <a:pt x="740" y="149"/>
                    </a:lnTo>
                    <a:lnTo>
                      <a:pt x="743" y="149"/>
                    </a:lnTo>
                    <a:lnTo>
                      <a:pt x="745" y="149"/>
                    </a:lnTo>
                    <a:lnTo>
                      <a:pt x="746" y="149"/>
                    </a:lnTo>
                    <a:lnTo>
                      <a:pt x="748" y="149"/>
                    </a:lnTo>
                    <a:lnTo>
                      <a:pt x="746" y="138"/>
                    </a:lnTo>
                    <a:lnTo>
                      <a:pt x="755" y="135"/>
                    </a:lnTo>
                    <a:lnTo>
                      <a:pt x="760" y="144"/>
                    </a:lnTo>
                    <a:lnTo>
                      <a:pt x="762" y="144"/>
                    </a:lnTo>
                    <a:lnTo>
                      <a:pt x="765" y="144"/>
                    </a:lnTo>
                    <a:lnTo>
                      <a:pt x="767" y="145"/>
                    </a:lnTo>
                    <a:lnTo>
                      <a:pt x="768" y="144"/>
                    </a:lnTo>
                    <a:lnTo>
                      <a:pt x="770" y="138"/>
                    </a:lnTo>
                    <a:lnTo>
                      <a:pt x="772" y="135"/>
                    </a:lnTo>
                    <a:lnTo>
                      <a:pt x="773" y="137"/>
                    </a:lnTo>
                    <a:lnTo>
                      <a:pt x="777" y="138"/>
                    </a:lnTo>
                    <a:lnTo>
                      <a:pt x="778" y="142"/>
                    </a:lnTo>
                    <a:lnTo>
                      <a:pt x="782" y="145"/>
                    </a:lnTo>
                    <a:lnTo>
                      <a:pt x="784" y="147"/>
                    </a:lnTo>
                    <a:lnTo>
                      <a:pt x="784" y="149"/>
                    </a:lnTo>
                    <a:lnTo>
                      <a:pt x="785" y="149"/>
                    </a:lnTo>
                    <a:lnTo>
                      <a:pt x="787" y="149"/>
                    </a:lnTo>
                    <a:lnTo>
                      <a:pt x="792" y="149"/>
                    </a:lnTo>
                    <a:lnTo>
                      <a:pt x="795" y="149"/>
                    </a:lnTo>
                    <a:lnTo>
                      <a:pt x="800" y="149"/>
                    </a:lnTo>
                    <a:lnTo>
                      <a:pt x="804" y="147"/>
                    </a:lnTo>
                    <a:lnTo>
                      <a:pt x="807" y="147"/>
                    </a:lnTo>
                    <a:lnTo>
                      <a:pt x="809" y="147"/>
                    </a:lnTo>
                    <a:lnTo>
                      <a:pt x="814" y="130"/>
                    </a:lnTo>
                    <a:lnTo>
                      <a:pt x="819" y="120"/>
                    </a:lnTo>
                    <a:lnTo>
                      <a:pt x="824" y="113"/>
                    </a:lnTo>
                    <a:lnTo>
                      <a:pt x="826" y="110"/>
                    </a:lnTo>
                    <a:lnTo>
                      <a:pt x="828" y="110"/>
                    </a:lnTo>
                    <a:lnTo>
                      <a:pt x="829" y="111"/>
                    </a:lnTo>
                    <a:lnTo>
                      <a:pt x="831" y="113"/>
                    </a:lnTo>
                    <a:lnTo>
                      <a:pt x="831" y="111"/>
                    </a:lnTo>
                    <a:lnTo>
                      <a:pt x="833" y="110"/>
                    </a:lnTo>
                    <a:lnTo>
                      <a:pt x="834" y="106"/>
                    </a:lnTo>
                    <a:lnTo>
                      <a:pt x="834" y="105"/>
                    </a:lnTo>
                    <a:lnTo>
                      <a:pt x="834" y="96"/>
                    </a:lnTo>
                    <a:lnTo>
                      <a:pt x="833" y="88"/>
                    </a:lnTo>
                    <a:lnTo>
                      <a:pt x="831" y="81"/>
                    </a:lnTo>
                    <a:lnTo>
                      <a:pt x="829" y="76"/>
                    </a:lnTo>
                    <a:lnTo>
                      <a:pt x="828" y="72"/>
                    </a:lnTo>
                    <a:lnTo>
                      <a:pt x="826" y="69"/>
                    </a:lnTo>
                    <a:lnTo>
                      <a:pt x="824" y="67"/>
                    </a:lnTo>
                    <a:lnTo>
                      <a:pt x="817" y="72"/>
                    </a:lnTo>
                    <a:lnTo>
                      <a:pt x="816" y="72"/>
                    </a:lnTo>
                    <a:lnTo>
                      <a:pt x="814" y="74"/>
                    </a:lnTo>
                    <a:lnTo>
                      <a:pt x="811" y="76"/>
                    </a:lnTo>
                    <a:lnTo>
                      <a:pt x="809" y="79"/>
                    </a:lnTo>
                    <a:lnTo>
                      <a:pt x="809" y="89"/>
                    </a:lnTo>
                    <a:lnTo>
                      <a:pt x="809" y="96"/>
                    </a:lnTo>
                    <a:lnTo>
                      <a:pt x="807" y="101"/>
                    </a:lnTo>
                    <a:lnTo>
                      <a:pt x="807" y="105"/>
                    </a:lnTo>
                    <a:lnTo>
                      <a:pt x="807" y="106"/>
                    </a:lnTo>
                    <a:lnTo>
                      <a:pt x="806" y="105"/>
                    </a:lnTo>
                    <a:lnTo>
                      <a:pt x="806" y="101"/>
                    </a:lnTo>
                    <a:lnTo>
                      <a:pt x="804" y="98"/>
                    </a:lnTo>
                    <a:lnTo>
                      <a:pt x="802" y="94"/>
                    </a:lnTo>
                    <a:lnTo>
                      <a:pt x="802" y="91"/>
                    </a:lnTo>
                    <a:lnTo>
                      <a:pt x="802" y="88"/>
                    </a:lnTo>
                    <a:lnTo>
                      <a:pt x="800" y="84"/>
                    </a:lnTo>
                    <a:lnTo>
                      <a:pt x="800" y="81"/>
                    </a:lnTo>
                    <a:lnTo>
                      <a:pt x="800" y="79"/>
                    </a:lnTo>
                    <a:lnTo>
                      <a:pt x="800" y="78"/>
                    </a:lnTo>
                    <a:lnTo>
                      <a:pt x="799" y="71"/>
                    </a:lnTo>
                    <a:lnTo>
                      <a:pt x="797" y="67"/>
                    </a:lnTo>
                    <a:lnTo>
                      <a:pt x="792" y="67"/>
                    </a:lnTo>
                    <a:lnTo>
                      <a:pt x="789" y="69"/>
                    </a:lnTo>
                    <a:lnTo>
                      <a:pt x="784" y="72"/>
                    </a:lnTo>
                    <a:lnTo>
                      <a:pt x="778" y="76"/>
                    </a:lnTo>
                    <a:lnTo>
                      <a:pt x="777" y="78"/>
                    </a:lnTo>
                    <a:lnTo>
                      <a:pt x="775" y="79"/>
                    </a:lnTo>
                    <a:lnTo>
                      <a:pt x="763" y="79"/>
                    </a:lnTo>
                    <a:lnTo>
                      <a:pt x="762" y="81"/>
                    </a:lnTo>
                    <a:lnTo>
                      <a:pt x="760" y="81"/>
                    </a:lnTo>
                    <a:lnTo>
                      <a:pt x="756" y="83"/>
                    </a:lnTo>
                    <a:lnTo>
                      <a:pt x="753" y="83"/>
                    </a:lnTo>
                    <a:lnTo>
                      <a:pt x="750" y="84"/>
                    </a:lnTo>
                    <a:lnTo>
                      <a:pt x="745" y="86"/>
                    </a:lnTo>
                    <a:lnTo>
                      <a:pt x="743" y="88"/>
                    </a:lnTo>
                    <a:lnTo>
                      <a:pt x="741" y="88"/>
                    </a:lnTo>
                    <a:lnTo>
                      <a:pt x="731" y="94"/>
                    </a:lnTo>
                    <a:lnTo>
                      <a:pt x="726" y="96"/>
                    </a:lnTo>
                    <a:lnTo>
                      <a:pt x="724" y="96"/>
                    </a:lnTo>
                    <a:lnTo>
                      <a:pt x="724" y="94"/>
                    </a:lnTo>
                    <a:lnTo>
                      <a:pt x="726" y="91"/>
                    </a:lnTo>
                    <a:lnTo>
                      <a:pt x="729" y="88"/>
                    </a:lnTo>
                    <a:lnTo>
                      <a:pt x="731" y="84"/>
                    </a:lnTo>
                    <a:lnTo>
                      <a:pt x="733" y="84"/>
                    </a:lnTo>
                    <a:lnTo>
                      <a:pt x="724" y="66"/>
                    </a:lnTo>
                    <a:lnTo>
                      <a:pt x="731" y="61"/>
                    </a:lnTo>
                    <a:lnTo>
                      <a:pt x="736" y="71"/>
                    </a:lnTo>
                    <a:lnTo>
                      <a:pt x="748" y="78"/>
                    </a:lnTo>
                    <a:lnTo>
                      <a:pt x="751" y="76"/>
                    </a:lnTo>
                    <a:lnTo>
                      <a:pt x="755" y="72"/>
                    </a:lnTo>
                    <a:lnTo>
                      <a:pt x="758" y="71"/>
                    </a:lnTo>
                    <a:lnTo>
                      <a:pt x="762" y="67"/>
                    </a:lnTo>
                    <a:lnTo>
                      <a:pt x="763" y="66"/>
                    </a:lnTo>
                    <a:lnTo>
                      <a:pt x="765" y="64"/>
                    </a:lnTo>
                    <a:lnTo>
                      <a:pt x="765" y="62"/>
                    </a:lnTo>
                    <a:lnTo>
                      <a:pt x="756" y="56"/>
                    </a:lnTo>
                    <a:lnTo>
                      <a:pt x="753" y="52"/>
                    </a:lnTo>
                    <a:lnTo>
                      <a:pt x="755" y="52"/>
                    </a:lnTo>
                    <a:lnTo>
                      <a:pt x="758" y="52"/>
                    </a:lnTo>
                    <a:lnTo>
                      <a:pt x="763" y="54"/>
                    </a:lnTo>
                    <a:lnTo>
                      <a:pt x="768" y="56"/>
                    </a:lnTo>
                    <a:lnTo>
                      <a:pt x="772" y="57"/>
                    </a:lnTo>
                    <a:lnTo>
                      <a:pt x="775" y="59"/>
                    </a:lnTo>
                    <a:lnTo>
                      <a:pt x="789" y="52"/>
                    </a:lnTo>
                    <a:lnTo>
                      <a:pt x="789" y="50"/>
                    </a:lnTo>
                    <a:lnTo>
                      <a:pt x="789" y="49"/>
                    </a:lnTo>
                    <a:lnTo>
                      <a:pt x="787" y="47"/>
                    </a:lnTo>
                    <a:lnTo>
                      <a:pt x="787" y="45"/>
                    </a:lnTo>
                    <a:lnTo>
                      <a:pt x="780" y="39"/>
                    </a:lnTo>
                    <a:lnTo>
                      <a:pt x="777" y="34"/>
                    </a:lnTo>
                    <a:lnTo>
                      <a:pt x="780" y="34"/>
                    </a:lnTo>
                    <a:lnTo>
                      <a:pt x="784" y="35"/>
                    </a:lnTo>
                    <a:lnTo>
                      <a:pt x="787" y="37"/>
                    </a:lnTo>
                    <a:lnTo>
                      <a:pt x="790" y="39"/>
                    </a:lnTo>
                    <a:lnTo>
                      <a:pt x="790" y="40"/>
                    </a:lnTo>
                    <a:lnTo>
                      <a:pt x="792" y="40"/>
                    </a:lnTo>
                    <a:lnTo>
                      <a:pt x="795" y="39"/>
                    </a:lnTo>
                    <a:lnTo>
                      <a:pt x="800" y="39"/>
                    </a:lnTo>
                    <a:lnTo>
                      <a:pt x="802" y="39"/>
                    </a:lnTo>
                    <a:lnTo>
                      <a:pt x="811" y="47"/>
                    </a:lnTo>
                    <a:lnTo>
                      <a:pt x="816" y="50"/>
                    </a:lnTo>
                    <a:lnTo>
                      <a:pt x="817" y="50"/>
                    </a:lnTo>
                    <a:lnTo>
                      <a:pt x="817" y="47"/>
                    </a:lnTo>
                    <a:lnTo>
                      <a:pt x="814" y="44"/>
                    </a:lnTo>
                    <a:lnTo>
                      <a:pt x="811" y="39"/>
                    </a:lnTo>
                    <a:lnTo>
                      <a:pt x="809" y="35"/>
                    </a:lnTo>
                    <a:lnTo>
                      <a:pt x="807" y="34"/>
                    </a:lnTo>
                    <a:lnTo>
                      <a:pt x="800" y="17"/>
                    </a:lnTo>
                    <a:lnTo>
                      <a:pt x="790" y="15"/>
                    </a:lnTo>
                    <a:lnTo>
                      <a:pt x="780" y="0"/>
                    </a:lnTo>
                    <a:lnTo>
                      <a:pt x="750" y="8"/>
                    </a:lnTo>
                    <a:lnTo>
                      <a:pt x="721" y="15"/>
                    </a:lnTo>
                    <a:lnTo>
                      <a:pt x="692" y="20"/>
                    </a:lnTo>
                    <a:lnTo>
                      <a:pt x="663" y="27"/>
                    </a:lnTo>
                    <a:lnTo>
                      <a:pt x="636" y="32"/>
                    </a:lnTo>
                    <a:lnTo>
                      <a:pt x="609" y="39"/>
                    </a:lnTo>
                    <a:lnTo>
                      <a:pt x="584" y="44"/>
                    </a:lnTo>
                    <a:lnTo>
                      <a:pt x="558" y="47"/>
                    </a:lnTo>
                    <a:lnTo>
                      <a:pt x="533" y="52"/>
                    </a:lnTo>
                    <a:lnTo>
                      <a:pt x="509" y="56"/>
                    </a:lnTo>
                    <a:lnTo>
                      <a:pt x="486" y="61"/>
                    </a:lnTo>
                    <a:lnTo>
                      <a:pt x="464" y="64"/>
                    </a:lnTo>
                    <a:lnTo>
                      <a:pt x="443" y="67"/>
                    </a:lnTo>
                    <a:lnTo>
                      <a:pt x="423" y="71"/>
                    </a:lnTo>
                    <a:lnTo>
                      <a:pt x="403" y="74"/>
                    </a:lnTo>
                    <a:lnTo>
                      <a:pt x="384" y="76"/>
                    </a:lnTo>
                    <a:lnTo>
                      <a:pt x="366" y="79"/>
                    </a:lnTo>
                    <a:lnTo>
                      <a:pt x="349" y="81"/>
                    </a:lnTo>
                    <a:lnTo>
                      <a:pt x="333" y="83"/>
                    </a:lnTo>
                    <a:lnTo>
                      <a:pt x="318" y="84"/>
                    </a:lnTo>
                    <a:lnTo>
                      <a:pt x="305" y="86"/>
                    </a:lnTo>
                    <a:lnTo>
                      <a:pt x="293" y="88"/>
                    </a:lnTo>
                    <a:lnTo>
                      <a:pt x="281" y="89"/>
                    </a:lnTo>
                    <a:lnTo>
                      <a:pt x="271" y="91"/>
                    </a:lnTo>
                    <a:lnTo>
                      <a:pt x="261" y="91"/>
                    </a:lnTo>
                    <a:lnTo>
                      <a:pt x="252" y="93"/>
                    </a:lnTo>
                    <a:lnTo>
                      <a:pt x="245" y="93"/>
                    </a:lnTo>
                    <a:lnTo>
                      <a:pt x="240" y="94"/>
                    </a:lnTo>
                    <a:lnTo>
                      <a:pt x="235" y="94"/>
                    </a:lnTo>
                    <a:lnTo>
                      <a:pt x="232" y="94"/>
                    </a:lnTo>
                    <a:lnTo>
                      <a:pt x="230" y="94"/>
                    </a:lnTo>
                    <a:lnTo>
                      <a:pt x="232" y="94"/>
                    </a:lnTo>
                    <a:lnTo>
                      <a:pt x="232" y="96"/>
                    </a:lnTo>
                    <a:lnTo>
                      <a:pt x="232" y="100"/>
                    </a:lnTo>
                    <a:lnTo>
                      <a:pt x="232" y="106"/>
                    </a:lnTo>
                    <a:lnTo>
                      <a:pt x="232" y="111"/>
                    </a:lnTo>
                    <a:lnTo>
                      <a:pt x="234" y="118"/>
                    </a:lnTo>
                    <a:lnTo>
                      <a:pt x="232" y="125"/>
                    </a:lnTo>
                    <a:lnTo>
                      <a:pt x="232" y="128"/>
                    </a:lnTo>
                    <a:lnTo>
                      <a:pt x="232" y="130"/>
                    </a:lnTo>
                    <a:lnTo>
                      <a:pt x="225" y="130"/>
                    </a:lnTo>
                    <a:lnTo>
                      <a:pt x="220" y="133"/>
                    </a:lnTo>
                    <a:lnTo>
                      <a:pt x="215" y="138"/>
                    </a:lnTo>
                    <a:lnTo>
                      <a:pt x="212" y="145"/>
                    </a:lnTo>
                    <a:lnTo>
                      <a:pt x="208" y="152"/>
                    </a:lnTo>
                    <a:lnTo>
                      <a:pt x="206" y="157"/>
                    </a:lnTo>
                    <a:lnTo>
                      <a:pt x="205" y="160"/>
                    </a:lnTo>
                    <a:lnTo>
                      <a:pt x="198" y="157"/>
                    </a:lnTo>
                    <a:lnTo>
                      <a:pt x="191" y="157"/>
                    </a:lnTo>
                    <a:lnTo>
                      <a:pt x="183" y="162"/>
                    </a:lnTo>
                    <a:lnTo>
                      <a:pt x="174" y="169"/>
                    </a:lnTo>
                    <a:lnTo>
                      <a:pt x="168" y="177"/>
                    </a:lnTo>
                    <a:lnTo>
                      <a:pt x="161" y="184"/>
                    </a:lnTo>
                    <a:lnTo>
                      <a:pt x="156" y="188"/>
                    </a:lnTo>
                    <a:lnTo>
                      <a:pt x="154" y="188"/>
                    </a:lnTo>
                    <a:lnTo>
                      <a:pt x="152" y="182"/>
                    </a:lnTo>
                    <a:lnTo>
                      <a:pt x="149" y="181"/>
                    </a:lnTo>
                    <a:lnTo>
                      <a:pt x="147" y="179"/>
                    </a:lnTo>
                    <a:lnTo>
                      <a:pt x="144" y="179"/>
                    </a:lnTo>
                    <a:lnTo>
                      <a:pt x="140" y="181"/>
                    </a:lnTo>
                    <a:lnTo>
                      <a:pt x="137" y="182"/>
                    </a:lnTo>
                    <a:lnTo>
                      <a:pt x="134" y="186"/>
                    </a:lnTo>
                    <a:lnTo>
                      <a:pt x="132" y="191"/>
                    </a:lnTo>
                    <a:lnTo>
                      <a:pt x="129" y="194"/>
                    </a:lnTo>
                    <a:lnTo>
                      <a:pt x="125" y="199"/>
                    </a:lnTo>
                    <a:lnTo>
                      <a:pt x="124" y="204"/>
                    </a:lnTo>
                    <a:lnTo>
                      <a:pt x="122" y="208"/>
                    </a:lnTo>
                    <a:lnTo>
                      <a:pt x="118" y="213"/>
                    </a:lnTo>
                    <a:lnTo>
                      <a:pt x="118" y="215"/>
                    </a:lnTo>
                    <a:lnTo>
                      <a:pt x="117" y="216"/>
                    </a:lnTo>
                    <a:lnTo>
                      <a:pt x="117" y="218"/>
                    </a:lnTo>
                    <a:lnTo>
                      <a:pt x="108" y="220"/>
                    </a:lnTo>
                    <a:lnTo>
                      <a:pt x="100" y="223"/>
                    </a:lnTo>
                    <a:lnTo>
                      <a:pt x="91" y="228"/>
                    </a:lnTo>
                    <a:lnTo>
                      <a:pt x="83" y="235"/>
                    </a:lnTo>
                    <a:lnTo>
                      <a:pt x="78" y="240"/>
                    </a:lnTo>
                    <a:lnTo>
                      <a:pt x="71" y="247"/>
                    </a:lnTo>
                    <a:lnTo>
                      <a:pt x="68" y="250"/>
                    </a:lnTo>
                    <a:lnTo>
                      <a:pt x="66" y="252"/>
                    </a:lnTo>
                    <a:lnTo>
                      <a:pt x="56" y="252"/>
                    </a:lnTo>
                    <a:lnTo>
                      <a:pt x="47" y="255"/>
                    </a:lnTo>
                    <a:lnTo>
                      <a:pt x="41" y="259"/>
                    </a:lnTo>
                    <a:lnTo>
                      <a:pt x="34" y="264"/>
                    </a:lnTo>
                    <a:lnTo>
                      <a:pt x="31" y="269"/>
                    </a:lnTo>
                    <a:lnTo>
                      <a:pt x="27" y="274"/>
                    </a:lnTo>
                    <a:lnTo>
                      <a:pt x="25" y="277"/>
                    </a:lnTo>
                    <a:lnTo>
                      <a:pt x="25" y="279"/>
                    </a:lnTo>
                    <a:lnTo>
                      <a:pt x="24" y="286"/>
                    </a:lnTo>
                    <a:lnTo>
                      <a:pt x="20" y="291"/>
                    </a:lnTo>
                    <a:lnTo>
                      <a:pt x="17" y="296"/>
                    </a:lnTo>
                    <a:lnTo>
                      <a:pt x="12" y="298"/>
                    </a:lnTo>
                    <a:lnTo>
                      <a:pt x="9" y="299"/>
                    </a:lnTo>
                    <a:lnTo>
                      <a:pt x="3" y="299"/>
                    </a:lnTo>
                    <a:lnTo>
                      <a:pt x="0" y="299"/>
                    </a:lnTo>
                    <a:lnTo>
                      <a:pt x="0" y="333"/>
                    </a:lnTo>
                    <a:lnTo>
                      <a:pt x="124" y="314"/>
                    </a:lnTo>
                    <a:lnTo>
                      <a:pt x="125" y="316"/>
                    </a:lnTo>
                    <a:lnTo>
                      <a:pt x="127" y="314"/>
                    </a:lnTo>
                    <a:lnTo>
                      <a:pt x="129" y="313"/>
                    </a:lnTo>
                    <a:lnTo>
                      <a:pt x="132" y="309"/>
                    </a:lnTo>
                    <a:lnTo>
                      <a:pt x="135" y="306"/>
                    </a:lnTo>
                    <a:lnTo>
                      <a:pt x="140" y="303"/>
                    </a:lnTo>
                    <a:lnTo>
                      <a:pt x="146" y="299"/>
                    </a:lnTo>
                    <a:lnTo>
                      <a:pt x="152" y="296"/>
                    </a:lnTo>
                    <a:lnTo>
                      <a:pt x="157" y="292"/>
                    </a:lnTo>
                    <a:lnTo>
                      <a:pt x="166" y="287"/>
                    </a:lnTo>
                    <a:lnTo>
                      <a:pt x="173" y="284"/>
                    </a:lnTo>
                    <a:lnTo>
                      <a:pt x="181" y="281"/>
                    </a:lnTo>
                    <a:lnTo>
                      <a:pt x="190" y="279"/>
                    </a:lnTo>
                    <a:lnTo>
                      <a:pt x="200" y="277"/>
                    </a:lnTo>
                    <a:lnTo>
                      <a:pt x="210" y="274"/>
                    </a:lnTo>
                    <a:lnTo>
                      <a:pt x="218" y="274"/>
                    </a:lnTo>
                    <a:lnTo>
                      <a:pt x="311" y="265"/>
                    </a:lnTo>
                    <a:lnTo>
                      <a:pt x="313" y="265"/>
                    </a:lnTo>
                    <a:lnTo>
                      <a:pt x="315" y="264"/>
                    </a:lnTo>
                    <a:lnTo>
                      <a:pt x="320" y="264"/>
                    </a:lnTo>
                    <a:lnTo>
                      <a:pt x="327" y="264"/>
                    </a:lnTo>
                    <a:lnTo>
                      <a:pt x="333" y="265"/>
                    </a:lnTo>
                    <a:lnTo>
                      <a:pt x="340" y="269"/>
                    </a:lnTo>
                    <a:lnTo>
                      <a:pt x="347" y="276"/>
                    </a:lnTo>
                    <a:lnTo>
                      <a:pt x="355" y="287"/>
                    </a:lnTo>
                    <a:lnTo>
                      <a:pt x="359" y="301"/>
                    </a:lnTo>
                    <a:lnTo>
                      <a:pt x="467" y="284"/>
                    </a:lnTo>
                    <a:lnTo>
                      <a:pt x="597" y="379"/>
                    </a:lnTo>
                    <a:lnTo>
                      <a:pt x="601" y="379"/>
                    </a:lnTo>
                    <a:lnTo>
                      <a:pt x="602" y="379"/>
                    </a:lnTo>
                    <a:lnTo>
                      <a:pt x="604" y="377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85" name="Freeform 165"/>
              <p:cNvSpPr>
                <a:spLocks/>
              </p:cNvSpPr>
              <p:nvPr/>
            </p:nvSpPr>
            <p:spPr bwMode="auto">
              <a:xfrm>
                <a:off x="4891" y="2263"/>
                <a:ext cx="39" cy="57"/>
              </a:xfrm>
              <a:custGeom>
                <a:avLst/>
                <a:gdLst>
                  <a:gd name="T0" fmla="*/ 0 w 39"/>
                  <a:gd name="T1" fmla="*/ 57 h 57"/>
                  <a:gd name="T2" fmla="*/ 2 w 39"/>
                  <a:gd name="T3" fmla="*/ 54 h 57"/>
                  <a:gd name="T4" fmla="*/ 4 w 39"/>
                  <a:gd name="T5" fmla="*/ 51 h 57"/>
                  <a:gd name="T6" fmla="*/ 7 w 39"/>
                  <a:gd name="T7" fmla="*/ 44 h 57"/>
                  <a:gd name="T8" fmla="*/ 10 w 39"/>
                  <a:gd name="T9" fmla="*/ 35 h 57"/>
                  <a:gd name="T10" fmla="*/ 15 w 39"/>
                  <a:gd name="T11" fmla="*/ 25 h 57"/>
                  <a:gd name="T12" fmla="*/ 21 w 39"/>
                  <a:gd name="T13" fmla="*/ 15 h 57"/>
                  <a:gd name="T14" fmla="*/ 27 w 39"/>
                  <a:gd name="T15" fmla="*/ 7 h 57"/>
                  <a:gd name="T16" fmla="*/ 32 w 39"/>
                  <a:gd name="T17" fmla="*/ 0 h 57"/>
                  <a:gd name="T18" fmla="*/ 39 w 39"/>
                  <a:gd name="T19" fmla="*/ 1 h 57"/>
                  <a:gd name="T20" fmla="*/ 39 w 39"/>
                  <a:gd name="T21" fmla="*/ 1 h 57"/>
                  <a:gd name="T22" fmla="*/ 36 w 39"/>
                  <a:gd name="T23" fmla="*/ 5 h 57"/>
                  <a:gd name="T24" fmla="*/ 32 w 39"/>
                  <a:gd name="T25" fmla="*/ 8 h 57"/>
                  <a:gd name="T26" fmla="*/ 29 w 39"/>
                  <a:gd name="T27" fmla="*/ 13 h 57"/>
                  <a:gd name="T28" fmla="*/ 24 w 39"/>
                  <a:gd name="T29" fmla="*/ 22 h 57"/>
                  <a:gd name="T30" fmla="*/ 19 w 39"/>
                  <a:gd name="T31" fmla="*/ 30 h 57"/>
                  <a:gd name="T32" fmla="*/ 12 w 39"/>
                  <a:gd name="T33" fmla="*/ 40 h 57"/>
                  <a:gd name="T34" fmla="*/ 7 w 39"/>
                  <a:gd name="T35" fmla="*/ 54 h 57"/>
                  <a:gd name="T36" fmla="*/ 5 w 39"/>
                  <a:gd name="T37" fmla="*/ 54 h 57"/>
                  <a:gd name="T38" fmla="*/ 4 w 39"/>
                  <a:gd name="T39" fmla="*/ 56 h 57"/>
                  <a:gd name="T40" fmla="*/ 2 w 39"/>
                  <a:gd name="T41" fmla="*/ 56 h 57"/>
                  <a:gd name="T42" fmla="*/ 0 w 39"/>
                  <a:gd name="T43" fmla="*/ 57 h 57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w 39"/>
                  <a:gd name="T67" fmla="*/ 0 h 57"/>
                  <a:gd name="T68" fmla="*/ 39 w 39"/>
                  <a:gd name="T69" fmla="*/ 57 h 57"/>
                </a:gdLst>
                <a:ahLst/>
                <a:cxnLst>
                  <a:cxn ang="T44">
                    <a:pos x="T0" y="T1"/>
                  </a:cxn>
                  <a:cxn ang="T45">
                    <a:pos x="T2" y="T3"/>
                  </a:cxn>
                  <a:cxn ang="T46">
                    <a:pos x="T4" y="T5"/>
                  </a:cxn>
                  <a:cxn ang="T47">
                    <a:pos x="T6" y="T7"/>
                  </a:cxn>
                  <a:cxn ang="T48">
                    <a:pos x="T8" y="T9"/>
                  </a:cxn>
                  <a:cxn ang="T49">
                    <a:pos x="T10" y="T11"/>
                  </a:cxn>
                  <a:cxn ang="T50">
                    <a:pos x="T12" y="T13"/>
                  </a:cxn>
                  <a:cxn ang="T51">
                    <a:pos x="T14" y="T15"/>
                  </a:cxn>
                  <a:cxn ang="T52">
                    <a:pos x="T16" y="T17"/>
                  </a:cxn>
                  <a:cxn ang="T53">
                    <a:pos x="T18" y="T19"/>
                  </a:cxn>
                  <a:cxn ang="T54">
                    <a:pos x="T20" y="T21"/>
                  </a:cxn>
                  <a:cxn ang="T55">
                    <a:pos x="T22" y="T23"/>
                  </a:cxn>
                  <a:cxn ang="T56">
                    <a:pos x="T24" y="T25"/>
                  </a:cxn>
                  <a:cxn ang="T57">
                    <a:pos x="T26" y="T27"/>
                  </a:cxn>
                  <a:cxn ang="T58">
                    <a:pos x="T28" y="T29"/>
                  </a:cxn>
                  <a:cxn ang="T59">
                    <a:pos x="T30" y="T31"/>
                  </a:cxn>
                  <a:cxn ang="T60">
                    <a:pos x="T32" y="T33"/>
                  </a:cxn>
                  <a:cxn ang="T61">
                    <a:pos x="T34" y="T35"/>
                  </a:cxn>
                  <a:cxn ang="T62">
                    <a:pos x="T36" y="T37"/>
                  </a:cxn>
                  <a:cxn ang="T63">
                    <a:pos x="T38" y="T39"/>
                  </a:cxn>
                  <a:cxn ang="T64">
                    <a:pos x="T40" y="T41"/>
                  </a:cxn>
                  <a:cxn ang="T65">
                    <a:pos x="T42" y="T43"/>
                  </a:cxn>
                </a:cxnLst>
                <a:rect l="T66" t="T67" r="T68" b="T69"/>
                <a:pathLst>
                  <a:path w="39" h="57">
                    <a:moveTo>
                      <a:pt x="0" y="57"/>
                    </a:moveTo>
                    <a:lnTo>
                      <a:pt x="2" y="54"/>
                    </a:lnTo>
                    <a:lnTo>
                      <a:pt x="4" y="51"/>
                    </a:lnTo>
                    <a:lnTo>
                      <a:pt x="7" y="44"/>
                    </a:lnTo>
                    <a:lnTo>
                      <a:pt x="10" y="35"/>
                    </a:lnTo>
                    <a:lnTo>
                      <a:pt x="15" y="25"/>
                    </a:lnTo>
                    <a:lnTo>
                      <a:pt x="21" y="15"/>
                    </a:lnTo>
                    <a:lnTo>
                      <a:pt x="27" y="7"/>
                    </a:lnTo>
                    <a:lnTo>
                      <a:pt x="32" y="0"/>
                    </a:lnTo>
                    <a:lnTo>
                      <a:pt x="39" y="1"/>
                    </a:lnTo>
                    <a:lnTo>
                      <a:pt x="36" y="5"/>
                    </a:lnTo>
                    <a:lnTo>
                      <a:pt x="32" y="8"/>
                    </a:lnTo>
                    <a:lnTo>
                      <a:pt x="29" y="13"/>
                    </a:lnTo>
                    <a:lnTo>
                      <a:pt x="24" y="22"/>
                    </a:lnTo>
                    <a:lnTo>
                      <a:pt x="19" y="30"/>
                    </a:lnTo>
                    <a:lnTo>
                      <a:pt x="12" y="40"/>
                    </a:lnTo>
                    <a:lnTo>
                      <a:pt x="7" y="54"/>
                    </a:lnTo>
                    <a:lnTo>
                      <a:pt x="5" y="54"/>
                    </a:lnTo>
                    <a:lnTo>
                      <a:pt x="4" y="56"/>
                    </a:lnTo>
                    <a:lnTo>
                      <a:pt x="2" y="56"/>
                    </a:lnTo>
                    <a:lnTo>
                      <a:pt x="0" y="5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86" name="Freeform 166"/>
              <p:cNvSpPr>
                <a:spLocks/>
              </p:cNvSpPr>
              <p:nvPr/>
            </p:nvSpPr>
            <p:spPr bwMode="auto">
              <a:xfrm>
                <a:off x="4891" y="2263"/>
                <a:ext cx="39" cy="57"/>
              </a:xfrm>
              <a:custGeom>
                <a:avLst/>
                <a:gdLst>
                  <a:gd name="T0" fmla="*/ 0 w 39"/>
                  <a:gd name="T1" fmla="*/ 57 h 57"/>
                  <a:gd name="T2" fmla="*/ 0 w 39"/>
                  <a:gd name="T3" fmla="*/ 57 h 57"/>
                  <a:gd name="T4" fmla="*/ 2 w 39"/>
                  <a:gd name="T5" fmla="*/ 54 h 57"/>
                  <a:gd name="T6" fmla="*/ 4 w 39"/>
                  <a:gd name="T7" fmla="*/ 51 h 57"/>
                  <a:gd name="T8" fmla="*/ 7 w 39"/>
                  <a:gd name="T9" fmla="*/ 44 h 57"/>
                  <a:gd name="T10" fmla="*/ 10 w 39"/>
                  <a:gd name="T11" fmla="*/ 35 h 57"/>
                  <a:gd name="T12" fmla="*/ 15 w 39"/>
                  <a:gd name="T13" fmla="*/ 25 h 57"/>
                  <a:gd name="T14" fmla="*/ 21 w 39"/>
                  <a:gd name="T15" fmla="*/ 15 h 57"/>
                  <a:gd name="T16" fmla="*/ 27 w 39"/>
                  <a:gd name="T17" fmla="*/ 7 h 57"/>
                  <a:gd name="T18" fmla="*/ 32 w 39"/>
                  <a:gd name="T19" fmla="*/ 0 h 57"/>
                  <a:gd name="T20" fmla="*/ 39 w 39"/>
                  <a:gd name="T21" fmla="*/ 1 h 57"/>
                  <a:gd name="T22" fmla="*/ 39 w 39"/>
                  <a:gd name="T23" fmla="*/ 1 h 57"/>
                  <a:gd name="T24" fmla="*/ 39 w 39"/>
                  <a:gd name="T25" fmla="*/ 1 h 57"/>
                  <a:gd name="T26" fmla="*/ 36 w 39"/>
                  <a:gd name="T27" fmla="*/ 5 h 57"/>
                  <a:gd name="T28" fmla="*/ 32 w 39"/>
                  <a:gd name="T29" fmla="*/ 8 h 57"/>
                  <a:gd name="T30" fmla="*/ 29 w 39"/>
                  <a:gd name="T31" fmla="*/ 13 h 57"/>
                  <a:gd name="T32" fmla="*/ 24 w 39"/>
                  <a:gd name="T33" fmla="*/ 22 h 57"/>
                  <a:gd name="T34" fmla="*/ 19 w 39"/>
                  <a:gd name="T35" fmla="*/ 30 h 57"/>
                  <a:gd name="T36" fmla="*/ 12 w 39"/>
                  <a:gd name="T37" fmla="*/ 40 h 57"/>
                  <a:gd name="T38" fmla="*/ 7 w 39"/>
                  <a:gd name="T39" fmla="*/ 54 h 57"/>
                  <a:gd name="T40" fmla="*/ 7 w 39"/>
                  <a:gd name="T41" fmla="*/ 54 h 57"/>
                  <a:gd name="T42" fmla="*/ 5 w 39"/>
                  <a:gd name="T43" fmla="*/ 54 h 57"/>
                  <a:gd name="T44" fmla="*/ 4 w 39"/>
                  <a:gd name="T45" fmla="*/ 56 h 57"/>
                  <a:gd name="T46" fmla="*/ 2 w 39"/>
                  <a:gd name="T47" fmla="*/ 56 h 57"/>
                  <a:gd name="T48" fmla="*/ 0 w 39"/>
                  <a:gd name="T49" fmla="*/ 57 h 5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39"/>
                  <a:gd name="T76" fmla="*/ 0 h 57"/>
                  <a:gd name="T77" fmla="*/ 39 w 39"/>
                  <a:gd name="T78" fmla="*/ 57 h 57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39" h="57">
                    <a:moveTo>
                      <a:pt x="0" y="57"/>
                    </a:moveTo>
                    <a:lnTo>
                      <a:pt x="0" y="57"/>
                    </a:lnTo>
                    <a:lnTo>
                      <a:pt x="2" y="54"/>
                    </a:lnTo>
                    <a:lnTo>
                      <a:pt x="4" y="51"/>
                    </a:lnTo>
                    <a:lnTo>
                      <a:pt x="7" y="44"/>
                    </a:lnTo>
                    <a:lnTo>
                      <a:pt x="10" y="35"/>
                    </a:lnTo>
                    <a:lnTo>
                      <a:pt x="15" y="25"/>
                    </a:lnTo>
                    <a:lnTo>
                      <a:pt x="21" y="15"/>
                    </a:lnTo>
                    <a:lnTo>
                      <a:pt x="27" y="7"/>
                    </a:lnTo>
                    <a:lnTo>
                      <a:pt x="32" y="0"/>
                    </a:lnTo>
                    <a:lnTo>
                      <a:pt x="39" y="1"/>
                    </a:lnTo>
                    <a:lnTo>
                      <a:pt x="36" y="5"/>
                    </a:lnTo>
                    <a:lnTo>
                      <a:pt x="32" y="8"/>
                    </a:lnTo>
                    <a:lnTo>
                      <a:pt x="29" y="13"/>
                    </a:lnTo>
                    <a:lnTo>
                      <a:pt x="24" y="22"/>
                    </a:lnTo>
                    <a:lnTo>
                      <a:pt x="19" y="30"/>
                    </a:lnTo>
                    <a:lnTo>
                      <a:pt x="12" y="40"/>
                    </a:lnTo>
                    <a:lnTo>
                      <a:pt x="7" y="54"/>
                    </a:lnTo>
                    <a:lnTo>
                      <a:pt x="5" y="54"/>
                    </a:lnTo>
                    <a:lnTo>
                      <a:pt x="4" y="56"/>
                    </a:lnTo>
                    <a:lnTo>
                      <a:pt x="2" y="56"/>
                    </a:lnTo>
                    <a:lnTo>
                      <a:pt x="0" y="5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87" name="Freeform 167"/>
              <p:cNvSpPr>
                <a:spLocks/>
              </p:cNvSpPr>
              <p:nvPr/>
            </p:nvSpPr>
            <p:spPr bwMode="auto">
              <a:xfrm>
                <a:off x="4905" y="2078"/>
                <a:ext cx="54" cy="82"/>
              </a:xfrm>
              <a:custGeom>
                <a:avLst/>
                <a:gdLst>
                  <a:gd name="T0" fmla="*/ 5 w 54"/>
                  <a:gd name="T1" fmla="*/ 0 h 82"/>
                  <a:gd name="T2" fmla="*/ 5 w 54"/>
                  <a:gd name="T3" fmla="*/ 0 h 82"/>
                  <a:gd name="T4" fmla="*/ 5 w 54"/>
                  <a:gd name="T5" fmla="*/ 2 h 82"/>
                  <a:gd name="T6" fmla="*/ 7 w 54"/>
                  <a:gd name="T7" fmla="*/ 4 h 82"/>
                  <a:gd name="T8" fmla="*/ 7 w 54"/>
                  <a:gd name="T9" fmla="*/ 7 h 82"/>
                  <a:gd name="T10" fmla="*/ 8 w 54"/>
                  <a:gd name="T11" fmla="*/ 10 h 82"/>
                  <a:gd name="T12" fmla="*/ 10 w 54"/>
                  <a:gd name="T13" fmla="*/ 14 h 82"/>
                  <a:gd name="T14" fmla="*/ 13 w 54"/>
                  <a:gd name="T15" fmla="*/ 19 h 82"/>
                  <a:gd name="T16" fmla="*/ 15 w 54"/>
                  <a:gd name="T17" fmla="*/ 22 h 82"/>
                  <a:gd name="T18" fmla="*/ 17 w 54"/>
                  <a:gd name="T19" fmla="*/ 27 h 82"/>
                  <a:gd name="T20" fmla="*/ 20 w 54"/>
                  <a:gd name="T21" fmla="*/ 32 h 82"/>
                  <a:gd name="T22" fmla="*/ 23 w 54"/>
                  <a:gd name="T23" fmla="*/ 38 h 82"/>
                  <a:gd name="T24" fmla="*/ 25 w 54"/>
                  <a:gd name="T25" fmla="*/ 43 h 82"/>
                  <a:gd name="T26" fmla="*/ 29 w 54"/>
                  <a:gd name="T27" fmla="*/ 48 h 82"/>
                  <a:gd name="T28" fmla="*/ 32 w 54"/>
                  <a:gd name="T29" fmla="*/ 51 h 82"/>
                  <a:gd name="T30" fmla="*/ 35 w 54"/>
                  <a:gd name="T31" fmla="*/ 56 h 82"/>
                  <a:gd name="T32" fmla="*/ 39 w 54"/>
                  <a:gd name="T33" fmla="*/ 60 h 82"/>
                  <a:gd name="T34" fmla="*/ 40 w 54"/>
                  <a:gd name="T35" fmla="*/ 63 h 82"/>
                  <a:gd name="T36" fmla="*/ 44 w 54"/>
                  <a:gd name="T37" fmla="*/ 66 h 82"/>
                  <a:gd name="T38" fmla="*/ 47 w 54"/>
                  <a:gd name="T39" fmla="*/ 73 h 82"/>
                  <a:gd name="T40" fmla="*/ 52 w 54"/>
                  <a:gd name="T41" fmla="*/ 78 h 82"/>
                  <a:gd name="T42" fmla="*/ 54 w 54"/>
                  <a:gd name="T43" fmla="*/ 82 h 82"/>
                  <a:gd name="T44" fmla="*/ 52 w 54"/>
                  <a:gd name="T45" fmla="*/ 82 h 82"/>
                  <a:gd name="T46" fmla="*/ 45 w 54"/>
                  <a:gd name="T47" fmla="*/ 76 h 82"/>
                  <a:gd name="T48" fmla="*/ 34 w 54"/>
                  <a:gd name="T49" fmla="*/ 65 h 82"/>
                  <a:gd name="T50" fmla="*/ 34 w 54"/>
                  <a:gd name="T51" fmla="*/ 65 h 82"/>
                  <a:gd name="T52" fmla="*/ 32 w 54"/>
                  <a:gd name="T53" fmla="*/ 63 h 82"/>
                  <a:gd name="T54" fmla="*/ 30 w 54"/>
                  <a:gd name="T55" fmla="*/ 60 h 82"/>
                  <a:gd name="T56" fmla="*/ 27 w 54"/>
                  <a:gd name="T57" fmla="*/ 56 h 82"/>
                  <a:gd name="T58" fmla="*/ 25 w 54"/>
                  <a:gd name="T59" fmla="*/ 53 h 82"/>
                  <a:gd name="T60" fmla="*/ 22 w 54"/>
                  <a:gd name="T61" fmla="*/ 48 h 82"/>
                  <a:gd name="T62" fmla="*/ 18 w 54"/>
                  <a:gd name="T63" fmla="*/ 43 h 82"/>
                  <a:gd name="T64" fmla="*/ 15 w 54"/>
                  <a:gd name="T65" fmla="*/ 38 h 82"/>
                  <a:gd name="T66" fmla="*/ 12 w 54"/>
                  <a:gd name="T67" fmla="*/ 32 h 82"/>
                  <a:gd name="T68" fmla="*/ 10 w 54"/>
                  <a:gd name="T69" fmla="*/ 27 h 82"/>
                  <a:gd name="T70" fmla="*/ 7 w 54"/>
                  <a:gd name="T71" fmla="*/ 22 h 82"/>
                  <a:gd name="T72" fmla="*/ 5 w 54"/>
                  <a:gd name="T73" fmla="*/ 19 h 82"/>
                  <a:gd name="T74" fmla="*/ 1 w 54"/>
                  <a:gd name="T75" fmla="*/ 14 h 82"/>
                  <a:gd name="T76" fmla="*/ 1 w 54"/>
                  <a:gd name="T77" fmla="*/ 10 h 82"/>
                  <a:gd name="T78" fmla="*/ 0 w 54"/>
                  <a:gd name="T79" fmla="*/ 7 h 82"/>
                  <a:gd name="T80" fmla="*/ 0 w 54"/>
                  <a:gd name="T81" fmla="*/ 4 h 82"/>
                  <a:gd name="T82" fmla="*/ 0 w 54"/>
                  <a:gd name="T83" fmla="*/ 2 h 82"/>
                  <a:gd name="T84" fmla="*/ 1 w 54"/>
                  <a:gd name="T85" fmla="*/ 0 h 82"/>
                  <a:gd name="T86" fmla="*/ 3 w 54"/>
                  <a:gd name="T87" fmla="*/ 0 h 82"/>
                  <a:gd name="T88" fmla="*/ 5 w 54"/>
                  <a:gd name="T89" fmla="*/ 0 h 82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w 54"/>
                  <a:gd name="T136" fmla="*/ 0 h 82"/>
                  <a:gd name="T137" fmla="*/ 54 w 54"/>
                  <a:gd name="T138" fmla="*/ 82 h 82"/>
                </a:gdLst>
                <a:ahLst/>
                <a:cxnLst>
                  <a:cxn ang="T90">
                    <a:pos x="T0" y="T1"/>
                  </a:cxn>
                  <a:cxn ang="T91">
                    <a:pos x="T2" y="T3"/>
                  </a:cxn>
                  <a:cxn ang="T92">
                    <a:pos x="T4" y="T5"/>
                  </a:cxn>
                  <a:cxn ang="T93">
                    <a:pos x="T6" y="T7"/>
                  </a:cxn>
                  <a:cxn ang="T94">
                    <a:pos x="T8" y="T9"/>
                  </a:cxn>
                  <a:cxn ang="T95">
                    <a:pos x="T10" y="T11"/>
                  </a:cxn>
                  <a:cxn ang="T96">
                    <a:pos x="T12" y="T13"/>
                  </a:cxn>
                  <a:cxn ang="T97">
                    <a:pos x="T14" y="T15"/>
                  </a:cxn>
                  <a:cxn ang="T98">
                    <a:pos x="T16" y="T17"/>
                  </a:cxn>
                  <a:cxn ang="T99">
                    <a:pos x="T18" y="T19"/>
                  </a:cxn>
                  <a:cxn ang="T100">
                    <a:pos x="T20" y="T21"/>
                  </a:cxn>
                  <a:cxn ang="T101">
                    <a:pos x="T22" y="T23"/>
                  </a:cxn>
                  <a:cxn ang="T102">
                    <a:pos x="T24" y="T25"/>
                  </a:cxn>
                  <a:cxn ang="T103">
                    <a:pos x="T26" y="T27"/>
                  </a:cxn>
                  <a:cxn ang="T104">
                    <a:pos x="T28" y="T29"/>
                  </a:cxn>
                  <a:cxn ang="T105">
                    <a:pos x="T30" y="T31"/>
                  </a:cxn>
                  <a:cxn ang="T106">
                    <a:pos x="T32" y="T33"/>
                  </a:cxn>
                  <a:cxn ang="T107">
                    <a:pos x="T34" y="T35"/>
                  </a:cxn>
                  <a:cxn ang="T108">
                    <a:pos x="T36" y="T37"/>
                  </a:cxn>
                  <a:cxn ang="T109">
                    <a:pos x="T38" y="T39"/>
                  </a:cxn>
                  <a:cxn ang="T110">
                    <a:pos x="T40" y="T41"/>
                  </a:cxn>
                  <a:cxn ang="T111">
                    <a:pos x="T42" y="T43"/>
                  </a:cxn>
                  <a:cxn ang="T112">
                    <a:pos x="T44" y="T45"/>
                  </a:cxn>
                  <a:cxn ang="T113">
                    <a:pos x="T46" y="T47"/>
                  </a:cxn>
                  <a:cxn ang="T114">
                    <a:pos x="T48" y="T49"/>
                  </a:cxn>
                  <a:cxn ang="T115">
                    <a:pos x="T50" y="T51"/>
                  </a:cxn>
                  <a:cxn ang="T116">
                    <a:pos x="T52" y="T53"/>
                  </a:cxn>
                  <a:cxn ang="T117">
                    <a:pos x="T54" y="T55"/>
                  </a:cxn>
                  <a:cxn ang="T118">
                    <a:pos x="T56" y="T57"/>
                  </a:cxn>
                  <a:cxn ang="T119">
                    <a:pos x="T58" y="T59"/>
                  </a:cxn>
                  <a:cxn ang="T120">
                    <a:pos x="T60" y="T61"/>
                  </a:cxn>
                  <a:cxn ang="T121">
                    <a:pos x="T62" y="T63"/>
                  </a:cxn>
                  <a:cxn ang="T122">
                    <a:pos x="T64" y="T65"/>
                  </a:cxn>
                  <a:cxn ang="T123">
                    <a:pos x="T66" y="T67"/>
                  </a:cxn>
                  <a:cxn ang="T124">
                    <a:pos x="T68" y="T69"/>
                  </a:cxn>
                  <a:cxn ang="T125">
                    <a:pos x="T70" y="T71"/>
                  </a:cxn>
                  <a:cxn ang="T126">
                    <a:pos x="T72" y="T73"/>
                  </a:cxn>
                  <a:cxn ang="T127">
                    <a:pos x="T74" y="T75"/>
                  </a:cxn>
                  <a:cxn ang="T128">
                    <a:pos x="T76" y="T77"/>
                  </a:cxn>
                  <a:cxn ang="T129">
                    <a:pos x="T78" y="T79"/>
                  </a:cxn>
                  <a:cxn ang="T130">
                    <a:pos x="T80" y="T81"/>
                  </a:cxn>
                  <a:cxn ang="T131">
                    <a:pos x="T82" y="T83"/>
                  </a:cxn>
                  <a:cxn ang="T132">
                    <a:pos x="T84" y="T85"/>
                  </a:cxn>
                  <a:cxn ang="T133">
                    <a:pos x="T86" y="T87"/>
                  </a:cxn>
                  <a:cxn ang="T134">
                    <a:pos x="T88" y="T89"/>
                  </a:cxn>
                </a:cxnLst>
                <a:rect l="T135" t="T136" r="T137" b="T138"/>
                <a:pathLst>
                  <a:path w="54" h="82">
                    <a:moveTo>
                      <a:pt x="5" y="0"/>
                    </a:moveTo>
                    <a:lnTo>
                      <a:pt x="5" y="0"/>
                    </a:lnTo>
                    <a:lnTo>
                      <a:pt x="5" y="2"/>
                    </a:lnTo>
                    <a:lnTo>
                      <a:pt x="7" y="4"/>
                    </a:lnTo>
                    <a:lnTo>
                      <a:pt x="7" y="7"/>
                    </a:lnTo>
                    <a:lnTo>
                      <a:pt x="8" y="10"/>
                    </a:lnTo>
                    <a:lnTo>
                      <a:pt x="10" y="14"/>
                    </a:lnTo>
                    <a:lnTo>
                      <a:pt x="13" y="19"/>
                    </a:lnTo>
                    <a:lnTo>
                      <a:pt x="15" y="22"/>
                    </a:lnTo>
                    <a:lnTo>
                      <a:pt x="17" y="27"/>
                    </a:lnTo>
                    <a:lnTo>
                      <a:pt x="20" y="32"/>
                    </a:lnTo>
                    <a:lnTo>
                      <a:pt x="23" y="38"/>
                    </a:lnTo>
                    <a:lnTo>
                      <a:pt x="25" y="43"/>
                    </a:lnTo>
                    <a:lnTo>
                      <a:pt x="29" y="48"/>
                    </a:lnTo>
                    <a:lnTo>
                      <a:pt x="32" y="51"/>
                    </a:lnTo>
                    <a:lnTo>
                      <a:pt x="35" y="56"/>
                    </a:lnTo>
                    <a:lnTo>
                      <a:pt x="39" y="60"/>
                    </a:lnTo>
                    <a:lnTo>
                      <a:pt x="40" y="63"/>
                    </a:lnTo>
                    <a:lnTo>
                      <a:pt x="44" y="66"/>
                    </a:lnTo>
                    <a:lnTo>
                      <a:pt x="47" y="73"/>
                    </a:lnTo>
                    <a:lnTo>
                      <a:pt x="52" y="78"/>
                    </a:lnTo>
                    <a:lnTo>
                      <a:pt x="54" y="82"/>
                    </a:lnTo>
                    <a:lnTo>
                      <a:pt x="52" y="82"/>
                    </a:lnTo>
                    <a:lnTo>
                      <a:pt x="45" y="76"/>
                    </a:lnTo>
                    <a:lnTo>
                      <a:pt x="34" y="65"/>
                    </a:lnTo>
                    <a:lnTo>
                      <a:pt x="32" y="63"/>
                    </a:lnTo>
                    <a:lnTo>
                      <a:pt x="30" y="60"/>
                    </a:lnTo>
                    <a:lnTo>
                      <a:pt x="27" y="56"/>
                    </a:lnTo>
                    <a:lnTo>
                      <a:pt x="25" y="53"/>
                    </a:lnTo>
                    <a:lnTo>
                      <a:pt x="22" y="48"/>
                    </a:lnTo>
                    <a:lnTo>
                      <a:pt x="18" y="43"/>
                    </a:lnTo>
                    <a:lnTo>
                      <a:pt x="15" y="38"/>
                    </a:lnTo>
                    <a:lnTo>
                      <a:pt x="12" y="32"/>
                    </a:lnTo>
                    <a:lnTo>
                      <a:pt x="10" y="27"/>
                    </a:lnTo>
                    <a:lnTo>
                      <a:pt x="7" y="22"/>
                    </a:lnTo>
                    <a:lnTo>
                      <a:pt x="5" y="19"/>
                    </a:lnTo>
                    <a:lnTo>
                      <a:pt x="1" y="14"/>
                    </a:lnTo>
                    <a:lnTo>
                      <a:pt x="1" y="10"/>
                    </a:lnTo>
                    <a:lnTo>
                      <a:pt x="0" y="7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3" y="0"/>
                    </a:lnTo>
                    <a:lnTo>
                      <a:pt x="5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88" name="Freeform 168"/>
              <p:cNvSpPr>
                <a:spLocks/>
              </p:cNvSpPr>
              <p:nvPr/>
            </p:nvSpPr>
            <p:spPr bwMode="auto">
              <a:xfrm>
                <a:off x="4905" y="2078"/>
                <a:ext cx="54" cy="82"/>
              </a:xfrm>
              <a:custGeom>
                <a:avLst/>
                <a:gdLst>
                  <a:gd name="T0" fmla="*/ 5 w 54"/>
                  <a:gd name="T1" fmla="*/ 0 h 82"/>
                  <a:gd name="T2" fmla="*/ 5 w 54"/>
                  <a:gd name="T3" fmla="*/ 0 h 82"/>
                  <a:gd name="T4" fmla="*/ 5 w 54"/>
                  <a:gd name="T5" fmla="*/ 0 h 82"/>
                  <a:gd name="T6" fmla="*/ 5 w 54"/>
                  <a:gd name="T7" fmla="*/ 2 h 82"/>
                  <a:gd name="T8" fmla="*/ 7 w 54"/>
                  <a:gd name="T9" fmla="*/ 4 h 82"/>
                  <a:gd name="T10" fmla="*/ 7 w 54"/>
                  <a:gd name="T11" fmla="*/ 7 h 82"/>
                  <a:gd name="T12" fmla="*/ 8 w 54"/>
                  <a:gd name="T13" fmla="*/ 10 h 82"/>
                  <a:gd name="T14" fmla="*/ 10 w 54"/>
                  <a:gd name="T15" fmla="*/ 14 h 82"/>
                  <a:gd name="T16" fmla="*/ 13 w 54"/>
                  <a:gd name="T17" fmla="*/ 19 h 82"/>
                  <a:gd name="T18" fmla="*/ 15 w 54"/>
                  <a:gd name="T19" fmla="*/ 22 h 82"/>
                  <a:gd name="T20" fmla="*/ 17 w 54"/>
                  <a:gd name="T21" fmla="*/ 27 h 82"/>
                  <a:gd name="T22" fmla="*/ 20 w 54"/>
                  <a:gd name="T23" fmla="*/ 32 h 82"/>
                  <a:gd name="T24" fmla="*/ 23 w 54"/>
                  <a:gd name="T25" fmla="*/ 38 h 82"/>
                  <a:gd name="T26" fmla="*/ 25 w 54"/>
                  <a:gd name="T27" fmla="*/ 43 h 82"/>
                  <a:gd name="T28" fmla="*/ 29 w 54"/>
                  <a:gd name="T29" fmla="*/ 48 h 82"/>
                  <a:gd name="T30" fmla="*/ 32 w 54"/>
                  <a:gd name="T31" fmla="*/ 51 h 82"/>
                  <a:gd name="T32" fmla="*/ 35 w 54"/>
                  <a:gd name="T33" fmla="*/ 56 h 82"/>
                  <a:gd name="T34" fmla="*/ 39 w 54"/>
                  <a:gd name="T35" fmla="*/ 60 h 82"/>
                  <a:gd name="T36" fmla="*/ 39 w 54"/>
                  <a:gd name="T37" fmla="*/ 60 h 82"/>
                  <a:gd name="T38" fmla="*/ 40 w 54"/>
                  <a:gd name="T39" fmla="*/ 63 h 82"/>
                  <a:gd name="T40" fmla="*/ 44 w 54"/>
                  <a:gd name="T41" fmla="*/ 66 h 82"/>
                  <a:gd name="T42" fmla="*/ 47 w 54"/>
                  <a:gd name="T43" fmla="*/ 73 h 82"/>
                  <a:gd name="T44" fmla="*/ 52 w 54"/>
                  <a:gd name="T45" fmla="*/ 78 h 82"/>
                  <a:gd name="T46" fmla="*/ 54 w 54"/>
                  <a:gd name="T47" fmla="*/ 82 h 82"/>
                  <a:gd name="T48" fmla="*/ 52 w 54"/>
                  <a:gd name="T49" fmla="*/ 82 h 82"/>
                  <a:gd name="T50" fmla="*/ 45 w 54"/>
                  <a:gd name="T51" fmla="*/ 76 h 82"/>
                  <a:gd name="T52" fmla="*/ 34 w 54"/>
                  <a:gd name="T53" fmla="*/ 65 h 82"/>
                  <a:gd name="T54" fmla="*/ 34 w 54"/>
                  <a:gd name="T55" fmla="*/ 65 h 82"/>
                  <a:gd name="T56" fmla="*/ 34 w 54"/>
                  <a:gd name="T57" fmla="*/ 65 h 82"/>
                  <a:gd name="T58" fmla="*/ 32 w 54"/>
                  <a:gd name="T59" fmla="*/ 63 h 82"/>
                  <a:gd name="T60" fmla="*/ 30 w 54"/>
                  <a:gd name="T61" fmla="*/ 60 h 82"/>
                  <a:gd name="T62" fmla="*/ 27 w 54"/>
                  <a:gd name="T63" fmla="*/ 56 h 82"/>
                  <a:gd name="T64" fmla="*/ 25 w 54"/>
                  <a:gd name="T65" fmla="*/ 53 h 82"/>
                  <a:gd name="T66" fmla="*/ 22 w 54"/>
                  <a:gd name="T67" fmla="*/ 48 h 82"/>
                  <a:gd name="T68" fmla="*/ 18 w 54"/>
                  <a:gd name="T69" fmla="*/ 43 h 82"/>
                  <a:gd name="T70" fmla="*/ 15 w 54"/>
                  <a:gd name="T71" fmla="*/ 38 h 82"/>
                  <a:gd name="T72" fmla="*/ 12 w 54"/>
                  <a:gd name="T73" fmla="*/ 32 h 82"/>
                  <a:gd name="T74" fmla="*/ 10 w 54"/>
                  <a:gd name="T75" fmla="*/ 27 h 82"/>
                  <a:gd name="T76" fmla="*/ 7 w 54"/>
                  <a:gd name="T77" fmla="*/ 22 h 82"/>
                  <a:gd name="T78" fmla="*/ 5 w 54"/>
                  <a:gd name="T79" fmla="*/ 19 h 82"/>
                  <a:gd name="T80" fmla="*/ 1 w 54"/>
                  <a:gd name="T81" fmla="*/ 14 h 82"/>
                  <a:gd name="T82" fmla="*/ 1 w 54"/>
                  <a:gd name="T83" fmla="*/ 10 h 82"/>
                  <a:gd name="T84" fmla="*/ 0 w 54"/>
                  <a:gd name="T85" fmla="*/ 7 h 82"/>
                  <a:gd name="T86" fmla="*/ 0 w 54"/>
                  <a:gd name="T87" fmla="*/ 4 h 82"/>
                  <a:gd name="T88" fmla="*/ 0 w 54"/>
                  <a:gd name="T89" fmla="*/ 4 h 82"/>
                  <a:gd name="T90" fmla="*/ 0 w 54"/>
                  <a:gd name="T91" fmla="*/ 2 h 82"/>
                  <a:gd name="T92" fmla="*/ 1 w 54"/>
                  <a:gd name="T93" fmla="*/ 0 h 82"/>
                  <a:gd name="T94" fmla="*/ 3 w 54"/>
                  <a:gd name="T95" fmla="*/ 0 h 82"/>
                  <a:gd name="T96" fmla="*/ 5 w 54"/>
                  <a:gd name="T97" fmla="*/ 0 h 82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w 54"/>
                  <a:gd name="T148" fmla="*/ 0 h 82"/>
                  <a:gd name="T149" fmla="*/ 54 w 54"/>
                  <a:gd name="T150" fmla="*/ 82 h 82"/>
                </a:gdLst>
                <a:ahLst/>
                <a:cxnLst>
                  <a:cxn ang="T98">
                    <a:pos x="T0" y="T1"/>
                  </a:cxn>
                  <a:cxn ang="T99">
                    <a:pos x="T2" y="T3"/>
                  </a:cxn>
                  <a:cxn ang="T100">
                    <a:pos x="T4" y="T5"/>
                  </a:cxn>
                  <a:cxn ang="T101">
                    <a:pos x="T6" y="T7"/>
                  </a:cxn>
                  <a:cxn ang="T102">
                    <a:pos x="T8" y="T9"/>
                  </a:cxn>
                  <a:cxn ang="T103">
                    <a:pos x="T10" y="T11"/>
                  </a:cxn>
                  <a:cxn ang="T104">
                    <a:pos x="T12" y="T13"/>
                  </a:cxn>
                  <a:cxn ang="T105">
                    <a:pos x="T14" y="T15"/>
                  </a:cxn>
                  <a:cxn ang="T106">
                    <a:pos x="T16" y="T17"/>
                  </a:cxn>
                  <a:cxn ang="T107">
                    <a:pos x="T18" y="T19"/>
                  </a:cxn>
                  <a:cxn ang="T108">
                    <a:pos x="T20" y="T21"/>
                  </a:cxn>
                  <a:cxn ang="T109">
                    <a:pos x="T22" y="T23"/>
                  </a:cxn>
                  <a:cxn ang="T110">
                    <a:pos x="T24" y="T25"/>
                  </a:cxn>
                  <a:cxn ang="T111">
                    <a:pos x="T26" y="T27"/>
                  </a:cxn>
                  <a:cxn ang="T112">
                    <a:pos x="T28" y="T29"/>
                  </a:cxn>
                  <a:cxn ang="T113">
                    <a:pos x="T30" y="T31"/>
                  </a:cxn>
                  <a:cxn ang="T114">
                    <a:pos x="T32" y="T33"/>
                  </a:cxn>
                  <a:cxn ang="T115">
                    <a:pos x="T34" y="T35"/>
                  </a:cxn>
                  <a:cxn ang="T116">
                    <a:pos x="T36" y="T37"/>
                  </a:cxn>
                  <a:cxn ang="T117">
                    <a:pos x="T38" y="T39"/>
                  </a:cxn>
                  <a:cxn ang="T118">
                    <a:pos x="T40" y="T41"/>
                  </a:cxn>
                  <a:cxn ang="T119">
                    <a:pos x="T42" y="T43"/>
                  </a:cxn>
                  <a:cxn ang="T120">
                    <a:pos x="T44" y="T45"/>
                  </a:cxn>
                  <a:cxn ang="T121">
                    <a:pos x="T46" y="T47"/>
                  </a:cxn>
                  <a:cxn ang="T122">
                    <a:pos x="T48" y="T49"/>
                  </a:cxn>
                  <a:cxn ang="T123">
                    <a:pos x="T50" y="T51"/>
                  </a:cxn>
                  <a:cxn ang="T124">
                    <a:pos x="T52" y="T53"/>
                  </a:cxn>
                  <a:cxn ang="T125">
                    <a:pos x="T54" y="T55"/>
                  </a:cxn>
                  <a:cxn ang="T126">
                    <a:pos x="T56" y="T57"/>
                  </a:cxn>
                  <a:cxn ang="T127">
                    <a:pos x="T58" y="T59"/>
                  </a:cxn>
                  <a:cxn ang="T128">
                    <a:pos x="T60" y="T61"/>
                  </a:cxn>
                  <a:cxn ang="T129">
                    <a:pos x="T62" y="T63"/>
                  </a:cxn>
                  <a:cxn ang="T130">
                    <a:pos x="T64" y="T65"/>
                  </a:cxn>
                  <a:cxn ang="T131">
                    <a:pos x="T66" y="T67"/>
                  </a:cxn>
                  <a:cxn ang="T132">
                    <a:pos x="T68" y="T69"/>
                  </a:cxn>
                  <a:cxn ang="T133">
                    <a:pos x="T70" y="T71"/>
                  </a:cxn>
                  <a:cxn ang="T134">
                    <a:pos x="T72" y="T73"/>
                  </a:cxn>
                  <a:cxn ang="T135">
                    <a:pos x="T74" y="T75"/>
                  </a:cxn>
                  <a:cxn ang="T136">
                    <a:pos x="T76" y="T77"/>
                  </a:cxn>
                  <a:cxn ang="T137">
                    <a:pos x="T78" y="T79"/>
                  </a:cxn>
                  <a:cxn ang="T138">
                    <a:pos x="T80" y="T81"/>
                  </a:cxn>
                  <a:cxn ang="T139">
                    <a:pos x="T82" y="T83"/>
                  </a:cxn>
                  <a:cxn ang="T140">
                    <a:pos x="T84" y="T85"/>
                  </a:cxn>
                  <a:cxn ang="T141">
                    <a:pos x="T86" y="T87"/>
                  </a:cxn>
                  <a:cxn ang="T142">
                    <a:pos x="T88" y="T89"/>
                  </a:cxn>
                  <a:cxn ang="T143">
                    <a:pos x="T90" y="T91"/>
                  </a:cxn>
                  <a:cxn ang="T144">
                    <a:pos x="T92" y="T93"/>
                  </a:cxn>
                  <a:cxn ang="T145">
                    <a:pos x="T94" y="T95"/>
                  </a:cxn>
                  <a:cxn ang="T146">
                    <a:pos x="T96" y="T97"/>
                  </a:cxn>
                </a:cxnLst>
                <a:rect l="T147" t="T148" r="T149" b="T150"/>
                <a:pathLst>
                  <a:path w="54" h="82">
                    <a:moveTo>
                      <a:pt x="5" y="0"/>
                    </a:moveTo>
                    <a:lnTo>
                      <a:pt x="5" y="0"/>
                    </a:lnTo>
                    <a:lnTo>
                      <a:pt x="5" y="2"/>
                    </a:lnTo>
                    <a:lnTo>
                      <a:pt x="7" y="4"/>
                    </a:lnTo>
                    <a:lnTo>
                      <a:pt x="7" y="7"/>
                    </a:lnTo>
                    <a:lnTo>
                      <a:pt x="8" y="10"/>
                    </a:lnTo>
                    <a:lnTo>
                      <a:pt x="10" y="14"/>
                    </a:lnTo>
                    <a:lnTo>
                      <a:pt x="13" y="19"/>
                    </a:lnTo>
                    <a:lnTo>
                      <a:pt x="15" y="22"/>
                    </a:lnTo>
                    <a:lnTo>
                      <a:pt x="17" y="27"/>
                    </a:lnTo>
                    <a:lnTo>
                      <a:pt x="20" y="32"/>
                    </a:lnTo>
                    <a:lnTo>
                      <a:pt x="23" y="38"/>
                    </a:lnTo>
                    <a:lnTo>
                      <a:pt x="25" y="43"/>
                    </a:lnTo>
                    <a:lnTo>
                      <a:pt x="29" y="48"/>
                    </a:lnTo>
                    <a:lnTo>
                      <a:pt x="32" y="51"/>
                    </a:lnTo>
                    <a:lnTo>
                      <a:pt x="35" y="56"/>
                    </a:lnTo>
                    <a:lnTo>
                      <a:pt x="39" y="60"/>
                    </a:lnTo>
                    <a:lnTo>
                      <a:pt x="40" y="63"/>
                    </a:lnTo>
                    <a:lnTo>
                      <a:pt x="44" y="66"/>
                    </a:lnTo>
                    <a:lnTo>
                      <a:pt x="47" y="73"/>
                    </a:lnTo>
                    <a:lnTo>
                      <a:pt x="52" y="78"/>
                    </a:lnTo>
                    <a:lnTo>
                      <a:pt x="54" y="82"/>
                    </a:lnTo>
                    <a:lnTo>
                      <a:pt x="52" y="82"/>
                    </a:lnTo>
                    <a:lnTo>
                      <a:pt x="45" y="76"/>
                    </a:lnTo>
                    <a:lnTo>
                      <a:pt x="34" y="65"/>
                    </a:lnTo>
                    <a:lnTo>
                      <a:pt x="32" y="63"/>
                    </a:lnTo>
                    <a:lnTo>
                      <a:pt x="30" y="60"/>
                    </a:lnTo>
                    <a:lnTo>
                      <a:pt x="27" y="56"/>
                    </a:lnTo>
                    <a:lnTo>
                      <a:pt x="25" y="53"/>
                    </a:lnTo>
                    <a:lnTo>
                      <a:pt x="22" y="48"/>
                    </a:lnTo>
                    <a:lnTo>
                      <a:pt x="18" y="43"/>
                    </a:lnTo>
                    <a:lnTo>
                      <a:pt x="15" y="38"/>
                    </a:lnTo>
                    <a:lnTo>
                      <a:pt x="12" y="32"/>
                    </a:lnTo>
                    <a:lnTo>
                      <a:pt x="10" y="27"/>
                    </a:lnTo>
                    <a:lnTo>
                      <a:pt x="7" y="22"/>
                    </a:lnTo>
                    <a:lnTo>
                      <a:pt x="5" y="19"/>
                    </a:lnTo>
                    <a:lnTo>
                      <a:pt x="1" y="14"/>
                    </a:lnTo>
                    <a:lnTo>
                      <a:pt x="1" y="10"/>
                    </a:lnTo>
                    <a:lnTo>
                      <a:pt x="0" y="7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3" y="0"/>
                    </a:lnTo>
                    <a:lnTo>
                      <a:pt x="5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89" name="Freeform 169"/>
              <p:cNvSpPr>
                <a:spLocks/>
              </p:cNvSpPr>
              <p:nvPr/>
            </p:nvSpPr>
            <p:spPr bwMode="auto">
              <a:xfrm>
                <a:off x="4956" y="2165"/>
                <a:ext cx="20" cy="72"/>
              </a:xfrm>
              <a:custGeom>
                <a:avLst/>
                <a:gdLst>
                  <a:gd name="T0" fmla="*/ 8 w 20"/>
                  <a:gd name="T1" fmla="*/ 0 h 72"/>
                  <a:gd name="T2" fmla="*/ 18 w 20"/>
                  <a:gd name="T3" fmla="*/ 18 h 72"/>
                  <a:gd name="T4" fmla="*/ 20 w 20"/>
                  <a:gd name="T5" fmla="*/ 67 h 72"/>
                  <a:gd name="T6" fmla="*/ 3 w 20"/>
                  <a:gd name="T7" fmla="*/ 72 h 72"/>
                  <a:gd name="T8" fmla="*/ 0 w 20"/>
                  <a:gd name="T9" fmla="*/ 71 h 72"/>
                  <a:gd name="T10" fmla="*/ 15 w 20"/>
                  <a:gd name="T11" fmla="*/ 55 h 72"/>
                  <a:gd name="T12" fmla="*/ 13 w 20"/>
                  <a:gd name="T13" fmla="*/ 22 h 72"/>
                  <a:gd name="T14" fmla="*/ 3 w 20"/>
                  <a:gd name="T15" fmla="*/ 3 h 72"/>
                  <a:gd name="T16" fmla="*/ 8 w 20"/>
                  <a:gd name="T17" fmla="*/ 0 h 72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  <a:gd name="T27" fmla="*/ 0 w 20"/>
                  <a:gd name="T28" fmla="*/ 0 h 72"/>
                  <a:gd name="T29" fmla="*/ 20 w 20"/>
                  <a:gd name="T30" fmla="*/ 72 h 72"/>
                </a:gdLst>
                <a:ahLst/>
                <a:cxnLst>
                  <a:cxn ang="T18">
                    <a:pos x="T0" y="T1"/>
                  </a:cxn>
                  <a:cxn ang="T19">
                    <a:pos x="T2" y="T3"/>
                  </a:cxn>
                  <a:cxn ang="T20">
                    <a:pos x="T4" y="T5"/>
                  </a:cxn>
                  <a:cxn ang="T21">
                    <a:pos x="T6" y="T7"/>
                  </a:cxn>
                  <a:cxn ang="T22">
                    <a:pos x="T8" y="T9"/>
                  </a:cxn>
                  <a:cxn ang="T23">
                    <a:pos x="T10" y="T11"/>
                  </a:cxn>
                  <a:cxn ang="T24">
                    <a:pos x="T12" y="T13"/>
                  </a:cxn>
                  <a:cxn ang="T25">
                    <a:pos x="T14" y="T15"/>
                  </a:cxn>
                  <a:cxn ang="T26">
                    <a:pos x="T16" y="T17"/>
                  </a:cxn>
                </a:cxnLst>
                <a:rect l="T27" t="T28" r="T29" b="T30"/>
                <a:pathLst>
                  <a:path w="20" h="72">
                    <a:moveTo>
                      <a:pt x="8" y="0"/>
                    </a:moveTo>
                    <a:lnTo>
                      <a:pt x="18" y="18"/>
                    </a:lnTo>
                    <a:lnTo>
                      <a:pt x="20" y="67"/>
                    </a:lnTo>
                    <a:lnTo>
                      <a:pt x="3" y="72"/>
                    </a:lnTo>
                    <a:lnTo>
                      <a:pt x="0" y="71"/>
                    </a:lnTo>
                    <a:lnTo>
                      <a:pt x="15" y="55"/>
                    </a:lnTo>
                    <a:lnTo>
                      <a:pt x="13" y="22"/>
                    </a:lnTo>
                    <a:lnTo>
                      <a:pt x="3" y="3"/>
                    </a:lnTo>
                    <a:lnTo>
                      <a:pt x="8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90" name="Freeform 170"/>
              <p:cNvSpPr>
                <a:spLocks/>
              </p:cNvSpPr>
              <p:nvPr/>
            </p:nvSpPr>
            <p:spPr bwMode="auto">
              <a:xfrm>
                <a:off x="4956" y="2165"/>
                <a:ext cx="20" cy="72"/>
              </a:xfrm>
              <a:custGeom>
                <a:avLst/>
                <a:gdLst>
                  <a:gd name="T0" fmla="*/ 8 w 20"/>
                  <a:gd name="T1" fmla="*/ 0 h 72"/>
                  <a:gd name="T2" fmla="*/ 18 w 20"/>
                  <a:gd name="T3" fmla="*/ 18 h 72"/>
                  <a:gd name="T4" fmla="*/ 20 w 20"/>
                  <a:gd name="T5" fmla="*/ 67 h 72"/>
                  <a:gd name="T6" fmla="*/ 3 w 20"/>
                  <a:gd name="T7" fmla="*/ 72 h 72"/>
                  <a:gd name="T8" fmla="*/ 0 w 20"/>
                  <a:gd name="T9" fmla="*/ 71 h 72"/>
                  <a:gd name="T10" fmla="*/ 15 w 20"/>
                  <a:gd name="T11" fmla="*/ 55 h 72"/>
                  <a:gd name="T12" fmla="*/ 13 w 20"/>
                  <a:gd name="T13" fmla="*/ 22 h 72"/>
                  <a:gd name="T14" fmla="*/ 3 w 20"/>
                  <a:gd name="T15" fmla="*/ 3 h 72"/>
                  <a:gd name="T16" fmla="*/ 8 w 20"/>
                  <a:gd name="T17" fmla="*/ 0 h 72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  <a:gd name="T27" fmla="*/ 0 w 20"/>
                  <a:gd name="T28" fmla="*/ 0 h 72"/>
                  <a:gd name="T29" fmla="*/ 20 w 20"/>
                  <a:gd name="T30" fmla="*/ 72 h 72"/>
                </a:gdLst>
                <a:ahLst/>
                <a:cxnLst>
                  <a:cxn ang="T18">
                    <a:pos x="T0" y="T1"/>
                  </a:cxn>
                  <a:cxn ang="T19">
                    <a:pos x="T2" y="T3"/>
                  </a:cxn>
                  <a:cxn ang="T20">
                    <a:pos x="T4" y="T5"/>
                  </a:cxn>
                  <a:cxn ang="T21">
                    <a:pos x="T6" y="T7"/>
                  </a:cxn>
                  <a:cxn ang="T22">
                    <a:pos x="T8" y="T9"/>
                  </a:cxn>
                  <a:cxn ang="T23">
                    <a:pos x="T10" y="T11"/>
                  </a:cxn>
                  <a:cxn ang="T24">
                    <a:pos x="T12" y="T13"/>
                  </a:cxn>
                  <a:cxn ang="T25">
                    <a:pos x="T14" y="T15"/>
                  </a:cxn>
                  <a:cxn ang="T26">
                    <a:pos x="T16" y="T17"/>
                  </a:cxn>
                </a:cxnLst>
                <a:rect l="T27" t="T28" r="T29" b="T30"/>
                <a:pathLst>
                  <a:path w="20" h="72">
                    <a:moveTo>
                      <a:pt x="8" y="0"/>
                    </a:moveTo>
                    <a:lnTo>
                      <a:pt x="18" y="18"/>
                    </a:lnTo>
                    <a:lnTo>
                      <a:pt x="20" y="67"/>
                    </a:lnTo>
                    <a:lnTo>
                      <a:pt x="3" y="72"/>
                    </a:lnTo>
                    <a:lnTo>
                      <a:pt x="0" y="71"/>
                    </a:lnTo>
                    <a:lnTo>
                      <a:pt x="15" y="55"/>
                    </a:lnTo>
                    <a:lnTo>
                      <a:pt x="13" y="22"/>
                    </a:lnTo>
                    <a:lnTo>
                      <a:pt x="3" y="3"/>
                    </a:lnTo>
                    <a:lnTo>
                      <a:pt x="8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963" name="Freeform 171"/>
            <p:cNvSpPr>
              <a:spLocks/>
            </p:cNvSpPr>
            <p:nvPr/>
          </p:nvSpPr>
          <p:spPr bwMode="auto">
            <a:xfrm>
              <a:off x="420" y="850"/>
              <a:ext cx="638" cy="473"/>
            </a:xfrm>
            <a:custGeom>
              <a:avLst/>
              <a:gdLst>
                <a:gd name="T0" fmla="*/ 18 w 656"/>
                <a:gd name="T1" fmla="*/ 20 h 487"/>
                <a:gd name="T2" fmla="*/ 44 w 656"/>
                <a:gd name="T3" fmla="*/ 44 h 487"/>
                <a:gd name="T4" fmla="*/ 65 w 656"/>
                <a:gd name="T5" fmla="*/ 51 h 487"/>
                <a:gd name="T6" fmla="*/ 79 w 656"/>
                <a:gd name="T7" fmla="*/ 58 h 487"/>
                <a:gd name="T8" fmla="*/ 109 w 656"/>
                <a:gd name="T9" fmla="*/ 70 h 487"/>
                <a:gd name="T10" fmla="*/ 117 w 656"/>
                <a:gd name="T11" fmla="*/ 81 h 487"/>
                <a:gd name="T12" fmla="*/ 112 w 656"/>
                <a:gd name="T13" fmla="*/ 94 h 487"/>
                <a:gd name="T14" fmla="*/ 109 w 656"/>
                <a:gd name="T15" fmla="*/ 94 h 487"/>
                <a:gd name="T16" fmla="*/ 85 w 656"/>
                <a:gd name="T17" fmla="*/ 127 h 487"/>
                <a:gd name="T18" fmla="*/ 98 w 656"/>
                <a:gd name="T19" fmla="*/ 108 h 487"/>
                <a:gd name="T20" fmla="*/ 112 w 656"/>
                <a:gd name="T21" fmla="*/ 112 h 487"/>
                <a:gd name="T22" fmla="*/ 101 w 656"/>
                <a:gd name="T23" fmla="*/ 144 h 487"/>
                <a:gd name="T24" fmla="*/ 101 w 656"/>
                <a:gd name="T25" fmla="*/ 137 h 487"/>
                <a:gd name="T26" fmla="*/ 93 w 656"/>
                <a:gd name="T27" fmla="*/ 139 h 487"/>
                <a:gd name="T28" fmla="*/ 91 w 656"/>
                <a:gd name="T29" fmla="*/ 130 h 487"/>
                <a:gd name="T30" fmla="*/ 77 w 656"/>
                <a:gd name="T31" fmla="*/ 145 h 487"/>
                <a:gd name="T32" fmla="*/ 89 w 656"/>
                <a:gd name="T33" fmla="*/ 148 h 487"/>
                <a:gd name="T34" fmla="*/ 97 w 656"/>
                <a:gd name="T35" fmla="*/ 152 h 487"/>
                <a:gd name="T36" fmla="*/ 114 w 656"/>
                <a:gd name="T37" fmla="*/ 144 h 487"/>
                <a:gd name="T38" fmla="*/ 144 w 656"/>
                <a:gd name="T39" fmla="*/ 84 h 487"/>
                <a:gd name="T40" fmla="*/ 129 w 656"/>
                <a:gd name="T41" fmla="*/ 68 h 487"/>
                <a:gd name="T42" fmla="*/ 133 w 656"/>
                <a:gd name="T43" fmla="*/ 39 h 487"/>
                <a:gd name="T44" fmla="*/ 144 w 656"/>
                <a:gd name="T45" fmla="*/ 25 h 487"/>
                <a:gd name="T46" fmla="*/ 141 w 656"/>
                <a:gd name="T47" fmla="*/ 3 h 487"/>
                <a:gd name="T48" fmla="*/ 181 w 656"/>
                <a:gd name="T49" fmla="*/ 17 h 487"/>
                <a:gd name="T50" fmla="*/ 252 w 656"/>
                <a:gd name="T51" fmla="*/ 37 h 487"/>
                <a:gd name="T52" fmla="*/ 342 w 656"/>
                <a:gd name="T53" fmla="*/ 57 h 487"/>
                <a:gd name="T54" fmla="*/ 443 w 656"/>
                <a:gd name="T55" fmla="*/ 79 h 487"/>
                <a:gd name="T56" fmla="*/ 440 w 656"/>
                <a:gd name="T57" fmla="*/ 105 h 487"/>
                <a:gd name="T58" fmla="*/ 427 w 656"/>
                <a:gd name="T59" fmla="*/ 160 h 487"/>
                <a:gd name="T60" fmla="*/ 412 w 656"/>
                <a:gd name="T61" fmla="*/ 225 h 487"/>
                <a:gd name="T62" fmla="*/ 403 w 656"/>
                <a:gd name="T63" fmla="*/ 271 h 487"/>
                <a:gd name="T64" fmla="*/ 400 w 656"/>
                <a:gd name="T65" fmla="*/ 307 h 487"/>
                <a:gd name="T66" fmla="*/ 281 w 656"/>
                <a:gd name="T67" fmla="*/ 296 h 487"/>
                <a:gd name="T68" fmla="*/ 260 w 656"/>
                <a:gd name="T69" fmla="*/ 298 h 487"/>
                <a:gd name="T70" fmla="*/ 241 w 656"/>
                <a:gd name="T71" fmla="*/ 292 h 487"/>
                <a:gd name="T72" fmla="*/ 219 w 656"/>
                <a:gd name="T73" fmla="*/ 296 h 487"/>
                <a:gd name="T74" fmla="*/ 185 w 656"/>
                <a:gd name="T75" fmla="*/ 296 h 487"/>
                <a:gd name="T76" fmla="*/ 165 w 656"/>
                <a:gd name="T77" fmla="*/ 294 h 487"/>
                <a:gd name="T78" fmla="*/ 142 w 656"/>
                <a:gd name="T79" fmla="*/ 289 h 487"/>
                <a:gd name="T80" fmla="*/ 114 w 656"/>
                <a:gd name="T81" fmla="*/ 278 h 487"/>
                <a:gd name="T82" fmla="*/ 91 w 656"/>
                <a:gd name="T83" fmla="*/ 281 h 487"/>
                <a:gd name="T84" fmla="*/ 71 w 656"/>
                <a:gd name="T85" fmla="*/ 276 h 487"/>
                <a:gd name="T86" fmla="*/ 61 w 656"/>
                <a:gd name="T87" fmla="*/ 269 h 487"/>
                <a:gd name="T88" fmla="*/ 60 w 656"/>
                <a:gd name="T89" fmla="*/ 252 h 487"/>
                <a:gd name="T90" fmla="*/ 55 w 656"/>
                <a:gd name="T91" fmla="*/ 227 h 487"/>
                <a:gd name="T92" fmla="*/ 43 w 656"/>
                <a:gd name="T93" fmla="*/ 219 h 487"/>
                <a:gd name="T94" fmla="*/ 40 w 656"/>
                <a:gd name="T95" fmla="*/ 214 h 487"/>
                <a:gd name="T96" fmla="*/ 25 w 656"/>
                <a:gd name="T97" fmla="*/ 203 h 487"/>
                <a:gd name="T98" fmla="*/ 11 w 656"/>
                <a:gd name="T99" fmla="*/ 200 h 487"/>
                <a:gd name="T100" fmla="*/ 0 w 656"/>
                <a:gd name="T101" fmla="*/ 195 h 487"/>
                <a:gd name="T102" fmla="*/ 5 w 656"/>
                <a:gd name="T103" fmla="*/ 180 h 487"/>
                <a:gd name="T104" fmla="*/ 15 w 656"/>
                <a:gd name="T105" fmla="*/ 171 h 487"/>
                <a:gd name="T106" fmla="*/ 11 w 656"/>
                <a:gd name="T107" fmla="*/ 184 h 487"/>
                <a:gd name="T108" fmla="*/ 15 w 656"/>
                <a:gd name="T109" fmla="*/ 188 h 487"/>
                <a:gd name="T110" fmla="*/ 18 w 656"/>
                <a:gd name="T111" fmla="*/ 166 h 487"/>
                <a:gd name="T112" fmla="*/ 18 w 656"/>
                <a:gd name="T113" fmla="*/ 148 h 487"/>
                <a:gd name="T114" fmla="*/ 18 w 656"/>
                <a:gd name="T115" fmla="*/ 142 h 487"/>
                <a:gd name="T116" fmla="*/ 18 w 656"/>
                <a:gd name="T117" fmla="*/ 118 h 487"/>
                <a:gd name="T118" fmla="*/ 18 w 656"/>
                <a:gd name="T119" fmla="*/ 89 h 487"/>
                <a:gd name="T120" fmla="*/ 17 w 656"/>
                <a:gd name="T121" fmla="*/ 64 h 487"/>
                <a:gd name="T122" fmla="*/ 15 w 656"/>
                <a:gd name="T123" fmla="*/ 38 h 487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w 656"/>
                <a:gd name="T187" fmla="*/ 0 h 487"/>
                <a:gd name="T188" fmla="*/ 656 w 656"/>
                <a:gd name="T189" fmla="*/ 487 h 487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T186" t="T187" r="T188" b="T189"/>
              <a:pathLst>
                <a:path w="656" h="487">
                  <a:moveTo>
                    <a:pt x="22" y="41"/>
                  </a:moveTo>
                  <a:lnTo>
                    <a:pt x="23" y="36"/>
                  </a:lnTo>
                  <a:lnTo>
                    <a:pt x="22" y="27"/>
                  </a:lnTo>
                  <a:lnTo>
                    <a:pt x="22" y="29"/>
                  </a:lnTo>
                  <a:lnTo>
                    <a:pt x="23" y="29"/>
                  </a:lnTo>
                  <a:lnTo>
                    <a:pt x="25" y="32"/>
                  </a:lnTo>
                  <a:lnTo>
                    <a:pt x="28" y="34"/>
                  </a:lnTo>
                  <a:lnTo>
                    <a:pt x="32" y="39"/>
                  </a:lnTo>
                  <a:lnTo>
                    <a:pt x="37" y="42"/>
                  </a:lnTo>
                  <a:lnTo>
                    <a:pt x="40" y="46"/>
                  </a:lnTo>
                  <a:lnTo>
                    <a:pt x="45" y="51"/>
                  </a:lnTo>
                  <a:lnTo>
                    <a:pt x="50" y="56"/>
                  </a:lnTo>
                  <a:lnTo>
                    <a:pt x="57" y="59"/>
                  </a:lnTo>
                  <a:lnTo>
                    <a:pt x="62" y="64"/>
                  </a:lnTo>
                  <a:lnTo>
                    <a:pt x="67" y="68"/>
                  </a:lnTo>
                  <a:lnTo>
                    <a:pt x="74" y="71"/>
                  </a:lnTo>
                  <a:lnTo>
                    <a:pt x="79" y="74"/>
                  </a:lnTo>
                  <a:lnTo>
                    <a:pt x="86" y="76"/>
                  </a:lnTo>
                  <a:lnTo>
                    <a:pt x="91" y="78"/>
                  </a:lnTo>
                  <a:lnTo>
                    <a:pt x="94" y="78"/>
                  </a:lnTo>
                  <a:lnTo>
                    <a:pt x="96" y="80"/>
                  </a:lnTo>
                  <a:lnTo>
                    <a:pt x="98" y="80"/>
                  </a:lnTo>
                  <a:lnTo>
                    <a:pt x="101" y="80"/>
                  </a:lnTo>
                  <a:lnTo>
                    <a:pt x="103" y="81"/>
                  </a:lnTo>
                  <a:lnTo>
                    <a:pt x="105" y="81"/>
                  </a:lnTo>
                  <a:lnTo>
                    <a:pt x="115" y="86"/>
                  </a:lnTo>
                  <a:lnTo>
                    <a:pt x="123" y="95"/>
                  </a:lnTo>
                  <a:lnTo>
                    <a:pt x="142" y="95"/>
                  </a:lnTo>
                  <a:lnTo>
                    <a:pt x="143" y="105"/>
                  </a:lnTo>
                  <a:lnTo>
                    <a:pt x="154" y="105"/>
                  </a:lnTo>
                  <a:lnTo>
                    <a:pt x="154" y="117"/>
                  </a:lnTo>
                  <a:lnTo>
                    <a:pt x="160" y="117"/>
                  </a:lnTo>
                  <a:lnTo>
                    <a:pt x="159" y="105"/>
                  </a:lnTo>
                  <a:lnTo>
                    <a:pt x="162" y="103"/>
                  </a:lnTo>
                  <a:lnTo>
                    <a:pt x="172" y="103"/>
                  </a:lnTo>
                  <a:lnTo>
                    <a:pt x="167" y="113"/>
                  </a:lnTo>
                  <a:lnTo>
                    <a:pt x="169" y="115"/>
                  </a:lnTo>
                  <a:lnTo>
                    <a:pt x="169" y="117"/>
                  </a:lnTo>
                  <a:lnTo>
                    <a:pt x="171" y="118"/>
                  </a:lnTo>
                  <a:lnTo>
                    <a:pt x="172" y="122"/>
                  </a:lnTo>
                  <a:lnTo>
                    <a:pt x="174" y="125"/>
                  </a:lnTo>
                  <a:lnTo>
                    <a:pt x="174" y="130"/>
                  </a:lnTo>
                  <a:lnTo>
                    <a:pt x="172" y="134"/>
                  </a:lnTo>
                  <a:lnTo>
                    <a:pt x="171" y="135"/>
                  </a:lnTo>
                  <a:lnTo>
                    <a:pt x="169" y="137"/>
                  </a:lnTo>
                  <a:lnTo>
                    <a:pt x="167" y="139"/>
                  </a:lnTo>
                  <a:lnTo>
                    <a:pt x="164" y="142"/>
                  </a:lnTo>
                  <a:lnTo>
                    <a:pt x="160" y="146"/>
                  </a:lnTo>
                  <a:lnTo>
                    <a:pt x="159" y="149"/>
                  </a:lnTo>
                  <a:lnTo>
                    <a:pt x="155" y="152"/>
                  </a:lnTo>
                  <a:lnTo>
                    <a:pt x="154" y="154"/>
                  </a:lnTo>
                  <a:lnTo>
                    <a:pt x="154" y="156"/>
                  </a:lnTo>
                  <a:lnTo>
                    <a:pt x="149" y="151"/>
                  </a:lnTo>
                  <a:lnTo>
                    <a:pt x="159" y="142"/>
                  </a:lnTo>
                  <a:lnTo>
                    <a:pt x="157" y="137"/>
                  </a:lnTo>
                  <a:lnTo>
                    <a:pt x="130" y="169"/>
                  </a:lnTo>
                  <a:lnTo>
                    <a:pt x="113" y="179"/>
                  </a:lnTo>
                  <a:lnTo>
                    <a:pt x="113" y="191"/>
                  </a:lnTo>
                  <a:lnTo>
                    <a:pt x="121" y="193"/>
                  </a:lnTo>
                  <a:lnTo>
                    <a:pt x="123" y="191"/>
                  </a:lnTo>
                  <a:lnTo>
                    <a:pt x="125" y="190"/>
                  </a:lnTo>
                  <a:lnTo>
                    <a:pt x="127" y="186"/>
                  </a:lnTo>
                  <a:lnTo>
                    <a:pt x="127" y="188"/>
                  </a:lnTo>
                  <a:lnTo>
                    <a:pt x="123" y="186"/>
                  </a:lnTo>
                  <a:lnTo>
                    <a:pt x="121" y="183"/>
                  </a:lnTo>
                  <a:lnTo>
                    <a:pt x="120" y="183"/>
                  </a:lnTo>
                  <a:lnTo>
                    <a:pt x="145" y="162"/>
                  </a:lnTo>
                  <a:lnTo>
                    <a:pt x="152" y="162"/>
                  </a:lnTo>
                  <a:lnTo>
                    <a:pt x="179" y="135"/>
                  </a:lnTo>
                  <a:lnTo>
                    <a:pt x="182" y="144"/>
                  </a:lnTo>
                  <a:lnTo>
                    <a:pt x="181" y="154"/>
                  </a:lnTo>
                  <a:lnTo>
                    <a:pt x="172" y="161"/>
                  </a:lnTo>
                  <a:lnTo>
                    <a:pt x="169" y="159"/>
                  </a:lnTo>
                  <a:lnTo>
                    <a:pt x="165" y="168"/>
                  </a:lnTo>
                  <a:lnTo>
                    <a:pt x="162" y="178"/>
                  </a:lnTo>
                  <a:lnTo>
                    <a:pt x="165" y="179"/>
                  </a:lnTo>
                  <a:lnTo>
                    <a:pt x="157" y="210"/>
                  </a:lnTo>
                  <a:lnTo>
                    <a:pt x="155" y="210"/>
                  </a:lnTo>
                  <a:lnTo>
                    <a:pt x="154" y="212"/>
                  </a:lnTo>
                  <a:lnTo>
                    <a:pt x="150" y="215"/>
                  </a:lnTo>
                  <a:lnTo>
                    <a:pt x="149" y="217"/>
                  </a:lnTo>
                  <a:lnTo>
                    <a:pt x="147" y="217"/>
                  </a:lnTo>
                  <a:lnTo>
                    <a:pt x="147" y="215"/>
                  </a:lnTo>
                  <a:lnTo>
                    <a:pt x="149" y="212"/>
                  </a:lnTo>
                  <a:lnTo>
                    <a:pt x="149" y="210"/>
                  </a:lnTo>
                  <a:lnTo>
                    <a:pt x="149" y="208"/>
                  </a:lnTo>
                  <a:lnTo>
                    <a:pt x="149" y="206"/>
                  </a:lnTo>
                  <a:lnTo>
                    <a:pt x="149" y="205"/>
                  </a:lnTo>
                  <a:lnTo>
                    <a:pt x="157" y="195"/>
                  </a:lnTo>
                  <a:lnTo>
                    <a:pt x="143" y="206"/>
                  </a:lnTo>
                  <a:lnTo>
                    <a:pt x="138" y="215"/>
                  </a:lnTo>
                  <a:lnTo>
                    <a:pt x="137" y="212"/>
                  </a:lnTo>
                  <a:lnTo>
                    <a:pt x="137" y="210"/>
                  </a:lnTo>
                  <a:lnTo>
                    <a:pt x="138" y="208"/>
                  </a:lnTo>
                  <a:lnTo>
                    <a:pt x="138" y="205"/>
                  </a:lnTo>
                  <a:lnTo>
                    <a:pt x="140" y="201"/>
                  </a:lnTo>
                  <a:lnTo>
                    <a:pt x="142" y="200"/>
                  </a:lnTo>
                  <a:lnTo>
                    <a:pt x="142" y="196"/>
                  </a:lnTo>
                  <a:lnTo>
                    <a:pt x="140" y="195"/>
                  </a:lnTo>
                  <a:lnTo>
                    <a:pt x="138" y="193"/>
                  </a:lnTo>
                  <a:lnTo>
                    <a:pt x="135" y="195"/>
                  </a:lnTo>
                  <a:lnTo>
                    <a:pt x="130" y="196"/>
                  </a:lnTo>
                  <a:lnTo>
                    <a:pt x="125" y="201"/>
                  </a:lnTo>
                  <a:lnTo>
                    <a:pt x="120" y="205"/>
                  </a:lnTo>
                  <a:lnTo>
                    <a:pt x="115" y="210"/>
                  </a:lnTo>
                  <a:lnTo>
                    <a:pt x="111" y="215"/>
                  </a:lnTo>
                  <a:lnTo>
                    <a:pt x="111" y="217"/>
                  </a:lnTo>
                  <a:lnTo>
                    <a:pt x="113" y="218"/>
                  </a:lnTo>
                  <a:lnTo>
                    <a:pt x="120" y="220"/>
                  </a:lnTo>
                  <a:lnTo>
                    <a:pt x="123" y="220"/>
                  </a:lnTo>
                  <a:lnTo>
                    <a:pt x="127" y="222"/>
                  </a:lnTo>
                  <a:lnTo>
                    <a:pt x="130" y="222"/>
                  </a:lnTo>
                  <a:lnTo>
                    <a:pt x="132" y="222"/>
                  </a:lnTo>
                  <a:lnTo>
                    <a:pt x="132" y="225"/>
                  </a:lnTo>
                  <a:lnTo>
                    <a:pt x="133" y="227"/>
                  </a:lnTo>
                  <a:lnTo>
                    <a:pt x="138" y="230"/>
                  </a:lnTo>
                  <a:lnTo>
                    <a:pt x="140" y="230"/>
                  </a:lnTo>
                  <a:lnTo>
                    <a:pt x="143" y="228"/>
                  </a:lnTo>
                  <a:lnTo>
                    <a:pt x="149" y="225"/>
                  </a:lnTo>
                  <a:lnTo>
                    <a:pt x="152" y="223"/>
                  </a:lnTo>
                  <a:lnTo>
                    <a:pt x="155" y="220"/>
                  </a:lnTo>
                  <a:lnTo>
                    <a:pt x="159" y="217"/>
                  </a:lnTo>
                  <a:lnTo>
                    <a:pt x="162" y="215"/>
                  </a:lnTo>
                  <a:lnTo>
                    <a:pt x="162" y="213"/>
                  </a:lnTo>
                  <a:lnTo>
                    <a:pt x="167" y="215"/>
                  </a:lnTo>
                  <a:lnTo>
                    <a:pt x="176" y="208"/>
                  </a:lnTo>
                  <a:lnTo>
                    <a:pt x="181" y="206"/>
                  </a:lnTo>
                  <a:lnTo>
                    <a:pt x="179" y="183"/>
                  </a:lnTo>
                  <a:lnTo>
                    <a:pt x="186" y="178"/>
                  </a:lnTo>
                  <a:lnTo>
                    <a:pt x="181" y="171"/>
                  </a:lnTo>
                  <a:lnTo>
                    <a:pt x="191" y="151"/>
                  </a:lnTo>
                  <a:lnTo>
                    <a:pt x="211" y="127"/>
                  </a:lnTo>
                  <a:lnTo>
                    <a:pt x="203" y="103"/>
                  </a:lnTo>
                  <a:lnTo>
                    <a:pt x="198" y="103"/>
                  </a:lnTo>
                  <a:lnTo>
                    <a:pt x="196" y="112"/>
                  </a:lnTo>
                  <a:lnTo>
                    <a:pt x="201" y="117"/>
                  </a:lnTo>
                  <a:lnTo>
                    <a:pt x="199" y="122"/>
                  </a:lnTo>
                  <a:lnTo>
                    <a:pt x="189" y="110"/>
                  </a:lnTo>
                  <a:lnTo>
                    <a:pt x="191" y="102"/>
                  </a:lnTo>
                  <a:lnTo>
                    <a:pt x="196" y="96"/>
                  </a:lnTo>
                  <a:lnTo>
                    <a:pt x="206" y="96"/>
                  </a:lnTo>
                  <a:lnTo>
                    <a:pt x="199" y="83"/>
                  </a:lnTo>
                  <a:lnTo>
                    <a:pt x="194" y="73"/>
                  </a:lnTo>
                  <a:lnTo>
                    <a:pt x="189" y="68"/>
                  </a:lnTo>
                  <a:lnTo>
                    <a:pt x="193" y="63"/>
                  </a:lnTo>
                  <a:lnTo>
                    <a:pt x="196" y="54"/>
                  </a:lnTo>
                  <a:lnTo>
                    <a:pt x="199" y="59"/>
                  </a:lnTo>
                  <a:lnTo>
                    <a:pt x="199" y="71"/>
                  </a:lnTo>
                  <a:lnTo>
                    <a:pt x="206" y="66"/>
                  </a:lnTo>
                  <a:lnTo>
                    <a:pt x="204" y="64"/>
                  </a:lnTo>
                  <a:lnTo>
                    <a:pt x="215" y="56"/>
                  </a:lnTo>
                  <a:lnTo>
                    <a:pt x="208" y="47"/>
                  </a:lnTo>
                  <a:lnTo>
                    <a:pt x="211" y="39"/>
                  </a:lnTo>
                  <a:lnTo>
                    <a:pt x="206" y="32"/>
                  </a:lnTo>
                  <a:lnTo>
                    <a:pt x="198" y="32"/>
                  </a:lnTo>
                  <a:lnTo>
                    <a:pt x="198" y="0"/>
                  </a:lnTo>
                  <a:lnTo>
                    <a:pt x="199" y="0"/>
                  </a:lnTo>
                  <a:lnTo>
                    <a:pt x="203" y="2"/>
                  </a:lnTo>
                  <a:lnTo>
                    <a:pt x="208" y="3"/>
                  </a:lnTo>
                  <a:lnTo>
                    <a:pt x="213" y="5"/>
                  </a:lnTo>
                  <a:lnTo>
                    <a:pt x="220" y="7"/>
                  </a:lnTo>
                  <a:lnTo>
                    <a:pt x="226" y="8"/>
                  </a:lnTo>
                  <a:lnTo>
                    <a:pt x="235" y="12"/>
                  </a:lnTo>
                  <a:lnTo>
                    <a:pt x="245" y="15"/>
                  </a:lnTo>
                  <a:lnTo>
                    <a:pt x="255" y="17"/>
                  </a:lnTo>
                  <a:lnTo>
                    <a:pt x="267" y="22"/>
                  </a:lnTo>
                  <a:lnTo>
                    <a:pt x="281" y="25"/>
                  </a:lnTo>
                  <a:lnTo>
                    <a:pt x="294" y="29"/>
                  </a:lnTo>
                  <a:lnTo>
                    <a:pt x="308" y="32"/>
                  </a:lnTo>
                  <a:lnTo>
                    <a:pt x="323" y="37"/>
                  </a:lnTo>
                  <a:lnTo>
                    <a:pt x="338" y="41"/>
                  </a:lnTo>
                  <a:lnTo>
                    <a:pt x="355" y="46"/>
                  </a:lnTo>
                  <a:lnTo>
                    <a:pt x="372" y="51"/>
                  </a:lnTo>
                  <a:lnTo>
                    <a:pt x="389" y="54"/>
                  </a:lnTo>
                  <a:lnTo>
                    <a:pt x="407" y="59"/>
                  </a:lnTo>
                  <a:lnTo>
                    <a:pt x="426" y="64"/>
                  </a:lnTo>
                  <a:lnTo>
                    <a:pt x="445" y="69"/>
                  </a:lnTo>
                  <a:lnTo>
                    <a:pt x="465" y="74"/>
                  </a:lnTo>
                  <a:lnTo>
                    <a:pt x="485" y="80"/>
                  </a:lnTo>
                  <a:lnTo>
                    <a:pt x="506" y="85"/>
                  </a:lnTo>
                  <a:lnTo>
                    <a:pt x="526" y="90"/>
                  </a:lnTo>
                  <a:lnTo>
                    <a:pt x="548" y="95"/>
                  </a:lnTo>
                  <a:lnTo>
                    <a:pt x="568" y="100"/>
                  </a:lnTo>
                  <a:lnTo>
                    <a:pt x="590" y="105"/>
                  </a:lnTo>
                  <a:lnTo>
                    <a:pt x="612" y="108"/>
                  </a:lnTo>
                  <a:lnTo>
                    <a:pt x="634" y="113"/>
                  </a:lnTo>
                  <a:lnTo>
                    <a:pt x="656" y="118"/>
                  </a:lnTo>
                  <a:lnTo>
                    <a:pt x="656" y="122"/>
                  </a:lnTo>
                  <a:lnTo>
                    <a:pt x="656" y="125"/>
                  </a:lnTo>
                  <a:lnTo>
                    <a:pt x="655" y="130"/>
                  </a:lnTo>
                  <a:lnTo>
                    <a:pt x="653" y="137"/>
                  </a:lnTo>
                  <a:lnTo>
                    <a:pt x="651" y="146"/>
                  </a:lnTo>
                  <a:lnTo>
                    <a:pt x="649" y="156"/>
                  </a:lnTo>
                  <a:lnTo>
                    <a:pt x="646" y="166"/>
                  </a:lnTo>
                  <a:lnTo>
                    <a:pt x="644" y="176"/>
                  </a:lnTo>
                  <a:lnTo>
                    <a:pt x="641" y="188"/>
                  </a:lnTo>
                  <a:lnTo>
                    <a:pt x="639" y="200"/>
                  </a:lnTo>
                  <a:lnTo>
                    <a:pt x="636" y="213"/>
                  </a:lnTo>
                  <a:lnTo>
                    <a:pt x="633" y="227"/>
                  </a:lnTo>
                  <a:lnTo>
                    <a:pt x="629" y="240"/>
                  </a:lnTo>
                  <a:lnTo>
                    <a:pt x="627" y="256"/>
                  </a:lnTo>
                  <a:lnTo>
                    <a:pt x="624" y="269"/>
                  </a:lnTo>
                  <a:lnTo>
                    <a:pt x="621" y="284"/>
                  </a:lnTo>
                  <a:lnTo>
                    <a:pt x="617" y="298"/>
                  </a:lnTo>
                  <a:lnTo>
                    <a:pt x="614" y="311"/>
                  </a:lnTo>
                  <a:lnTo>
                    <a:pt x="612" y="325"/>
                  </a:lnTo>
                  <a:lnTo>
                    <a:pt x="609" y="338"/>
                  </a:lnTo>
                  <a:lnTo>
                    <a:pt x="605" y="350"/>
                  </a:lnTo>
                  <a:lnTo>
                    <a:pt x="604" y="362"/>
                  </a:lnTo>
                  <a:lnTo>
                    <a:pt x="600" y="374"/>
                  </a:lnTo>
                  <a:lnTo>
                    <a:pt x="599" y="384"/>
                  </a:lnTo>
                  <a:lnTo>
                    <a:pt x="597" y="393"/>
                  </a:lnTo>
                  <a:lnTo>
                    <a:pt x="595" y="401"/>
                  </a:lnTo>
                  <a:lnTo>
                    <a:pt x="594" y="408"/>
                  </a:lnTo>
                  <a:lnTo>
                    <a:pt x="592" y="415"/>
                  </a:lnTo>
                  <a:lnTo>
                    <a:pt x="590" y="418"/>
                  </a:lnTo>
                  <a:lnTo>
                    <a:pt x="590" y="420"/>
                  </a:lnTo>
                  <a:lnTo>
                    <a:pt x="590" y="421"/>
                  </a:lnTo>
                  <a:lnTo>
                    <a:pt x="585" y="438"/>
                  </a:lnTo>
                  <a:lnTo>
                    <a:pt x="590" y="450"/>
                  </a:lnTo>
                  <a:lnTo>
                    <a:pt x="590" y="462"/>
                  </a:lnTo>
                  <a:lnTo>
                    <a:pt x="587" y="476"/>
                  </a:lnTo>
                  <a:lnTo>
                    <a:pt x="589" y="487"/>
                  </a:lnTo>
                  <a:lnTo>
                    <a:pt x="421" y="445"/>
                  </a:lnTo>
                  <a:lnTo>
                    <a:pt x="419" y="445"/>
                  </a:lnTo>
                  <a:lnTo>
                    <a:pt x="418" y="445"/>
                  </a:lnTo>
                  <a:lnTo>
                    <a:pt x="414" y="445"/>
                  </a:lnTo>
                  <a:lnTo>
                    <a:pt x="411" y="445"/>
                  </a:lnTo>
                  <a:lnTo>
                    <a:pt x="407" y="447"/>
                  </a:lnTo>
                  <a:lnTo>
                    <a:pt x="402" y="447"/>
                  </a:lnTo>
                  <a:lnTo>
                    <a:pt x="399" y="447"/>
                  </a:lnTo>
                  <a:lnTo>
                    <a:pt x="394" y="447"/>
                  </a:lnTo>
                  <a:lnTo>
                    <a:pt x="389" y="447"/>
                  </a:lnTo>
                  <a:lnTo>
                    <a:pt x="384" y="447"/>
                  </a:lnTo>
                  <a:lnTo>
                    <a:pt x="379" y="445"/>
                  </a:lnTo>
                  <a:lnTo>
                    <a:pt x="374" y="445"/>
                  </a:lnTo>
                  <a:lnTo>
                    <a:pt x="369" y="443"/>
                  </a:lnTo>
                  <a:lnTo>
                    <a:pt x="363" y="442"/>
                  </a:lnTo>
                  <a:lnTo>
                    <a:pt x="358" y="440"/>
                  </a:lnTo>
                  <a:lnTo>
                    <a:pt x="357" y="440"/>
                  </a:lnTo>
                  <a:lnTo>
                    <a:pt x="355" y="440"/>
                  </a:lnTo>
                  <a:lnTo>
                    <a:pt x="353" y="440"/>
                  </a:lnTo>
                  <a:lnTo>
                    <a:pt x="352" y="442"/>
                  </a:lnTo>
                  <a:lnTo>
                    <a:pt x="348" y="443"/>
                  </a:lnTo>
                  <a:lnTo>
                    <a:pt x="347" y="445"/>
                  </a:lnTo>
                  <a:lnTo>
                    <a:pt x="345" y="445"/>
                  </a:lnTo>
                  <a:lnTo>
                    <a:pt x="323" y="445"/>
                  </a:lnTo>
                  <a:lnTo>
                    <a:pt x="321" y="445"/>
                  </a:lnTo>
                  <a:lnTo>
                    <a:pt x="316" y="445"/>
                  </a:lnTo>
                  <a:lnTo>
                    <a:pt x="308" y="447"/>
                  </a:lnTo>
                  <a:lnTo>
                    <a:pt x="297" y="448"/>
                  </a:lnTo>
                  <a:lnTo>
                    <a:pt x="289" y="448"/>
                  </a:lnTo>
                  <a:lnTo>
                    <a:pt x="279" y="448"/>
                  </a:lnTo>
                  <a:lnTo>
                    <a:pt x="272" y="445"/>
                  </a:lnTo>
                  <a:lnTo>
                    <a:pt x="265" y="442"/>
                  </a:lnTo>
                  <a:lnTo>
                    <a:pt x="262" y="442"/>
                  </a:lnTo>
                  <a:lnTo>
                    <a:pt x="259" y="442"/>
                  </a:lnTo>
                  <a:lnTo>
                    <a:pt x="253" y="442"/>
                  </a:lnTo>
                  <a:lnTo>
                    <a:pt x="248" y="442"/>
                  </a:lnTo>
                  <a:lnTo>
                    <a:pt x="245" y="443"/>
                  </a:lnTo>
                  <a:lnTo>
                    <a:pt x="242" y="443"/>
                  </a:lnTo>
                  <a:lnTo>
                    <a:pt x="233" y="442"/>
                  </a:lnTo>
                  <a:lnTo>
                    <a:pt x="220" y="445"/>
                  </a:lnTo>
                  <a:lnTo>
                    <a:pt x="220" y="443"/>
                  </a:lnTo>
                  <a:lnTo>
                    <a:pt x="215" y="440"/>
                  </a:lnTo>
                  <a:lnTo>
                    <a:pt x="209" y="435"/>
                  </a:lnTo>
                  <a:lnTo>
                    <a:pt x="201" y="430"/>
                  </a:lnTo>
                  <a:lnTo>
                    <a:pt x="194" y="425"/>
                  </a:lnTo>
                  <a:lnTo>
                    <a:pt x="186" y="421"/>
                  </a:lnTo>
                  <a:lnTo>
                    <a:pt x="177" y="418"/>
                  </a:lnTo>
                  <a:lnTo>
                    <a:pt x="171" y="418"/>
                  </a:lnTo>
                  <a:lnTo>
                    <a:pt x="169" y="418"/>
                  </a:lnTo>
                  <a:lnTo>
                    <a:pt x="167" y="418"/>
                  </a:lnTo>
                  <a:lnTo>
                    <a:pt x="164" y="420"/>
                  </a:lnTo>
                  <a:lnTo>
                    <a:pt x="160" y="420"/>
                  </a:lnTo>
                  <a:lnTo>
                    <a:pt x="157" y="421"/>
                  </a:lnTo>
                  <a:lnTo>
                    <a:pt x="152" y="421"/>
                  </a:lnTo>
                  <a:lnTo>
                    <a:pt x="145" y="423"/>
                  </a:lnTo>
                  <a:lnTo>
                    <a:pt x="140" y="423"/>
                  </a:lnTo>
                  <a:lnTo>
                    <a:pt x="135" y="423"/>
                  </a:lnTo>
                  <a:lnTo>
                    <a:pt x="128" y="423"/>
                  </a:lnTo>
                  <a:lnTo>
                    <a:pt x="123" y="423"/>
                  </a:lnTo>
                  <a:lnTo>
                    <a:pt x="118" y="423"/>
                  </a:lnTo>
                  <a:lnTo>
                    <a:pt x="113" y="421"/>
                  </a:lnTo>
                  <a:lnTo>
                    <a:pt x="108" y="420"/>
                  </a:lnTo>
                  <a:lnTo>
                    <a:pt x="105" y="418"/>
                  </a:lnTo>
                  <a:lnTo>
                    <a:pt x="103" y="415"/>
                  </a:lnTo>
                  <a:lnTo>
                    <a:pt x="101" y="413"/>
                  </a:lnTo>
                  <a:lnTo>
                    <a:pt x="99" y="413"/>
                  </a:lnTo>
                  <a:lnTo>
                    <a:pt x="98" y="411"/>
                  </a:lnTo>
                  <a:lnTo>
                    <a:pt x="94" y="408"/>
                  </a:lnTo>
                  <a:lnTo>
                    <a:pt x="93" y="406"/>
                  </a:lnTo>
                  <a:lnTo>
                    <a:pt x="91" y="404"/>
                  </a:lnTo>
                  <a:lnTo>
                    <a:pt x="89" y="404"/>
                  </a:lnTo>
                  <a:lnTo>
                    <a:pt x="84" y="393"/>
                  </a:lnTo>
                  <a:lnTo>
                    <a:pt x="84" y="391"/>
                  </a:lnTo>
                  <a:lnTo>
                    <a:pt x="86" y="388"/>
                  </a:lnTo>
                  <a:lnTo>
                    <a:pt x="86" y="384"/>
                  </a:lnTo>
                  <a:lnTo>
                    <a:pt x="88" y="379"/>
                  </a:lnTo>
                  <a:lnTo>
                    <a:pt x="88" y="374"/>
                  </a:lnTo>
                  <a:lnTo>
                    <a:pt x="88" y="369"/>
                  </a:lnTo>
                  <a:lnTo>
                    <a:pt x="88" y="364"/>
                  </a:lnTo>
                  <a:lnTo>
                    <a:pt x="88" y="357"/>
                  </a:lnTo>
                  <a:lnTo>
                    <a:pt x="86" y="352"/>
                  </a:lnTo>
                  <a:lnTo>
                    <a:pt x="86" y="347"/>
                  </a:lnTo>
                  <a:lnTo>
                    <a:pt x="83" y="342"/>
                  </a:lnTo>
                  <a:lnTo>
                    <a:pt x="79" y="337"/>
                  </a:lnTo>
                  <a:lnTo>
                    <a:pt x="76" y="333"/>
                  </a:lnTo>
                  <a:lnTo>
                    <a:pt x="71" y="330"/>
                  </a:lnTo>
                  <a:lnTo>
                    <a:pt x="64" y="328"/>
                  </a:lnTo>
                  <a:lnTo>
                    <a:pt x="62" y="328"/>
                  </a:lnTo>
                  <a:lnTo>
                    <a:pt x="61" y="328"/>
                  </a:lnTo>
                  <a:lnTo>
                    <a:pt x="57" y="327"/>
                  </a:lnTo>
                  <a:lnTo>
                    <a:pt x="55" y="327"/>
                  </a:lnTo>
                  <a:lnTo>
                    <a:pt x="54" y="327"/>
                  </a:lnTo>
                  <a:lnTo>
                    <a:pt x="52" y="327"/>
                  </a:lnTo>
                  <a:lnTo>
                    <a:pt x="52" y="325"/>
                  </a:lnTo>
                  <a:lnTo>
                    <a:pt x="54" y="323"/>
                  </a:lnTo>
                  <a:lnTo>
                    <a:pt x="54" y="322"/>
                  </a:lnTo>
                  <a:lnTo>
                    <a:pt x="52" y="318"/>
                  </a:lnTo>
                  <a:lnTo>
                    <a:pt x="52" y="315"/>
                  </a:lnTo>
                  <a:lnTo>
                    <a:pt x="49" y="311"/>
                  </a:lnTo>
                  <a:lnTo>
                    <a:pt x="45" y="310"/>
                  </a:lnTo>
                  <a:lnTo>
                    <a:pt x="40" y="308"/>
                  </a:lnTo>
                  <a:lnTo>
                    <a:pt x="39" y="306"/>
                  </a:lnTo>
                  <a:lnTo>
                    <a:pt x="37" y="305"/>
                  </a:lnTo>
                  <a:lnTo>
                    <a:pt x="33" y="303"/>
                  </a:lnTo>
                  <a:lnTo>
                    <a:pt x="32" y="301"/>
                  </a:lnTo>
                  <a:lnTo>
                    <a:pt x="23" y="303"/>
                  </a:lnTo>
                  <a:lnTo>
                    <a:pt x="22" y="300"/>
                  </a:lnTo>
                  <a:lnTo>
                    <a:pt x="18" y="303"/>
                  </a:lnTo>
                  <a:lnTo>
                    <a:pt x="11" y="300"/>
                  </a:lnTo>
                  <a:lnTo>
                    <a:pt x="6" y="291"/>
                  </a:lnTo>
                  <a:lnTo>
                    <a:pt x="6" y="293"/>
                  </a:lnTo>
                  <a:lnTo>
                    <a:pt x="3" y="293"/>
                  </a:lnTo>
                  <a:lnTo>
                    <a:pt x="0" y="294"/>
                  </a:lnTo>
                  <a:lnTo>
                    <a:pt x="0" y="293"/>
                  </a:lnTo>
                  <a:lnTo>
                    <a:pt x="0" y="291"/>
                  </a:lnTo>
                  <a:lnTo>
                    <a:pt x="0" y="289"/>
                  </a:lnTo>
                  <a:lnTo>
                    <a:pt x="1" y="288"/>
                  </a:lnTo>
                  <a:lnTo>
                    <a:pt x="1" y="284"/>
                  </a:lnTo>
                  <a:lnTo>
                    <a:pt x="3" y="281"/>
                  </a:lnTo>
                  <a:lnTo>
                    <a:pt x="3" y="278"/>
                  </a:lnTo>
                  <a:lnTo>
                    <a:pt x="5" y="271"/>
                  </a:lnTo>
                  <a:lnTo>
                    <a:pt x="6" y="266"/>
                  </a:lnTo>
                  <a:lnTo>
                    <a:pt x="8" y="261"/>
                  </a:lnTo>
                  <a:lnTo>
                    <a:pt x="10" y="256"/>
                  </a:lnTo>
                  <a:lnTo>
                    <a:pt x="11" y="252"/>
                  </a:lnTo>
                  <a:lnTo>
                    <a:pt x="15" y="252"/>
                  </a:lnTo>
                  <a:lnTo>
                    <a:pt x="15" y="256"/>
                  </a:lnTo>
                  <a:lnTo>
                    <a:pt x="15" y="257"/>
                  </a:lnTo>
                  <a:lnTo>
                    <a:pt x="13" y="261"/>
                  </a:lnTo>
                  <a:lnTo>
                    <a:pt x="13" y="264"/>
                  </a:lnTo>
                  <a:lnTo>
                    <a:pt x="11" y="267"/>
                  </a:lnTo>
                  <a:lnTo>
                    <a:pt x="11" y="271"/>
                  </a:lnTo>
                  <a:lnTo>
                    <a:pt x="11" y="276"/>
                  </a:lnTo>
                  <a:lnTo>
                    <a:pt x="10" y="279"/>
                  </a:lnTo>
                  <a:lnTo>
                    <a:pt x="8" y="281"/>
                  </a:lnTo>
                  <a:lnTo>
                    <a:pt x="8" y="284"/>
                  </a:lnTo>
                  <a:lnTo>
                    <a:pt x="10" y="284"/>
                  </a:lnTo>
                  <a:lnTo>
                    <a:pt x="13" y="284"/>
                  </a:lnTo>
                  <a:lnTo>
                    <a:pt x="15" y="283"/>
                  </a:lnTo>
                  <a:lnTo>
                    <a:pt x="17" y="283"/>
                  </a:lnTo>
                  <a:lnTo>
                    <a:pt x="17" y="278"/>
                  </a:lnTo>
                  <a:lnTo>
                    <a:pt x="22" y="271"/>
                  </a:lnTo>
                  <a:lnTo>
                    <a:pt x="25" y="266"/>
                  </a:lnTo>
                  <a:lnTo>
                    <a:pt x="25" y="254"/>
                  </a:lnTo>
                  <a:lnTo>
                    <a:pt x="27" y="250"/>
                  </a:lnTo>
                  <a:lnTo>
                    <a:pt x="33" y="249"/>
                  </a:lnTo>
                  <a:lnTo>
                    <a:pt x="30" y="240"/>
                  </a:lnTo>
                  <a:lnTo>
                    <a:pt x="25" y="244"/>
                  </a:lnTo>
                  <a:lnTo>
                    <a:pt x="15" y="244"/>
                  </a:lnTo>
                  <a:lnTo>
                    <a:pt x="17" y="218"/>
                  </a:lnTo>
                  <a:lnTo>
                    <a:pt x="18" y="218"/>
                  </a:lnTo>
                  <a:lnTo>
                    <a:pt x="20" y="223"/>
                  </a:lnTo>
                  <a:lnTo>
                    <a:pt x="27" y="220"/>
                  </a:lnTo>
                  <a:lnTo>
                    <a:pt x="42" y="222"/>
                  </a:lnTo>
                  <a:lnTo>
                    <a:pt x="42" y="217"/>
                  </a:lnTo>
                  <a:lnTo>
                    <a:pt x="30" y="212"/>
                  </a:lnTo>
                  <a:lnTo>
                    <a:pt x="30" y="205"/>
                  </a:lnTo>
                  <a:lnTo>
                    <a:pt x="22" y="203"/>
                  </a:lnTo>
                  <a:lnTo>
                    <a:pt x="18" y="213"/>
                  </a:lnTo>
                  <a:lnTo>
                    <a:pt x="17" y="212"/>
                  </a:lnTo>
                  <a:lnTo>
                    <a:pt x="17" y="200"/>
                  </a:lnTo>
                  <a:lnTo>
                    <a:pt x="18" y="198"/>
                  </a:lnTo>
                  <a:lnTo>
                    <a:pt x="18" y="195"/>
                  </a:lnTo>
                  <a:lnTo>
                    <a:pt x="20" y="190"/>
                  </a:lnTo>
                  <a:lnTo>
                    <a:pt x="20" y="184"/>
                  </a:lnTo>
                  <a:lnTo>
                    <a:pt x="22" y="179"/>
                  </a:lnTo>
                  <a:lnTo>
                    <a:pt x="22" y="173"/>
                  </a:lnTo>
                  <a:lnTo>
                    <a:pt x="22" y="168"/>
                  </a:lnTo>
                  <a:lnTo>
                    <a:pt x="20" y="164"/>
                  </a:lnTo>
                  <a:lnTo>
                    <a:pt x="20" y="161"/>
                  </a:lnTo>
                  <a:lnTo>
                    <a:pt x="20" y="154"/>
                  </a:lnTo>
                  <a:lnTo>
                    <a:pt x="20" y="146"/>
                  </a:lnTo>
                  <a:lnTo>
                    <a:pt x="20" y="135"/>
                  </a:lnTo>
                  <a:lnTo>
                    <a:pt x="22" y="125"/>
                  </a:lnTo>
                  <a:lnTo>
                    <a:pt x="22" y="115"/>
                  </a:lnTo>
                  <a:lnTo>
                    <a:pt x="22" y="108"/>
                  </a:lnTo>
                  <a:lnTo>
                    <a:pt x="22" y="107"/>
                  </a:lnTo>
                  <a:lnTo>
                    <a:pt x="22" y="105"/>
                  </a:lnTo>
                  <a:lnTo>
                    <a:pt x="20" y="102"/>
                  </a:lnTo>
                  <a:lnTo>
                    <a:pt x="17" y="96"/>
                  </a:lnTo>
                  <a:lnTo>
                    <a:pt x="13" y="91"/>
                  </a:lnTo>
                  <a:lnTo>
                    <a:pt x="11" y="83"/>
                  </a:lnTo>
                  <a:lnTo>
                    <a:pt x="10" y="74"/>
                  </a:lnTo>
                  <a:lnTo>
                    <a:pt x="11" y="64"/>
                  </a:lnTo>
                  <a:lnTo>
                    <a:pt x="15" y="54"/>
                  </a:lnTo>
                  <a:lnTo>
                    <a:pt x="15" y="52"/>
                  </a:lnTo>
                  <a:lnTo>
                    <a:pt x="17" y="51"/>
                  </a:lnTo>
                  <a:lnTo>
                    <a:pt x="18" y="47"/>
                  </a:lnTo>
                  <a:lnTo>
                    <a:pt x="20" y="46"/>
                  </a:lnTo>
                  <a:lnTo>
                    <a:pt x="20" y="42"/>
                  </a:lnTo>
                  <a:lnTo>
                    <a:pt x="22" y="42"/>
                  </a:lnTo>
                  <a:lnTo>
                    <a:pt x="22" y="41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64" name="Freeform 172"/>
            <p:cNvSpPr>
              <a:spLocks/>
            </p:cNvSpPr>
            <p:nvPr/>
          </p:nvSpPr>
          <p:spPr bwMode="auto">
            <a:xfrm>
              <a:off x="2993" y="1379"/>
              <a:ext cx="508" cy="539"/>
            </a:xfrm>
            <a:custGeom>
              <a:avLst/>
              <a:gdLst>
                <a:gd name="T0" fmla="*/ 144 w 522"/>
                <a:gd name="T1" fmla="*/ 355 h 555"/>
                <a:gd name="T2" fmla="*/ 124 w 522"/>
                <a:gd name="T3" fmla="*/ 351 h 555"/>
                <a:gd name="T4" fmla="*/ 121 w 522"/>
                <a:gd name="T5" fmla="*/ 340 h 555"/>
                <a:gd name="T6" fmla="*/ 115 w 522"/>
                <a:gd name="T7" fmla="*/ 323 h 555"/>
                <a:gd name="T8" fmla="*/ 118 w 522"/>
                <a:gd name="T9" fmla="*/ 302 h 555"/>
                <a:gd name="T10" fmla="*/ 109 w 522"/>
                <a:gd name="T11" fmla="*/ 286 h 555"/>
                <a:gd name="T12" fmla="*/ 103 w 522"/>
                <a:gd name="T13" fmla="*/ 256 h 555"/>
                <a:gd name="T14" fmla="*/ 72 w 522"/>
                <a:gd name="T15" fmla="*/ 232 h 555"/>
                <a:gd name="T16" fmla="*/ 42 w 522"/>
                <a:gd name="T17" fmla="*/ 202 h 555"/>
                <a:gd name="T18" fmla="*/ 37 w 522"/>
                <a:gd name="T19" fmla="*/ 201 h 555"/>
                <a:gd name="T20" fmla="*/ 18 w 522"/>
                <a:gd name="T21" fmla="*/ 195 h 555"/>
                <a:gd name="T22" fmla="*/ 18 w 522"/>
                <a:gd name="T23" fmla="*/ 174 h 555"/>
                <a:gd name="T24" fmla="*/ 12 w 522"/>
                <a:gd name="T25" fmla="*/ 159 h 555"/>
                <a:gd name="T26" fmla="*/ 18 w 522"/>
                <a:gd name="T27" fmla="*/ 132 h 555"/>
                <a:gd name="T28" fmla="*/ 2 w 522"/>
                <a:gd name="T29" fmla="*/ 106 h 555"/>
                <a:gd name="T30" fmla="*/ 7 w 522"/>
                <a:gd name="T31" fmla="*/ 102 h 555"/>
                <a:gd name="T32" fmla="*/ 24 w 522"/>
                <a:gd name="T33" fmla="*/ 81 h 555"/>
                <a:gd name="T34" fmla="*/ 34 w 522"/>
                <a:gd name="T35" fmla="*/ 30 h 555"/>
                <a:gd name="T36" fmla="*/ 45 w 522"/>
                <a:gd name="T37" fmla="*/ 17 h 555"/>
                <a:gd name="T38" fmla="*/ 55 w 522"/>
                <a:gd name="T39" fmla="*/ 23 h 555"/>
                <a:gd name="T40" fmla="*/ 73 w 522"/>
                <a:gd name="T41" fmla="*/ 17 h 555"/>
                <a:gd name="T42" fmla="*/ 87 w 522"/>
                <a:gd name="T43" fmla="*/ 17 h 555"/>
                <a:gd name="T44" fmla="*/ 96 w 522"/>
                <a:gd name="T45" fmla="*/ 13 h 555"/>
                <a:gd name="T46" fmla="*/ 112 w 522"/>
                <a:gd name="T47" fmla="*/ 7 h 555"/>
                <a:gd name="T48" fmla="*/ 124 w 522"/>
                <a:gd name="T49" fmla="*/ 7 h 555"/>
                <a:gd name="T50" fmla="*/ 118 w 522"/>
                <a:gd name="T51" fmla="*/ 25 h 555"/>
                <a:gd name="T52" fmla="*/ 121 w 522"/>
                <a:gd name="T53" fmla="*/ 28 h 555"/>
                <a:gd name="T54" fmla="*/ 129 w 522"/>
                <a:gd name="T55" fmla="*/ 20 h 555"/>
                <a:gd name="T56" fmla="*/ 149 w 522"/>
                <a:gd name="T57" fmla="*/ 32 h 555"/>
                <a:gd name="T58" fmla="*/ 163 w 522"/>
                <a:gd name="T59" fmla="*/ 46 h 555"/>
                <a:gd name="T60" fmla="*/ 170 w 522"/>
                <a:gd name="T61" fmla="*/ 50 h 555"/>
                <a:gd name="T62" fmla="*/ 184 w 522"/>
                <a:gd name="T63" fmla="*/ 51 h 555"/>
                <a:gd name="T64" fmla="*/ 217 w 522"/>
                <a:gd name="T65" fmla="*/ 59 h 555"/>
                <a:gd name="T66" fmla="*/ 243 w 522"/>
                <a:gd name="T67" fmla="*/ 69 h 555"/>
                <a:gd name="T68" fmla="*/ 278 w 522"/>
                <a:gd name="T69" fmla="*/ 74 h 555"/>
                <a:gd name="T70" fmla="*/ 292 w 522"/>
                <a:gd name="T71" fmla="*/ 84 h 555"/>
                <a:gd name="T72" fmla="*/ 303 w 522"/>
                <a:gd name="T73" fmla="*/ 108 h 555"/>
                <a:gd name="T74" fmla="*/ 300 w 522"/>
                <a:gd name="T75" fmla="*/ 121 h 555"/>
                <a:gd name="T76" fmla="*/ 312 w 522"/>
                <a:gd name="T77" fmla="*/ 131 h 555"/>
                <a:gd name="T78" fmla="*/ 320 w 522"/>
                <a:gd name="T79" fmla="*/ 142 h 555"/>
                <a:gd name="T80" fmla="*/ 307 w 522"/>
                <a:gd name="T81" fmla="*/ 163 h 555"/>
                <a:gd name="T82" fmla="*/ 299 w 522"/>
                <a:gd name="T83" fmla="*/ 182 h 555"/>
                <a:gd name="T84" fmla="*/ 308 w 522"/>
                <a:gd name="T85" fmla="*/ 184 h 555"/>
                <a:gd name="T86" fmla="*/ 318 w 522"/>
                <a:gd name="T87" fmla="*/ 168 h 555"/>
                <a:gd name="T88" fmla="*/ 336 w 522"/>
                <a:gd name="T89" fmla="*/ 155 h 555"/>
                <a:gd name="T90" fmla="*/ 337 w 522"/>
                <a:gd name="T91" fmla="*/ 139 h 555"/>
                <a:gd name="T92" fmla="*/ 349 w 522"/>
                <a:gd name="T93" fmla="*/ 124 h 555"/>
                <a:gd name="T94" fmla="*/ 354 w 522"/>
                <a:gd name="T95" fmla="*/ 128 h 555"/>
                <a:gd name="T96" fmla="*/ 346 w 522"/>
                <a:gd name="T97" fmla="*/ 148 h 555"/>
                <a:gd name="T98" fmla="*/ 345 w 522"/>
                <a:gd name="T99" fmla="*/ 159 h 555"/>
                <a:gd name="T100" fmla="*/ 336 w 522"/>
                <a:gd name="T101" fmla="*/ 174 h 555"/>
                <a:gd name="T102" fmla="*/ 333 w 522"/>
                <a:gd name="T103" fmla="*/ 207 h 555"/>
                <a:gd name="T104" fmla="*/ 328 w 522"/>
                <a:gd name="T105" fmla="*/ 219 h 555"/>
                <a:gd name="T106" fmla="*/ 323 w 522"/>
                <a:gd name="T107" fmla="*/ 236 h 555"/>
                <a:gd name="T108" fmla="*/ 326 w 522"/>
                <a:gd name="T109" fmla="*/ 260 h 555"/>
                <a:gd name="T110" fmla="*/ 318 w 522"/>
                <a:gd name="T111" fmla="*/ 276 h 555"/>
                <a:gd name="T112" fmla="*/ 318 w 522"/>
                <a:gd name="T113" fmla="*/ 306 h 555"/>
                <a:gd name="T114" fmla="*/ 324 w 522"/>
                <a:gd name="T115" fmla="*/ 325 h 555"/>
                <a:gd name="T116" fmla="*/ 327 w 522"/>
                <a:gd name="T117" fmla="*/ 335 h 555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w 522"/>
                <a:gd name="T178" fmla="*/ 0 h 555"/>
                <a:gd name="T179" fmla="*/ 522 w 522"/>
                <a:gd name="T180" fmla="*/ 555 h 555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T177" t="T178" r="T179" b="T180"/>
              <a:pathLst>
                <a:path w="522" h="555">
                  <a:moveTo>
                    <a:pt x="220" y="555"/>
                  </a:moveTo>
                  <a:lnTo>
                    <a:pt x="219" y="550"/>
                  </a:lnTo>
                  <a:lnTo>
                    <a:pt x="217" y="545"/>
                  </a:lnTo>
                  <a:lnTo>
                    <a:pt x="215" y="541"/>
                  </a:lnTo>
                  <a:lnTo>
                    <a:pt x="212" y="538"/>
                  </a:lnTo>
                  <a:lnTo>
                    <a:pt x="210" y="536"/>
                  </a:lnTo>
                  <a:lnTo>
                    <a:pt x="207" y="536"/>
                  </a:lnTo>
                  <a:lnTo>
                    <a:pt x="205" y="535"/>
                  </a:lnTo>
                  <a:lnTo>
                    <a:pt x="181" y="528"/>
                  </a:lnTo>
                  <a:lnTo>
                    <a:pt x="181" y="526"/>
                  </a:lnTo>
                  <a:lnTo>
                    <a:pt x="181" y="525"/>
                  </a:lnTo>
                  <a:lnTo>
                    <a:pt x="181" y="521"/>
                  </a:lnTo>
                  <a:lnTo>
                    <a:pt x="181" y="519"/>
                  </a:lnTo>
                  <a:lnTo>
                    <a:pt x="180" y="514"/>
                  </a:lnTo>
                  <a:lnTo>
                    <a:pt x="176" y="511"/>
                  </a:lnTo>
                  <a:lnTo>
                    <a:pt x="175" y="506"/>
                  </a:lnTo>
                  <a:lnTo>
                    <a:pt x="171" y="503"/>
                  </a:lnTo>
                  <a:lnTo>
                    <a:pt x="170" y="499"/>
                  </a:lnTo>
                  <a:lnTo>
                    <a:pt x="168" y="494"/>
                  </a:lnTo>
                  <a:lnTo>
                    <a:pt x="168" y="491"/>
                  </a:lnTo>
                  <a:lnTo>
                    <a:pt x="166" y="486"/>
                  </a:lnTo>
                  <a:lnTo>
                    <a:pt x="168" y="482"/>
                  </a:lnTo>
                  <a:lnTo>
                    <a:pt x="170" y="477"/>
                  </a:lnTo>
                  <a:lnTo>
                    <a:pt x="173" y="469"/>
                  </a:lnTo>
                  <a:lnTo>
                    <a:pt x="175" y="464"/>
                  </a:lnTo>
                  <a:lnTo>
                    <a:pt x="175" y="459"/>
                  </a:lnTo>
                  <a:lnTo>
                    <a:pt x="173" y="455"/>
                  </a:lnTo>
                  <a:lnTo>
                    <a:pt x="171" y="453"/>
                  </a:lnTo>
                  <a:lnTo>
                    <a:pt x="170" y="453"/>
                  </a:lnTo>
                  <a:lnTo>
                    <a:pt x="170" y="452"/>
                  </a:lnTo>
                  <a:lnTo>
                    <a:pt x="168" y="452"/>
                  </a:lnTo>
                  <a:lnTo>
                    <a:pt x="159" y="431"/>
                  </a:lnTo>
                  <a:lnTo>
                    <a:pt x="159" y="430"/>
                  </a:lnTo>
                  <a:lnTo>
                    <a:pt x="161" y="428"/>
                  </a:lnTo>
                  <a:lnTo>
                    <a:pt x="161" y="421"/>
                  </a:lnTo>
                  <a:lnTo>
                    <a:pt x="158" y="413"/>
                  </a:lnTo>
                  <a:lnTo>
                    <a:pt x="156" y="403"/>
                  </a:lnTo>
                  <a:lnTo>
                    <a:pt x="153" y="394"/>
                  </a:lnTo>
                  <a:lnTo>
                    <a:pt x="151" y="386"/>
                  </a:lnTo>
                  <a:lnTo>
                    <a:pt x="148" y="379"/>
                  </a:lnTo>
                  <a:lnTo>
                    <a:pt x="146" y="377"/>
                  </a:lnTo>
                  <a:lnTo>
                    <a:pt x="132" y="372"/>
                  </a:lnTo>
                  <a:lnTo>
                    <a:pt x="120" y="365"/>
                  </a:lnTo>
                  <a:lnTo>
                    <a:pt x="112" y="357"/>
                  </a:lnTo>
                  <a:lnTo>
                    <a:pt x="104" y="349"/>
                  </a:lnTo>
                  <a:lnTo>
                    <a:pt x="98" y="340"/>
                  </a:lnTo>
                  <a:lnTo>
                    <a:pt x="93" y="332"/>
                  </a:lnTo>
                  <a:lnTo>
                    <a:pt x="90" y="328"/>
                  </a:lnTo>
                  <a:lnTo>
                    <a:pt x="90" y="325"/>
                  </a:lnTo>
                  <a:lnTo>
                    <a:pt x="60" y="313"/>
                  </a:lnTo>
                  <a:lnTo>
                    <a:pt x="58" y="305"/>
                  </a:lnTo>
                  <a:lnTo>
                    <a:pt x="56" y="305"/>
                  </a:lnTo>
                  <a:lnTo>
                    <a:pt x="56" y="303"/>
                  </a:lnTo>
                  <a:lnTo>
                    <a:pt x="54" y="303"/>
                  </a:lnTo>
                  <a:lnTo>
                    <a:pt x="51" y="303"/>
                  </a:lnTo>
                  <a:lnTo>
                    <a:pt x="49" y="303"/>
                  </a:lnTo>
                  <a:lnTo>
                    <a:pt x="46" y="305"/>
                  </a:lnTo>
                  <a:lnTo>
                    <a:pt x="43" y="303"/>
                  </a:lnTo>
                  <a:lnTo>
                    <a:pt x="38" y="301"/>
                  </a:lnTo>
                  <a:lnTo>
                    <a:pt x="31" y="299"/>
                  </a:lnTo>
                  <a:lnTo>
                    <a:pt x="26" y="294"/>
                  </a:lnTo>
                  <a:lnTo>
                    <a:pt x="21" y="289"/>
                  </a:lnTo>
                  <a:lnTo>
                    <a:pt x="17" y="286"/>
                  </a:lnTo>
                  <a:lnTo>
                    <a:pt x="16" y="281"/>
                  </a:lnTo>
                  <a:lnTo>
                    <a:pt x="16" y="276"/>
                  </a:lnTo>
                  <a:lnTo>
                    <a:pt x="19" y="267"/>
                  </a:lnTo>
                  <a:lnTo>
                    <a:pt x="21" y="262"/>
                  </a:lnTo>
                  <a:lnTo>
                    <a:pt x="21" y="257"/>
                  </a:lnTo>
                  <a:lnTo>
                    <a:pt x="21" y="254"/>
                  </a:lnTo>
                  <a:lnTo>
                    <a:pt x="19" y="250"/>
                  </a:lnTo>
                  <a:lnTo>
                    <a:pt x="17" y="247"/>
                  </a:lnTo>
                  <a:lnTo>
                    <a:pt x="16" y="244"/>
                  </a:lnTo>
                  <a:lnTo>
                    <a:pt x="12" y="240"/>
                  </a:lnTo>
                  <a:lnTo>
                    <a:pt x="12" y="235"/>
                  </a:lnTo>
                  <a:lnTo>
                    <a:pt x="12" y="227"/>
                  </a:lnTo>
                  <a:lnTo>
                    <a:pt x="12" y="220"/>
                  </a:lnTo>
                  <a:lnTo>
                    <a:pt x="16" y="211"/>
                  </a:lnTo>
                  <a:lnTo>
                    <a:pt x="17" y="205"/>
                  </a:lnTo>
                  <a:lnTo>
                    <a:pt x="21" y="198"/>
                  </a:lnTo>
                  <a:lnTo>
                    <a:pt x="21" y="193"/>
                  </a:lnTo>
                  <a:lnTo>
                    <a:pt x="22" y="193"/>
                  </a:lnTo>
                  <a:lnTo>
                    <a:pt x="14" y="179"/>
                  </a:lnTo>
                  <a:lnTo>
                    <a:pt x="0" y="179"/>
                  </a:lnTo>
                  <a:lnTo>
                    <a:pt x="0" y="159"/>
                  </a:lnTo>
                  <a:lnTo>
                    <a:pt x="2" y="159"/>
                  </a:lnTo>
                  <a:lnTo>
                    <a:pt x="4" y="157"/>
                  </a:lnTo>
                  <a:lnTo>
                    <a:pt x="5" y="157"/>
                  </a:lnTo>
                  <a:lnTo>
                    <a:pt x="7" y="154"/>
                  </a:lnTo>
                  <a:lnTo>
                    <a:pt x="7" y="152"/>
                  </a:lnTo>
                  <a:lnTo>
                    <a:pt x="9" y="149"/>
                  </a:lnTo>
                  <a:lnTo>
                    <a:pt x="10" y="144"/>
                  </a:lnTo>
                  <a:lnTo>
                    <a:pt x="17" y="139"/>
                  </a:lnTo>
                  <a:lnTo>
                    <a:pt x="22" y="134"/>
                  </a:lnTo>
                  <a:lnTo>
                    <a:pt x="31" y="127"/>
                  </a:lnTo>
                  <a:lnTo>
                    <a:pt x="38" y="122"/>
                  </a:lnTo>
                  <a:lnTo>
                    <a:pt x="44" y="118"/>
                  </a:lnTo>
                  <a:lnTo>
                    <a:pt x="48" y="115"/>
                  </a:lnTo>
                  <a:lnTo>
                    <a:pt x="51" y="115"/>
                  </a:lnTo>
                  <a:lnTo>
                    <a:pt x="49" y="44"/>
                  </a:lnTo>
                  <a:lnTo>
                    <a:pt x="48" y="44"/>
                  </a:lnTo>
                  <a:lnTo>
                    <a:pt x="48" y="42"/>
                  </a:lnTo>
                  <a:lnTo>
                    <a:pt x="49" y="41"/>
                  </a:lnTo>
                  <a:lnTo>
                    <a:pt x="51" y="37"/>
                  </a:lnTo>
                  <a:lnTo>
                    <a:pt x="56" y="34"/>
                  </a:lnTo>
                  <a:lnTo>
                    <a:pt x="63" y="29"/>
                  </a:lnTo>
                  <a:lnTo>
                    <a:pt x="65" y="27"/>
                  </a:lnTo>
                  <a:lnTo>
                    <a:pt x="68" y="30"/>
                  </a:lnTo>
                  <a:lnTo>
                    <a:pt x="73" y="32"/>
                  </a:lnTo>
                  <a:lnTo>
                    <a:pt x="78" y="35"/>
                  </a:lnTo>
                  <a:lnTo>
                    <a:pt x="83" y="37"/>
                  </a:lnTo>
                  <a:lnTo>
                    <a:pt x="90" y="39"/>
                  </a:lnTo>
                  <a:lnTo>
                    <a:pt x="97" y="37"/>
                  </a:lnTo>
                  <a:lnTo>
                    <a:pt x="102" y="34"/>
                  </a:lnTo>
                  <a:lnTo>
                    <a:pt x="102" y="32"/>
                  </a:lnTo>
                  <a:lnTo>
                    <a:pt x="104" y="30"/>
                  </a:lnTo>
                  <a:lnTo>
                    <a:pt x="105" y="30"/>
                  </a:lnTo>
                  <a:lnTo>
                    <a:pt x="109" y="27"/>
                  </a:lnTo>
                  <a:lnTo>
                    <a:pt x="112" y="27"/>
                  </a:lnTo>
                  <a:lnTo>
                    <a:pt x="115" y="25"/>
                  </a:lnTo>
                  <a:lnTo>
                    <a:pt x="119" y="25"/>
                  </a:lnTo>
                  <a:lnTo>
                    <a:pt x="124" y="25"/>
                  </a:lnTo>
                  <a:lnTo>
                    <a:pt x="126" y="25"/>
                  </a:lnTo>
                  <a:lnTo>
                    <a:pt x="127" y="24"/>
                  </a:lnTo>
                  <a:lnTo>
                    <a:pt x="129" y="22"/>
                  </a:lnTo>
                  <a:lnTo>
                    <a:pt x="131" y="20"/>
                  </a:lnTo>
                  <a:lnTo>
                    <a:pt x="132" y="19"/>
                  </a:lnTo>
                  <a:lnTo>
                    <a:pt x="136" y="17"/>
                  </a:lnTo>
                  <a:lnTo>
                    <a:pt x="141" y="13"/>
                  </a:lnTo>
                  <a:lnTo>
                    <a:pt x="148" y="12"/>
                  </a:lnTo>
                  <a:lnTo>
                    <a:pt x="154" y="10"/>
                  </a:lnTo>
                  <a:lnTo>
                    <a:pt x="158" y="8"/>
                  </a:lnTo>
                  <a:lnTo>
                    <a:pt x="161" y="8"/>
                  </a:lnTo>
                  <a:lnTo>
                    <a:pt x="163" y="7"/>
                  </a:lnTo>
                  <a:lnTo>
                    <a:pt x="164" y="5"/>
                  </a:lnTo>
                  <a:lnTo>
                    <a:pt x="168" y="3"/>
                  </a:lnTo>
                  <a:lnTo>
                    <a:pt x="173" y="0"/>
                  </a:lnTo>
                  <a:lnTo>
                    <a:pt x="176" y="0"/>
                  </a:lnTo>
                  <a:lnTo>
                    <a:pt x="180" y="3"/>
                  </a:lnTo>
                  <a:lnTo>
                    <a:pt x="181" y="7"/>
                  </a:lnTo>
                  <a:lnTo>
                    <a:pt x="183" y="8"/>
                  </a:lnTo>
                  <a:lnTo>
                    <a:pt x="176" y="20"/>
                  </a:lnTo>
                  <a:lnTo>
                    <a:pt x="175" y="29"/>
                  </a:lnTo>
                  <a:lnTo>
                    <a:pt x="173" y="37"/>
                  </a:lnTo>
                  <a:lnTo>
                    <a:pt x="173" y="39"/>
                  </a:lnTo>
                  <a:lnTo>
                    <a:pt x="171" y="41"/>
                  </a:lnTo>
                  <a:lnTo>
                    <a:pt x="171" y="44"/>
                  </a:lnTo>
                  <a:lnTo>
                    <a:pt x="171" y="46"/>
                  </a:lnTo>
                  <a:lnTo>
                    <a:pt x="175" y="44"/>
                  </a:lnTo>
                  <a:lnTo>
                    <a:pt x="178" y="42"/>
                  </a:lnTo>
                  <a:lnTo>
                    <a:pt x="180" y="41"/>
                  </a:lnTo>
                  <a:lnTo>
                    <a:pt x="181" y="39"/>
                  </a:lnTo>
                  <a:lnTo>
                    <a:pt x="185" y="39"/>
                  </a:lnTo>
                  <a:lnTo>
                    <a:pt x="186" y="37"/>
                  </a:lnTo>
                  <a:lnTo>
                    <a:pt x="188" y="35"/>
                  </a:lnTo>
                  <a:lnTo>
                    <a:pt x="190" y="34"/>
                  </a:lnTo>
                  <a:lnTo>
                    <a:pt x="192" y="34"/>
                  </a:lnTo>
                  <a:lnTo>
                    <a:pt x="210" y="46"/>
                  </a:lnTo>
                  <a:lnTo>
                    <a:pt x="212" y="46"/>
                  </a:lnTo>
                  <a:lnTo>
                    <a:pt x="214" y="46"/>
                  </a:lnTo>
                  <a:lnTo>
                    <a:pt x="217" y="46"/>
                  </a:lnTo>
                  <a:lnTo>
                    <a:pt x="220" y="46"/>
                  </a:lnTo>
                  <a:lnTo>
                    <a:pt x="225" y="47"/>
                  </a:lnTo>
                  <a:lnTo>
                    <a:pt x="229" y="52"/>
                  </a:lnTo>
                  <a:lnTo>
                    <a:pt x="234" y="57"/>
                  </a:lnTo>
                  <a:lnTo>
                    <a:pt x="237" y="66"/>
                  </a:lnTo>
                  <a:lnTo>
                    <a:pt x="239" y="68"/>
                  </a:lnTo>
                  <a:lnTo>
                    <a:pt x="239" y="69"/>
                  </a:lnTo>
                  <a:lnTo>
                    <a:pt x="242" y="71"/>
                  </a:lnTo>
                  <a:lnTo>
                    <a:pt x="244" y="73"/>
                  </a:lnTo>
                  <a:lnTo>
                    <a:pt x="246" y="74"/>
                  </a:lnTo>
                  <a:lnTo>
                    <a:pt x="247" y="76"/>
                  </a:lnTo>
                  <a:lnTo>
                    <a:pt x="249" y="76"/>
                  </a:lnTo>
                  <a:lnTo>
                    <a:pt x="249" y="78"/>
                  </a:lnTo>
                  <a:lnTo>
                    <a:pt x="252" y="78"/>
                  </a:lnTo>
                  <a:lnTo>
                    <a:pt x="256" y="78"/>
                  </a:lnTo>
                  <a:lnTo>
                    <a:pt x="261" y="78"/>
                  </a:lnTo>
                  <a:lnTo>
                    <a:pt x="268" y="79"/>
                  </a:lnTo>
                  <a:lnTo>
                    <a:pt x="274" y="79"/>
                  </a:lnTo>
                  <a:lnTo>
                    <a:pt x="283" y="81"/>
                  </a:lnTo>
                  <a:lnTo>
                    <a:pt x="291" y="83"/>
                  </a:lnTo>
                  <a:lnTo>
                    <a:pt x="300" y="85"/>
                  </a:lnTo>
                  <a:lnTo>
                    <a:pt x="308" y="86"/>
                  </a:lnTo>
                  <a:lnTo>
                    <a:pt x="317" y="88"/>
                  </a:lnTo>
                  <a:lnTo>
                    <a:pt x="325" y="91"/>
                  </a:lnTo>
                  <a:lnTo>
                    <a:pt x="334" y="93"/>
                  </a:lnTo>
                  <a:lnTo>
                    <a:pt x="340" y="96"/>
                  </a:lnTo>
                  <a:lnTo>
                    <a:pt x="347" y="100"/>
                  </a:lnTo>
                  <a:lnTo>
                    <a:pt x="354" y="103"/>
                  </a:lnTo>
                  <a:lnTo>
                    <a:pt x="356" y="103"/>
                  </a:lnTo>
                  <a:lnTo>
                    <a:pt x="362" y="105"/>
                  </a:lnTo>
                  <a:lnTo>
                    <a:pt x="373" y="107"/>
                  </a:lnTo>
                  <a:lnTo>
                    <a:pt x="383" y="107"/>
                  </a:lnTo>
                  <a:lnTo>
                    <a:pt x="393" y="108"/>
                  </a:lnTo>
                  <a:lnTo>
                    <a:pt x="401" y="110"/>
                  </a:lnTo>
                  <a:lnTo>
                    <a:pt x="408" y="110"/>
                  </a:lnTo>
                  <a:lnTo>
                    <a:pt x="412" y="110"/>
                  </a:lnTo>
                  <a:lnTo>
                    <a:pt x="415" y="115"/>
                  </a:lnTo>
                  <a:lnTo>
                    <a:pt x="418" y="127"/>
                  </a:lnTo>
                  <a:lnTo>
                    <a:pt x="420" y="127"/>
                  </a:lnTo>
                  <a:lnTo>
                    <a:pt x="422" y="127"/>
                  </a:lnTo>
                  <a:lnTo>
                    <a:pt x="427" y="127"/>
                  </a:lnTo>
                  <a:lnTo>
                    <a:pt x="430" y="129"/>
                  </a:lnTo>
                  <a:lnTo>
                    <a:pt x="435" y="132"/>
                  </a:lnTo>
                  <a:lnTo>
                    <a:pt x="439" y="139"/>
                  </a:lnTo>
                  <a:lnTo>
                    <a:pt x="442" y="147"/>
                  </a:lnTo>
                  <a:lnTo>
                    <a:pt x="444" y="159"/>
                  </a:lnTo>
                  <a:lnTo>
                    <a:pt x="444" y="161"/>
                  </a:lnTo>
                  <a:lnTo>
                    <a:pt x="442" y="164"/>
                  </a:lnTo>
                  <a:lnTo>
                    <a:pt x="442" y="167"/>
                  </a:lnTo>
                  <a:lnTo>
                    <a:pt x="442" y="173"/>
                  </a:lnTo>
                  <a:lnTo>
                    <a:pt x="440" y="176"/>
                  </a:lnTo>
                  <a:lnTo>
                    <a:pt x="440" y="179"/>
                  </a:lnTo>
                  <a:lnTo>
                    <a:pt x="439" y="183"/>
                  </a:lnTo>
                  <a:lnTo>
                    <a:pt x="461" y="183"/>
                  </a:lnTo>
                  <a:lnTo>
                    <a:pt x="461" y="184"/>
                  </a:lnTo>
                  <a:lnTo>
                    <a:pt x="459" y="188"/>
                  </a:lnTo>
                  <a:lnTo>
                    <a:pt x="459" y="191"/>
                  </a:lnTo>
                  <a:lnTo>
                    <a:pt x="457" y="196"/>
                  </a:lnTo>
                  <a:lnTo>
                    <a:pt x="459" y="201"/>
                  </a:lnTo>
                  <a:lnTo>
                    <a:pt x="461" y="205"/>
                  </a:lnTo>
                  <a:lnTo>
                    <a:pt x="464" y="208"/>
                  </a:lnTo>
                  <a:lnTo>
                    <a:pt x="469" y="210"/>
                  </a:lnTo>
                  <a:lnTo>
                    <a:pt x="469" y="211"/>
                  </a:lnTo>
                  <a:lnTo>
                    <a:pt x="469" y="213"/>
                  </a:lnTo>
                  <a:lnTo>
                    <a:pt x="471" y="217"/>
                  </a:lnTo>
                  <a:lnTo>
                    <a:pt x="471" y="218"/>
                  </a:lnTo>
                  <a:lnTo>
                    <a:pt x="457" y="228"/>
                  </a:lnTo>
                  <a:lnTo>
                    <a:pt x="450" y="239"/>
                  </a:lnTo>
                  <a:lnTo>
                    <a:pt x="449" y="244"/>
                  </a:lnTo>
                  <a:lnTo>
                    <a:pt x="449" y="245"/>
                  </a:lnTo>
                  <a:lnTo>
                    <a:pt x="447" y="247"/>
                  </a:lnTo>
                  <a:lnTo>
                    <a:pt x="444" y="250"/>
                  </a:lnTo>
                  <a:lnTo>
                    <a:pt x="442" y="255"/>
                  </a:lnTo>
                  <a:lnTo>
                    <a:pt x="439" y="261"/>
                  </a:lnTo>
                  <a:lnTo>
                    <a:pt x="437" y="267"/>
                  </a:lnTo>
                  <a:lnTo>
                    <a:pt x="437" y="274"/>
                  </a:lnTo>
                  <a:lnTo>
                    <a:pt x="439" y="283"/>
                  </a:lnTo>
                  <a:lnTo>
                    <a:pt x="440" y="284"/>
                  </a:lnTo>
                  <a:lnTo>
                    <a:pt x="442" y="284"/>
                  </a:lnTo>
                  <a:lnTo>
                    <a:pt x="444" y="283"/>
                  </a:lnTo>
                  <a:lnTo>
                    <a:pt x="447" y="279"/>
                  </a:lnTo>
                  <a:lnTo>
                    <a:pt x="450" y="276"/>
                  </a:lnTo>
                  <a:lnTo>
                    <a:pt x="454" y="271"/>
                  </a:lnTo>
                  <a:lnTo>
                    <a:pt x="459" y="266"/>
                  </a:lnTo>
                  <a:lnTo>
                    <a:pt x="462" y="261"/>
                  </a:lnTo>
                  <a:lnTo>
                    <a:pt x="464" y="259"/>
                  </a:lnTo>
                  <a:lnTo>
                    <a:pt x="464" y="255"/>
                  </a:lnTo>
                  <a:lnTo>
                    <a:pt x="464" y="252"/>
                  </a:lnTo>
                  <a:lnTo>
                    <a:pt x="466" y="247"/>
                  </a:lnTo>
                  <a:lnTo>
                    <a:pt x="469" y="244"/>
                  </a:lnTo>
                  <a:lnTo>
                    <a:pt x="474" y="240"/>
                  </a:lnTo>
                  <a:lnTo>
                    <a:pt x="481" y="237"/>
                  </a:lnTo>
                  <a:lnTo>
                    <a:pt x="491" y="235"/>
                  </a:lnTo>
                  <a:lnTo>
                    <a:pt x="491" y="232"/>
                  </a:lnTo>
                  <a:lnTo>
                    <a:pt x="491" y="228"/>
                  </a:lnTo>
                  <a:lnTo>
                    <a:pt x="491" y="223"/>
                  </a:lnTo>
                  <a:lnTo>
                    <a:pt x="491" y="217"/>
                  </a:lnTo>
                  <a:lnTo>
                    <a:pt x="494" y="208"/>
                  </a:lnTo>
                  <a:lnTo>
                    <a:pt x="500" y="198"/>
                  </a:lnTo>
                  <a:lnTo>
                    <a:pt x="501" y="198"/>
                  </a:lnTo>
                  <a:lnTo>
                    <a:pt x="503" y="196"/>
                  </a:lnTo>
                  <a:lnTo>
                    <a:pt x="506" y="193"/>
                  </a:lnTo>
                  <a:lnTo>
                    <a:pt x="508" y="189"/>
                  </a:lnTo>
                  <a:lnTo>
                    <a:pt x="511" y="186"/>
                  </a:lnTo>
                  <a:lnTo>
                    <a:pt x="513" y="183"/>
                  </a:lnTo>
                  <a:lnTo>
                    <a:pt x="515" y="181"/>
                  </a:lnTo>
                  <a:lnTo>
                    <a:pt x="516" y="181"/>
                  </a:lnTo>
                  <a:lnTo>
                    <a:pt x="522" y="181"/>
                  </a:lnTo>
                  <a:lnTo>
                    <a:pt x="522" y="191"/>
                  </a:lnTo>
                  <a:lnTo>
                    <a:pt x="518" y="193"/>
                  </a:lnTo>
                  <a:lnTo>
                    <a:pt x="518" y="206"/>
                  </a:lnTo>
                  <a:lnTo>
                    <a:pt x="516" y="206"/>
                  </a:lnTo>
                  <a:lnTo>
                    <a:pt x="515" y="210"/>
                  </a:lnTo>
                  <a:lnTo>
                    <a:pt x="513" y="213"/>
                  </a:lnTo>
                  <a:lnTo>
                    <a:pt x="510" y="217"/>
                  </a:lnTo>
                  <a:lnTo>
                    <a:pt x="508" y="222"/>
                  </a:lnTo>
                  <a:lnTo>
                    <a:pt x="506" y="227"/>
                  </a:lnTo>
                  <a:lnTo>
                    <a:pt x="506" y="232"/>
                  </a:lnTo>
                  <a:lnTo>
                    <a:pt x="508" y="235"/>
                  </a:lnTo>
                  <a:lnTo>
                    <a:pt x="506" y="235"/>
                  </a:lnTo>
                  <a:lnTo>
                    <a:pt x="506" y="237"/>
                  </a:lnTo>
                  <a:lnTo>
                    <a:pt x="505" y="239"/>
                  </a:lnTo>
                  <a:lnTo>
                    <a:pt x="503" y="240"/>
                  </a:lnTo>
                  <a:lnTo>
                    <a:pt x="501" y="244"/>
                  </a:lnTo>
                  <a:lnTo>
                    <a:pt x="500" y="247"/>
                  </a:lnTo>
                  <a:lnTo>
                    <a:pt x="498" y="252"/>
                  </a:lnTo>
                  <a:lnTo>
                    <a:pt x="494" y="257"/>
                  </a:lnTo>
                  <a:lnTo>
                    <a:pt x="493" y="262"/>
                  </a:lnTo>
                  <a:lnTo>
                    <a:pt x="491" y="269"/>
                  </a:lnTo>
                  <a:lnTo>
                    <a:pt x="489" y="276"/>
                  </a:lnTo>
                  <a:lnTo>
                    <a:pt x="488" y="284"/>
                  </a:lnTo>
                  <a:lnTo>
                    <a:pt x="486" y="293"/>
                  </a:lnTo>
                  <a:lnTo>
                    <a:pt x="486" y="303"/>
                  </a:lnTo>
                  <a:lnTo>
                    <a:pt x="486" y="311"/>
                  </a:lnTo>
                  <a:lnTo>
                    <a:pt x="486" y="323"/>
                  </a:lnTo>
                  <a:lnTo>
                    <a:pt x="486" y="325"/>
                  </a:lnTo>
                  <a:lnTo>
                    <a:pt x="484" y="325"/>
                  </a:lnTo>
                  <a:lnTo>
                    <a:pt x="483" y="328"/>
                  </a:lnTo>
                  <a:lnTo>
                    <a:pt x="481" y="330"/>
                  </a:lnTo>
                  <a:lnTo>
                    <a:pt x="479" y="333"/>
                  </a:lnTo>
                  <a:lnTo>
                    <a:pt x="478" y="337"/>
                  </a:lnTo>
                  <a:lnTo>
                    <a:pt x="476" y="340"/>
                  </a:lnTo>
                  <a:lnTo>
                    <a:pt x="474" y="345"/>
                  </a:lnTo>
                  <a:lnTo>
                    <a:pt x="472" y="349"/>
                  </a:lnTo>
                  <a:lnTo>
                    <a:pt x="472" y="355"/>
                  </a:lnTo>
                  <a:lnTo>
                    <a:pt x="471" y="360"/>
                  </a:lnTo>
                  <a:lnTo>
                    <a:pt x="471" y="367"/>
                  </a:lnTo>
                  <a:lnTo>
                    <a:pt x="472" y="374"/>
                  </a:lnTo>
                  <a:lnTo>
                    <a:pt x="474" y="381"/>
                  </a:lnTo>
                  <a:lnTo>
                    <a:pt x="476" y="389"/>
                  </a:lnTo>
                  <a:lnTo>
                    <a:pt x="476" y="391"/>
                  </a:lnTo>
                  <a:lnTo>
                    <a:pt x="474" y="393"/>
                  </a:lnTo>
                  <a:lnTo>
                    <a:pt x="474" y="396"/>
                  </a:lnTo>
                  <a:lnTo>
                    <a:pt x="472" y="399"/>
                  </a:lnTo>
                  <a:lnTo>
                    <a:pt x="471" y="404"/>
                  </a:lnTo>
                  <a:lnTo>
                    <a:pt x="469" y="409"/>
                  </a:lnTo>
                  <a:lnTo>
                    <a:pt x="467" y="415"/>
                  </a:lnTo>
                  <a:lnTo>
                    <a:pt x="466" y="421"/>
                  </a:lnTo>
                  <a:lnTo>
                    <a:pt x="464" y="428"/>
                  </a:lnTo>
                  <a:lnTo>
                    <a:pt x="464" y="437"/>
                  </a:lnTo>
                  <a:lnTo>
                    <a:pt x="462" y="443"/>
                  </a:lnTo>
                  <a:lnTo>
                    <a:pt x="462" y="452"/>
                  </a:lnTo>
                  <a:lnTo>
                    <a:pt x="464" y="460"/>
                  </a:lnTo>
                  <a:lnTo>
                    <a:pt x="466" y="469"/>
                  </a:lnTo>
                  <a:lnTo>
                    <a:pt x="467" y="477"/>
                  </a:lnTo>
                  <a:lnTo>
                    <a:pt x="471" y="484"/>
                  </a:lnTo>
                  <a:lnTo>
                    <a:pt x="472" y="486"/>
                  </a:lnTo>
                  <a:lnTo>
                    <a:pt x="472" y="487"/>
                  </a:lnTo>
                  <a:lnTo>
                    <a:pt x="474" y="491"/>
                  </a:lnTo>
                  <a:lnTo>
                    <a:pt x="476" y="492"/>
                  </a:lnTo>
                  <a:lnTo>
                    <a:pt x="478" y="496"/>
                  </a:lnTo>
                  <a:lnTo>
                    <a:pt x="478" y="497"/>
                  </a:lnTo>
                  <a:lnTo>
                    <a:pt x="479" y="499"/>
                  </a:lnTo>
                  <a:lnTo>
                    <a:pt x="479" y="506"/>
                  </a:lnTo>
                  <a:lnTo>
                    <a:pt x="478" y="525"/>
                  </a:lnTo>
                  <a:lnTo>
                    <a:pt x="479" y="536"/>
                  </a:lnTo>
                  <a:lnTo>
                    <a:pt x="220" y="555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965" name="Group 173"/>
            <p:cNvGrpSpPr>
              <a:grpSpLocks/>
            </p:cNvGrpSpPr>
            <p:nvPr/>
          </p:nvGrpSpPr>
          <p:grpSpPr bwMode="auto">
            <a:xfrm>
              <a:off x="4170" y="1392"/>
              <a:ext cx="723" cy="540"/>
              <a:chOff x="4407" y="988"/>
              <a:chExt cx="743" cy="556"/>
            </a:xfrm>
          </p:grpSpPr>
          <p:sp>
            <p:nvSpPr>
              <p:cNvPr id="981" name="Freeform 174"/>
              <p:cNvSpPr>
                <a:spLocks/>
              </p:cNvSpPr>
              <p:nvPr/>
            </p:nvSpPr>
            <p:spPr bwMode="auto">
              <a:xfrm>
                <a:off x="4972" y="1435"/>
                <a:ext cx="178" cy="109"/>
              </a:xfrm>
              <a:custGeom>
                <a:avLst/>
                <a:gdLst>
                  <a:gd name="T0" fmla="*/ 2 w 178"/>
                  <a:gd name="T1" fmla="*/ 109 h 109"/>
                  <a:gd name="T2" fmla="*/ 0 w 178"/>
                  <a:gd name="T3" fmla="*/ 107 h 109"/>
                  <a:gd name="T4" fmla="*/ 0 w 178"/>
                  <a:gd name="T5" fmla="*/ 102 h 109"/>
                  <a:gd name="T6" fmla="*/ 0 w 178"/>
                  <a:gd name="T7" fmla="*/ 95 h 109"/>
                  <a:gd name="T8" fmla="*/ 4 w 178"/>
                  <a:gd name="T9" fmla="*/ 88 h 109"/>
                  <a:gd name="T10" fmla="*/ 9 w 178"/>
                  <a:gd name="T11" fmla="*/ 81 h 109"/>
                  <a:gd name="T12" fmla="*/ 12 w 178"/>
                  <a:gd name="T13" fmla="*/ 80 h 109"/>
                  <a:gd name="T14" fmla="*/ 21 w 178"/>
                  <a:gd name="T15" fmla="*/ 73 h 109"/>
                  <a:gd name="T16" fmla="*/ 24 w 178"/>
                  <a:gd name="T17" fmla="*/ 65 h 109"/>
                  <a:gd name="T18" fmla="*/ 26 w 178"/>
                  <a:gd name="T19" fmla="*/ 61 h 109"/>
                  <a:gd name="T20" fmla="*/ 28 w 178"/>
                  <a:gd name="T21" fmla="*/ 59 h 109"/>
                  <a:gd name="T22" fmla="*/ 38 w 178"/>
                  <a:gd name="T23" fmla="*/ 56 h 109"/>
                  <a:gd name="T24" fmla="*/ 41 w 178"/>
                  <a:gd name="T25" fmla="*/ 53 h 109"/>
                  <a:gd name="T26" fmla="*/ 63 w 178"/>
                  <a:gd name="T27" fmla="*/ 53 h 109"/>
                  <a:gd name="T28" fmla="*/ 65 w 178"/>
                  <a:gd name="T29" fmla="*/ 49 h 109"/>
                  <a:gd name="T30" fmla="*/ 68 w 178"/>
                  <a:gd name="T31" fmla="*/ 43 h 109"/>
                  <a:gd name="T32" fmla="*/ 77 w 178"/>
                  <a:gd name="T33" fmla="*/ 39 h 109"/>
                  <a:gd name="T34" fmla="*/ 83 w 178"/>
                  <a:gd name="T35" fmla="*/ 37 h 109"/>
                  <a:gd name="T36" fmla="*/ 105 w 178"/>
                  <a:gd name="T37" fmla="*/ 31 h 109"/>
                  <a:gd name="T38" fmla="*/ 116 w 178"/>
                  <a:gd name="T39" fmla="*/ 24 h 109"/>
                  <a:gd name="T40" fmla="*/ 132 w 178"/>
                  <a:gd name="T41" fmla="*/ 4 h 109"/>
                  <a:gd name="T42" fmla="*/ 138 w 178"/>
                  <a:gd name="T43" fmla="*/ 2 h 109"/>
                  <a:gd name="T44" fmla="*/ 131 w 178"/>
                  <a:gd name="T45" fmla="*/ 14 h 109"/>
                  <a:gd name="T46" fmla="*/ 127 w 178"/>
                  <a:gd name="T47" fmla="*/ 19 h 109"/>
                  <a:gd name="T48" fmla="*/ 122 w 178"/>
                  <a:gd name="T49" fmla="*/ 26 h 109"/>
                  <a:gd name="T50" fmla="*/ 116 w 178"/>
                  <a:gd name="T51" fmla="*/ 34 h 109"/>
                  <a:gd name="T52" fmla="*/ 116 w 178"/>
                  <a:gd name="T53" fmla="*/ 37 h 109"/>
                  <a:gd name="T54" fmla="*/ 122 w 178"/>
                  <a:gd name="T55" fmla="*/ 36 h 109"/>
                  <a:gd name="T56" fmla="*/ 122 w 178"/>
                  <a:gd name="T57" fmla="*/ 39 h 109"/>
                  <a:gd name="T58" fmla="*/ 122 w 178"/>
                  <a:gd name="T59" fmla="*/ 43 h 109"/>
                  <a:gd name="T60" fmla="*/ 122 w 178"/>
                  <a:gd name="T61" fmla="*/ 48 h 109"/>
                  <a:gd name="T62" fmla="*/ 129 w 178"/>
                  <a:gd name="T63" fmla="*/ 43 h 109"/>
                  <a:gd name="T64" fmla="*/ 129 w 178"/>
                  <a:gd name="T65" fmla="*/ 34 h 109"/>
                  <a:gd name="T66" fmla="*/ 136 w 178"/>
                  <a:gd name="T67" fmla="*/ 22 h 109"/>
                  <a:gd name="T68" fmla="*/ 148 w 178"/>
                  <a:gd name="T69" fmla="*/ 14 h 109"/>
                  <a:gd name="T70" fmla="*/ 160 w 178"/>
                  <a:gd name="T71" fmla="*/ 14 h 109"/>
                  <a:gd name="T72" fmla="*/ 165 w 178"/>
                  <a:gd name="T73" fmla="*/ 9 h 109"/>
                  <a:gd name="T74" fmla="*/ 175 w 178"/>
                  <a:gd name="T75" fmla="*/ 0 h 109"/>
                  <a:gd name="T76" fmla="*/ 178 w 178"/>
                  <a:gd name="T77" fmla="*/ 4 h 109"/>
                  <a:gd name="T78" fmla="*/ 175 w 178"/>
                  <a:gd name="T79" fmla="*/ 9 h 109"/>
                  <a:gd name="T80" fmla="*/ 160 w 178"/>
                  <a:gd name="T81" fmla="*/ 22 h 109"/>
                  <a:gd name="T82" fmla="*/ 143 w 178"/>
                  <a:gd name="T83" fmla="*/ 36 h 109"/>
                  <a:gd name="T84" fmla="*/ 127 w 178"/>
                  <a:gd name="T85" fmla="*/ 48 h 109"/>
                  <a:gd name="T86" fmla="*/ 116 w 178"/>
                  <a:gd name="T87" fmla="*/ 58 h 109"/>
                  <a:gd name="T88" fmla="*/ 109 w 178"/>
                  <a:gd name="T89" fmla="*/ 63 h 109"/>
                  <a:gd name="T90" fmla="*/ 88 w 178"/>
                  <a:gd name="T91" fmla="*/ 76 h 109"/>
                  <a:gd name="T92" fmla="*/ 85 w 178"/>
                  <a:gd name="T93" fmla="*/ 76 h 109"/>
                  <a:gd name="T94" fmla="*/ 90 w 178"/>
                  <a:gd name="T95" fmla="*/ 70 h 109"/>
                  <a:gd name="T96" fmla="*/ 97 w 178"/>
                  <a:gd name="T97" fmla="*/ 58 h 109"/>
                  <a:gd name="T98" fmla="*/ 80 w 178"/>
                  <a:gd name="T99" fmla="*/ 68 h 109"/>
                  <a:gd name="T100" fmla="*/ 61 w 178"/>
                  <a:gd name="T101" fmla="*/ 76 h 109"/>
                  <a:gd name="T102" fmla="*/ 55 w 178"/>
                  <a:gd name="T103" fmla="*/ 81 h 109"/>
                  <a:gd name="T104" fmla="*/ 44 w 178"/>
                  <a:gd name="T105" fmla="*/ 90 h 109"/>
                  <a:gd name="T106" fmla="*/ 29 w 178"/>
                  <a:gd name="T107" fmla="*/ 100 h 109"/>
                  <a:gd name="T108" fmla="*/ 14 w 178"/>
                  <a:gd name="T109" fmla="*/ 109 h 109"/>
                  <a:gd name="T110" fmla="*/ 14 w 178"/>
                  <a:gd name="T111" fmla="*/ 105 h 109"/>
                  <a:gd name="T112" fmla="*/ 17 w 178"/>
                  <a:gd name="T113" fmla="*/ 102 h 109"/>
                  <a:gd name="T114" fmla="*/ 19 w 178"/>
                  <a:gd name="T115" fmla="*/ 95 h 109"/>
                  <a:gd name="T116" fmla="*/ 7 w 178"/>
                  <a:gd name="T117" fmla="*/ 105 h 109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178"/>
                  <a:gd name="T178" fmla="*/ 0 h 109"/>
                  <a:gd name="T179" fmla="*/ 178 w 178"/>
                  <a:gd name="T180" fmla="*/ 109 h 109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178" h="109">
                    <a:moveTo>
                      <a:pt x="7" y="105"/>
                    </a:moveTo>
                    <a:lnTo>
                      <a:pt x="4" y="107"/>
                    </a:lnTo>
                    <a:lnTo>
                      <a:pt x="2" y="109"/>
                    </a:lnTo>
                    <a:lnTo>
                      <a:pt x="0" y="107"/>
                    </a:lnTo>
                    <a:lnTo>
                      <a:pt x="0" y="105"/>
                    </a:lnTo>
                    <a:lnTo>
                      <a:pt x="0" y="103"/>
                    </a:lnTo>
                    <a:lnTo>
                      <a:pt x="0" y="102"/>
                    </a:lnTo>
                    <a:lnTo>
                      <a:pt x="0" y="98"/>
                    </a:lnTo>
                    <a:lnTo>
                      <a:pt x="0" y="97"/>
                    </a:lnTo>
                    <a:lnTo>
                      <a:pt x="0" y="95"/>
                    </a:lnTo>
                    <a:lnTo>
                      <a:pt x="2" y="92"/>
                    </a:lnTo>
                    <a:lnTo>
                      <a:pt x="4" y="88"/>
                    </a:lnTo>
                    <a:lnTo>
                      <a:pt x="6" y="85"/>
                    </a:lnTo>
                    <a:lnTo>
                      <a:pt x="7" y="83"/>
                    </a:lnTo>
                    <a:lnTo>
                      <a:pt x="9" y="81"/>
                    </a:lnTo>
                    <a:lnTo>
                      <a:pt x="11" y="80"/>
                    </a:lnTo>
                    <a:lnTo>
                      <a:pt x="12" y="80"/>
                    </a:lnTo>
                    <a:lnTo>
                      <a:pt x="16" y="78"/>
                    </a:lnTo>
                    <a:lnTo>
                      <a:pt x="19" y="76"/>
                    </a:lnTo>
                    <a:lnTo>
                      <a:pt x="21" y="73"/>
                    </a:lnTo>
                    <a:lnTo>
                      <a:pt x="22" y="70"/>
                    </a:lnTo>
                    <a:lnTo>
                      <a:pt x="22" y="68"/>
                    </a:lnTo>
                    <a:lnTo>
                      <a:pt x="24" y="65"/>
                    </a:lnTo>
                    <a:lnTo>
                      <a:pt x="24" y="61"/>
                    </a:lnTo>
                    <a:lnTo>
                      <a:pt x="26" y="61"/>
                    </a:lnTo>
                    <a:lnTo>
                      <a:pt x="26" y="59"/>
                    </a:lnTo>
                    <a:lnTo>
                      <a:pt x="28" y="59"/>
                    </a:lnTo>
                    <a:lnTo>
                      <a:pt x="31" y="58"/>
                    </a:lnTo>
                    <a:lnTo>
                      <a:pt x="34" y="58"/>
                    </a:lnTo>
                    <a:lnTo>
                      <a:pt x="38" y="56"/>
                    </a:lnTo>
                    <a:lnTo>
                      <a:pt x="39" y="54"/>
                    </a:lnTo>
                    <a:lnTo>
                      <a:pt x="41" y="53"/>
                    </a:lnTo>
                    <a:lnTo>
                      <a:pt x="43" y="51"/>
                    </a:lnTo>
                    <a:lnTo>
                      <a:pt x="63" y="53"/>
                    </a:lnTo>
                    <a:lnTo>
                      <a:pt x="63" y="51"/>
                    </a:lnTo>
                    <a:lnTo>
                      <a:pt x="65" y="49"/>
                    </a:lnTo>
                    <a:lnTo>
                      <a:pt x="65" y="48"/>
                    </a:lnTo>
                    <a:lnTo>
                      <a:pt x="66" y="46"/>
                    </a:lnTo>
                    <a:lnTo>
                      <a:pt x="68" y="43"/>
                    </a:lnTo>
                    <a:lnTo>
                      <a:pt x="70" y="41"/>
                    </a:lnTo>
                    <a:lnTo>
                      <a:pt x="73" y="39"/>
                    </a:lnTo>
                    <a:lnTo>
                      <a:pt x="77" y="39"/>
                    </a:lnTo>
                    <a:lnTo>
                      <a:pt x="80" y="39"/>
                    </a:lnTo>
                    <a:lnTo>
                      <a:pt x="82" y="37"/>
                    </a:lnTo>
                    <a:lnTo>
                      <a:pt x="83" y="37"/>
                    </a:lnTo>
                    <a:lnTo>
                      <a:pt x="94" y="36"/>
                    </a:lnTo>
                    <a:lnTo>
                      <a:pt x="100" y="34"/>
                    </a:lnTo>
                    <a:lnTo>
                      <a:pt x="105" y="31"/>
                    </a:lnTo>
                    <a:lnTo>
                      <a:pt x="109" y="29"/>
                    </a:lnTo>
                    <a:lnTo>
                      <a:pt x="112" y="27"/>
                    </a:lnTo>
                    <a:lnTo>
                      <a:pt x="116" y="24"/>
                    </a:lnTo>
                    <a:lnTo>
                      <a:pt x="119" y="19"/>
                    </a:lnTo>
                    <a:lnTo>
                      <a:pt x="124" y="12"/>
                    </a:lnTo>
                    <a:lnTo>
                      <a:pt x="132" y="4"/>
                    </a:lnTo>
                    <a:lnTo>
                      <a:pt x="138" y="0"/>
                    </a:lnTo>
                    <a:lnTo>
                      <a:pt x="138" y="2"/>
                    </a:lnTo>
                    <a:lnTo>
                      <a:pt x="136" y="7"/>
                    </a:lnTo>
                    <a:lnTo>
                      <a:pt x="132" y="10"/>
                    </a:lnTo>
                    <a:lnTo>
                      <a:pt x="131" y="14"/>
                    </a:lnTo>
                    <a:lnTo>
                      <a:pt x="129" y="15"/>
                    </a:lnTo>
                    <a:lnTo>
                      <a:pt x="129" y="17"/>
                    </a:lnTo>
                    <a:lnTo>
                      <a:pt x="127" y="19"/>
                    </a:lnTo>
                    <a:lnTo>
                      <a:pt x="127" y="21"/>
                    </a:lnTo>
                    <a:lnTo>
                      <a:pt x="126" y="21"/>
                    </a:lnTo>
                    <a:lnTo>
                      <a:pt x="122" y="26"/>
                    </a:lnTo>
                    <a:lnTo>
                      <a:pt x="119" y="29"/>
                    </a:lnTo>
                    <a:lnTo>
                      <a:pt x="117" y="32"/>
                    </a:lnTo>
                    <a:lnTo>
                      <a:pt x="116" y="34"/>
                    </a:lnTo>
                    <a:lnTo>
                      <a:pt x="116" y="36"/>
                    </a:lnTo>
                    <a:lnTo>
                      <a:pt x="116" y="37"/>
                    </a:lnTo>
                    <a:lnTo>
                      <a:pt x="119" y="36"/>
                    </a:lnTo>
                    <a:lnTo>
                      <a:pt x="122" y="36"/>
                    </a:lnTo>
                    <a:lnTo>
                      <a:pt x="124" y="37"/>
                    </a:lnTo>
                    <a:lnTo>
                      <a:pt x="122" y="39"/>
                    </a:lnTo>
                    <a:lnTo>
                      <a:pt x="122" y="41"/>
                    </a:lnTo>
                    <a:lnTo>
                      <a:pt x="122" y="43"/>
                    </a:lnTo>
                    <a:lnTo>
                      <a:pt x="121" y="48"/>
                    </a:lnTo>
                    <a:lnTo>
                      <a:pt x="122" y="48"/>
                    </a:lnTo>
                    <a:lnTo>
                      <a:pt x="124" y="46"/>
                    </a:lnTo>
                    <a:lnTo>
                      <a:pt x="126" y="46"/>
                    </a:lnTo>
                    <a:lnTo>
                      <a:pt x="129" y="43"/>
                    </a:lnTo>
                    <a:lnTo>
                      <a:pt x="132" y="41"/>
                    </a:lnTo>
                    <a:lnTo>
                      <a:pt x="132" y="39"/>
                    </a:lnTo>
                    <a:lnTo>
                      <a:pt x="129" y="34"/>
                    </a:lnTo>
                    <a:lnTo>
                      <a:pt x="129" y="31"/>
                    </a:lnTo>
                    <a:lnTo>
                      <a:pt x="131" y="26"/>
                    </a:lnTo>
                    <a:lnTo>
                      <a:pt x="136" y="22"/>
                    </a:lnTo>
                    <a:lnTo>
                      <a:pt x="139" y="19"/>
                    </a:lnTo>
                    <a:lnTo>
                      <a:pt x="144" y="15"/>
                    </a:lnTo>
                    <a:lnTo>
                      <a:pt x="148" y="14"/>
                    </a:lnTo>
                    <a:lnTo>
                      <a:pt x="149" y="12"/>
                    </a:lnTo>
                    <a:lnTo>
                      <a:pt x="154" y="12"/>
                    </a:lnTo>
                    <a:lnTo>
                      <a:pt x="160" y="14"/>
                    </a:lnTo>
                    <a:lnTo>
                      <a:pt x="161" y="14"/>
                    </a:lnTo>
                    <a:lnTo>
                      <a:pt x="163" y="12"/>
                    </a:lnTo>
                    <a:lnTo>
                      <a:pt x="165" y="9"/>
                    </a:lnTo>
                    <a:lnTo>
                      <a:pt x="166" y="9"/>
                    </a:lnTo>
                    <a:lnTo>
                      <a:pt x="171" y="4"/>
                    </a:lnTo>
                    <a:lnTo>
                      <a:pt x="175" y="0"/>
                    </a:lnTo>
                    <a:lnTo>
                      <a:pt x="176" y="0"/>
                    </a:lnTo>
                    <a:lnTo>
                      <a:pt x="178" y="2"/>
                    </a:lnTo>
                    <a:lnTo>
                      <a:pt x="178" y="4"/>
                    </a:lnTo>
                    <a:lnTo>
                      <a:pt x="176" y="7"/>
                    </a:lnTo>
                    <a:lnTo>
                      <a:pt x="175" y="9"/>
                    </a:lnTo>
                    <a:lnTo>
                      <a:pt x="170" y="14"/>
                    </a:lnTo>
                    <a:lnTo>
                      <a:pt x="165" y="17"/>
                    </a:lnTo>
                    <a:lnTo>
                      <a:pt x="160" y="22"/>
                    </a:lnTo>
                    <a:lnTo>
                      <a:pt x="154" y="27"/>
                    </a:lnTo>
                    <a:lnTo>
                      <a:pt x="148" y="31"/>
                    </a:lnTo>
                    <a:lnTo>
                      <a:pt x="143" y="36"/>
                    </a:lnTo>
                    <a:lnTo>
                      <a:pt x="138" y="39"/>
                    </a:lnTo>
                    <a:lnTo>
                      <a:pt x="132" y="44"/>
                    </a:lnTo>
                    <a:lnTo>
                      <a:pt x="127" y="48"/>
                    </a:lnTo>
                    <a:lnTo>
                      <a:pt x="122" y="51"/>
                    </a:lnTo>
                    <a:lnTo>
                      <a:pt x="119" y="54"/>
                    </a:lnTo>
                    <a:lnTo>
                      <a:pt x="116" y="58"/>
                    </a:lnTo>
                    <a:lnTo>
                      <a:pt x="112" y="59"/>
                    </a:lnTo>
                    <a:lnTo>
                      <a:pt x="110" y="61"/>
                    </a:lnTo>
                    <a:lnTo>
                      <a:pt x="109" y="63"/>
                    </a:lnTo>
                    <a:lnTo>
                      <a:pt x="97" y="71"/>
                    </a:lnTo>
                    <a:lnTo>
                      <a:pt x="88" y="76"/>
                    </a:lnTo>
                    <a:lnTo>
                      <a:pt x="85" y="78"/>
                    </a:lnTo>
                    <a:lnTo>
                      <a:pt x="85" y="76"/>
                    </a:lnTo>
                    <a:lnTo>
                      <a:pt x="87" y="73"/>
                    </a:lnTo>
                    <a:lnTo>
                      <a:pt x="88" y="71"/>
                    </a:lnTo>
                    <a:lnTo>
                      <a:pt x="90" y="70"/>
                    </a:lnTo>
                    <a:lnTo>
                      <a:pt x="97" y="61"/>
                    </a:lnTo>
                    <a:lnTo>
                      <a:pt x="100" y="58"/>
                    </a:lnTo>
                    <a:lnTo>
                      <a:pt x="97" y="58"/>
                    </a:lnTo>
                    <a:lnTo>
                      <a:pt x="94" y="59"/>
                    </a:lnTo>
                    <a:lnTo>
                      <a:pt x="87" y="65"/>
                    </a:lnTo>
                    <a:lnTo>
                      <a:pt x="80" y="68"/>
                    </a:lnTo>
                    <a:lnTo>
                      <a:pt x="75" y="71"/>
                    </a:lnTo>
                    <a:lnTo>
                      <a:pt x="73" y="73"/>
                    </a:lnTo>
                    <a:lnTo>
                      <a:pt x="61" y="76"/>
                    </a:lnTo>
                    <a:lnTo>
                      <a:pt x="61" y="78"/>
                    </a:lnTo>
                    <a:lnTo>
                      <a:pt x="58" y="80"/>
                    </a:lnTo>
                    <a:lnTo>
                      <a:pt x="55" y="81"/>
                    </a:lnTo>
                    <a:lnTo>
                      <a:pt x="51" y="85"/>
                    </a:lnTo>
                    <a:lnTo>
                      <a:pt x="48" y="87"/>
                    </a:lnTo>
                    <a:lnTo>
                      <a:pt x="44" y="90"/>
                    </a:lnTo>
                    <a:lnTo>
                      <a:pt x="41" y="92"/>
                    </a:lnTo>
                    <a:lnTo>
                      <a:pt x="39" y="92"/>
                    </a:lnTo>
                    <a:lnTo>
                      <a:pt x="29" y="100"/>
                    </a:lnTo>
                    <a:lnTo>
                      <a:pt x="21" y="105"/>
                    </a:lnTo>
                    <a:lnTo>
                      <a:pt x="16" y="109"/>
                    </a:lnTo>
                    <a:lnTo>
                      <a:pt x="14" y="109"/>
                    </a:lnTo>
                    <a:lnTo>
                      <a:pt x="12" y="109"/>
                    </a:lnTo>
                    <a:lnTo>
                      <a:pt x="12" y="107"/>
                    </a:lnTo>
                    <a:lnTo>
                      <a:pt x="14" y="105"/>
                    </a:lnTo>
                    <a:lnTo>
                      <a:pt x="16" y="103"/>
                    </a:lnTo>
                    <a:lnTo>
                      <a:pt x="17" y="102"/>
                    </a:lnTo>
                    <a:lnTo>
                      <a:pt x="19" y="98"/>
                    </a:lnTo>
                    <a:lnTo>
                      <a:pt x="19" y="97"/>
                    </a:lnTo>
                    <a:lnTo>
                      <a:pt x="19" y="95"/>
                    </a:lnTo>
                    <a:lnTo>
                      <a:pt x="16" y="97"/>
                    </a:lnTo>
                    <a:lnTo>
                      <a:pt x="12" y="98"/>
                    </a:lnTo>
                    <a:lnTo>
                      <a:pt x="7" y="105"/>
                    </a:lnTo>
                    <a:close/>
                  </a:path>
                </a:pathLst>
              </a:custGeom>
              <a:solidFill>
                <a:srgbClr val="8B3102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82" name="Freeform 175"/>
              <p:cNvSpPr>
                <a:spLocks/>
              </p:cNvSpPr>
              <p:nvPr/>
            </p:nvSpPr>
            <p:spPr bwMode="auto">
              <a:xfrm>
                <a:off x="4407" y="988"/>
                <a:ext cx="591" cy="534"/>
              </a:xfrm>
              <a:custGeom>
                <a:avLst/>
                <a:gdLst>
                  <a:gd name="T0" fmla="*/ 17 w 591"/>
                  <a:gd name="T1" fmla="*/ 486 h 534"/>
                  <a:gd name="T2" fmla="*/ 54 w 591"/>
                  <a:gd name="T3" fmla="*/ 478 h 534"/>
                  <a:gd name="T4" fmla="*/ 112 w 591"/>
                  <a:gd name="T5" fmla="*/ 468 h 534"/>
                  <a:gd name="T6" fmla="*/ 181 w 591"/>
                  <a:gd name="T7" fmla="*/ 454 h 534"/>
                  <a:gd name="T8" fmla="*/ 252 w 591"/>
                  <a:gd name="T9" fmla="*/ 440 h 534"/>
                  <a:gd name="T10" fmla="*/ 317 w 591"/>
                  <a:gd name="T11" fmla="*/ 427 h 534"/>
                  <a:gd name="T12" fmla="*/ 366 w 591"/>
                  <a:gd name="T13" fmla="*/ 417 h 534"/>
                  <a:gd name="T14" fmla="*/ 391 w 591"/>
                  <a:gd name="T15" fmla="*/ 412 h 534"/>
                  <a:gd name="T16" fmla="*/ 410 w 591"/>
                  <a:gd name="T17" fmla="*/ 413 h 534"/>
                  <a:gd name="T18" fmla="*/ 418 w 591"/>
                  <a:gd name="T19" fmla="*/ 425 h 534"/>
                  <a:gd name="T20" fmla="*/ 433 w 591"/>
                  <a:gd name="T21" fmla="*/ 432 h 534"/>
                  <a:gd name="T22" fmla="*/ 437 w 591"/>
                  <a:gd name="T23" fmla="*/ 442 h 534"/>
                  <a:gd name="T24" fmla="*/ 449 w 591"/>
                  <a:gd name="T25" fmla="*/ 459 h 534"/>
                  <a:gd name="T26" fmla="*/ 459 w 591"/>
                  <a:gd name="T27" fmla="*/ 468 h 534"/>
                  <a:gd name="T28" fmla="*/ 564 w 591"/>
                  <a:gd name="T29" fmla="*/ 534 h 534"/>
                  <a:gd name="T30" fmla="*/ 591 w 591"/>
                  <a:gd name="T31" fmla="*/ 468 h 534"/>
                  <a:gd name="T32" fmla="*/ 567 w 591"/>
                  <a:gd name="T33" fmla="*/ 278 h 534"/>
                  <a:gd name="T34" fmla="*/ 564 w 591"/>
                  <a:gd name="T35" fmla="*/ 263 h 534"/>
                  <a:gd name="T36" fmla="*/ 557 w 591"/>
                  <a:gd name="T37" fmla="*/ 232 h 534"/>
                  <a:gd name="T38" fmla="*/ 552 w 591"/>
                  <a:gd name="T39" fmla="*/ 202 h 534"/>
                  <a:gd name="T40" fmla="*/ 547 w 591"/>
                  <a:gd name="T41" fmla="*/ 185 h 534"/>
                  <a:gd name="T42" fmla="*/ 537 w 591"/>
                  <a:gd name="T43" fmla="*/ 170 h 534"/>
                  <a:gd name="T44" fmla="*/ 532 w 591"/>
                  <a:gd name="T45" fmla="*/ 176 h 534"/>
                  <a:gd name="T46" fmla="*/ 510 w 591"/>
                  <a:gd name="T47" fmla="*/ 73 h 534"/>
                  <a:gd name="T48" fmla="*/ 484 w 591"/>
                  <a:gd name="T49" fmla="*/ 4 h 534"/>
                  <a:gd name="T50" fmla="*/ 452 w 591"/>
                  <a:gd name="T51" fmla="*/ 12 h 534"/>
                  <a:gd name="T52" fmla="*/ 413 w 591"/>
                  <a:gd name="T53" fmla="*/ 21 h 534"/>
                  <a:gd name="T54" fmla="*/ 389 w 591"/>
                  <a:gd name="T55" fmla="*/ 28 h 534"/>
                  <a:gd name="T56" fmla="*/ 364 w 591"/>
                  <a:gd name="T57" fmla="*/ 38 h 534"/>
                  <a:gd name="T58" fmla="*/ 335 w 591"/>
                  <a:gd name="T59" fmla="*/ 66 h 534"/>
                  <a:gd name="T60" fmla="*/ 313 w 591"/>
                  <a:gd name="T61" fmla="*/ 99 h 534"/>
                  <a:gd name="T62" fmla="*/ 305 w 591"/>
                  <a:gd name="T63" fmla="*/ 117 h 534"/>
                  <a:gd name="T64" fmla="*/ 261 w 591"/>
                  <a:gd name="T65" fmla="*/ 173 h 534"/>
                  <a:gd name="T66" fmla="*/ 278 w 591"/>
                  <a:gd name="T67" fmla="*/ 198 h 534"/>
                  <a:gd name="T68" fmla="*/ 278 w 591"/>
                  <a:gd name="T69" fmla="*/ 209 h 534"/>
                  <a:gd name="T70" fmla="*/ 285 w 591"/>
                  <a:gd name="T71" fmla="*/ 231 h 534"/>
                  <a:gd name="T72" fmla="*/ 276 w 591"/>
                  <a:gd name="T73" fmla="*/ 241 h 534"/>
                  <a:gd name="T74" fmla="*/ 252 w 591"/>
                  <a:gd name="T75" fmla="*/ 263 h 534"/>
                  <a:gd name="T76" fmla="*/ 244 w 591"/>
                  <a:gd name="T77" fmla="*/ 275 h 534"/>
                  <a:gd name="T78" fmla="*/ 230 w 591"/>
                  <a:gd name="T79" fmla="*/ 283 h 534"/>
                  <a:gd name="T80" fmla="*/ 215 w 591"/>
                  <a:gd name="T81" fmla="*/ 285 h 534"/>
                  <a:gd name="T82" fmla="*/ 191 w 591"/>
                  <a:gd name="T83" fmla="*/ 292 h 534"/>
                  <a:gd name="T84" fmla="*/ 181 w 591"/>
                  <a:gd name="T85" fmla="*/ 298 h 534"/>
                  <a:gd name="T86" fmla="*/ 158 w 591"/>
                  <a:gd name="T87" fmla="*/ 293 h 534"/>
                  <a:gd name="T88" fmla="*/ 109 w 591"/>
                  <a:gd name="T89" fmla="*/ 297 h 534"/>
                  <a:gd name="T90" fmla="*/ 70 w 591"/>
                  <a:gd name="T91" fmla="*/ 307 h 534"/>
                  <a:gd name="T92" fmla="*/ 51 w 591"/>
                  <a:gd name="T93" fmla="*/ 319 h 534"/>
                  <a:gd name="T94" fmla="*/ 44 w 591"/>
                  <a:gd name="T95" fmla="*/ 327 h 534"/>
                  <a:gd name="T96" fmla="*/ 49 w 591"/>
                  <a:gd name="T97" fmla="*/ 342 h 534"/>
                  <a:gd name="T98" fmla="*/ 59 w 591"/>
                  <a:gd name="T99" fmla="*/ 354 h 534"/>
                  <a:gd name="T100" fmla="*/ 66 w 591"/>
                  <a:gd name="T101" fmla="*/ 363 h 534"/>
                  <a:gd name="T102" fmla="*/ 66 w 591"/>
                  <a:gd name="T103" fmla="*/ 380 h 534"/>
                  <a:gd name="T104" fmla="*/ 59 w 591"/>
                  <a:gd name="T105" fmla="*/ 388 h 534"/>
                  <a:gd name="T106" fmla="*/ 31 w 591"/>
                  <a:gd name="T107" fmla="*/ 427 h 534"/>
                  <a:gd name="T108" fmla="*/ 31 w 591"/>
                  <a:gd name="T109" fmla="*/ 425 h 534"/>
                  <a:gd name="T110" fmla="*/ 9 w 591"/>
                  <a:gd name="T111" fmla="*/ 451 h 534"/>
                  <a:gd name="T112" fmla="*/ 0 w 591"/>
                  <a:gd name="T113" fmla="*/ 456 h 534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591"/>
                  <a:gd name="T172" fmla="*/ 0 h 534"/>
                  <a:gd name="T173" fmla="*/ 591 w 591"/>
                  <a:gd name="T174" fmla="*/ 534 h 534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591" h="534">
                    <a:moveTo>
                      <a:pt x="9" y="488"/>
                    </a:moveTo>
                    <a:lnTo>
                      <a:pt x="9" y="486"/>
                    </a:lnTo>
                    <a:lnTo>
                      <a:pt x="12" y="486"/>
                    </a:lnTo>
                    <a:lnTo>
                      <a:pt x="17" y="486"/>
                    </a:lnTo>
                    <a:lnTo>
                      <a:pt x="24" y="484"/>
                    </a:lnTo>
                    <a:lnTo>
                      <a:pt x="32" y="483"/>
                    </a:lnTo>
                    <a:lnTo>
                      <a:pt x="43" y="481"/>
                    </a:lnTo>
                    <a:lnTo>
                      <a:pt x="54" y="478"/>
                    </a:lnTo>
                    <a:lnTo>
                      <a:pt x="68" y="476"/>
                    </a:lnTo>
                    <a:lnTo>
                      <a:pt x="81" y="473"/>
                    </a:lnTo>
                    <a:lnTo>
                      <a:pt x="97" y="471"/>
                    </a:lnTo>
                    <a:lnTo>
                      <a:pt x="112" y="468"/>
                    </a:lnTo>
                    <a:lnTo>
                      <a:pt x="129" y="464"/>
                    </a:lnTo>
                    <a:lnTo>
                      <a:pt x="146" y="461"/>
                    </a:lnTo>
                    <a:lnTo>
                      <a:pt x="164" y="457"/>
                    </a:lnTo>
                    <a:lnTo>
                      <a:pt x="181" y="454"/>
                    </a:lnTo>
                    <a:lnTo>
                      <a:pt x="200" y="451"/>
                    </a:lnTo>
                    <a:lnTo>
                      <a:pt x="217" y="447"/>
                    </a:lnTo>
                    <a:lnTo>
                      <a:pt x="235" y="444"/>
                    </a:lnTo>
                    <a:lnTo>
                      <a:pt x="252" y="440"/>
                    </a:lnTo>
                    <a:lnTo>
                      <a:pt x="269" y="437"/>
                    </a:lnTo>
                    <a:lnTo>
                      <a:pt x="286" y="434"/>
                    </a:lnTo>
                    <a:lnTo>
                      <a:pt x="301" y="430"/>
                    </a:lnTo>
                    <a:lnTo>
                      <a:pt x="317" y="427"/>
                    </a:lnTo>
                    <a:lnTo>
                      <a:pt x="332" y="424"/>
                    </a:lnTo>
                    <a:lnTo>
                      <a:pt x="344" y="422"/>
                    </a:lnTo>
                    <a:lnTo>
                      <a:pt x="356" y="420"/>
                    </a:lnTo>
                    <a:lnTo>
                      <a:pt x="366" y="417"/>
                    </a:lnTo>
                    <a:lnTo>
                      <a:pt x="376" y="415"/>
                    </a:lnTo>
                    <a:lnTo>
                      <a:pt x="383" y="415"/>
                    </a:lnTo>
                    <a:lnTo>
                      <a:pt x="388" y="413"/>
                    </a:lnTo>
                    <a:lnTo>
                      <a:pt x="391" y="412"/>
                    </a:lnTo>
                    <a:lnTo>
                      <a:pt x="393" y="412"/>
                    </a:lnTo>
                    <a:lnTo>
                      <a:pt x="400" y="412"/>
                    </a:lnTo>
                    <a:lnTo>
                      <a:pt x="405" y="412"/>
                    </a:lnTo>
                    <a:lnTo>
                      <a:pt x="410" y="413"/>
                    </a:lnTo>
                    <a:lnTo>
                      <a:pt x="413" y="417"/>
                    </a:lnTo>
                    <a:lnTo>
                      <a:pt x="415" y="420"/>
                    </a:lnTo>
                    <a:lnTo>
                      <a:pt x="417" y="424"/>
                    </a:lnTo>
                    <a:lnTo>
                      <a:pt x="418" y="425"/>
                    </a:lnTo>
                    <a:lnTo>
                      <a:pt x="420" y="427"/>
                    </a:lnTo>
                    <a:lnTo>
                      <a:pt x="427" y="427"/>
                    </a:lnTo>
                    <a:lnTo>
                      <a:pt x="430" y="429"/>
                    </a:lnTo>
                    <a:lnTo>
                      <a:pt x="433" y="432"/>
                    </a:lnTo>
                    <a:lnTo>
                      <a:pt x="435" y="434"/>
                    </a:lnTo>
                    <a:lnTo>
                      <a:pt x="437" y="437"/>
                    </a:lnTo>
                    <a:lnTo>
                      <a:pt x="437" y="440"/>
                    </a:lnTo>
                    <a:lnTo>
                      <a:pt x="437" y="442"/>
                    </a:lnTo>
                    <a:lnTo>
                      <a:pt x="439" y="444"/>
                    </a:lnTo>
                    <a:lnTo>
                      <a:pt x="442" y="451"/>
                    </a:lnTo>
                    <a:lnTo>
                      <a:pt x="445" y="456"/>
                    </a:lnTo>
                    <a:lnTo>
                      <a:pt x="449" y="459"/>
                    </a:lnTo>
                    <a:lnTo>
                      <a:pt x="452" y="462"/>
                    </a:lnTo>
                    <a:lnTo>
                      <a:pt x="454" y="466"/>
                    </a:lnTo>
                    <a:lnTo>
                      <a:pt x="457" y="468"/>
                    </a:lnTo>
                    <a:lnTo>
                      <a:pt x="459" y="468"/>
                    </a:lnTo>
                    <a:lnTo>
                      <a:pt x="477" y="474"/>
                    </a:lnTo>
                    <a:lnTo>
                      <a:pt x="562" y="501"/>
                    </a:lnTo>
                    <a:lnTo>
                      <a:pt x="564" y="534"/>
                    </a:lnTo>
                    <a:lnTo>
                      <a:pt x="574" y="520"/>
                    </a:lnTo>
                    <a:lnTo>
                      <a:pt x="584" y="496"/>
                    </a:lnTo>
                    <a:lnTo>
                      <a:pt x="577" y="484"/>
                    </a:lnTo>
                    <a:lnTo>
                      <a:pt x="591" y="468"/>
                    </a:lnTo>
                    <a:lnTo>
                      <a:pt x="584" y="459"/>
                    </a:lnTo>
                    <a:lnTo>
                      <a:pt x="571" y="364"/>
                    </a:lnTo>
                    <a:lnTo>
                      <a:pt x="565" y="364"/>
                    </a:lnTo>
                    <a:lnTo>
                      <a:pt x="567" y="278"/>
                    </a:lnTo>
                    <a:lnTo>
                      <a:pt x="567" y="276"/>
                    </a:lnTo>
                    <a:lnTo>
                      <a:pt x="567" y="275"/>
                    </a:lnTo>
                    <a:lnTo>
                      <a:pt x="565" y="270"/>
                    </a:lnTo>
                    <a:lnTo>
                      <a:pt x="564" y="263"/>
                    </a:lnTo>
                    <a:lnTo>
                      <a:pt x="562" y="256"/>
                    </a:lnTo>
                    <a:lnTo>
                      <a:pt x="562" y="249"/>
                    </a:lnTo>
                    <a:lnTo>
                      <a:pt x="560" y="241"/>
                    </a:lnTo>
                    <a:lnTo>
                      <a:pt x="557" y="232"/>
                    </a:lnTo>
                    <a:lnTo>
                      <a:pt x="555" y="224"/>
                    </a:lnTo>
                    <a:lnTo>
                      <a:pt x="554" y="215"/>
                    </a:lnTo>
                    <a:lnTo>
                      <a:pt x="552" y="209"/>
                    </a:lnTo>
                    <a:lnTo>
                      <a:pt x="552" y="202"/>
                    </a:lnTo>
                    <a:lnTo>
                      <a:pt x="550" y="195"/>
                    </a:lnTo>
                    <a:lnTo>
                      <a:pt x="549" y="190"/>
                    </a:lnTo>
                    <a:lnTo>
                      <a:pt x="549" y="187"/>
                    </a:lnTo>
                    <a:lnTo>
                      <a:pt x="547" y="185"/>
                    </a:lnTo>
                    <a:lnTo>
                      <a:pt x="543" y="176"/>
                    </a:lnTo>
                    <a:lnTo>
                      <a:pt x="540" y="171"/>
                    </a:lnTo>
                    <a:lnTo>
                      <a:pt x="538" y="170"/>
                    </a:lnTo>
                    <a:lnTo>
                      <a:pt x="537" y="170"/>
                    </a:lnTo>
                    <a:lnTo>
                      <a:pt x="535" y="171"/>
                    </a:lnTo>
                    <a:lnTo>
                      <a:pt x="533" y="175"/>
                    </a:lnTo>
                    <a:lnTo>
                      <a:pt x="532" y="176"/>
                    </a:lnTo>
                    <a:lnTo>
                      <a:pt x="528" y="173"/>
                    </a:lnTo>
                    <a:lnTo>
                      <a:pt x="520" y="124"/>
                    </a:lnTo>
                    <a:lnTo>
                      <a:pt x="516" y="88"/>
                    </a:lnTo>
                    <a:lnTo>
                      <a:pt x="510" y="73"/>
                    </a:lnTo>
                    <a:lnTo>
                      <a:pt x="494" y="0"/>
                    </a:lnTo>
                    <a:lnTo>
                      <a:pt x="493" y="2"/>
                    </a:lnTo>
                    <a:lnTo>
                      <a:pt x="489" y="2"/>
                    </a:lnTo>
                    <a:lnTo>
                      <a:pt x="484" y="4"/>
                    </a:lnTo>
                    <a:lnTo>
                      <a:pt x="477" y="6"/>
                    </a:lnTo>
                    <a:lnTo>
                      <a:pt x="471" y="7"/>
                    </a:lnTo>
                    <a:lnTo>
                      <a:pt x="461" y="9"/>
                    </a:lnTo>
                    <a:lnTo>
                      <a:pt x="452" y="12"/>
                    </a:lnTo>
                    <a:lnTo>
                      <a:pt x="442" y="14"/>
                    </a:lnTo>
                    <a:lnTo>
                      <a:pt x="432" y="17"/>
                    </a:lnTo>
                    <a:lnTo>
                      <a:pt x="423" y="19"/>
                    </a:lnTo>
                    <a:lnTo>
                      <a:pt x="413" y="21"/>
                    </a:lnTo>
                    <a:lnTo>
                      <a:pt x="406" y="22"/>
                    </a:lnTo>
                    <a:lnTo>
                      <a:pt x="400" y="26"/>
                    </a:lnTo>
                    <a:lnTo>
                      <a:pt x="393" y="26"/>
                    </a:lnTo>
                    <a:lnTo>
                      <a:pt x="389" y="28"/>
                    </a:lnTo>
                    <a:lnTo>
                      <a:pt x="388" y="28"/>
                    </a:lnTo>
                    <a:lnTo>
                      <a:pt x="379" y="29"/>
                    </a:lnTo>
                    <a:lnTo>
                      <a:pt x="371" y="33"/>
                    </a:lnTo>
                    <a:lnTo>
                      <a:pt x="364" y="38"/>
                    </a:lnTo>
                    <a:lnTo>
                      <a:pt x="356" y="43"/>
                    </a:lnTo>
                    <a:lnTo>
                      <a:pt x="349" y="50"/>
                    </a:lnTo>
                    <a:lnTo>
                      <a:pt x="342" y="58"/>
                    </a:lnTo>
                    <a:lnTo>
                      <a:pt x="335" y="66"/>
                    </a:lnTo>
                    <a:lnTo>
                      <a:pt x="329" y="75"/>
                    </a:lnTo>
                    <a:lnTo>
                      <a:pt x="323" y="83"/>
                    </a:lnTo>
                    <a:lnTo>
                      <a:pt x="318" y="90"/>
                    </a:lnTo>
                    <a:lnTo>
                      <a:pt x="313" y="99"/>
                    </a:lnTo>
                    <a:lnTo>
                      <a:pt x="310" y="105"/>
                    </a:lnTo>
                    <a:lnTo>
                      <a:pt x="308" y="110"/>
                    </a:lnTo>
                    <a:lnTo>
                      <a:pt x="305" y="116"/>
                    </a:lnTo>
                    <a:lnTo>
                      <a:pt x="305" y="117"/>
                    </a:lnTo>
                    <a:lnTo>
                      <a:pt x="303" y="119"/>
                    </a:lnTo>
                    <a:lnTo>
                      <a:pt x="288" y="139"/>
                    </a:lnTo>
                    <a:lnTo>
                      <a:pt x="290" y="139"/>
                    </a:lnTo>
                    <a:lnTo>
                      <a:pt x="261" y="173"/>
                    </a:lnTo>
                    <a:lnTo>
                      <a:pt x="274" y="173"/>
                    </a:lnTo>
                    <a:lnTo>
                      <a:pt x="285" y="182"/>
                    </a:lnTo>
                    <a:lnTo>
                      <a:pt x="279" y="197"/>
                    </a:lnTo>
                    <a:lnTo>
                      <a:pt x="278" y="198"/>
                    </a:lnTo>
                    <a:lnTo>
                      <a:pt x="274" y="200"/>
                    </a:lnTo>
                    <a:lnTo>
                      <a:pt x="271" y="202"/>
                    </a:lnTo>
                    <a:lnTo>
                      <a:pt x="271" y="204"/>
                    </a:lnTo>
                    <a:lnTo>
                      <a:pt x="278" y="209"/>
                    </a:lnTo>
                    <a:lnTo>
                      <a:pt x="281" y="214"/>
                    </a:lnTo>
                    <a:lnTo>
                      <a:pt x="285" y="219"/>
                    </a:lnTo>
                    <a:lnTo>
                      <a:pt x="285" y="226"/>
                    </a:lnTo>
                    <a:lnTo>
                      <a:pt x="285" y="231"/>
                    </a:lnTo>
                    <a:lnTo>
                      <a:pt x="285" y="236"/>
                    </a:lnTo>
                    <a:lnTo>
                      <a:pt x="285" y="239"/>
                    </a:lnTo>
                    <a:lnTo>
                      <a:pt x="276" y="241"/>
                    </a:lnTo>
                    <a:lnTo>
                      <a:pt x="269" y="244"/>
                    </a:lnTo>
                    <a:lnTo>
                      <a:pt x="263" y="251"/>
                    </a:lnTo>
                    <a:lnTo>
                      <a:pt x="257" y="256"/>
                    </a:lnTo>
                    <a:lnTo>
                      <a:pt x="252" y="263"/>
                    </a:lnTo>
                    <a:lnTo>
                      <a:pt x="249" y="268"/>
                    </a:lnTo>
                    <a:lnTo>
                      <a:pt x="246" y="271"/>
                    </a:lnTo>
                    <a:lnTo>
                      <a:pt x="246" y="273"/>
                    </a:lnTo>
                    <a:lnTo>
                      <a:pt x="244" y="275"/>
                    </a:lnTo>
                    <a:lnTo>
                      <a:pt x="242" y="276"/>
                    </a:lnTo>
                    <a:lnTo>
                      <a:pt x="239" y="278"/>
                    </a:lnTo>
                    <a:lnTo>
                      <a:pt x="235" y="281"/>
                    </a:lnTo>
                    <a:lnTo>
                      <a:pt x="230" y="283"/>
                    </a:lnTo>
                    <a:lnTo>
                      <a:pt x="227" y="286"/>
                    </a:lnTo>
                    <a:lnTo>
                      <a:pt x="224" y="288"/>
                    </a:lnTo>
                    <a:lnTo>
                      <a:pt x="222" y="288"/>
                    </a:lnTo>
                    <a:lnTo>
                      <a:pt x="215" y="285"/>
                    </a:lnTo>
                    <a:lnTo>
                      <a:pt x="208" y="285"/>
                    </a:lnTo>
                    <a:lnTo>
                      <a:pt x="202" y="286"/>
                    </a:lnTo>
                    <a:lnTo>
                      <a:pt x="197" y="288"/>
                    </a:lnTo>
                    <a:lnTo>
                      <a:pt x="191" y="292"/>
                    </a:lnTo>
                    <a:lnTo>
                      <a:pt x="186" y="293"/>
                    </a:lnTo>
                    <a:lnTo>
                      <a:pt x="183" y="295"/>
                    </a:lnTo>
                    <a:lnTo>
                      <a:pt x="183" y="297"/>
                    </a:lnTo>
                    <a:lnTo>
                      <a:pt x="181" y="298"/>
                    </a:lnTo>
                    <a:lnTo>
                      <a:pt x="163" y="297"/>
                    </a:lnTo>
                    <a:lnTo>
                      <a:pt x="161" y="295"/>
                    </a:lnTo>
                    <a:lnTo>
                      <a:pt x="158" y="293"/>
                    </a:lnTo>
                    <a:lnTo>
                      <a:pt x="156" y="293"/>
                    </a:lnTo>
                    <a:lnTo>
                      <a:pt x="139" y="293"/>
                    </a:lnTo>
                    <a:lnTo>
                      <a:pt x="122" y="295"/>
                    </a:lnTo>
                    <a:lnTo>
                      <a:pt x="109" y="297"/>
                    </a:lnTo>
                    <a:lnTo>
                      <a:pt x="97" y="298"/>
                    </a:lnTo>
                    <a:lnTo>
                      <a:pt x="87" y="300"/>
                    </a:lnTo>
                    <a:lnTo>
                      <a:pt x="76" y="303"/>
                    </a:lnTo>
                    <a:lnTo>
                      <a:pt x="70" y="307"/>
                    </a:lnTo>
                    <a:lnTo>
                      <a:pt x="63" y="310"/>
                    </a:lnTo>
                    <a:lnTo>
                      <a:pt x="58" y="312"/>
                    </a:lnTo>
                    <a:lnTo>
                      <a:pt x="54" y="315"/>
                    </a:lnTo>
                    <a:lnTo>
                      <a:pt x="51" y="319"/>
                    </a:lnTo>
                    <a:lnTo>
                      <a:pt x="48" y="320"/>
                    </a:lnTo>
                    <a:lnTo>
                      <a:pt x="48" y="324"/>
                    </a:lnTo>
                    <a:lnTo>
                      <a:pt x="46" y="325"/>
                    </a:lnTo>
                    <a:lnTo>
                      <a:pt x="44" y="327"/>
                    </a:lnTo>
                    <a:lnTo>
                      <a:pt x="46" y="332"/>
                    </a:lnTo>
                    <a:lnTo>
                      <a:pt x="48" y="337"/>
                    </a:lnTo>
                    <a:lnTo>
                      <a:pt x="49" y="342"/>
                    </a:lnTo>
                    <a:lnTo>
                      <a:pt x="53" y="347"/>
                    </a:lnTo>
                    <a:lnTo>
                      <a:pt x="54" y="351"/>
                    </a:lnTo>
                    <a:lnTo>
                      <a:pt x="58" y="354"/>
                    </a:lnTo>
                    <a:lnTo>
                      <a:pt x="59" y="354"/>
                    </a:lnTo>
                    <a:lnTo>
                      <a:pt x="59" y="356"/>
                    </a:lnTo>
                    <a:lnTo>
                      <a:pt x="61" y="358"/>
                    </a:lnTo>
                    <a:lnTo>
                      <a:pt x="65" y="359"/>
                    </a:lnTo>
                    <a:lnTo>
                      <a:pt x="66" y="363"/>
                    </a:lnTo>
                    <a:lnTo>
                      <a:pt x="68" y="364"/>
                    </a:lnTo>
                    <a:lnTo>
                      <a:pt x="68" y="371"/>
                    </a:lnTo>
                    <a:lnTo>
                      <a:pt x="66" y="376"/>
                    </a:lnTo>
                    <a:lnTo>
                      <a:pt x="66" y="380"/>
                    </a:lnTo>
                    <a:lnTo>
                      <a:pt x="65" y="383"/>
                    </a:lnTo>
                    <a:lnTo>
                      <a:pt x="63" y="385"/>
                    </a:lnTo>
                    <a:lnTo>
                      <a:pt x="61" y="386"/>
                    </a:lnTo>
                    <a:lnTo>
                      <a:pt x="59" y="388"/>
                    </a:lnTo>
                    <a:lnTo>
                      <a:pt x="54" y="395"/>
                    </a:lnTo>
                    <a:lnTo>
                      <a:pt x="46" y="412"/>
                    </a:lnTo>
                    <a:lnTo>
                      <a:pt x="31" y="427"/>
                    </a:lnTo>
                    <a:lnTo>
                      <a:pt x="32" y="425"/>
                    </a:lnTo>
                    <a:lnTo>
                      <a:pt x="31" y="425"/>
                    </a:lnTo>
                    <a:lnTo>
                      <a:pt x="24" y="435"/>
                    </a:lnTo>
                    <a:lnTo>
                      <a:pt x="17" y="442"/>
                    </a:lnTo>
                    <a:lnTo>
                      <a:pt x="12" y="447"/>
                    </a:lnTo>
                    <a:lnTo>
                      <a:pt x="9" y="451"/>
                    </a:lnTo>
                    <a:lnTo>
                      <a:pt x="5" y="452"/>
                    </a:lnTo>
                    <a:lnTo>
                      <a:pt x="2" y="454"/>
                    </a:lnTo>
                    <a:lnTo>
                      <a:pt x="0" y="456"/>
                    </a:lnTo>
                    <a:lnTo>
                      <a:pt x="9" y="488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966" name="Freeform 176"/>
            <p:cNvSpPr>
              <a:spLocks/>
            </p:cNvSpPr>
            <p:nvPr/>
          </p:nvSpPr>
          <p:spPr bwMode="auto">
            <a:xfrm>
              <a:off x="4773" y="1315"/>
              <a:ext cx="156" cy="330"/>
            </a:xfrm>
            <a:custGeom>
              <a:avLst/>
              <a:gdLst>
                <a:gd name="T0" fmla="*/ 88 w 160"/>
                <a:gd name="T1" fmla="*/ 205 h 340"/>
                <a:gd name="T2" fmla="*/ 90 w 160"/>
                <a:gd name="T3" fmla="*/ 201 h 340"/>
                <a:gd name="T4" fmla="*/ 99 w 160"/>
                <a:gd name="T5" fmla="*/ 190 h 340"/>
                <a:gd name="T6" fmla="*/ 108 w 160"/>
                <a:gd name="T7" fmla="*/ 189 h 340"/>
                <a:gd name="T8" fmla="*/ 109 w 160"/>
                <a:gd name="T9" fmla="*/ 186 h 340"/>
                <a:gd name="T10" fmla="*/ 110 w 160"/>
                <a:gd name="T11" fmla="*/ 178 h 340"/>
                <a:gd name="T12" fmla="*/ 113 w 160"/>
                <a:gd name="T13" fmla="*/ 174 h 340"/>
                <a:gd name="T14" fmla="*/ 109 w 160"/>
                <a:gd name="T15" fmla="*/ 171 h 340"/>
                <a:gd name="T16" fmla="*/ 104 w 160"/>
                <a:gd name="T17" fmla="*/ 168 h 340"/>
                <a:gd name="T18" fmla="*/ 100 w 160"/>
                <a:gd name="T19" fmla="*/ 157 h 340"/>
                <a:gd name="T20" fmla="*/ 96 w 160"/>
                <a:gd name="T21" fmla="*/ 153 h 340"/>
                <a:gd name="T22" fmla="*/ 89 w 160"/>
                <a:gd name="T23" fmla="*/ 147 h 340"/>
                <a:gd name="T24" fmla="*/ 33 w 160"/>
                <a:gd name="T25" fmla="*/ 0 h 340"/>
                <a:gd name="T26" fmla="*/ 20 w 160"/>
                <a:gd name="T27" fmla="*/ 8 h 340"/>
                <a:gd name="T28" fmla="*/ 20 w 160"/>
                <a:gd name="T29" fmla="*/ 13 h 340"/>
                <a:gd name="T30" fmla="*/ 20 w 160"/>
                <a:gd name="T31" fmla="*/ 17 h 340"/>
                <a:gd name="T32" fmla="*/ 20 w 160"/>
                <a:gd name="T33" fmla="*/ 25 h 340"/>
                <a:gd name="T34" fmla="*/ 20 w 160"/>
                <a:gd name="T35" fmla="*/ 35 h 340"/>
                <a:gd name="T36" fmla="*/ 20 w 160"/>
                <a:gd name="T37" fmla="*/ 39 h 340"/>
                <a:gd name="T38" fmla="*/ 20 w 160"/>
                <a:gd name="T39" fmla="*/ 45 h 340"/>
                <a:gd name="T40" fmla="*/ 20 w 160"/>
                <a:gd name="T41" fmla="*/ 48 h 340"/>
                <a:gd name="T42" fmla="*/ 20 w 160"/>
                <a:gd name="T43" fmla="*/ 55 h 340"/>
                <a:gd name="T44" fmla="*/ 25 w 160"/>
                <a:gd name="T45" fmla="*/ 62 h 340"/>
                <a:gd name="T46" fmla="*/ 25 w 160"/>
                <a:gd name="T47" fmla="*/ 71 h 340"/>
                <a:gd name="T48" fmla="*/ 20 w 160"/>
                <a:gd name="T49" fmla="*/ 81 h 340"/>
                <a:gd name="T50" fmla="*/ 17 w 160"/>
                <a:gd name="T51" fmla="*/ 88 h 340"/>
                <a:gd name="T52" fmla="*/ 17 w 160"/>
                <a:gd name="T53" fmla="*/ 86 h 340"/>
                <a:gd name="T54" fmla="*/ 10 w 160"/>
                <a:gd name="T55" fmla="*/ 92 h 340"/>
                <a:gd name="T56" fmla="*/ 11 w 160"/>
                <a:gd name="T57" fmla="*/ 101 h 340"/>
                <a:gd name="T58" fmla="*/ 11 w 160"/>
                <a:gd name="T59" fmla="*/ 110 h 340"/>
                <a:gd name="T60" fmla="*/ 11 w 160"/>
                <a:gd name="T61" fmla="*/ 123 h 340"/>
                <a:gd name="T62" fmla="*/ 8 w 160"/>
                <a:gd name="T63" fmla="*/ 134 h 340"/>
                <a:gd name="T64" fmla="*/ 6 w 160"/>
                <a:gd name="T65" fmla="*/ 142 h 340"/>
                <a:gd name="T66" fmla="*/ 5 w 160"/>
                <a:gd name="T67" fmla="*/ 147 h 340"/>
                <a:gd name="T68" fmla="*/ 1 w 160"/>
                <a:gd name="T69" fmla="*/ 153 h 340"/>
                <a:gd name="T70" fmla="*/ 0 w 160"/>
                <a:gd name="T71" fmla="*/ 168 h 340"/>
                <a:gd name="T72" fmla="*/ 6 w 160"/>
                <a:gd name="T73" fmla="*/ 176 h 340"/>
                <a:gd name="T74" fmla="*/ 6 w 160"/>
                <a:gd name="T75" fmla="*/ 182 h 340"/>
                <a:gd name="T76" fmla="*/ 6 w 160"/>
                <a:gd name="T77" fmla="*/ 189 h 340"/>
                <a:gd name="T78" fmla="*/ 8 w 160"/>
                <a:gd name="T79" fmla="*/ 190 h 340"/>
                <a:gd name="T80" fmla="*/ 10 w 160"/>
                <a:gd name="T81" fmla="*/ 196 h 340"/>
                <a:gd name="T82" fmla="*/ 6 w 160"/>
                <a:gd name="T83" fmla="*/ 205 h 340"/>
                <a:gd name="T84" fmla="*/ 6 w 160"/>
                <a:gd name="T85" fmla="*/ 211 h 340"/>
                <a:gd name="T86" fmla="*/ 8 w 160"/>
                <a:gd name="T87" fmla="*/ 219 h 340"/>
                <a:gd name="T88" fmla="*/ 82 w 160"/>
                <a:gd name="T89" fmla="*/ 209 h 340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w 160"/>
                <a:gd name="T136" fmla="*/ 0 h 340"/>
                <a:gd name="T137" fmla="*/ 160 w 160"/>
                <a:gd name="T138" fmla="*/ 340 h 340"/>
              </a:gdLst>
              <a:ahLst/>
              <a:cxnLst>
                <a:cxn ang="T90">
                  <a:pos x="T0" y="T1"/>
                </a:cxn>
                <a:cxn ang="T91">
                  <a:pos x="T2" y="T3"/>
                </a:cxn>
                <a:cxn ang="T92">
                  <a:pos x="T4" y="T5"/>
                </a:cxn>
                <a:cxn ang="T93">
                  <a:pos x="T6" y="T7"/>
                </a:cxn>
                <a:cxn ang="T94">
                  <a:pos x="T8" y="T9"/>
                </a:cxn>
                <a:cxn ang="T95">
                  <a:pos x="T10" y="T11"/>
                </a:cxn>
                <a:cxn ang="T96">
                  <a:pos x="T12" y="T13"/>
                </a:cxn>
                <a:cxn ang="T97">
                  <a:pos x="T14" y="T15"/>
                </a:cxn>
                <a:cxn ang="T98">
                  <a:pos x="T16" y="T17"/>
                </a:cxn>
                <a:cxn ang="T99">
                  <a:pos x="T18" y="T19"/>
                </a:cxn>
                <a:cxn ang="T100">
                  <a:pos x="T20" y="T21"/>
                </a:cxn>
                <a:cxn ang="T101">
                  <a:pos x="T22" y="T23"/>
                </a:cxn>
                <a:cxn ang="T102">
                  <a:pos x="T24" y="T25"/>
                </a:cxn>
                <a:cxn ang="T103">
                  <a:pos x="T26" y="T27"/>
                </a:cxn>
                <a:cxn ang="T104">
                  <a:pos x="T28" y="T29"/>
                </a:cxn>
                <a:cxn ang="T105">
                  <a:pos x="T30" y="T31"/>
                </a:cxn>
                <a:cxn ang="T106">
                  <a:pos x="T32" y="T33"/>
                </a:cxn>
                <a:cxn ang="T107">
                  <a:pos x="T34" y="T35"/>
                </a:cxn>
                <a:cxn ang="T108">
                  <a:pos x="T36" y="T37"/>
                </a:cxn>
                <a:cxn ang="T109">
                  <a:pos x="T38" y="T39"/>
                </a:cxn>
                <a:cxn ang="T110">
                  <a:pos x="T40" y="T41"/>
                </a:cxn>
                <a:cxn ang="T111">
                  <a:pos x="T42" y="T43"/>
                </a:cxn>
                <a:cxn ang="T112">
                  <a:pos x="T44" y="T45"/>
                </a:cxn>
                <a:cxn ang="T113">
                  <a:pos x="T46" y="T47"/>
                </a:cxn>
                <a:cxn ang="T114">
                  <a:pos x="T48" y="T49"/>
                </a:cxn>
                <a:cxn ang="T115">
                  <a:pos x="T50" y="T51"/>
                </a:cxn>
                <a:cxn ang="T116">
                  <a:pos x="T52" y="T53"/>
                </a:cxn>
                <a:cxn ang="T117">
                  <a:pos x="T54" y="T55"/>
                </a:cxn>
                <a:cxn ang="T118">
                  <a:pos x="T56" y="T57"/>
                </a:cxn>
                <a:cxn ang="T119">
                  <a:pos x="T58" y="T59"/>
                </a:cxn>
                <a:cxn ang="T120">
                  <a:pos x="T60" y="T61"/>
                </a:cxn>
                <a:cxn ang="T121">
                  <a:pos x="T62" y="T63"/>
                </a:cxn>
                <a:cxn ang="T122">
                  <a:pos x="T64" y="T65"/>
                </a:cxn>
                <a:cxn ang="T123">
                  <a:pos x="T66" y="T67"/>
                </a:cxn>
                <a:cxn ang="T124">
                  <a:pos x="T68" y="T69"/>
                </a:cxn>
                <a:cxn ang="T125">
                  <a:pos x="T70" y="T71"/>
                </a:cxn>
                <a:cxn ang="T126">
                  <a:pos x="T72" y="T73"/>
                </a:cxn>
                <a:cxn ang="T127">
                  <a:pos x="T74" y="T75"/>
                </a:cxn>
                <a:cxn ang="T128">
                  <a:pos x="T76" y="T77"/>
                </a:cxn>
                <a:cxn ang="T129">
                  <a:pos x="T78" y="T79"/>
                </a:cxn>
                <a:cxn ang="T130">
                  <a:pos x="T80" y="T81"/>
                </a:cxn>
                <a:cxn ang="T131">
                  <a:pos x="T82" y="T83"/>
                </a:cxn>
                <a:cxn ang="T132">
                  <a:pos x="T84" y="T85"/>
                </a:cxn>
                <a:cxn ang="T133">
                  <a:pos x="T86" y="T87"/>
                </a:cxn>
                <a:cxn ang="T134">
                  <a:pos x="T88" y="T89"/>
                </a:cxn>
              </a:cxnLst>
              <a:rect l="T135" t="T136" r="T137" b="T138"/>
              <a:pathLst>
                <a:path w="160" h="340">
                  <a:moveTo>
                    <a:pt x="116" y="318"/>
                  </a:moveTo>
                  <a:lnTo>
                    <a:pt x="123" y="311"/>
                  </a:lnTo>
                  <a:lnTo>
                    <a:pt x="125" y="311"/>
                  </a:lnTo>
                  <a:lnTo>
                    <a:pt x="125" y="308"/>
                  </a:lnTo>
                  <a:lnTo>
                    <a:pt x="127" y="306"/>
                  </a:lnTo>
                  <a:lnTo>
                    <a:pt x="128" y="305"/>
                  </a:lnTo>
                  <a:lnTo>
                    <a:pt x="132" y="298"/>
                  </a:lnTo>
                  <a:lnTo>
                    <a:pt x="137" y="293"/>
                  </a:lnTo>
                  <a:lnTo>
                    <a:pt x="142" y="289"/>
                  </a:lnTo>
                  <a:lnTo>
                    <a:pt x="147" y="286"/>
                  </a:lnTo>
                  <a:lnTo>
                    <a:pt x="150" y="286"/>
                  </a:lnTo>
                  <a:lnTo>
                    <a:pt x="154" y="286"/>
                  </a:lnTo>
                  <a:lnTo>
                    <a:pt x="155" y="286"/>
                  </a:lnTo>
                  <a:lnTo>
                    <a:pt x="157" y="286"/>
                  </a:lnTo>
                  <a:lnTo>
                    <a:pt x="155" y="283"/>
                  </a:lnTo>
                  <a:lnTo>
                    <a:pt x="155" y="279"/>
                  </a:lnTo>
                  <a:lnTo>
                    <a:pt x="157" y="274"/>
                  </a:lnTo>
                  <a:lnTo>
                    <a:pt x="157" y="271"/>
                  </a:lnTo>
                  <a:lnTo>
                    <a:pt x="159" y="269"/>
                  </a:lnTo>
                  <a:lnTo>
                    <a:pt x="159" y="266"/>
                  </a:lnTo>
                  <a:lnTo>
                    <a:pt x="160" y="264"/>
                  </a:lnTo>
                  <a:lnTo>
                    <a:pt x="157" y="261"/>
                  </a:lnTo>
                  <a:lnTo>
                    <a:pt x="155" y="259"/>
                  </a:lnTo>
                  <a:lnTo>
                    <a:pt x="154" y="257"/>
                  </a:lnTo>
                  <a:lnTo>
                    <a:pt x="150" y="255"/>
                  </a:lnTo>
                  <a:lnTo>
                    <a:pt x="149" y="254"/>
                  </a:lnTo>
                  <a:lnTo>
                    <a:pt x="149" y="247"/>
                  </a:lnTo>
                  <a:lnTo>
                    <a:pt x="147" y="242"/>
                  </a:lnTo>
                  <a:lnTo>
                    <a:pt x="143" y="239"/>
                  </a:lnTo>
                  <a:lnTo>
                    <a:pt x="142" y="235"/>
                  </a:lnTo>
                  <a:lnTo>
                    <a:pt x="138" y="233"/>
                  </a:lnTo>
                  <a:lnTo>
                    <a:pt x="137" y="233"/>
                  </a:lnTo>
                  <a:lnTo>
                    <a:pt x="133" y="232"/>
                  </a:lnTo>
                  <a:lnTo>
                    <a:pt x="127" y="223"/>
                  </a:lnTo>
                  <a:lnTo>
                    <a:pt x="61" y="5"/>
                  </a:lnTo>
                  <a:lnTo>
                    <a:pt x="54" y="2"/>
                  </a:lnTo>
                  <a:lnTo>
                    <a:pt x="47" y="0"/>
                  </a:lnTo>
                  <a:lnTo>
                    <a:pt x="42" y="2"/>
                  </a:lnTo>
                  <a:lnTo>
                    <a:pt x="37" y="5"/>
                  </a:lnTo>
                  <a:lnTo>
                    <a:pt x="33" y="8"/>
                  </a:lnTo>
                  <a:lnTo>
                    <a:pt x="32" y="10"/>
                  </a:lnTo>
                  <a:lnTo>
                    <a:pt x="30" y="13"/>
                  </a:lnTo>
                  <a:lnTo>
                    <a:pt x="33" y="15"/>
                  </a:lnTo>
                  <a:lnTo>
                    <a:pt x="37" y="24"/>
                  </a:lnTo>
                  <a:lnTo>
                    <a:pt x="32" y="25"/>
                  </a:lnTo>
                  <a:lnTo>
                    <a:pt x="33" y="32"/>
                  </a:lnTo>
                  <a:lnTo>
                    <a:pt x="28" y="34"/>
                  </a:lnTo>
                  <a:lnTo>
                    <a:pt x="28" y="39"/>
                  </a:lnTo>
                  <a:lnTo>
                    <a:pt x="30" y="39"/>
                  </a:lnTo>
                  <a:lnTo>
                    <a:pt x="32" y="49"/>
                  </a:lnTo>
                  <a:lnTo>
                    <a:pt x="32" y="51"/>
                  </a:lnTo>
                  <a:lnTo>
                    <a:pt x="33" y="54"/>
                  </a:lnTo>
                  <a:lnTo>
                    <a:pt x="33" y="56"/>
                  </a:lnTo>
                  <a:lnTo>
                    <a:pt x="33" y="61"/>
                  </a:lnTo>
                  <a:lnTo>
                    <a:pt x="33" y="64"/>
                  </a:lnTo>
                  <a:lnTo>
                    <a:pt x="32" y="68"/>
                  </a:lnTo>
                  <a:lnTo>
                    <a:pt x="28" y="73"/>
                  </a:lnTo>
                  <a:lnTo>
                    <a:pt x="28" y="74"/>
                  </a:lnTo>
                  <a:lnTo>
                    <a:pt x="30" y="74"/>
                  </a:lnTo>
                  <a:lnTo>
                    <a:pt x="32" y="76"/>
                  </a:lnTo>
                  <a:lnTo>
                    <a:pt x="32" y="79"/>
                  </a:lnTo>
                  <a:lnTo>
                    <a:pt x="33" y="83"/>
                  </a:lnTo>
                  <a:lnTo>
                    <a:pt x="35" y="85"/>
                  </a:lnTo>
                  <a:lnTo>
                    <a:pt x="37" y="90"/>
                  </a:lnTo>
                  <a:lnTo>
                    <a:pt x="39" y="93"/>
                  </a:lnTo>
                  <a:lnTo>
                    <a:pt x="39" y="98"/>
                  </a:lnTo>
                  <a:lnTo>
                    <a:pt x="39" y="101"/>
                  </a:lnTo>
                  <a:lnTo>
                    <a:pt x="39" y="107"/>
                  </a:lnTo>
                  <a:lnTo>
                    <a:pt x="37" y="112"/>
                  </a:lnTo>
                  <a:lnTo>
                    <a:pt x="33" y="117"/>
                  </a:lnTo>
                  <a:lnTo>
                    <a:pt x="30" y="122"/>
                  </a:lnTo>
                  <a:lnTo>
                    <a:pt x="23" y="127"/>
                  </a:lnTo>
                  <a:lnTo>
                    <a:pt x="17" y="132"/>
                  </a:lnTo>
                  <a:lnTo>
                    <a:pt x="17" y="134"/>
                  </a:lnTo>
                  <a:lnTo>
                    <a:pt x="17" y="132"/>
                  </a:lnTo>
                  <a:lnTo>
                    <a:pt x="10" y="139"/>
                  </a:lnTo>
                  <a:lnTo>
                    <a:pt x="10" y="140"/>
                  </a:lnTo>
                  <a:lnTo>
                    <a:pt x="10" y="144"/>
                  </a:lnTo>
                  <a:lnTo>
                    <a:pt x="11" y="147"/>
                  </a:lnTo>
                  <a:lnTo>
                    <a:pt x="11" y="152"/>
                  </a:lnTo>
                  <a:lnTo>
                    <a:pt x="11" y="157"/>
                  </a:lnTo>
                  <a:lnTo>
                    <a:pt x="11" y="162"/>
                  </a:lnTo>
                  <a:lnTo>
                    <a:pt x="11" y="167"/>
                  </a:lnTo>
                  <a:lnTo>
                    <a:pt x="11" y="174"/>
                  </a:lnTo>
                  <a:lnTo>
                    <a:pt x="11" y="179"/>
                  </a:lnTo>
                  <a:lnTo>
                    <a:pt x="11" y="186"/>
                  </a:lnTo>
                  <a:lnTo>
                    <a:pt x="10" y="193"/>
                  </a:lnTo>
                  <a:lnTo>
                    <a:pt x="10" y="198"/>
                  </a:lnTo>
                  <a:lnTo>
                    <a:pt x="8" y="203"/>
                  </a:lnTo>
                  <a:lnTo>
                    <a:pt x="8" y="208"/>
                  </a:lnTo>
                  <a:lnTo>
                    <a:pt x="6" y="211"/>
                  </a:lnTo>
                  <a:lnTo>
                    <a:pt x="6" y="215"/>
                  </a:lnTo>
                  <a:lnTo>
                    <a:pt x="5" y="218"/>
                  </a:lnTo>
                  <a:lnTo>
                    <a:pt x="5" y="222"/>
                  </a:lnTo>
                  <a:lnTo>
                    <a:pt x="5" y="223"/>
                  </a:lnTo>
                  <a:lnTo>
                    <a:pt x="3" y="228"/>
                  </a:lnTo>
                  <a:lnTo>
                    <a:pt x="1" y="233"/>
                  </a:lnTo>
                  <a:lnTo>
                    <a:pt x="0" y="240"/>
                  </a:lnTo>
                  <a:lnTo>
                    <a:pt x="0" y="247"/>
                  </a:lnTo>
                  <a:lnTo>
                    <a:pt x="0" y="254"/>
                  </a:lnTo>
                  <a:lnTo>
                    <a:pt x="1" y="261"/>
                  </a:lnTo>
                  <a:lnTo>
                    <a:pt x="5" y="267"/>
                  </a:lnTo>
                  <a:lnTo>
                    <a:pt x="6" y="267"/>
                  </a:lnTo>
                  <a:lnTo>
                    <a:pt x="6" y="271"/>
                  </a:lnTo>
                  <a:lnTo>
                    <a:pt x="6" y="274"/>
                  </a:lnTo>
                  <a:lnTo>
                    <a:pt x="6" y="277"/>
                  </a:lnTo>
                  <a:lnTo>
                    <a:pt x="6" y="281"/>
                  </a:lnTo>
                  <a:lnTo>
                    <a:pt x="6" y="284"/>
                  </a:lnTo>
                  <a:lnTo>
                    <a:pt x="6" y="286"/>
                  </a:lnTo>
                  <a:lnTo>
                    <a:pt x="6" y="288"/>
                  </a:lnTo>
                  <a:lnTo>
                    <a:pt x="8" y="289"/>
                  </a:lnTo>
                  <a:lnTo>
                    <a:pt x="8" y="293"/>
                  </a:lnTo>
                  <a:lnTo>
                    <a:pt x="10" y="296"/>
                  </a:lnTo>
                  <a:lnTo>
                    <a:pt x="10" y="299"/>
                  </a:lnTo>
                  <a:lnTo>
                    <a:pt x="10" y="305"/>
                  </a:lnTo>
                  <a:lnTo>
                    <a:pt x="10" y="308"/>
                  </a:lnTo>
                  <a:lnTo>
                    <a:pt x="6" y="311"/>
                  </a:lnTo>
                  <a:lnTo>
                    <a:pt x="6" y="313"/>
                  </a:lnTo>
                  <a:lnTo>
                    <a:pt x="6" y="315"/>
                  </a:lnTo>
                  <a:lnTo>
                    <a:pt x="6" y="320"/>
                  </a:lnTo>
                  <a:lnTo>
                    <a:pt x="6" y="323"/>
                  </a:lnTo>
                  <a:lnTo>
                    <a:pt x="6" y="328"/>
                  </a:lnTo>
                  <a:lnTo>
                    <a:pt x="8" y="333"/>
                  </a:lnTo>
                  <a:lnTo>
                    <a:pt x="10" y="337"/>
                  </a:lnTo>
                  <a:lnTo>
                    <a:pt x="15" y="340"/>
                  </a:lnTo>
                  <a:lnTo>
                    <a:pt x="116" y="318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967" name="Group 177"/>
            <p:cNvGrpSpPr>
              <a:grpSpLocks/>
            </p:cNvGrpSpPr>
            <p:nvPr/>
          </p:nvGrpSpPr>
          <p:grpSpPr bwMode="auto">
            <a:xfrm>
              <a:off x="3502" y="2791"/>
              <a:ext cx="368" cy="598"/>
              <a:chOff x="3720" y="2429"/>
              <a:chExt cx="378" cy="616"/>
            </a:xfrm>
          </p:grpSpPr>
          <p:sp>
            <p:nvSpPr>
              <p:cNvPr id="979" name="Freeform 178"/>
              <p:cNvSpPr>
                <a:spLocks/>
              </p:cNvSpPr>
              <p:nvPr/>
            </p:nvSpPr>
            <p:spPr bwMode="auto">
              <a:xfrm>
                <a:off x="3720" y="2429"/>
                <a:ext cx="378" cy="616"/>
              </a:xfrm>
              <a:custGeom>
                <a:avLst/>
                <a:gdLst>
                  <a:gd name="T0" fmla="*/ 51 w 378"/>
                  <a:gd name="T1" fmla="*/ 607 h 616"/>
                  <a:gd name="T2" fmla="*/ 54 w 378"/>
                  <a:gd name="T3" fmla="*/ 592 h 616"/>
                  <a:gd name="T4" fmla="*/ 75 w 378"/>
                  <a:gd name="T5" fmla="*/ 548 h 616"/>
                  <a:gd name="T6" fmla="*/ 97 w 378"/>
                  <a:gd name="T7" fmla="*/ 605 h 616"/>
                  <a:gd name="T8" fmla="*/ 92 w 378"/>
                  <a:gd name="T9" fmla="*/ 607 h 616"/>
                  <a:gd name="T10" fmla="*/ 81 w 378"/>
                  <a:gd name="T11" fmla="*/ 611 h 616"/>
                  <a:gd name="T12" fmla="*/ 73 w 378"/>
                  <a:gd name="T13" fmla="*/ 614 h 616"/>
                  <a:gd name="T14" fmla="*/ 70 w 378"/>
                  <a:gd name="T15" fmla="*/ 616 h 616"/>
                  <a:gd name="T16" fmla="*/ 83 w 378"/>
                  <a:gd name="T17" fmla="*/ 614 h 616"/>
                  <a:gd name="T18" fmla="*/ 98 w 378"/>
                  <a:gd name="T19" fmla="*/ 611 h 616"/>
                  <a:gd name="T20" fmla="*/ 110 w 378"/>
                  <a:gd name="T21" fmla="*/ 607 h 616"/>
                  <a:gd name="T22" fmla="*/ 115 w 378"/>
                  <a:gd name="T23" fmla="*/ 607 h 616"/>
                  <a:gd name="T24" fmla="*/ 114 w 378"/>
                  <a:gd name="T25" fmla="*/ 604 h 616"/>
                  <a:gd name="T26" fmla="*/ 112 w 378"/>
                  <a:gd name="T27" fmla="*/ 600 h 616"/>
                  <a:gd name="T28" fmla="*/ 122 w 378"/>
                  <a:gd name="T29" fmla="*/ 590 h 616"/>
                  <a:gd name="T30" fmla="*/ 125 w 378"/>
                  <a:gd name="T31" fmla="*/ 585 h 616"/>
                  <a:gd name="T32" fmla="*/ 125 w 378"/>
                  <a:gd name="T33" fmla="*/ 582 h 616"/>
                  <a:gd name="T34" fmla="*/ 125 w 378"/>
                  <a:gd name="T35" fmla="*/ 582 h 616"/>
                  <a:gd name="T36" fmla="*/ 125 w 378"/>
                  <a:gd name="T37" fmla="*/ 580 h 616"/>
                  <a:gd name="T38" fmla="*/ 125 w 378"/>
                  <a:gd name="T39" fmla="*/ 577 h 616"/>
                  <a:gd name="T40" fmla="*/ 124 w 378"/>
                  <a:gd name="T41" fmla="*/ 572 h 616"/>
                  <a:gd name="T42" fmla="*/ 124 w 378"/>
                  <a:gd name="T43" fmla="*/ 570 h 616"/>
                  <a:gd name="T44" fmla="*/ 127 w 378"/>
                  <a:gd name="T45" fmla="*/ 558 h 616"/>
                  <a:gd name="T46" fmla="*/ 119 w 378"/>
                  <a:gd name="T47" fmla="*/ 548 h 616"/>
                  <a:gd name="T48" fmla="*/ 109 w 378"/>
                  <a:gd name="T49" fmla="*/ 539 h 616"/>
                  <a:gd name="T50" fmla="*/ 103 w 378"/>
                  <a:gd name="T51" fmla="*/ 538 h 616"/>
                  <a:gd name="T52" fmla="*/ 378 w 378"/>
                  <a:gd name="T53" fmla="*/ 489 h 616"/>
                  <a:gd name="T54" fmla="*/ 361 w 378"/>
                  <a:gd name="T55" fmla="*/ 455 h 616"/>
                  <a:gd name="T56" fmla="*/ 361 w 378"/>
                  <a:gd name="T57" fmla="*/ 445 h 616"/>
                  <a:gd name="T58" fmla="*/ 361 w 378"/>
                  <a:gd name="T59" fmla="*/ 431 h 616"/>
                  <a:gd name="T60" fmla="*/ 359 w 378"/>
                  <a:gd name="T61" fmla="*/ 421 h 616"/>
                  <a:gd name="T62" fmla="*/ 354 w 378"/>
                  <a:gd name="T63" fmla="*/ 413 h 616"/>
                  <a:gd name="T64" fmla="*/ 349 w 378"/>
                  <a:gd name="T65" fmla="*/ 399 h 616"/>
                  <a:gd name="T66" fmla="*/ 349 w 378"/>
                  <a:gd name="T67" fmla="*/ 385 h 616"/>
                  <a:gd name="T68" fmla="*/ 351 w 378"/>
                  <a:gd name="T69" fmla="*/ 377 h 616"/>
                  <a:gd name="T70" fmla="*/ 351 w 378"/>
                  <a:gd name="T71" fmla="*/ 367 h 616"/>
                  <a:gd name="T72" fmla="*/ 351 w 378"/>
                  <a:gd name="T73" fmla="*/ 355 h 616"/>
                  <a:gd name="T74" fmla="*/ 352 w 378"/>
                  <a:gd name="T75" fmla="*/ 348 h 616"/>
                  <a:gd name="T76" fmla="*/ 354 w 378"/>
                  <a:gd name="T77" fmla="*/ 345 h 616"/>
                  <a:gd name="T78" fmla="*/ 361 w 378"/>
                  <a:gd name="T79" fmla="*/ 336 h 616"/>
                  <a:gd name="T80" fmla="*/ 364 w 378"/>
                  <a:gd name="T81" fmla="*/ 328 h 616"/>
                  <a:gd name="T82" fmla="*/ 361 w 378"/>
                  <a:gd name="T83" fmla="*/ 323 h 616"/>
                  <a:gd name="T84" fmla="*/ 357 w 378"/>
                  <a:gd name="T85" fmla="*/ 321 h 616"/>
                  <a:gd name="T86" fmla="*/ 356 w 378"/>
                  <a:gd name="T87" fmla="*/ 314 h 616"/>
                  <a:gd name="T88" fmla="*/ 352 w 378"/>
                  <a:gd name="T89" fmla="*/ 304 h 616"/>
                  <a:gd name="T90" fmla="*/ 349 w 378"/>
                  <a:gd name="T91" fmla="*/ 297 h 616"/>
                  <a:gd name="T92" fmla="*/ 347 w 378"/>
                  <a:gd name="T93" fmla="*/ 296 h 616"/>
                  <a:gd name="T94" fmla="*/ 329 w 378"/>
                  <a:gd name="T95" fmla="*/ 257 h 616"/>
                  <a:gd name="T96" fmla="*/ 257 w 378"/>
                  <a:gd name="T97" fmla="*/ 0 h 616"/>
                  <a:gd name="T98" fmla="*/ 0 w 378"/>
                  <a:gd name="T99" fmla="*/ 414 h 616"/>
                  <a:gd name="T100" fmla="*/ 44 w 378"/>
                  <a:gd name="T101" fmla="*/ 599 h 61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w 378"/>
                  <a:gd name="T154" fmla="*/ 0 h 616"/>
                  <a:gd name="T155" fmla="*/ 378 w 378"/>
                  <a:gd name="T156" fmla="*/ 616 h 616"/>
                </a:gdLst>
                <a:ahLst/>
                <a:cxnLst>
                  <a:cxn ang="T102">
                    <a:pos x="T0" y="T1"/>
                  </a:cxn>
                  <a:cxn ang="T103">
                    <a:pos x="T2" y="T3"/>
                  </a:cxn>
                  <a:cxn ang="T104">
                    <a:pos x="T4" y="T5"/>
                  </a:cxn>
                  <a:cxn ang="T105">
                    <a:pos x="T6" y="T7"/>
                  </a:cxn>
                  <a:cxn ang="T106">
                    <a:pos x="T8" y="T9"/>
                  </a:cxn>
                  <a:cxn ang="T107">
                    <a:pos x="T10" y="T11"/>
                  </a:cxn>
                  <a:cxn ang="T108">
                    <a:pos x="T12" y="T13"/>
                  </a:cxn>
                  <a:cxn ang="T109">
                    <a:pos x="T14" y="T15"/>
                  </a:cxn>
                  <a:cxn ang="T110">
                    <a:pos x="T16" y="T17"/>
                  </a:cxn>
                  <a:cxn ang="T111">
                    <a:pos x="T18" y="T19"/>
                  </a:cxn>
                  <a:cxn ang="T112">
                    <a:pos x="T20" y="T21"/>
                  </a:cxn>
                  <a:cxn ang="T113">
                    <a:pos x="T22" y="T23"/>
                  </a:cxn>
                  <a:cxn ang="T114">
                    <a:pos x="T24" y="T25"/>
                  </a:cxn>
                  <a:cxn ang="T115">
                    <a:pos x="T26" y="T27"/>
                  </a:cxn>
                  <a:cxn ang="T116">
                    <a:pos x="T28" y="T29"/>
                  </a:cxn>
                  <a:cxn ang="T117">
                    <a:pos x="T30" y="T31"/>
                  </a:cxn>
                  <a:cxn ang="T118">
                    <a:pos x="T32" y="T33"/>
                  </a:cxn>
                  <a:cxn ang="T119">
                    <a:pos x="T34" y="T35"/>
                  </a:cxn>
                  <a:cxn ang="T120">
                    <a:pos x="T36" y="T37"/>
                  </a:cxn>
                  <a:cxn ang="T121">
                    <a:pos x="T38" y="T39"/>
                  </a:cxn>
                  <a:cxn ang="T122">
                    <a:pos x="T40" y="T41"/>
                  </a:cxn>
                  <a:cxn ang="T123">
                    <a:pos x="T42" y="T43"/>
                  </a:cxn>
                  <a:cxn ang="T124">
                    <a:pos x="T44" y="T45"/>
                  </a:cxn>
                  <a:cxn ang="T125">
                    <a:pos x="T46" y="T47"/>
                  </a:cxn>
                  <a:cxn ang="T126">
                    <a:pos x="T48" y="T49"/>
                  </a:cxn>
                  <a:cxn ang="T127">
                    <a:pos x="T50" y="T51"/>
                  </a:cxn>
                  <a:cxn ang="T128">
                    <a:pos x="T52" y="T53"/>
                  </a:cxn>
                  <a:cxn ang="T129">
                    <a:pos x="T54" y="T55"/>
                  </a:cxn>
                  <a:cxn ang="T130">
                    <a:pos x="T56" y="T57"/>
                  </a:cxn>
                  <a:cxn ang="T131">
                    <a:pos x="T58" y="T59"/>
                  </a:cxn>
                  <a:cxn ang="T132">
                    <a:pos x="T60" y="T61"/>
                  </a:cxn>
                  <a:cxn ang="T133">
                    <a:pos x="T62" y="T63"/>
                  </a:cxn>
                  <a:cxn ang="T134">
                    <a:pos x="T64" y="T65"/>
                  </a:cxn>
                  <a:cxn ang="T135">
                    <a:pos x="T66" y="T67"/>
                  </a:cxn>
                  <a:cxn ang="T136">
                    <a:pos x="T68" y="T69"/>
                  </a:cxn>
                  <a:cxn ang="T137">
                    <a:pos x="T70" y="T71"/>
                  </a:cxn>
                  <a:cxn ang="T138">
                    <a:pos x="T72" y="T73"/>
                  </a:cxn>
                  <a:cxn ang="T139">
                    <a:pos x="T74" y="T75"/>
                  </a:cxn>
                  <a:cxn ang="T140">
                    <a:pos x="T76" y="T77"/>
                  </a:cxn>
                  <a:cxn ang="T141">
                    <a:pos x="T78" y="T79"/>
                  </a:cxn>
                  <a:cxn ang="T142">
                    <a:pos x="T80" y="T81"/>
                  </a:cxn>
                  <a:cxn ang="T143">
                    <a:pos x="T82" y="T83"/>
                  </a:cxn>
                  <a:cxn ang="T144">
                    <a:pos x="T84" y="T85"/>
                  </a:cxn>
                  <a:cxn ang="T145">
                    <a:pos x="T86" y="T87"/>
                  </a:cxn>
                  <a:cxn ang="T146">
                    <a:pos x="T88" y="T89"/>
                  </a:cxn>
                  <a:cxn ang="T147">
                    <a:pos x="T90" y="T91"/>
                  </a:cxn>
                  <a:cxn ang="T148">
                    <a:pos x="T92" y="T93"/>
                  </a:cxn>
                  <a:cxn ang="T149">
                    <a:pos x="T94" y="T95"/>
                  </a:cxn>
                  <a:cxn ang="T150">
                    <a:pos x="T96" y="T97"/>
                  </a:cxn>
                  <a:cxn ang="T151">
                    <a:pos x="T98" y="T99"/>
                  </a:cxn>
                  <a:cxn ang="T152">
                    <a:pos x="T100" y="T101"/>
                  </a:cxn>
                </a:cxnLst>
                <a:rect l="T153" t="T154" r="T155" b="T156"/>
                <a:pathLst>
                  <a:path w="378" h="616">
                    <a:moveTo>
                      <a:pt x="44" y="599"/>
                    </a:moveTo>
                    <a:lnTo>
                      <a:pt x="51" y="607"/>
                    </a:lnTo>
                    <a:lnTo>
                      <a:pt x="58" y="600"/>
                    </a:lnTo>
                    <a:lnTo>
                      <a:pt x="54" y="592"/>
                    </a:lnTo>
                    <a:lnTo>
                      <a:pt x="61" y="550"/>
                    </a:lnTo>
                    <a:lnTo>
                      <a:pt x="75" y="548"/>
                    </a:lnTo>
                    <a:lnTo>
                      <a:pt x="73" y="587"/>
                    </a:lnTo>
                    <a:lnTo>
                      <a:pt x="97" y="605"/>
                    </a:lnTo>
                    <a:lnTo>
                      <a:pt x="95" y="605"/>
                    </a:lnTo>
                    <a:lnTo>
                      <a:pt x="92" y="607"/>
                    </a:lnTo>
                    <a:lnTo>
                      <a:pt x="87" y="609"/>
                    </a:lnTo>
                    <a:lnTo>
                      <a:pt x="81" y="611"/>
                    </a:lnTo>
                    <a:lnTo>
                      <a:pt x="76" y="612"/>
                    </a:lnTo>
                    <a:lnTo>
                      <a:pt x="73" y="614"/>
                    </a:lnTo>
                    <a:lnTo>
                      <a:pt x="70" y="616"/>
                    </a:lnTo>
                    <a:lnTo>
                      <a:pt x="76" y="616"/>
                    </a:lnTo>
                    <a:lnTo>
                      <a:pt x="83" y="614"/>
                    </a:lnTo>
                    <a:lnTo>
                      <a:pt x="92" y="612"/>
                    </a:lnTo>
                    <a:lnTo>
                      <a:pt x="98" y="611"/>
                    </a:lnTo>
                    <a:lnTo>
                      <a:pt x="105" y="609"/>
                    </a:lnTo>
                    <a:lnTo>
                      <a:pt x="110" y="607"/>
                    </a:lnTo>
                    <a:lnTo>
                      <a:pt x="114" y="607"/>
                    </a:lnTo>
                    <a:lnTo>
                      <a:pt x="115" y="607"/>
                    </a:lnTo>
                    <a:lnTo>
                      <a:pt x="115" y="605"/>
                    </a:lnTo>
                    <a:lnTo>
                      <a:pt x="114" y="604"/>
                    </a:lnTo>
                    <a:lnTo>
                      <a:pt x="112" y="602"/>
                    </a:lnTo>
                    <a:lnTo>
                      <a:pt x="112" y="600"/>
                    </a:lnTo>
                    <a:lnTo>
                      <a:pt x="117" y="595"/>
                    </a:lnTo>
                    <a:lnTo>
                      <a:pt x="122" y="590"/>
                    </a:lnTo>
                    <a:lnTo>
                      <a:pt x="124" y="587"/>
                    </a:lnTo>
                    <a:lnTo>
                      <a:pt x="125" y="585"/>
                    </a:lnTo>
                    <a:lnTo>
                      <a:pt x="125" y="583"/>
                    </a:lnTo>
                    <a:lnTo>
                      <a:pt x="125" y="582"/>
                    </a:lnTo>
                    <a:lnTo>
                      <a:pt x="125" y="580"/>
                    </a:lnTo>
                    <a:lnTo>
                      <a:pt x="125" y="578"/>
                    </a:lnTo>
                    <a:lnTo>
                      <a:pt x="125" y="577"/>
                    </a:lnTo>
                    <a:lnTo>
                      <a:pt x="124" y="573"/>
                    </a:lnTo>
                    <a:lnTo>
                      <a:pt x="124" y="572"/>
                    </a:lnTo>
                    <a:lnTo>
                      <a:pt x="124" y="570"/>
                    </a:lnTo>
                    <a:lnTo>
                      <a:pt x="127" y="565"/>
                    </a:lnTo>
                    <a:lnTo>
                      <a:pt x="127" y="558"/>
                    </a:lnTo>
                    <a:lnTo>
                      <a:pt x="124" y="553"/>
                    </a:lnTo>
                    <a:lnTo>
                      <a:pt x="119" y="548"/>
                    </a:lnTo>
                    <a:lnTo>
                      <a:pt x="114" y="545"/>
                    </a:lnTo>
                    <a:lnTo>
                      <a:pt x="109" y="539"/>
                    </a:lnTo>
                    <a:lnTo>
                      <a:pt x="105" y="538"/>
                    </a:lnTo>
                    <a:lnTo>
                      <a:pt x="103" y="538"/>
                    </a:lnTo>
                    <a:lnTo>
                      <a:pt x="102" y="516"/>
                    </a:lnTo>
                    <a:lnTo>
                      <a:pt x="378" y="489"/>
                    </a:lnTo>
                    <a:lnTo>
                      <a:pt x="361" y="457"/>
                    </a:lnTo>
                    <a:lnTo>
                      <a:pt x="361" y="455"/>
                    </a:lnTo>
                    <a:lnTo>
                      <a:pt x="361" y="450"/>
                    </a:lnTo>
                    <a:lnTo>
                      <a:pt x="361" y="445"/>
                    </a:lnTo>
                    <a:lnTo>
                      <a:pt x="361" y="438"/>
                    </a:lnTo>
                    <a:lnTo>
                      <a:pt x="361" y="431"/>
                    </a:lnTo>
                    <a:lnTo>
                      <a:pt x="359" y="424"/>
                    </a:lnTo>
                    <a:lnTo>
                      <a:pt x="359" y="421"/>
                    </a:lnTo>
                    <a:lnTo>
                      <a:pt x="359" y="418"/>
                    </a:lnTo>
                    <a:lnTo>
                      <a:pt x="354" y="413"/>
                    </a:lnTo>
                    <a:lnTo>
                      <a:pt x="351" y="406"/>
                    </a:lnTo>
                    <a:lnTo>
                      <a:pt x="349" y="399"/>
                    </a:lnTo>
                    <a:lnTo>
                      <a:pt x="349" y="391"/>
                    </a:lnTo>
                    <a:lnTo>
                      <a:pt x="349" y="385"/>
                    </a:lnTo>
                    <a:lnTo>
                      <a:pt x="349" y="380"/>
                    </a:lnTo>
                    <a:lnTo>
                      <a:pt x="351" y="377"/>
                    </a:lnTo>
                    <a:lnTo>
                      <a:pt x="351" y="374"/>
                    </a:lnTo>
                    <a:lnTo>
                      <a:pt x="351" y="367"/>
                    </a:lnTo>
                    <a:lnTo>
                      <a:pt x="351" y="360"/>
                    </a:lnTo>
                    <a:lnTo>
                      <a:pt x="351" y="355"/>
                    </a:lnTo>
                    <a:lnTo>
                      <a:pt x="352" y="350"/>
                    </a:lnTo>
                    <a:lnTo>
                      <a:pt x="352" y="348"/>
                    </a:lnTo>
                    <a:lnTo>
                      <a:pt x="352" y="345"/>
                    </a:lnTo>
                    <a:lnTo>
                      <a:pt x="354" y="345"/>
                    </a:lnTo>
                    <a:lnTo>
                      <a:pt x="354" y="343"/>
                    </a:lnTo>
                    <a:lnTo>
                      <a:pt x="361" y="336"/>
                    </a:lnTo>
                    <a:lnTo>
                      <a:pt x="364" y="331"/>
                    </a:lnTo>
                    <a:lnTo>
                      <a:pt x="364" y="328"/>
                    </a:lnTo>
                    <a:lnTo>
                      <a:pt x="364" y="325"/>
                    </a:lnTo>
                    <a:lnTo>
                      <a:pt x="361" y="323"/>
                    </a:lnTo>
                    <a:lnTo>
                      <a:pt x="359" y="323"/>
                    </a:lnTo>
                    <a:lnTo>
                      <a:pt x="357" y="321"/>
                    </a:lnTo>
                    <a:lnTo>
                      <a:pt x="356" y="319"/>
                    </a:lnTo>
                    <a:lnTo>
                      <a:pt x="356" y="314"/>
                    </a:lnTo>
                    <a:lnTo>
                      <a:pt x="356" y="308"/>
                    </a:lnTo>
                    <a:lnTo>
                      <a:pt x="352" y="304"/>
                    </a:lnTo>
                    <a:lnTo>
                      <a:pt x="351" y="301"/>
                    </a:lnTo>
                    <a:lnTo>
                      <a:pt x="349" y="297"/>
                    </a:lnTo>
                    <a:lnTo>
                      <a:pt x="347" y="296"/>
                    </a:lnTo>
                    <a:lnTo>
                      <a:pt x="345" y="294"/>
                    </a:lnTo>
                    <a:lnTo>
                      <a:pt x="329" y="257"/>
                    </a:lnTo>
                    <a:lnTo>
                      <a:pt x="256" y="0"/>
                    </a:lnTo>
                    <a:lnTo>
                      <a:pt x="257" y="0"/>
                    </a:lnTo>
                    <a:lnTo>
                      <a:pt x="5" y="22"/>
                    </a:lnTo>
                    <a:lnTo>
                      <a:pt x="0" y="414"/>
                    </a:lnTo>
                    <a:lnTo>
                      <a:pt x="24" y="599"/>
                    </a:lnTo>
                    <a:lnTo>
                      <a:pt x="44" y="59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80" name="Freeform 179"/>
              <p:cNvSpPr>
                <a:spLocks/>
              </p:cNvSpPr>
              <p:nvPr/>
            </p:nvSpPr>
            <p:spPr bwMode="auto">
              <a:xfrm>
                <a:off x="3720" y="2429"/>
                <a:ext cx="378" cy="616"/>
              </a:xfrm>
              <a:custGeom>
                <a:avLst/>
                <a:gdLst>
                  <a:gd name="T0" fmla="*/ 51 w 378"/>
                  <a:gd name="T1" fmla="*/ 607 h 616"/>
                  <a:gd name="T2" fmla="*/ 54 w 378"/>
                  <a:gd name="T3" fmla="*/ 592 h 616"/>
                  <a:gd name="T4" fmla="*/ 75 w 378"/>
                  <a:gd name="T5" fmla="*/ 548 h 616"/>
                  <a:gd name="T6" fmla="*/ 97 w 378"/>
                  <a:gd name="T7" fmla="*/ 605 h 616"/>
                  <a:gd name="T8" fmla="*/ 95 w 378"/>
                  <a:gd name="T9" fmla="*/ 605 h 616"/>
                  <a:gd name="T10" fmla="*/ 87 w 378"/>
                  <a:gd name="T11" fmla="*/ 609 h 616"/>
                  <a:gd name="T12" fmla="*/ 76 w 378"/>
                  <a:gd name="T13" fmla="*/ 612 h 616"/>
                  <a:gd name="T14" fmla="*/ 70 w 378"/>
                  <a:gd name="T15" fmla="*/ 616 h 616"/>
                  <a:gd name="T16" fmla="*/ 70 w 378"/>
                  <a:gd name="T17" fmla="*/ 616 h 616"/>
                  <a:gd name="T18" fmla="*/ 83 w 378"/>
                  <a:gd name="T19" fmla="*/ 614 h 616"/>
                  <a:gd name="T20" fmla="*/ 98 w 378"/>
                  <a:gd name="T21" fmla="*/ 611 h 616"/>
                  <a:gd name="T22" fmla="*/ 110 w 378"/>
                  <a:gd name="T23" fmla="*/ 607 h 616"/>
                  <a:gd name="T24" fmla="*/ 115 w 378"/>
                  <a:gd name="T25" fmla="*/ 607 h 616"/>
                  <a:gd name="T26" fmla="*/ 115 w 378"/>
                  <a:gd name="T27" fmla="*/ 605 h 616"/>
                  <a:gd name="T28" fmla="*/ 112 w 378"/>
                  <a:gd name="T29" fmla="*/ 602 h 616"/>
                  <a:gd name="T30" fmla="*/ 112 w 378"/>
                  <a:gd name="T31" fmla="*/ 600 h 616"/>
                  <a:gd name="T32" fmla="*/ 122 w 378"/>
                  <a:gd name="T33" fmla="*/ 590 h 616"/>
                  <a:gd name="T34" fmla="*/ 125 w 378"/>
                  <a:gd name="T35" fmla="*/ 585 h 616"/>
                  <a:gd name="T36" fmla="*/ 125 w 378"/>
                  <a:gd name="T37" fmla="*/ 582 h 616"/>
                  <a:gd name="T38" fmla="*/ 125 w 378"/>
                  <a:gd name="T39" fmla="*/ 582 h 616"/>
                  <a:gd name="T40" fmla="*/ 125 w 378"/>
                  <a:gd name="T41" fmla="*/ 582 h 616"/>
                  <a:gd name="T42" fmla="*/ 125 w 378"/>
                  <a:gd name="T43" fmla="*/ 578 h 616"/>
                  <a:gd name="T44" fmla="*/ 124 w 378"/>
                  <a:gd name="T45" fmla="*/ 573 h 616"/>
                  <a:gd name="T46" fmla="*/ 124 w 378"/>
                  <a:gd name="T47" fmla="*/ 570 h 616"/>
                  <a:gd name="T48" fmla="*/ 124 w 378"/>
                  <a:gd name="T49" fmla="*/ 570 h 616"/>
                  <a:gd name="T50" fmla="*/ 127 w 378"/>
                  <a:gd name="T51" fmla="*/ 558 h 616"/>
                  <a:gd name="T52" fmla="*/ 119 w 378"/>
                  <a:gd name="T53" fmla="*/ 548 h 616"/>
                  <a:gd name="T54" fmla="*/ 109 w 378"/>
                  <a:gd name="T55" fmla="*/ 539 h 616"/>
                  <a:gd name="T56" fmla="*/ 103 w 378"/>
                  <a:gd name="T57" fmla="*/ 538 h 616"/>
                  <a:gd name="T58" fmla="*/ 378 w 378"/>
                  <a:gd name="T59" fmla="*/ 489 h 616"/>
                  <a:gd name="T60" fmla="*/ 361 w 378"/>
                  <a:gd name="T61" fmla="*/ 457 h 616"/>
                  <a:gd name="T62" fmla="*/ 361 w 378"/>
                  <a:gd name="T63" fmla="*/ 450 h 616"/>
                  <a:gd name="T64" fmla="*/ 361 w 378"/>
                  <a:gd name="T65" fmla="*/ 438 h 616"/>
                  <a:gd name="T66" fmla="*/ 359 w 378"/>
                  <a:gd name="T67" fmla="*/ 424 h 616"/>
                  <a:gd name="T68" fmla="*/ 359 w 378"/>
                  <a:gd name="T69" fmla="*/ 418 h 616"/>
                  <a:gd name="T70" fmla="*/ 354 w 378"/>
                  <a:gd name="T71" fmla="*/ 413 h 616"/>
                  <a:gd name="T72" fmla="*/ 349 w 378"/>
                  <a:gd name="T73" fmla="*/ 399 h 616"/>
                  <a:gd name="T74" fmla="*/ 349 w 378"/>
                  <a:gd name="T75" fmla="*/ 385 h 616"/>
                  <a:gd name="T76" fmla="*/ 351 w 378"/>
                  <a:gd name="T77" fmla="*/ 377 h 616"/>
                  <a:gd name="T78" fmla="*/ 351 w 378"/>
                  <a:gd name="T79" fmla="*/ 374 h 616"/>
                  <a:gd name="T80" fmla="*/ 351 w 378"/>
                  <a:gd name="T81" fmla="*/ 360 h 616"/>
                  <a:gd name="T82" fmla="*/ 352 w 378"/>
                  <a:gd name="T83" fmla="*/ 350 h 616"/>
                  <a:gd name="T84" fmla="*/ 352 w 378"/>
                  <a:gd name="T85" fmla="*/ 345 h 616"/>
                  <a:gd name="T86" fmla="*/ 354 w 378"/>
                  <a:gd name="T87" fmla="*/ 343 h 616"/>
                  <a:gd name="T88" fmla="*/ 361 w 378"/>
                  <a:gd name="T89" fmla="*/ 336 h 616"/>
                  <a:gd name="T90" fmla="*/ 364 w 378"/>
                  <a:gd name="T91" fmla="*/ 328 h 616"/>
                  <a:gd name="T92" fmla="*/ 361 w 378"/>
                  <a:gd name="T93" fmla="*/ 323 h 616"/>
                  <a:gd name="T94" fmla="*/ 357 w 378"/>
                  <a:gd name="T95" fmla="*/ 321 h 616"/>
                  <a:gd name="T96" fmla="*/ 356 w 378"/>
                  <a:gd name="T97" fmla="*/ 319 h 616"/>
                  <a:gd name="T98" fmla="*/ 356 w 378"/>
                  <a:gd name="T99" fmla="*/ 308 h 616"/>
                  <a:gd name="T100" fmla="*/ 351 w 378"/>
                  <a:gd name="T101" fmla="*/ 301 h 616"/>
                  <a:gd name="T102" fmla="*/ 347 w 378"/>
                  <a:gd name="T103" fmla="*/ 296 h 616"/>
                  <a:gd name="T104" fmla="*/ 345 w 378"/>
                  <a:gd name="T105" fmla="*/ 294 h 616"/>
                  <a:gd name="T106" fmla="*/ 256 w 378"/>
                  <a:gd name="T107" fmla="*/ 0 h 616"/>
                  <a:gd name="T108" fmla="*/ 5 w 378"/>
                  <a:gd name="T109" fmla="*/ 22 h 616"/>
                  <a:gd name="T110" fmla="*/ 24 w 378"/>
                  <a:gd name="T111" fmla="*/ 599 h 61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378"/>
                  <a:gd name="T169" fmla="*/ 0 h 616"/>
                  <a:gd name="T170" fmla="*/ 378 w 378"/>
                  <a:gd name="T171" fmla="*/ 616 h 616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378" h="616">
                    <a:moveTo>
                      <a:pt x="44" y="599"/>
                    </a:moveTo>
                    <a:lnTo>
                      <a:pt x="51" y="607"/>
                    </a:lnTo>
                    <a:lnTo>
                      <a:pt x="58" y="600"/>
                    </a:lnTo>
                    <a:lnTo>
                      <a:pt x="54" y="592"/>
                    </a:lnTo>
                    <a:lnTo>
                      <a:pt x="61" y="550"/>
                    </a:lnTo>
                    <a:lnTo>
                      <a:pt x="75" y="548"/>
                    </a:lnTo>
                    <a:lnTo>
                      <a:pt x="73" y="587"/>
                    </a:lnTo>
                    <a:lnTo>
                      <a:pt x="97" y="605"/>
                    </a:lnTo>
                    <a:lnTo>
                      <a:pt x="95" y="605"/>
                    </a:lnTo>
                    <a:lnTo>
                      <a:pt x="92" y="607"/>
                    </a:lnTo>
                    <a:lnTo>
                      <a:pt x="87" y="609"/>
                    </a:lnTo>
                    <a:lnTo>
                      <a:pt x="81" y="611"/>
                    </a:lnTo>
                    <a:lnTo>
                      <a:pt x="76" y="612"/>
                    </a:lnTo>
                    <a:lnTo>
                      <a:pt x="73" y="614"/>
                    </a:lnTo>
                    <a:lnTo>
                      <a:pt x="70" y="616"/>
                    </a:lnTo>
                    <a:lnTo>
                      <a:pt x="76" y="616"/>
                    </a:lnTo>
                    <a:lnTo>
                      <a:pt x="83" y="614"/>
                    </a:lnTo>
                    <a:lnTo>
                      <a:pt x="92" y="612"/>
                    </a:lnTo>
                    <a:lnTo>
                      <a:pt x="98" y="611"/>
                    </a:lnTo>
                    <a:lnTo>
                      <a:pt x="105" y="609"/>
                    </a:lnTo>
                    <a:lnTo>
                      <a:pt x="110" y="607"/>
                    </a:lnTo>
                    <a:lnTo>
                      <a:pt x="114" y="607"/>
                    </a:lnTo>
                    <a:lnTo>
                      <a:pt x="115" y="607"/>
                    </a:lnTo>
                    <a:lnTo>
                      <a:pt x="115" y="605"/>
                    </a:lnTo>
                    <a:lnTo>
                      <a:pt x="114" y="604"/>
                    </a:lnTo>
                    <a:lnTo>
                      <a:pt x="112" y="602"/>
                    </a:lnTo>
                    <a:lnTo>
                      <a:pt x="112" y="600"/>
                    </a:lnTo>
                    <a:lnTo>
                      <a:pt x="117" y="595"/>
                    </a:lnTo>
                    <a:lnTo>
                      <a:pt x="122" y="590"/>
                    </a:lnTo>
                    <a:lnTo>
                      <a:pt x="124" y="587"/>
                    </a:lnTo>
                    <a:lnTo>
                      <a:pt x="125" y="585"/>
                    </a:lnTo>
                    <a:lnTo>
                      <a:pt x="125" y="583"/>
                    </a:lnTo>
                    <a:lnTo>
                      <a:pt x="125" y="582"/>
                    </a:lnTo>
                    <a:lnTo>
                      <a:pt x="125" y="580"/>
                    </a:lnTo>
                    <a:lnTo>
                      <a:pt x="125" y="578"/>
                    </a:lnTo>
                    <a:lnTo>
                      <a:pt x="125" y="577"/>
                    </a:lnTo>
                    <a:lnTo>
                      <a:pt x="124" y="573"/>
                    </a:lnTo>
                    <a:lnTo>
                      <a:pt x="124" y="572"/>
                    </a:lnTo>
                    <a:lnTo>
                      <a:pt x="124" y="570"/>
                    </a:lnTo>
                    <a:lnTo>
                      <a:pt x="127" y="565"/>
                    </a:lnTo>
                    <a:lnTo>
                      <a:pt x="127" y="558"/>
                    </a:lnTo>
                    <a:lnTo>
                      <a:pt x="124" y="553"/>
                    </a:lnTo>
                    <a:lnTo>
                      <a:pt x="119" y="548"/>
                    </a:lnTo>
                    <a:lnTo>
                      <a:pt x="114" y="545"/>
                    </a:lnTo>
                    <a:lnTo>
                      <a:pt x="109" y="539"/>
                    </a:lnTo>
                    <a:lnTo>
                      <a:pt x="105" y="538"/>
                    </a:lnTo>
                    <a:lnTo>
                      <a:pt x="103" y="538"/>
                    </a:lnTo>
                    <a:lnTo>
                      <a:pt x="102" y="516"/>
                    </a:lnTo>
                    <a:lnTo>
                      <a:pt x="378" y="489"/>
                    </a:lnTo>
                    <a:lnTo>
                      <a:pt x="361" y="457"/>
                    </a:lnTo>
                    <a:lnTo>
                      <a:pt x="361" y="455"/>
                    </a:lnTo>
                    <a:lnTo>
                      <a:pt x="361" y="450"/>
                    </a:lnTo>
                    <a:lnTo>
                      <a:pt x="361" y="445"/>
                    </a:lnTo>
                    <a:lnTo>
                      <a:pt x="361" y="438"/>
                    </a:lnTo>
                    <a:lnTo>
                      <a:pt x="361" y="431"/>
                    </a:lnTo>
                    <a:lnTo>
                      <a:pt x="359" y="424"/>
                    </a:lnTo>
                    <a:lnTo>
                      <a:pt x="359" y="421"/>
                    </a:lnTo>
                    <a:lnTo>
                      <a:pt x="359" y="418"/>
                    </a:lnTo>
                    <a:lnTo>
                      <a:pt x="354" y="413"/>
                    </a:lnTo>
                    <a:lnTo>
                      <a:pt x="351" y="406"/>
                    </a:lnTo>
                    <a:lnTo>
                      <a:pt x="349" y="399"/>
                    </a:lnTo>
                    <a:lnTo>
                      <a:pt x="349" y="391"/>
                    </a:lnTo>
                    <a:lnTo>
                      <a:pt x="349" y="385"/>
                    </a:lnTo>
                    <a:lnTo>
                      <a:pt x="349" y="380"/>
                    </a:lnTo>
                    <a:lnTo>
                      <a:pt x="351" y="377"/>
                    </a:lnTo>
                    <a:lnTo>
                      <a:pt x="351" y="374"/>
                    </a:lnTo>
                    <a:lnTo>
                      <a:pt x="351" y="367"/>
                    </a:lnTo>
                    <a:lnTo>
                      <a:pt x="351" y="360"/>
                    </a:lnTo>
                    <a:lnTo>
                      <a:pt x="351" y="355"/>
                    </a:lnTo>
                    <a:lnTo>
                      <a:pt x="352" y="350"/>
                    </a:lnTo>
                    <a:lnTo>
                      <a:pt x="352" y="348"/>
                    </a:lnTo>
                    <a:lnTo>
                      <a:pt x="352" y="345"/>
                    </a:lnTo>
                    <a:lnTo>
                      <a:pt x="354" y="345"/>
                    </a:lnTo>
                    <a:lnTo>
                      <a:pt x="354" y="343"/>
                    </a:lnTo>
                    <a:lnTo>
                      <a:pt x="361" y="336"/>
                    </a:lnTo>
                    <a:lnTo>
                      <a:pt x="364" y="331"/>
                    </a:lnTo>
                    <a:lnTo>
                      <a:pt x="364" y="328"/>
                    </a:lnTo>
                    <a:lnTo>
                      <a:pt x="364" y="325"/>
                    </a:lnTo>
                    <a:lnTo>
                      <a:pt x="361" y="323"/>
                    </a:lnTo>
                    <a:lnTo>
                      <a:pt x="359" y="323"/>
                    </a:lnTo>
                    <a:lnTo>
                      <a:pt x="357" y="321"/>
                    </a:lnTo>
                    <a:lnTo>
                      <a:pt x="356" y="319"/>
                    </a:lnTo>
                    <a:lnTo>
                      <a:pt x="356" y="314"/>
                    </a:lnTo>
                    <a:lnTo>
                      <a:pt x="356" y="308"/>
                    </a:lnTo>
                    <a:lnTo>
                      <a:pt x="352" y="304"/>
                    </a:lnTo>
                    <a:lnTo>
                      <a:pt x="351" y="301"/>
                    </a:lnTo>
                    <a:lnTo>
                      <a:pt x="349" y="297"/>
                    </a:lnTo>
                    <a:lnTo>
                      <a:pt x="347" y="296"/>
                    </a:lnTo>
                    <a:lnTo>
                      <a:pt x="345" y="294"/>
                    </a:lnTo>
                    <a:lnTo>
                      <a:pt x="329" y="257"/>
                    </a:lnTo>
                    <a:lnTo>
                      <a:pt x="256" y="0"/>
                    </a:lnTo>
                    <a:lnTo>
                      <a:pt x="257" y="0"/>
                    </a:lnTo>
                    <a:lnTo>
                      <a:pt x="5" y="22"/>
                    </a:lnTo>
                    <a:lnTo>
                      <a:pt x="0" y="414"/>
                    </a:lnTo>
                    <a:lnTo>
                      <a:pt x="24" y="599"/>
                    </a:lnTo>
                    <a:lnTo>
                      <a:pt x="44" y="599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968" name="Group 180"/>
            <p:cNvGrpSpPr>
              <a:grpSpLocks/>
            </p:cNvGrpSpPr>
            <p:nvPr/>
          </p:nvGrpSpPr>
          <p:grpSpPr bwMode="auto">
            <a:xfrm>
              <a:off x="3751" y="2759"/>
              <a:ext cx="502" cy="541"/>
              <a:chOff x="3976" y="2396"/>
              <a:chExt cx="516" cy="557"/>
            </a:xfrm>
          </p:grpSpPr>
          <p:sp>
            <p:nvSpPr>
              <p:cNvPr id="977" name="Freeform 181"/>
              <p:cNvSpPr>
                <a:spLocks/>
              </p:cNvSpPr>
              <p:nvPr/>
            </p:nvSpPr>
            <p:spPr bwMode="auto">
              <a:xfrm>
                <a:off x="3976" y="2396"/>
                <a:ext cx="516" cy="557"/>
              </a:xfrm>
              <a:custGeom>
                <a:avLst/>
                <a:gdLst>
                  <a:gd name="T0" fmla="*/ 490 w 516"/>
                  <a:gd name="T1" fmla="*/ 488 h 557"/>
                  <a:gd name="T2" fmla="*/ 490 w 516"/>
                  <a:gd name="T3" fmla="*/ 464 h 557"/>
                  <a:gd name="T4" fmla="*/ 487 w 516"/>
                  <a:gd name="T5" fmla="*/ 468 h 557"/>
                  <a:gd name="T6" fmla="*/ 485 w 516"/>
                  <a:gd name="T7" fmla="*/ 464 h 557"/>
                  <a:gd name="T8" fmla="*/ 480 w 516"/>
                  <a:gd name="T9" fmla="*/ 444 h 557"/>
                  <a:gd name="T10" fmla="*/ 489 w 516"/>
                  <a:gd name="T11" fmla="*/ 451 h 557"/>
                  <a:gd name="T12" fmla="*/ 485 w 516"/>
                  <a:gd name="T13" fmla="*/ 425 h 557"/>
                  <a:gd name="T14" fmla="*/ 494 w 516"/>
                  <a:gd name="T15" fmla="*/ 427 h 557"/>
                  <a:gd name="T16" fmla="*/ 497 w 516"/>
                  <a:gd name="T17" fmla="*/ 418 h 557"/>
                  <a:gd name="T18" fmla="*/ 497 w 516"/>
                  <a:gd name="T19" fmla="*/ 400 h 557"/>
                  <a:gd name="T20" fmla="*/ 504 w 516"/>
                  <a:gd name="T21" fmla="*/ 398 h 557"/>
                  <a:gd name="T22" fmla="*/ 507 w 516"/>
                  <a:gd name="T23" fmla="*/ 391 h 557"/>
                  <a:gd name="T24" fmla="*/ 499 w 516"/>
                  <a:gd name="T25" fmla="*/ 386 h 557"/>
                  <a:gd name="T26" fmla="*/ 499 w 516"/>
                  <a:gd name="T27" fmla="*/ 380 h 557"/>
                  <a:gd name="T28" fmla="*/ 501 w 516"/>
                  <a:gd name="T29" fmla="*/ 371 h 557"/>
                  <a:gd name="T30" fmla="*/ 506 w 516"/>
                  <a:gd name="T31" fmla="*/ 354 h 557"/>
                  <a:gd name="T32" fmla="*/ 509 w 516"/>
                  <a:gd name="T33" fmla="*/ 344 h 557"/>
                  <a:gd name="T34" fmla="*/ 502 w 516"/>
                  <a:gd name="T35" fmla="*/ 324 h 557"/>
                  <a:gd name="T36" fmla="*/ 502 w 516"/>
                  <a:gd name="T37" fmla="*/ 319 h 557"/>
                  <a:gd name="T38" fmla="*/ 502 w 516"/>
                  <a:gd name="T39" fmla="*/ 312 h 557"/>
                  <a:gd name="T40" fmla="*/ 490 w 516"/>
                  <a:gd name="T41" fmla="*/ 280 h 557"/>
                  <a:gd name="T42" fmla="*/ 467 w 516"/>
                  <a:gd name="T43" fmla="*/ 259 h 557"/>
                  <a:gd name="T44" fmla="*/ 453 w 516"/>
                  <a:gd name="T45" fmla="*/ 224 h 557"/>
                  <a:gd name="T46" fmla="*/ 430 w 516"/>
                  <a:gd name="T47" fmla="*/ 212 h 557"/>
                  <a:gd name="T48" fmla="*/ 419 w 516"/>
                  <a:gd name="T49" fmla="*/ 204 h 557"/>
                  <a:gd name="T50" fmla="*/ 402 w 516"/>
                  <a:gd name="T51" fmla="*/ 187 h 557"/>
                  <a:gd name="T52" fmla="*/ 389 w 516"/>
                  <a:gd name="T53" fmla="*/ 163 h 557"/>
                  <a:gd name="T54" fmla="*/ 374 w 516"/>
                  <a:gd name="T55" fmla="*/ 160 h 557"/>
                  <a:gd name="T56" fmla="*/ 367 w 516"/>
                  <a:gd name="T57" fmla="*/ 153 h 557"/>
                  <a:gd name="T58" fmla="*/ 355 w 516"/>
                  <a:gd name="T59" fmla="*/ 134 h 557"/>
                  <a:gd name="T60" fmla="*/ 343 w 516"/>
                  <a:gd name="T61" fmla="*/ 132 h 557"/>
                  <a:gd name="T62" fmla="*/ 328 w 516"/>
                  <a:gd name="T63" fmla="*/ 124 h 557"/>
                  <a:gd name="T64" fmla="*/ 318 w 516"/>
                  <a:gd name="T65" fmla="*/ 107 h 557"/>
                  <a:gd name="T66" fmla="*/ 301 w 516"/>
                  <a:gd name="T67" fmla="*/ 88 h 557"/>
                  <a:gd name="T68" fmla="*/ 287 w 516"/>
                  <a:gd name="T69" fmla="*/ 65 h 557"/>
                  <a:gd name="T70" fmla="*/ 282 w 516"/>
                  <a:gd name="T71" fmla="*/ 61 h 557"/>
                  <a:gd name="T72" fmla="*/ 262 w 516"/>
                  <a:gd name="T73" fmla="*/ 56 h 557"/>
                  <a:gd name="T74" fmla="*/ 252 w 516"/>
                  <a:gd name="T75" fmla="*/ 50 h 557"/>
                  <a:gd name="T76" fmla="*/ 235 w 516"/>
                  <a:gd name="T77" fmla="*/ 34 h 557"/>
                  <a:gd name="T78" fmla="*/ 252 w 516"/>
                  <a:gd name="T79" fmla="*/ 2 h 557"/>
                  <a:gd name="T80" fmla="*/ 73 w 516"/>
                  <a:gd name="T81" fmla="*/ 290 h 557"/>
                  <a:gd name="T82" fmla="*/ 93 w 516"/>
                  <a:gd name="T83" fmla="*/ 330 h 557"/>
                  <a:gd name="T84" fmla="*/ 100 w 516"/>
                  <a:gd name="T85" fmla="*/ 347 h 557"/>
                  <a:gd name="T86" fmla="*/ 105 w 516"/>
                  <a:gd name="T87" fmla="*/ 356 h 557"/>
                  <a:gd name="T88" fmla="*/ 105 w 516"/>
                  <a:gd name="T89" fmla="*/ 369 h 557"/>
                  <a:gd name="T90" fmla="*/ 96 w 516"/>
                  <a:gd name="T91" fmla="*/ 381 h 557"/>
                  <a:gd name="T92" fmla="*/ 95 w 516"/>
                  <a:gd name="T93" fmla="*/ 400 h 557"/>
                  <a:gd name="T94" fmla="*/ 93 w 516"/>
                  <a:gd name="T95" fmla="*/ 418 h 557"/>
                  <a:gd name="T96" fmla="*/ 98 w 516"/>
                  <a:gd name="T97" fmla="*/ 446 h 557"/>
                  <a:gd name="T98" fmla="*/ 105 w 516"/>
                  <a:gd name="T99" fmla="*/ 464 h 557"/>
                  <a:gd name="T100" fmla="*/ 105 w 516"/>
                  <a:gd name="T101" fmla="*/ 488 h 557"/>
                  <a:gd name="T102" fmla="*/ 418 w 516"/>
                  <a:gd name="T103" fmla="*/ 535 h 557"/>
                  <a:gd name="T104" fmla="*/ 441 w 516"/>
                  <a:gd name="T105" fmla="*/ 552 h 557"/>
                  <a:gd name="T106" fmla="*/ 440 w 516"/>
                  <a:gd name="T107" fmla="*/ 534 h 557"/>
                  <a:gd name="T108" fmla="*/ 435 w 516"/>
                  <a:gd name="T109" fmla="*/ 512 h 557"/>
                  <a:gd name="T110" fmla="*/ 443 w 516"/>
                  <a:gd name="T111" fmla="*/ 498 h 557"/>
                  <a:gd name="T112" fmla="*/ 462 w 516"/>
                  <a:gd name="T113" fmla="*/ 503 h 557"/>
                  <a:gd name="T114" fmla="*/ 485 w 516"/>
                  <a:gd name="T115" fmla="*/ 506 h 557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516"/>
                  <a:gd name="T175" fmla="*/ 0 h 557"/>
                  <a:gd name="T176" fmla="*/ 516 w 516"/>
                  <a:gd name="T177" fmla="*/ 557 h 557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516" h="557">
                    <a:moveTo>
                      <a:pt x="492" y="498"/>
                    </a:moveTo>
                    <a:lnTo>
                      <a:pt x="487" y="493"/>
                    </a:lnTo>
                    <a:lnTo>
                      <a:pt x="485" y="490"/>
                    </a:lnTo>
                    <a:lnTo>
                      <a:pt x="490" y="488"/>
                    </a:lnTo>
                    <a:lnTo>
                      <a:pt x="492" y="474"/>
                    </a:lnTo>
                    <a:lnTo>
                      <a:pt x="489" y="474"/>
                    </a:lnTo>
                    <a:lnTo>
                      <a:pt x="489" y="471"/>
                    </a:lnTo>
                    <a:lnTo>
                      <a:pt x="490" y="464"/>
                    </a:lnTo>
                    <a:lnTo>
                      <a:pt x="485" y="462"/>
                    </a:lnTo>
                    <a:lnTo>
                      <a:pt x="487" y="464"/>
                    </a:lnTo>
                    <a:lnTo>
                      <a:pt x="487" y="466"/>
                    </a:lnTo>
                    <a:lnTo>
                      <a:pt x="487" y="468"/>
                    </a:lnTo>
                    <a:lnTo>
                      <a:pt x="487" y="469"/>
                    </a:lnTo>
                    <a:lnTo>
                      <a:pt x="487" y="468"/>
                    </a:lnTo>
                    <a:lnTo>
                      <a:pt x="485" y="464"/>
                    </a:lnTo>
                    <a:lnTo>
                      <a:pt x="482" y="457"/>
                    </a:lnTo>
                    <a:lnTo>
                      <a:pt x="480" y="449"/>
                    </a:lnTo>
                    <a:lnTo>
                      <a:pt x="480" y="446"/>
                    </a:lnTo>
                    <a:lnTo>
                      <a:pt x="480" y="444"/>
                    </a:lnTo>
                    <a:lnTo>
                      <a:pt x="482" y="444"/>
                    </a:lnTo>
                    <a:lnTo>
                      <a:pt x="485" y="446"/>
                    </a:lnTo>
                    <a:lnTo>
                      <a:pt x="487" y="449"/>
                    </a:lnTo>
                    <a:lnTo>
                      <a:pt x="489" y="451"/>
                    </a:lnTo>
                    <a:lnTo>
                      <a:pt x="489" y="432"/>
                    </a:lnTo>
                    <a:lnTo>
                      <a:pt x="485" y="425"/>
                    </a:lnTo>
                    <a:lnTo>
                      <a:pt x="487" y="427"/>
                    </a:lnTo>
                    <a:lnTo>
                      <a:pt x="489" y="427"/>
                    </a:lnTo>
                    <a:lnTo>
                      <a:pt x="490" y="427"/>
                    </a:lnTo>
                    <a:lnTo>
                      <a:pt x="494" y="427"/>
                    </a:lnTo>
                    <a:lnTo>
                      <a:pt x="496" y="427"/>
                    </a:lnTo>
                    <a:lnTo>
                      <a:pt x="497" y="427"/>
                    </a:lnTo>
                    <a:lnTo>
                      <a:pt x="497" y="418"/>
                    </a:lnTo>
                    <a:lnTo>
                      <a:pt x="497" y="412"/>
                    </a:lnTo>
                    <a:lnTo>
                      <a:pt x="497" y="407"/>
                    </a:lnTo>
                    <a:lnTo>
                      <a:pt x="497" y="403"/>
                    </a:lnTo>
                    <a:lnTo>
                      <a:pt x="497" y="400"/>
                    </a:lnTo>
                    <a:lnTo>
                      <a:pt x="499" y="398"/>
                    </a:lnTo>
                    <a:lnTo>
                      <a:pt x="504" y="398"/>
                    </a:lnTo>
                    <a:lnTo>
                      <a:pt x="506" y="396"/>
                    </a:lnTo>
                    <a:lnTo>
                      <a:pt x="507" y="395"/>
                    </a:lnTo>
                    <a:lnTo>
                      <a:pt x="507" y="393"/>
                    </a:lnTo>
                    <a:lnTo>
                      <a:pt x="507" y="391"/>
                    </a:lnTo>
                    <a:lnTo>
                      <a:pt x="506" y="391"/>
                    </a:lnTo>
                    <a:lnTo>
                      <a:pt x="506" y="390"/>
                    </a:lnTo>
                    <a:lnTo>
                      <a:pt x="504" y="390"/>
                    </a:lnTo>
                    <a:lnTo>
                      <a:pt x="499" y="386"/>
                    </a:lnTo>
                    <a:lnTo>
                      <a:pt x="497" y="385"/>
                    </a:lnTo>
                    <a:lnTo>
                      <a:pt x="496" y="383"/>
                    </a:lnTo>
                    <a:lnTo>
                      <a:pt x="497" y="381"/>
                    </a:lnTo>
                    <a:lnTo>
                      <a:pt x="499" y="380"/>
                    </a:lnTo>
                    <a:lnTo>
                      <a:pt x="501" y="380"/>
                    </a:lnTo>
                    <a:lnTo>
                      <a:pt x="502" y="380"/>
                    </a:lnTo>
                    <a:lnTo>
                      <a:pt x="504" y="378"/>
                    </a:lnTo>
                    <a:lnTo>
                      <a:pt x="501" y="371"/>
                    </a:lnTo>
                    <a:lnTo>
                      <a:pt x="501" y="364"/>
                    </a:lnTo>
                    <a:lnTo>
                      <a:pt x="502" y="361"/>
                    </a:lnTo>
                    <a:lnTo>
                      <a:pt x="504" y="356"/>
                    </a:lnTo>
                    <a:lnTo>
                      <a:pt x="506" y="354"/>
                    </a:lnTo>
                    <a:lnTo>
                      <a:pt x="507" y="352"/>
                    </a:lnTo>
                    <a:lnTo>
                      <a:pt x="509" y="352"/>
                    </a:lnTo>
                    <a:lnTo>
                      <a:pt x="509" y="351"/>
                    </a:lnTo>
                    <a:lnTo>
                      <a:pt x="509" y="344"/>
                    </a:lnTo>
                    <a:lnTo>
                      <a:pt x="516" y="339"/>
                    </a:lnTo>
                    <a:lnTo>
                      <a:pt x="514" y="330"/>
                    </a:lnTo>
                    <a:lnTo>
                      <a:pt x="506" y="329"/>
                    </a:lnTo>
                    <a:lnTo>
                      <a:pt x="502" y="324"/>
                    </a:lnTo>
                    <a:lnTo>
                      <a:pt x="504" y="324"/>
                    </a:lnTo>
                    <a:lnTo>
                      <a:pt x="504" y="322"/>
                    </a:lnTo>
                    <a:lnTo>
                      <a:pt x="502" y="320"/>
                    </a:lnTo>
                    <a:lnTo>
                      <a:pt x="502" y="319"/>
                    </a:lnTo>
                    <a:lnTo>
                      <a:pt x="502" y="317"/>
                    </a:lnTo>
                    <a:lnTo>
                      <a:pt x="502" y="315"/>
                    </a:lnTo>
                    <a:lnTo>
                      <a:pt x="502" y="314"/>
                    </a:lnTo>
                    <a:lnTo>
                      <a:pt x="502" y="312"/>
                    </a:lnTo>
                    <a:lnTo>
                      <a:pt x="501" y="298"/>
                    </a:lnTo>
                    <a:lnTo>
                      <a:pt x="496" y="288"/>
                    </a:lnTo>
                    <a:lnTo>
                      <a:pt x="490" y="280"/>
                    </a:lnTo>
                    <a:lnTo>
                      <a:pt x="484" y="271"/>
                    </a:lnTo>
                    <a:lnTo>
                      <a:pt x="477" y="266"/>
                    </a:lnTo>
                    <a:lnTo>
                      <a:pt x="470" y="263"/>
                    </a:lnTo>
                    <a:lnTo>
                      <a:pt x="467" y="259"/>
                    </a:lnTo>
                    <a:lnTo>
                      <a:pt x="465" y="258"/>
                    </a:lnTo>
                    <a:lnTo>
                      <a:pt x="463" y="242"/>
                    </a:lnTo>
                    <a:lnTo>
                      <a:pt x="460" y="232"/>
                    </a:lnTo>
                    <a:lnTo>
                      <a:pt x="453" y="224"/>
                    </a:lnTo>
                    <a:lnTo>
                      <a:pt x="446" y="219"/>
                    </a:lnTo>
                    <a:lnTo>
                      <a:pt x="440" y="215"/>
                    </a:lnTo>
                    <a:lnTo>
                      <a:pt x="435" y="214"/>
                    </a:lnTo>
                    <a:lnTo>
                      <a:pt x="430" y="212"/>
                    </a:lnTo>
                    <a:lnTo>
                      <a:pt x="428" y="212"/>
                    </a:lnTo>
                    <a:lnTo>
                      <a:pt x="428" y="210"/>
                    </a:lnTo>
                    <a:lnTo>
                      <a:pt x="424" y="209"/>
                    </a:lnTo>
                    <a:lnTo>
                      <a:pt x="419" y="204"/>
                    </a:lnTo>
                    <a:lnTo>
                      <a:pt x="414" y="200"/>
                    </a:lnTo>
                    <a:lnTo>
                      <a:pt x="409" y="195"/>
                    </a:lnTo>
                    <a:lnTo>
                      <a:pt x="406" y="190"/>
                    </a:lnTo>
                    <a:lnTo>
                      <a:pt x="402" y="187"/>
                    </a:lnTo>
                    <a:lnTo>
                      <a:pt x="401" y="183"/>
                    </a:lnTo>
                    <a:lnTo>
                      <a:pt x="397" y="175"/>
                    </a:lnTo>
                    <a:lnTo>
                      <a:pt x="392" y="168"/>
                    </a:lnTo>
                    <a:lnTo>
                      <a:pt x="389" y="163"/>
                    </a:lnTo>
                    <a:lnTo>
                      <a:pt x="384" y="161"/>
                    </a:lnTo>
                    <a:lnTo>
                      <a:pt x="380" y="160"/>
                    </a:lnTo>
                    <a:lnTo>
                      <a:pt x="377" y="160"/>
                    </a:lnTo>
                    <a:lnTo>
                      <a:pt x="374" y="160"/>
                    </a:lnTo>
                    <a:lnTo>
                      <a:pt x="372" y="158"/>
                    </a:lnTo>
                    <a:lnTo>
                      <a:pt x="370" y="154"/>
                    </a:lnTo>
                    <a:lnTo>
                      <a:pt x="367" y="153"/>
                    </a:lnTo>
                    <a:lnTo>
                      <a:pt x="365" y="149"/>
                    </a:lnTo>
                    <a:lnTo>
                      <a:pt x="362" y="143"/>
                    </a:lnTo>
                    <a:lnTo>
                      <a:pt x="358" y="138"/>
                    </a:lnTo>
                    <a:lnTo>
                      <a:pt x="355" y="134"/>
                    </a:lnTo>
                    <a:lnTo>
                      <a:pt x="352" y="132"/>
                    </a:lnTo>
                    <a:lnTo>
                      <a:pt x="348" y="131"/>
                    </a:lnTo>
                    <a:lnTo>
                      <a:pt x="347" y="132"/>
                    </a:lnTo>
                    <a:lnTo>
                      <a:pt x="343" y="132"/>
                    </a:lnTo>
                    <a:lnTo>
                      <a:pt x="336" y="131"/>
                    </a:lnTo>
                    <a:lnTo>
                      <a:pt x="331" y="129"/>
                    </a:lnTo>
                    <a:lnTo>
                      <a:pt x="328" y="124"/>
                    </a:lnTo>
                    <a:lnTo>
                      <a:pt x="325" y="119"/>
                    </a:lnTo>
                    <a:lnTo>
                      <a:pt x="321" y="114"/>
                    </a:lnTo>
                    <a:lnTo>
                      <a:pt x="320" y="110"/>
                    </a:lnTo>
                    <a:lnTo>
                      <a:pt x="318" y="107"/>
                    </a:lnTo>
                    <a:lnTo>
                      <a:pt x="318" y="105"/>
                    </a:lnTo>
                    <a:lnTo>
                      <a:pt x="313" y="102"/>
                    </a:lnTo>
                    <a:lnTo>
                      <a:pt x="306" y="95"/>
                    </a:lnTo>
                    <a:lnTo>
                      <a:pt x="301" y="88"/>
                    </a:lnTo>
                    <a:lnTo>
                      <a:pt x="296" y="82"/>
                    </a:lnTo>
                    <a:lnTo>
                      <a:pt x="292" y="75"/>
                    </a:lnTo>
                    <a:lnTo>
                      <a:pt x="291" y="68"/>
                    </a:lnTo>
                    <a:lnTo>
                      <a:pt x="287" y="65"/>
                    </a:lnTo>
                    <a:lnTo>
                      <a:pt x="287" y="63"/>
                    </a:lnTo>
                    <a:lnTo>
                      <a:pt x="287" y="61"/>
                    </a:lnTo>
                    <a:lnTo>
                      <a:pt x="284" y="61"/>
                    </a:lnTo>
                    <a:lnTo>
                      <a:pt x="282" y="61"/>
                    </a:lnTo>
                    <a:lnTo>
                      <a:pt x="281" y="60"/>
                    </a:lnTo>
                    <a:lnTo>
                      <a:pt x="274" y="60"/>
                    </a:lnTo>
                    <a:lnTo>
                      <a:pt x="267" y="58"/>
                    </a:lnTo>
                    <a:lnTo>
                      <a:pt x="262" y="56"/>
                    </a:lnTo>
                    <a:lnTo>
                      <a:pt x="259" y="55"/>
                    </a:lnTo>
                    <a:lnTo>
                      <a:pt x="255" y="53"/>
                    </a:lnTo>
                    <a:lnTo>
                      <a:pt x="254" y="51"/>
                    </a:lnTo>
                    <a:lnTo>
                      <a:pt x="252" y="50"/>
                    </a:lnTo>
                    <a:lnTo>
                      <a:pt x="240" y="48"/>
                    </a:lnTo>
                    <a:lnTo>
                      <a:pt x="235" y="43"/>
                    </a:lnTo>
                    <a:lnTo>
                      <a:pt x="235" y="34"/>
                    </a:lnTo>
                    <a:lnTo>
                      <a:pt x="237" y="24"/>
                    </a:lnTo>
                    <a:lnTo>
                      <a:pt x="242" y="16"/>
                    </a:lnTo>
                    <a:lnTo>
                      <a:pt x="248" y="7"/>
                    </a:lnTo>
                    <a:lnTo>
                      <a:pt x="252" y="2"/>
                    </a:lnTo>
                    <a:lnTo>
                      <a:pt x="254" y="0"/>
                    </a:lnTo>
                    <a:lnTo>
                      <a:pt x="130" y="19"/>
                    </a:lnTo>
                    <a:lnTo>
                      <a:pt x="0" y="33"/>
                    </a:lnTo>
                    <a:lnTo>
                      <a:pt x="73" y="290"/>
                    </a:lnTo>
                    <a:lnTo>
                      <a:pt x="89" y="327"/>
                    </a:lnTo>
                    <a:lnTo>
                      <a:pt x="91" y="329"/>
                    </a:lnTo>
                    <a:lnTo>
                      <a:pt x="93" y="330"/>
                    </a:lnTo>
                    <a:lnTo>
                      <a:pt x="95" y="334"/>
                    </a:lnTo>
                    <a:lnTo>
                      <a:pt x="96" y="337"/>
                    </a:lnTo>
                    <a:lnTo>
                      <a:pt x="100" y="341"/>
                    </a:lnTo>
                    <a:lnTo>
                      <a:pt x="100" y="347"/>
                    </a:lnTo>
                    <a:lnTo>
                      <a:pt x="100" y="352"/>
                    </a:lnTo>
                    <a:lnTo>
                      <a:pt x="101" y="354"/>
                    </a:lnTo>
                    <a:lnTo>
                      <a:pt x="103" y="356"/>
                    </a:lnTo>
                    <a:lnTo>
                      <a:pt x="105" y="356"/>
                    </a:lnTo>
                    <a:lnTo>
                      <a:pt x="108" y="358"/>
                    </a:lnTo>
                    <a:lnTo>
                      <a:pt x="108" y="361"/>
                    </a:lnTo>
                    <a:lnTo>
                      <a:pt x="108" y="364"/>
                    </a:lnTo>
                    <a:lnTo>
                      <a:pt x="105" y="369"/>
                    </a:lnTo>
                    <a:lnTo>
                      <a:pt x="98" y="376"/>
                    </a:lnTo>
                    <a:lnTo>
                      <a:pt x="98" y="378"/>
                    </a:lnTo>
                    <a:lnTo>
                      <a:pt x="96" y="378"/>
                    </a:lnTo>
                    <a:lnTo>
                      <a:pt x="96" y="381"/>
                    </a:lnTo>
                    <a:lnTo>
                      <a:pt x="96" y="383"/>
                    </a:lnTo>
                    <a:lnTo>
                      <a:pt x="95" y="388"/>
                    </a:lnTo>
                    <a:lnTo>
                      <a:pt x="95" y="393"/>
                    </a:lnTo>
                    <a:lnTo>
                      <a:pt x="95" y="400"/>
                    </a:lnTo>
                    <a:lnTo>
                      <a:pt x="95" y="407"/>
                    </a:lnTo>
                    <a:lnTo>
                      <a:pt x="95" y="410"/>
                    </a:lnTo>
                    <a:lnTo>
                      <a:pt x="93" y="413"/>
                    </a:lnTo>
                    <a:lnTo>
                      <a:pt x="93" y="418"/>
                    </a:lnTo>
                    <a:lnTo>
                      <a:pt x="93" y="424"/>
                    </a:lnTo>
                    <a:lnTo>
                      <a:pt x="93" y="432"/>
                    </a:lnTo>
                    <a:lnTo>
                      <a:pt x="95" y="439"/>
                    </a:lnTo>
                    <a:lnTo>
                      <a:pt x="98" y="446"/>
                    </a:lnTo>
                    <a:lnTo>
                      <a:pt x="103" y="451"/>
                    </a:lnTo>
                    <a:lnTo>
                      <a:pt x="103" y="454"/>
                    </a:lnTo>
                    <a:lnTo>
                      <a:pt x="103" y="457"/>
                    </a:lnTo>
                    <a:lnTo>
                      <a:pt x="105" y="464"/>
                    </a:lnTo>
                    <a:lnTo>
                      <a:pt x="105" y="471"/>
                    </a:lnTo>
                    <a:lnTo>
                      <a:pt x="105" y="478"/>
                    </a:lnTo>
                    <a:lnTo>
                      <a:pt x="105" y="483"/>
                    </a:lnTo>
                    <a:lnTo>
                      <a:pt x="105" y="488"/>
                    </a:lnTo>
                    <a:lnTo>
                      <a:pt x="105" y="490"/>
                    </a:lnTo>
                    <a:lnTo>
                      <a:pt x="122" y="522"/>
                    </a:lnTo>
                    <a:lnTo>
                      <a:pt x="139" y="554"/>
                    </a:lnTo>
                    <a:lnTo>
                      <a:pt x="418" y="535"/>
                    </a:lnTo>
                    <a:lnTo>
                      <a:pt x="428" y="557"/>
                    </a:lnTo>
                    <a:lnTo>
                      <a:pt x="443" y="557"/>
                    </a:lnTo>
                    <a:lnTo>
                      <a:pt x="443" y="556"/>
                    </a:lnTo>
                    <a:lnTo>
                      <a:pt x="441" y="552"/>
                    </a:lnTo>
                    <a:lnTo>
                      <a:pt x="441" y="549"/>
                    </a:lnTo>
                    <a:lnTo>
                      <a:pt x="441" y="544"/>
                    </a:lnTo>
                    <a:lnTo>
                      <a:pt x="440" y="539"/>
                    </a:lnTo>
                    <a:lnTo>
                      <a:pt x="440" y="534"/>
                    </a:lnTo>
                    <a:lnTo>
                      <a:pt x="440" y="530"/>
                    </a:lnTo>
                    <a:lnTo>
                      <a:pt x="440" y="528"/>
                    </a:lnTo>
                    <a:lnTo>
                      <a:pt x="435" y="520"/>
                    </a:lnTo>
                    <a:lnTo>
                      <a:pt x="435" y="512"/>
                    </a:lnTo>
                    <a:lnTo>
                      <a:pt x="435" y="506"/>
                    </a:lnTo>
                    <a:lnTo>
                      <a:pt x="438" y="503"/>
                    </a:lnTo>
                    <a:lnTo>
                      <a:pt x="441" y="500"/>
                    </a:lnTo>
                    <a:lnTo>
                      <a:pt x="443" y="498"/>
                    </a:lnTo>
                    <a:lnTo>
                      <a:pt x="446" y="498"/>
                    </a:lnTo>
                    <a:lnTo>
                      <a:pt x="448" y="498"/>
                    </a:lnTo>
                    <a:lnTo>
                      <a:pt x="453" y="501"/>
                    </a:lnTo>
                    <a:lnTo>
                      <a:pt x="462" y="503"/>
                    </a:lnTo>
                    <a:lnTo>
                      <a:pt x="468" y="505"/>
                    </a:lnTo>
                    <a:lnTo>
                      <a:pt x="475" y="506"/>
                    </a:lnTo>
                    <a:lnTo>
                      <a:pt x="482" y="506"/>
                    </a:lnTo>
                    <a:lnTo>
                      <a:pt x="485" y="506"/>
                    </a:lnTo>
                    <a:lnTo>
                      <a:pt x="489" y="506"/>
                    </a:lnTo>
                    <a:lnTo>
                      <a:pt x="490" y="506"/>
                    </a:lnTo>
                    <a:lnTo>
                      <a:pt x="492" y="49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78" name="Freeform 182"/>
              <p:cNvSpPr>
                <a:spLocks/>
              </p:cNvSpPr>
              <p:nvPr/>
            </p:nvSpPr>
            <p:spPr bwMode="auto">
              <a:xfrm>
                <a:off x="3976" y="2396"/>
                <a:ext cx="516" cy="557"/>
              </a:xfrm>
              <a:custGeom>
                <a:avLst/>
                <a:gdLst>
                  <a:gd name="T0" fmla="*/ 492 w 516"/>
                  <a:gd name="T1" fmla="*/ 474 h 557"/>
                  <a:gd name="T2" fmla="*/ 485 w 516"/>
                  <a:gd name="T3" fmla="*/ 462 h 557"/>
                  <a:gd name="T4" fmla="*/ 487 w 516"/>
                  <a:gd name="T5" fmla="*/ 469 h 557"/>
                  <a:gd name="T6" fmla="*/ 480 w 516"/>
                  <a:gd name="T7" fmla="*/ 449 h 557"/>
                  <a:gd name="T8" fmla="*/ 487 w 516"/>
                  <a:gd name="T9" fmla="*/ 449 h 557"/>
                  <a:gd name="T10" fmla="*/ 485 w 516"/>
                  <a:gd name="T11" fmla="*/ 425 h 557"/>
                  <a:gd name="T12" fmla="*/ 494 w 516"/>
                  <a:gd name="T13" fmla="*/ 427 h 557"/>
                  <a:gd name="T14" fmla="*/ 497 w 516"/>
                  <a:gd name="T15" fmla="*/ 418 h 557"/>
                  <a:gd name="T16" fmla="*/ 499 w 516"/>
                  <a:gd name="T17" fmla="*/ 398 h 557"/>
                  <a:gd name="T18" fmla="*/ 506 w 516"/>
                  <a:gd name="T19" fmla="*/ 396 h 557"/>
                  <a:gd name="T20" fmla="*/ 506 w 516"/>
                  <a:gd name="T21" fmla="*/ 390 h 557"/>
                  <a:gd name="T22" fmla="*/ 496 w 516"/>
                  <a:gd name="T23" fmla="*/ 383 h 557"/>
                  <a:gd name="T24" fmla="*/ 504 w 516"/>
                  <a:gd name="T25" fmla="*/ 378 h 557"/>
                  <a:gd name="T26" fmla="*/ 504 w 516"/>
                  <a:gd name="T27" fmla="*/ 356 h 557"/>
                  <a:gd name="T28" fmla="*/ 509 w 516"/>
                  <a:gd name="T29" fmla="*/ 344 h 557"/>
                  <a:gd name="T30" fmla="*/ 504 w 516"/>
                  <a:gd name="T31" fmla="*/ 324 h 557"/>
                  <a:gd name="T32" fmla="*/ 502 w 516"/>
                  <a:gd name="T33" fmla="*/ 317 h 557"/>
                  <a:gd name="T34" fmla="*/ 502 w 516"/>
                  <a:gd name="T35" fmla="*/ 312 h 557"/>
                  <a:gd name="T36" fmla="*/ 477 w 516"/>
                  <a:gd name="T37" fmla="*/ 266 h 557"/>
                  <a:gd name="T38" fmla="*/ 463 w 516"/>
                  <a:gd name="T39" fmla="*/ 242 h 557"/>
                  <a:gd name="T40" fmla="*/ 435 w 516"/>
                  <a:gd name="T41" fmla="*/ 214 h 557"/>
                  <a:gd name="T42" fmla="*/ 424 w 516"/>
                  <a:gd name="T43" fmla="*/ 209 h 557"/>
                  <a:gd name="T44" fmla="*/ 402 w 516"/>
                  <a:gd name="T45" fmla="*/ 187 h 557"/>
                  <a:gd name="T46" fmla="*/ 389 w 516"/>
                  <a:gd name="T47" fmla="*/ 163 h 557"/>
                  <a:gd name="T48" fmla="*/ 374 w 516"/>
                  <a:gd name="T49" fmla="*/ 160 h 557"/>
                  <a:gd name="T50" fmla="*/ 365 w 516"/>
                  <a:gd name="T51" fmla="*/ 149 h 557"/>
                  <a:gd name="T52" fmla="*/ 352 w 516"/>
                  <a:gd name="T53" fmla="*/ 132 h 557"/>
                  <a:gd name="T54" fmla="*/ 343 w 516"/>
                  <a:gd name="T55" fmla="*/ 132 h 557"/>
                  <a:gd name="T56" fmla="*/ 321 w 516"/>
                  <a:gd name="T57" fmla="*/ 114 h 557"/>
                  <a:gd name="T58" fmla="*/ 313 w 516"/>
                  <a:gd name="T59" fmla="*/ 102 h 557"/>
                  <a:gd name="T60" fmla="*/ 291 w 516"/>
                  <a:gd name="T61" fmla="*/ 68 h 557"/>
                  <a:gd name="T62" fmla="*/ 284 w 516"/>
                  <a:gd name="T63" fmla="*/ 61 h 557"/>
                  <a:gd name="T64" fmla="*/ 267 w 516"/>
                  <a:gd name="T65" fmla="*/ 58 h 557"/>
                  <a:gd name="T66" fmla="*/ 252 w 516"/>
                  <a:gd name="T67" fmla="*/ 50 h 557"/>
                  <a:gd name="T68" fmla="*/ 235 w 516"/>
                  <a:gd name="T69" fmla="*/ 34 h 557"/>
                  <a:gd name="T70" fmla="*/ 254 w 516"/>
                  <a:gd name="T71" fmla="*/ 0 h 557"/>
                  <a:gd name="T72" fmla="*/ 89 w 516"/>
                  <a:gd name="T73" fmla="*/ 327 h 557"/>
                  <a:gd name="T74" fmla="*/ 96 w 516"/>
                  <a:gd name="T75" fmla="*/ 337 h 557"/>
                  <a:gd name="T76" fmla="*/ 101 w 516"/>
                  <a:gd name="T77" fmla="*/ 354 h 557"/>
                  <a:gd name="T78" fmla="*/ 108 w 516"/>
                  <a:gd name="T79" fmla="*/ 364 h 557"/>
                  <a:gd name="T80" fmla="*/ 96 w 516"/>
                  <a:gd name="T81" fmla="*/ 378 h 557"/>
                  <a:gd name="T82" fmla="*/ 95 w 516"/>
                  <a:gd name="T83" fmla="*/ 400 h 557"/>
                  <a:gd name="T84" fmla="*/ 93 w 516"/>
                  <a:gd name="T85" fmla="*/ 418 h 557"/>
                  <a:gd name="T86" fmla="*/ 103 w 516"/>
                  <a:gd name="T87" fmla="*/ 451 h 557"/>
                  <a:gd name="T88" fmla="*/ 105 w 516"/>
                  <a:gd name="T89" fmla="*/ 471 h 557"/>
                  <a:gd name="T90" fmla="*/ 122 w 516"/>
                  <a:gd name="T91" fmla="*/ 522 h 557"/>
                  <a:gd name="T92" fmla="*/ 443 w 516"/>
                  <a:gd name="T93" fmla="*/ 557 h 557"/>
                  <a:gd name="T94" fmla="*/ 440 w 516"/>
                  <a:gd name="T95" fmla="*/ 539 h 557"/>
                  <a:gd name="T96" fmla="*/ 435 w 516"/>
                  <a:gd name="T97" fmla="*/ 520 h 557"/>
                  <a:gd name="T98" fmla="*/ 443 w 516"/>
                  <a:gd name="T99" fmla="*/ 498 h 557"/>
                  <a:gd name="T100" fmla="*/ 462 w 516"/>
                  <a:gd name="T101" fmla="*/ 503 h 557"/>
                  <a:gd name="T102" fmla="*/ 489 w 516"/>
                  <a:gd name="T103" fmla="*/ 506 h 557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w 516"/>
                  <a:gd name="T157" fmla="*/ 0 h 557"/>
                  <a:gd name="T158" fmla="*/ 516 w 516"/>
                  <a:gd name="T159" fmla="*/ 557 h 557"/>
                </a:gdLst>
                <a:ahLst/>
                <a:cxnLst>
                  <a:cxn ang="T104">
                    <a:pos x="T0" y="T1"/>
                  </a:cxn>
                  <a:cxn ang="T105">
                    <a:pos x="T2" y="T3"/>
                  </a:cxn>
                  <a:cxn ang="T106">
                    <a:pos x="T4" y="T5"/>
                  </a:cxn>
                  <a:cxn ang="T107">
                    <a:pos x="T6" y="T7"/>
                  </a:cxn>
                  <a:cxn ang="T108">
                    <a:pos x="T8" y="T9"/>
                  </a:cxn>
                  <a:cxn ang="T109">
                    <a:pos x="T10" y="T11"/>
                  </a:cxn>
                  <a:cxn ang="T110">
                    <a:pos x="T12" y="T13"/>
                  </a:cxn>
                  <a:cxn ang="T111">
                    <a:pos x="T14" y="T15"/>
                  </a:cxn>
                  <a:cxn ang="T112">
                    <a:pos x="T16" y="T17"/>
                  </a:cxn>
                  <a:cxn ang="T113">
                    <a:pos x="T18" y="T19"/>
                  </a:cxn>
                  <a:cxn ang="T114">
                    <a:pos x="T20" y="T21"/>
                  </a:cxn>
                  <a:cxn ang="T115">
                    <a:pos x="T22" y="T23"/>
                  </a:cxn>
                  <a:cxn ang="T116">
                    <a:pos x="T24" y="T25"/>
                  </a:cxn>
                  <a:cxn ang="T117">
                    <a:pos x="T26" y="T27"/>
                  </a:cxn>
                  <a:cxn ang="T118">
                    <a:pos x="T28" y="T29"/>
                  </a:cxn>
                  <a:cxn ang="T119">
                    <a:pos x="T30" y="T31"/>
                  </a:cxn>
                  <a:cxn ang="T120">
                    <a:pos x="T32" y="T33"/>
                  </a:cxn>
                  <a:cxn ang="T121">
                    <a:pos x="T34" y="T35"/>
                  </a:cxn>
                  <a:cxn ang="T122">
                    <a:pos x="T36" y="T37"/>
                  </a:cxn>
                  <a:cxn ang="T123">
                    <a:pos x="T38" y="T39"/>
                  </a:cxn>
                  <a:cxn ang="T124">
                    <a:pos x="T40" y="T41"/>
                  </a:cxn>
                  <a:cxn ang="T125">
                    <a:pos x="T42" y="T43"/>
                  </a:cxn>
                  <a:cxn ang="T126">
                    <a:pos x="T44" y="T45"/>
                  </a:cxn>
                  <a:cxn ang="T127">
                    <a:pos x="T46" y="T47"/>
                  </a:cxn>
                  <a:cxn ang="T128">
                    <a:pos x="T48" y="T49"/>
                  </a:cxn>
                  <a:cxn ang="T129">
                    <a:pos x="T50" y="T51"/>
                  </a:cxn>
                  <a:cxn ang="T130">
                    <a:pos x="T52" y="T53"/>
                  </a:cxn>
                  <a:cxn ang="T131">
                    <a:pos x="T54" y="T55"/>
                  </a:cxn>
                  <a:cxn ang="T132">
                    <a:pos x="T56" y="T57"/>
                  </a:cxn>
                  <a:cxn ang="T133">
                    <a:pos x="T58" y="T59"/>
                  </a:cxn>
                  <a:cxn ang="T134">
                    <a:pos x="T60" y="T61"/>
                  </a:cxn>
                  <a:cxn ang="T135">
                    <a:pos x="T62" y="T63"/>
                  </a:cxn>
                  <a:cxn ang="T136">
                    <a:pos x="T64" y="T65"/>
                  </a:cxn>
                  <a:cxn ang="T137">
                    <a:pos x="T66" y="T67"/>
                  </a:cxn>
                  <a:cxn ang="T138">
                    <a:pos x="T68" y="T69"/>
                  </a:cxn>
                  <a:cxn ang="T139">
                    <a:pos x="T70" y="T71"/>
                  </a:cxn>
                  <a:cxn ang="T140">
                    <a:pos x="T72" y="T73"/>
                  </a:cxn>
                  <a:cxn ang="T141">
                    <a:pos x="T74" y="T75"/>
                  </a:cxn>
                  <a:cxn ang="T142">
                    <a:pos x="T76" y="T77"/>
                  </a:cxn>
                  <a:cxn ang="T143">
                    <a:pos x="T78" y="T79"/>
                  </a:cxn>
                  <a:cxn ang="T144">
                    <a:pos x="T80" y="T81"/>
                  </a:cxn>
                  <a:cxn ang="T145">
                    <a:pos x="T82" y="T83"/>
                  </a:cxn>
                  <a:cxn ang="T146">
                    <a:pos x="T84" y="T85"/>
                  </a:cxn>
                  <a:cxn ang="T147">
                    <a:pos x="T86" y="T87"/>
                  </a:cxn>
                  <a:cxn ang="T148">
                    <a:pos x="T88" y="T89"/>
                  </a:cxn>
                  <a:cxn ang="T149">
                    <a:pos x="T90" y="T91"/>
                  </a:cxn>
                  <a:cxn ang="T150">
                    <a:pos x="T92" y="T93"/>
                  </a:cxn>
                  <a:cxn ang="T151">
                    <a:pos x="T94" y="T95"/>
                  </a:cxn>
                  <a:cxn ang="T152">
                    <a:pos x="T96" y="T97"/>
                  </a:cxn>
                  <a:cxn ang="T153">
                    <a:pos x="T98" y="T99"/>
                  </a:cxn>
                  <a:cxn ang="T154">
                    <a:pos x="T100" y="T101"/>
                  </a:cxn>
                  <a:cxn ang="T155">
                    <a:pos x="T102" y="T103"/>
                  </a:cxn>
                </a:cxnLst>
                <a:rect l="T156" t="T157" r="T158" b="T159"/>
                <a:pathLst>
                  <a:path w="516" h="557">
                    <a:moveTo>
                      <a:pt x="492" y="498"/>
                    </a:moveTo>
                    <a:lnTo>
                      <a:pt x="487" y="493"/>
                    </a:lnTo>
                    <a:lnTo>
                      <a:pt x="485" y="490"/>
                    </a:lnTo>
                    <a:lnTo>
                      <a:pt x="490" y="488"/>
                    </a:lnTo>
                    <a:lnTo>
                      <a:pt x="492" y="474"/>
                    </a:lnTo>
                    <a:lnTo>
                      <a:pt x="489" y="474"/>
                    </a:lnTo>
                    <a:lnTo>
                      <a:pt x="489" y="471"/>
                    </a:lnTo>
                    <a:lnTo>
                      <a:pt x="490" y="464"/>
                    </a:lnTo>
                    <a:lnTo>
                      <a:pt x="485" y="462"/>
                    </a:lnTo>
                    <a:lnTo>
                      <a:pt x="487" y="464"/>
                    </a:lnTo>
                    <a:lnTo>
                      <a:pt x="487" y="466"/>
                    </a:lnTo>
                    <a:lnTo>
                      <a:pt x="487" y="468"/>
                    </a:lnTo>
                    <a:lnTo>
                      <a:pt x="487" y="469"/>
                    </a:lnTo>
                    <a:lnTo>
                      <a:pt x="487" y="468"/>
                    </a:lnTo>
                    <a:lnTo>
                      <a:pt x="485" y="464"/>
                    </a:lnTo>
                    <a:lnTo>
                      <a:pt x="482" y="457"/>
                    </a:lnTo>
                    <a:lnTo>
                      <a:pt x="480" y="449"/>
                    </a:lnTo>
                    <a:lnTo>
                      <a:pt x="480" y="446"/>
                    </a:lnTo>
                    <a:lnTo>
                      <a:pt x="480" y="444"/>
                    </a:lnTo>
                    <a:lnTo>
                      <a:pt x="482" y="444"/>
                    </a:lnTo>
                    <a:lnTo>
                      <a:pt x="485" y="446"/>
                    </a:lnTo>
                    <a:lnTo>
                      <a:pt x="487" y="449"/>
                    </a:lnTo>
                    <a:lnTo>
                      <a:pt x="489" y="451"/>
                    </a:lnTo>
                    <a:lnTo>
                      <a:pt x="489" y="432"/>
                    </a:lnTo>
                    <a:lnTo>
                      <a:pt x="485" y="425"/>
                    </a:lnTo>
                    <a:lnTo>
                      <a:pt x="487" y="427"/>
                    </a:lnTo>
                    <a:lnTo>
                      <a:pt x="489" y="427"/>
                    </a:lnTo>
                    <a:lnTo>
                      <a:pt x="490" y="427"/>
                    </a:lnTo>
                    <a:lnTo>
                      <a:pt x="494" y="427"/>
                    </a:lnTo>
                    <a:lnTo>
                      <a:pt x="496" y="427"/>
                    </a:lnTo>
                    <a:lnTo>
                      <a:pt x="497" y="427"/>
                    </a:lnTo>
                    <a:lnTo>
                      <a:pt x="497" y="418"/>
                    </a:lnTo>
                    <a:lnTo>
                      <a:pt x="497" y="412"/>
                    </a:lnTo>
                    <a:lnTo>
                      <a:pt x="497" y="407"/>
                    </a:lnTo>
                    <a:lnTo>
                      <a:pt x="497" y="403"/>
                    </a:lnTo>
                    <a:lnTo>
                      <a:pt x="497" y="400"/>
                    </a:lnTo>
                    <a:lnTo>
                      <a:pt x="499" y="398"/>
                    </a:lnTo>
                    <a:lnTo>
                      <a:pt x="504" y="398"/>
                    </a:lnTo>
                    <a:lnTo>
                      <a:pt x="506" y="396"/>
                    </a:lnTo>
                    <a:lnTo>
                      <a:pt x="507" y="395"/>
                    </a:lnTo>
                    <a:lnTo>
                      <a:pt x="507" y="393"/>
                    </a:lnTo>
                    <a:lnTo>
                      <a:pt x="507" y="391"/>
                    </a:lnTo>
                    <a:lnTo>
                      <a:pt x="506" y="391"/>
                    </a:lnTo>
                    <a:lnTo>
                      <a:pt x="506" y="390"/>
                    </a:lnTo>
                    <a:lnTo>
                      <a:pt x="504" y="390"/>
                    </a:lnTo>
                    <a:lnTo>
                      <a:pt x="499" y="386"/>
                    </a:lnTo>
                    <a:lnTo>
                      <a:pt x="497" y="385"/>
                    </a:lnTo>
                    <a:lnTo>
                      <a:pt x="496" y="383"/>
                    </a:lnTo>
                    <a:lnTo>
                      <a:pt x="497" y="381"/>
                    </a:lnTo>
                    <a:lnTo>
                      <a:pt x="499" y="380"/>
                    </a:lnTo>
                    <a:lnTo>
                      <a:pt x="501" y="380"/>
                    </a:lnTo>
                    <a:lnTo>
                      <a:pt x="502" y="380"/>
                    </a:lnTo>
                    <a:lnTo>
                      <a:pt x="504" y="378"/>
                    </a:lnTo>
                    <a:lnTo>
                      <a:pt x="501" y="371"/>
                    </a:lnTo>
                    <a:lnTo>
                      <a:pt x="501" y="364"/>
                    </a:lnTo>
                    <a:lnTo>
                      <a:pt x="502" y="361"/>
                    </a:lnTo>
                    <a:lnTo>
                      <a:pt x="504" y="356"/>
                    </a:lnTo>
                    <a:lnTo>
                      <a:pt x="506" y="354"/>
                    </a:lnTo>
                    <a:lnTo>
                      <a:pt x="507" y="352"/>
                    </a:lnTo>
                    <a:lnTo>
                      <a:pt x="509" y="352"/>
                    </a:lnTo>
                    <a:lnTo>
                      <a:pt x="509" y="351"/>
                    </a:lnTo>
                    <a:lnTo>
                      <a:pt x="509" y="344"/>
                    </a:lnTo>
                    <a:lnTo>
                      <a:pt x="516" y="339"/>
                    </a:lnTo>
                    <a:lnTo>
                      <a:pt x="514" y="330"/>
                    </a:lnTo>
                    <a:lnTo>
                      <a:pt x="506" y="329"/>
                    </a:lnTo>
                    <a:lnTo>
                      <a:pt x="502" y="324"/>
                    </a:lnTo>
                    <a:lnTo>
                      <a:pt x="504" y="324"/>
                    </a:lnTo>
                    <a:lnTo>
                      <a:pt x="504" y="322"/>
                    </a:lnTo>
                    <a:lnTo>
                      <a:pt x="502" y="320"/>
                    </a:lnTo>
                    <a:lnTo>
                      <a:pt x="502" y="319"/>
                    </a:lnTo>
                    <a:lnTo>
                      <a:pt x="502" y="317"/>
                    </a:lnTo>
                    <a:lnTo>
                      <a:pt x="502" y="315"/>
                    </a:lnTo>
                    <a:lnTo>
                      <a:pt x="502" y="314"/>
                    </a:lnTo>
                    <a:lnTo>
                      <a:pt x="502" y="312"/>
                    </a:lnTo>
                    <a:lnTo>
                      <a:pt x="501" y="298"/>
                    </a:lnTo>
                    <a:lnTo>
                      <a:pt x="496" y="288"/>
                    </a:lnTo>
                    <a:lnTo>
                      <a:pt x="490" y="280"/>
                    </a:lnTo>
                    <a:lnTo>
                      <a:pt x="484" y="271"/>
                    </a:lnTo>
                    <a:lnTo>
                      <a:pt x="477" y="266"/>
                    </a:lnTo>
                    <a:lnTo>
                      <a:pt x="470" y="263"/>
                    </a:lnTo>
                    <a:lnTo>
                      <a:pt x="467" y="259"/>
                    </a:lnTo>
                    <a:lnTo>
                      <a:pt x="465" y="258"/>
                    </a:lnTo>
                    <a:lnTo>
                      <a:pt x="463" y="242"/>
                    </a:lnTo>
                    <a:lnTo>
                      <a:pt x="460" y="232"/>
                    </a:lnTo>
                    <a:lnTo>
                      <a:pt x="453" y="224"/>
                    </a:lnTo>
                    <a:lnTo>
                      <a:pt x="446" y="219"/>
                    </a:lnTo>
                    <a:lnTo>
                      <a:pt x="440" y="215"/>
                    </a:lnTo>
                    <a:lnTo>
                      <a:pt x="435" y="214"/>
                    </a:lnTo>
                    <a:lnTo>
                      <a:pt x="430" y="212"/>
                    </a:lnTo>
                    <a:lnTo>
                      <a:pt x="428" y="212"/>
                    </a:lnTo>
                    <a:lnTo>
                      <a:pt x="428" y="210"/>
                    </a:lnTo>
                    <a:lnTo>
                      <a:pt x="424" y="209"/>
                    </a:lnTo>
                    <a:lnTo>
                      <a:pt x="419" y="204"/>
                    </a:lnTo>
                    <a:lnTo>
                      <a:pt x="414" y="200"/>
                    </a:lnTo>
                    <a:lnTo>
                      <a:pt x="409" y="195"/>
                    </a:lnTo>
                    <a:lnTo>
                      <a:pt x="406" y="190"/>
                    </a:lnTo>
                    <a:lnTo>
                      <a:pt x="402" y="187"/>
                    </a:lnTo>
                    <a:lnTo>
                      <a:pt x="401" y="183"/>
                    </a:lnTo>
                    <a:lnTo>
                      <a:pt x="397" y="175"/>
                    </a:lnTo>
                    <a:lnTo>
                      <a:pt x="392" y="168"/>
                    </a:lnTo>
                    <a:lnTo>
                      <a:pt x="389" y="163"/>
                    </a:lnTo>
                    <a:lnTo>
                      <a:pt x="384" y="161"/>
                    </a:lnTo>
                    <a:lnTo>
                      <a:pt x="380" y="160"/>
                    </a:lnTo>
                    <a:lnTo>
                      <a:pt x="377" y="160"/>
                    </a:lnTo>
                    <a:lnTo>
                      <a:pt x="374" y="160"/>
                    </a:lnTo>
                    <a:lnTo>
                      <a:pt x="372" y="158"/>
                    </a:lnTo>
                    <a:lnTo>
                      <a:pt x="370" y="154"/>
                    </a:lnTo>
                    <a:lnTo>
                      <a:pt x="367" y="153"/>
                    </a:lnTo>
                    <a:lnTo>
                      <a:pt x="365" y="149"/>
                    </a:lnTo>
                    <a:lnTo>
                      <a:pt x="362" y="143"/>
                    </a:lnTo>
                    <a:lnTo>
                      <a:pt x="358" y="138"/>
                    </a:lnTo>
                    <a:lnTo>
                      <a:pt x="355" y="134"/>
                    </a:lnTo>
                    <a:lnTo>
                      <a:pt x="352" y="132"/>
                    </a:lnTo>
                    <a:lnTo>
                      <a:pt x="348" y="131"/>
                    </a:lnTo>
                    <a:lnTo>
                      <a:pt x="347" y="132"/>
                    </a:lnTo>
                    <a:lnTo>
                      <a:pt x="343" y="132"/>
                    </a:lnTo>
                    <a:lnTo>
                      <a:pt x="336" y="131"/>
                    </a:lnTo>
                    <a:lnTo>
                      <a:pt x="331" y="129"/>
                    </a:lnTo>
                    <a:lnTo>
                      <a:pt x="328" y="124"/>
                    </a:lnTo>
                    <a:lnTo>
                      <a:pt x="325" y="119"/>
                    </a:lnTo>
                    <a:lnTo>
                      <a:pt x="321" y="114"/>
                    </a:lnTo>
                    <a:lnTo>
                      <a:pt x="320" y="110"/>
                    </a:lnTo>
                    <a:lnTo>
                      <a:pt x="318" y="107"/>
                    </a:lnTo>
                    <a:lnTo>
                      <a:pt x="318" y="105"/>
                    </a:lnTo>
                    <a:lnTo>
                      <a:pt x="313" y="102"/>
                    </a:lnTo>
                    <a:lnTo>
                      <a:pt x="306" y="95"/>
                    </a:lnTo>
                    <a:lnTo>
                      <a:pt x="301" y="88"/>
                    </a:lnTo>
                    <a:lnTo>
                      <a:pt x="296" y="82"/>
                    </a:lnTo>
                    <a:lnTo>
                      <a:pt x="292" y="75"/>
                    </a:lnTo>
                    <a:lnTo>
                      <a:pt x="291" y="68"/>
                    </a:lnTo>
                    <a:lnTo>
                      <a:pt x="287" y="65"/>
                    </a:lnTo>
                    <a:lnTo>
                      <a:pt x="287" y="63"/>
                    </a:lnTo>
                    <a:lnTo>
                      <a:pt x="287" y="61"/>
                    </a:lnTo>
                    <a:lnTo>
                      <a:pt x="284" y="61"/>
                    </a:lnTo>
                    <a:lnTo>
                      <a:pt x="282" y="61"/>
                    </a:lnTo>
                    <a:lnTo>
                      <a:pt x="281" y="60"/>
                    </a:lnTo>
                    <a:lnTo>
                      <a:pt x="274" y="60"/>
                    </a:lnTo>
                    <a:lnTo>
                      <a:pt x="267" y="58"/>
                    </a:lnTo>
                    <a:lnTo>
                      <a:pt x="262" y="56"/>
                    </a:lnTo>
                    <a:lnTo>
                      <a:pt x="259" y="55"/>
                    </a:lnTo>
                    <a:lnTo>
                      <a:pt x="255" y="53"/>
                    </a:lnTo>
                    <a:lnTo>
                      <a:pt x="254" y="51"/>
                    </a:lnTo>
                    <a:lnTo>
                      <a:pt x="252" y="50"/>
                    </a:lnTo>
                    <a:lnTo>
                      <a:pt x="240" y="48"/>
                    </a:lnTo>
                    <a:lnTo>
                      <a:pt x="235" y="43"/>
                    </a:lnTo>
                    <a:lnTo>
                      <a:pt x="235" y="34"/>
                    </a:lnTo>
                    <a:lnTo>
                      <a:pt x="237" y="24"/>
                    </a:lnTo>
                    <a:lnTo>
                      <a:pt x="242" y="16"/>
                    </a:lnTo>
                    <a:lnTo>
                      <a:pt x="248" y="7"/>
                    </a:lnTo>
                    <a:lnTo>
                      <a:pt x="252" y="2"/>
                    </a:lnTo>
                    <a:lnTo>
                      <a:pt x="254" y="0"/>
                    </a:lnTo>
                    <a:lnTo>
                      <a:pt x="130" y="19"/>
                    </a:lnTo>
                    <a:lnTo>
                      <a:pt x="0" y="33"/>
                    </a:lnTo>
                    <a:lnTo>
                      <a:pt x="73" y="290"/>
                    </a:lnTo>
                    <a:lnTo>
                      <a:pt x="89" y="327"/>
                    </a:lnTo>
                    <a:lnTo>
                      <a:pt x="91" y="329"/>
                    </a:lnTo>
                    <a:lnTo>
                      <a:pt x="93" y="330"/>
                    </a:lnTo>
                    <a:lnTo>
                      <a:pt x="95" y="334"/>
                    </a:lnTo>
                    <a:lnTo>
                      <a:pt x="96" y="337"/>
                    </a:lnTo>
                    <a:lnTo>
                      <a:pt x="100" y="341"/>
                    </a:lnTo>
                    <a:lnTo>
                      <a:pt x="100" y="347"/>
                    </a:lnTo>
                    <a:lnTo>
                      <a:pt x="100" y="352"/>
                    </a:lnTo>
                    <a:lnTo>
                      <a:pt x="101" y="354"/>
                    </a:lnTo>
                    <a:lnTo>
                      <a:pt x="103" y="356"/>
                    </a:lnTo>
                    <a:lnTo>
                      <a:pt x="105" y="356"/>
                    </a:lnTo>
                    <a:lnTo>
                      <a:pt x="108" y="358"/>
                    </a:lnTo>
                    <a:lnTo>
                      <a:pt x="108" y="361"/>
                    </a:lnTo>
                    <a:lnTo>
                      <a:pt x="108" y="364"/>
                    </a:lnTo>
                    <a:lnTo>
                      <a:pt x="105" y="369"/>
                    </a:lnTo>
                    <a:lnTo>
                      <a:pt x="98" y="376"/>
                    </a:lnTo>
                    <a:lnTo>
                      <a:pt x="98" y="378"/>
                    </a:lnTo>
                    <a:lnTo>
                      <a:pt x="96" y="378"/>
                    </a:lnTo>
                    <a:lnTo>
                      <a:pt x="96" y="381"/>
                    </a:lnTo>
                    <a:lnTo>
                      <a:pt x="96" y="383"/>
                    </a:lnTo>
                    <a:lnTo>
                      <a:pt x="95" y="388"/>
                    </a:lnTo>
                    <a:lnTo>
                      <a:pt x="95" y="393"/>
                    </a:lnTo>
                    <a:lnTo>
                      <a:pt x="95" y="400"/>
                    </a:lnTo>
                    <a:lnTo>
                      <a:pt x="95" y="407"/>
                    </a:lnTo>
                    <a:lnTo>
                      <a:pt x="95" y="410"/>
                    </a:lnTo>
                    <a:lnTo>
                      <a:pt x="93" y="413"/>
                    </a:lnTo>
                    <a:lnTo>
                      <a:pt x="93" y="418"/>
                    </a:lnTo>
                    <a:lnTo>
                      <a:pt x="93" y="424"/>
                    </a:lnTo>
                    <a:lnTo>
                      <a:pt x="93" y="432"/>
                    </a:lnTo>
                    <a:lnTo>
                      <a:pt x="95" y="439"/>
                    </a:lnTo>
                    <a:lnTo>
                      <a:pt x="98" y="446"/>
                    </a:lnTo>
                    <a:lnTo>
                      <a:pt x="103" y="451"/>
                    </a:lnTo>
                    <a:lnTo>
                      <a:pt x="103" y="454"/>
                    </a:lnTo>
                    <a:lnTo>
                      <a:pt x="103" y="457"/>
                    </a:lnTo>
                    <a:lnTo>
                      <a:pt x="105" y="464"/>
                    </a:lnTo>
                    <a:lnTo>
                      <a:pt x="105" y="471"/>
                    </a:lnTo>
                    <a:lnTo>
                      <a:pt x="105" y="478"/>
                    </a:lnTo>
                    <a:lnTo>
                      <a:pt x="105" y="483"/>
                    </a:lnTo>
                    <a:lnTo>
                      <a:pt x="105" y="488"/>
                    </a:lnTo>
                    <a:lnTo>
                      <a:pt x="105" y="490"/>
                    </a:lnTo>
                    <a:lnTo>
                      <a:pt x="122" y="522"/>
                    </a:lnTo>
                    <a:lnTo>
                      <a:pt x="139" y="554"/>
                    </a:lnTo>
                    <a:lnTo>
                      <a:pt x="418" y="535"/>
                    </a:lnTo>
                    <a:lnTo>
                      <a:pt x="428" y="557"/>
                    </a:lnTo>
                    <a:lnTo>
                      <a:pt x="443" y="557"/>
                    </a:lnTo>
                    <a:lnTo>
                      <a:pt x="443" y="556"/>
                    </a:lnTo>
                    <a:lnTo>
                      <a:pt x="441" y="552"/>
                    </a:lnTo>
                    <a:lnTo>
                      <a:pt x="441" y="549"/>
                    </a:lnTo>
                    <a:lnTo>
                      <a:pt x="441" y="544"/>
                    </a:lnTo>
                    <a:lnTo>
                      <a:pt x="440" y="539"/>
                    </a:lnTo>
                    <a:lnTo>
                      <a:pt x="440" y="534"/>
                    </a:lnTo>
                    <a:lnTo>
                      <a:pt x="440" y="530"/>
                    </a:lnTo>
                    <a:lnTo>
                      <a:pt x="440" y="528"/>
                    </a:lnTo>
                    <a:lnTo>
                      <a:pt x="435" y="520"/>
                    </a:lnTo>
                    <a:lnTo>
                      <a:pt x="435" y="512"/>
                    </a:lnTo>
                    <a:lnTo>
                      <a:pt x="435" y="506"/>
                    </a:lnTo>
                    <a:lnTo>
                      <a:pt x="438" y="503"/>
                    </a:lnTo>
                    <a:lnTo>
                      <a:pt x="441" y="500"/>
                    </a:lnTo>
                    <a:lnTo>
                      <a:pt x="443" y="498"/>
                    </a:lnTo>
                    <a:lnTo>
                      <a:pt x="446" y="498"/>
                    </a:lnTo>
                    <a:lnTo>
                      <a:pt x="448" y="498"/>
                    </a:lnTo>
                    <a:lnTo>
                      <a:pt x="453" y="501"/>
                    </a:lnTo>
                    <a:lnTo>
                      <a:pt x="462" y="503"/>
                    </a:lnTo>
                    <a:lnTo>
                      <a:pt x="468" y="505"/>
                    </a:lnTo>
                    <a:lnTo>
                      <a:pt x="475" y="506"/>
                    </a:lnTo>
                    <a:lnTo>
                      <a:pt x="482" y="506"/>
                    </a:lnTo>
                    <a:lnTo>
                      <a:pt x="485" y="506"/>
                    </a:lnTo>
                    <a:lnTo>
                      <a:pt x="489" y="506"/>
                    </a:lnTo>
                    <a:lnTo>
                      <a:pt x="490" y="506"/>
                    </a:lnTo>
                    <a:lnTo>
                      <a:pt x="492" y="498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969" name="Group 183"/>
            <p:cNvGrpSpPr>
              <a:grpSpLocks/>
            </p:cNvGrpSpPr>
            <p:nvPr/>
          </p:nvGrpSpPr>
          <p:grpSpPr bwMode="auto">
            <a:xfrm>
              <a:off x="4720" y="1593"/>
              <a:ext cx="332" cy="182"/>
              <a:chOff x="4972" y="1195"/>
              <a:chExt cx="342" cy="188"/>
            </a:xfrm>
          </p:grpSpPr>
          <p:sp>
            <p:nvSpPr>
              <p:cNvPr id="972" name="Freeform 184"/>
              <p:cNvSpPr>
                <a:spLocks/>
              </p:cNvSpPr>
              <p:nvPr/>
            </p:nvSpPr>
            <p:spPr bwMode="auto">
              <a:xfrm>
                <a:off x="5289" y="1356"/>
                <a:ext cx="25" cy="17"/>
              </a:xfrm>
              <a:custGeom>
                <a:avLst/>
                <a:gdLst>
                  <a:gd name="T0" fmla="*/ 0 w 25"/>
                  <a:gd name="T1" fmla="*/ 17 h 17"/>
                  <a:gd name="T2" fmla="*/ 2 w 25"/>
                  <a:gd name="T3" fmla="*/ 17 h 17"/>
                  <a:gd name="T4" fmla="*/ 7 w 25"/>
                  <a:gd name="T5" fmla="*/ 17 h 17"/>
                  <a:gd name="T6" fmla="*/ 12 w 25"/>
                  <a:gd name="T7" fmla="*/ 17 h 17"/>
                  <a:gd name="T8" fmla="*/ 19 w 25"/>
                  <a:gd name="T9" fmla="*/ 15 h 17"/>
                  <a:gd name="T10" fmla="*/ 24 w 25"/>
                  <a:gd name="T11" fmla="*/ 13 h 17"/>
                  <a:gd name="T12" fmla="*/ 25 w 25"/>
                  <a:gd name="T13" fmla="*/ 10 h 17"/>
                  <a:gd name="T14" fmla="*/ 24 w 25"/>
                  <a:gd name="T15" fmla="*/ 6 h 17"/>
                  <a:gd name="T16" fmla="*/ 19 w 25"/>
                  <a:gd name="T17" fmla="*/ 1 h 17"/>
                  <a:gd name="T18" fmla="*/ 19 w 25"/>
                  <a:gd name="T19" fmla="*/ 0 h 17"/>
                  <a:gd name="T20" fmla="*/ 17 w 25"/>
                  <a:gd name="T21" fmla="*/ 0 h 17"/>
                  <a:gd name="T22" fmla="*/ 15 w 25"/>
                  <a:gd name="T23" fmla="*/ 3 h 17"/>
                  <a:gd name="T24" fmla="*/ 15 w 25"/>
                  <a:gd name="T25" fmla="*/ 8 h 17"/>
                  <a:gd name="T26" fmla="*/ 13 w 25"/>
                  <a:gd name="T27" fmla="*/ 8 h 17"/>
                  <a:gd name="T28" fmla="*/ 12 w 25"/>
                  <a:gd name="T29" fmla="*/ 8 h 17"/>
                  <a:gd name="T30" fmla="*/ 8 w 25"/>
                  <a:gd name="T31" fmla="*/ 8 h 17"/>
                  <a:gd name="T32" fmla="*/ 7 w 25"/>
                  <a:gd name="T33" fmla="*/ 8 h 17"/>
                  <a:gd name="T34" fmla="*/ 3 w 25"/>
                  <a:gd name="T35" fmla="*/ 10 h 17"/>
                  <a:gd name="T36" fmla="*/ 0 w 25"/>
                  <a:gd name="T37" fmla="*/ 12 h 17"/>
                  <a:gd name="T38" fmla="*/ 0 w 25"/>
                  <a:gd name="T39" fmla="*/ 13 h 17"/>
                  <a:gd name="T40" fmla="*/ 0 w 25"/>
                  <a:gd name="T41" fmla="*/ 17 h 17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25"/>
                  <a:gd name="T64" fmla="*/ 0 h 17"/>
                  <a:gd name="T65" fmla="*/ 25 w 25"/>
                  <a:gd name="T66" fmla="*/ 17 h 17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25" h="17">
                    <a:moveTo>
                      <a:pt x="0" y="17"/>
                    </a:moveTo>
                    <a:lnTo>
                      <a:pt x="2" y="17"/>
                    </a:lnTo>
                    <a:lnTo>
                      <a:pt x="7" y="17"/>
                    </a:lnTo>
                    <a:lnTo>
                      <a:pt x="12" y="17"/>
                    </a:lnTo>
                    <a:lnTo>
                      <a:pt x="19" y="15"/>
                    </a:lnTo>
                    <a:lnTo>
                      <a:pt x="24" y="13"/>
                    </a:lnTo>
                    <a:lnTo>
                      <a:pt x="25" y="10"/>
                    </a:lnTo>
                    <a:lnTo>
                      <a:pt x="24" y="6"/>
                    </a:lnTo>
                    <a:lnTo>
                      <a:pt x="19" y="1"/>
                    </a:lnTo>
                    <a:lnTo>
                      <a:pt x="19" y="0"/>
                    </a:lnTo>
                    <a:lnTo>
                      <a:pt x="17" y="0"/>
                    </a:lnTo>
                    <a:lnTo>
                      <a:pt x="15" y="3"/>
                    </a:lnTo>
                    <a:lnTo>
                      <a:pt x="15" y="8"/>
                    </a:lnTo>
                    <a:lnTo>
                      <a:pt x="13" y="8"/>
                    </a:lnTo>
                    <a:lnTo>
                      <a:pt x="12" y="8"/>
                    </a:lnTo>
                    <a:lnTo>
                      <a:pt x="8" y="8"/>
                    </a:lnTo>
                    <a:lnTo>
                      <a:pt x="7" y="8"/>
                    </a:lnTo>
                    <a:lnTo>
                      <a:pt x="3" y="10"/>
                    </a:lnTo>
                    <a:lnTo>
                      <a:pt x="0" y="12"/>
                    </a:lnTo>
                    <a:lnTo>
                      <a:pt x="0" y="13"/>
                    </a:lnTo>
                    <a:lnTo>
                      <a:pt x="0" y="1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73" name="Freeform 185"/>
              <p:cNvSpPr>
                <a:spLocks/>
              </p:cNvSpPr>
              <p:nvPr/>
            </p:nvSpPr>
            <p:spPr bwMode="auto">
              <a:xfrm>
                <a:off x="5289" y="1356"/>
                <a:ext cx="25" cy="17"/>
              </a:xfrm>
              <a:custGeom>
                <a:avLst/>
                <a:gdLst>
                  <a:gd name="T0" fmla="*/ 0 w 25"/>
                  <a:gd name="T1" fmla="*/ 17 h 17"/>
                  <a:gd name="T2" fmla="*/ 0 w 25"/>
                  <a:gd name="T3" fmla="*/ 17 h 17"/>
                  <a:gd name="T4" fmla="*/ 2 w 25"/>
                  <a:gd name="T5" fmla="*/ 17 h 17"/>
                  <a:gd name="T6" fmla="*/ 7 w 25"/>
                  <a:gd name="T7" fmla="*/ 17 h 17"/>
                  <a:gd name="T8" fmla="*/ 12 w 25"/>
                  <a:gd name="T9" fmla="*/ 17 h 17"/>
                  <a:gd name="T10" fmla="*/ 19 w 25"/>
                  <a:gd name="T11" fmla="*/ 15 h 17"/>
                  <a:gd name="T12" fmla="*/ 24 w 25"/>
                  <a:gd name="T13" fmla="*/ 13 h 17"/>
                  <a:gd name="T14" fmla="*/ 25 w 25"/>
                  <a:gd name="T15" fmla="*/ 10 h 17"/>
                  <a:gd name="T16" fmla="*/ 24 w 25"/>
                  <a:gd name="T17" fmla="*/ 6 h 17"/>
                  <a:gd name="T18" fmla="*/ 19 w 25"/>
                  <a:gd name="T19" fmla="*/ 1 h 17"/>
                  <a:gd name="T20" fmla="*/ 19 w 25"/>
                  <a:gd name="T21" fmla="*/ 1 h 17"/>
                  <a:gd name="T22" fmla="*/ 19 w 25"/>
                  <a:gd name="T23" fmla="*/ 0 h 17"/>
                  <a:gd name="T24" fmla="*/ 17 w 25"/>
                  <a:gd name="T25" fmla="*/ 0 h 17"/>
                  <a:gd name="T26" fmla="*/ 15 w 25"/>
                  <a:gd name="T27" fmla="*/ 3 h 17"/>
                  <a:gd name="T28" fmla="*/ 15 w 25"/>
                  <a:gd name="T29" fmla="*/ 8 h 17"/>
                  <a:gd name="T30" fmla="*/ 15 w 25"/>
                  <a:gd name="T31" fmla="*/ 8 h 17"/>
                  <a:gd name="T32" fmla="*/ 13 w 25"/>
                  <a:gd name="T33" fmla="*/ 8 h 17"/>
                  <a:gd name="T34" fmla="*/ 12 w 25"/>
                  <a:gd name="T35" fmla="*/ 8 h 17"/>
                  <a:gd name="T36" fmla="*/ 8 w 25"/>
                  <a:gd name="T37" fmla="*/ 8 h 17"/>
                  <a:gd name="T38" fmla="*/ 7 w 25"/>
                  <a:gd name="T39" fmla="*/ 8 h 17"/>
                  <a:gd name="T40" fmla="*/ 3 w 25"/>
                  <a:gd name="T41" fmla="*/ 10 h 17"/>
                  <a:gd name="T42" fmla="*/ 0 w 25"/>
                  <a:gd name="T43" fmla="*/ 12 h 17"/>
                  <a:gd name="T44" fmla="*/ 0 w 25"/>
                  <a:gd name="T45" fmla="*/ 13 h 17"/>
                  <a:gd name="T46" fmla="*/ 0 w 25"/>
                  <a:gd name="T47" fmla="*/ 17 h 17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25"/>
                  <a:gd name="T73" fmla="*/ 0 h 17"/>
                  <a:gd name="T74" fmla="*/ 25 w 25"/>
                  <a:gd name="T75" fmla="*/ 17 h 17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25" h="17">
                    <a:moveTo>
                      <a:pt x="0" y="17"/>
                    </a:moveTo>
                    <a:lnTo>
                      <a:pt x="0" y="17"/>
                    </a:lnTo>
                    <a:lnTo>
                      <a:pt x="2" y="17"/>
                    </a:lnTo>
                    <a:lnTo>
                      <a:pt x="7" y="17"/>
                    </a:lnTo>
                    <a:lnTo>
                      <a:pt x="12" y="17"/>
                    </a:lnTo>
                    <a:lnTo>
                      <a:pt x="19" y="15"/>
                    </a:lnTo>
                    <a:lnTo>
                      <a:pt x="24" y="13"/>
                    </a:lnTo>
                    <a:lnTo>
                      <a:pt x="25" y="10"/>
                    </a:lnTo>
                    <a:lnTo>
                      <a:pt x="24" y="6"/>
                    </a:lnTo>
                    <a:lnTo>
                      <a:pt x="19" y="1"/>
                    </a:lnTo>
                    <a:lnTo>
                      <a:pt x="19" y="0"/>
                    </a:lnTo>
                    <a:lnTo>
                      <a:pt x="17" y="0"/>
                    </a:lnTo>
                    <a:lnTo>
                      <a:pt x="15" y="3"/>
                    </a:lnTo>
                    <a:lnTo>
                      <a:pt x="15" y="8"/>
                    </a:lnTo>
                    <a:lnTo>
                      <a:pt x="13" y="8"/>
                    </a:lnTo>
                    <a:lnTo>
                      <a:pt x="12" y="8"/>
                    </a:lnTo>
                    <a:lnTo>
                      <a:pt x="8" y="8"/>
                    </a:lnTo>
                    <a:lnTo>
                      <a:pt x="7" y="8"/>
                    </a:lnTo>
                    <a:lnTo>
                      <a:pt x="3" y="10"/>
                    </a:lnTo>
                    <a:lnTo>
                      <a:pt x="0" y="12"/>
                    </a:lnTo>
                    <a:lnTo>
                      <a:pt x="0" y="13"/>
                    </a:lnTo>
                    <a:lnTo>
                      <a:pt x="0" y="1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74" name="Freeform 186"/>
              <p:cNvSpPr>
                <a:spLocks/>
              </p:cNvSpPr>
              <p:nvPr/>
            </p:nvSpPr>
            <p:spPr bwMode="auto">
              <a:xfrm>
                <a:off x="5235" y="1357"/>
                <a:ext cx="29" cy="26"/>
              </a:xfrm>
              <a:custGeom>
                <a:avLst/>
                <a:gdLst>
                  <a:gd name="T0" fmla="*/ 0 w 29"/>
                  <a:gd name="T1" fmla="*/ 19 h 26"/>
                  <a:gd name="T2" fmla="*/ 3 w 29"/>
                  <a:gd name="T3" fmla="*/ 26 h 26"/>
                  <a:gd name="T4" fmla="*/ 5 w 29"/>
                  <a:gd name="T5" fmla="*/ 26 h 26"/>
                  <a:gd name="T6" fmla="*/ 7 w 29"/>
                  <a:gd name="T7" fmla="*/ 24 h 26"/>
                  <a:gd name="T8" fmla="*/ 8 w 29"/>
                  <a:gd name="T9" fmla="*/ 21 h 26"/>
                  <a:gd name="T10" fmla="*/ 12 w 29"/>
                  <a:gd name="T11" fmla="*/ 19 h 26"/>
                  <a:gd name="T12" fmla="*/ 17 w 29"/>
                  <a:gd name="T13" fmla="*/ 16 h 26"/>
                  <a:gd name="T14" fmla="*/ 20 w 29"/>
                  <a:gd name="T15" fmla="*/ 12 h 26"/>
                  <a:gd name="T16" fmla="*/ 25 w 29"/>
                  <a:gd name="T17" fmla="*/ 12 h 26"/>
                  <a:gd name="T18" fmla="*/ 29 w 29"/>
                  <a:gd name="T19" fmla="*/ 11 h 26"/>
                  <a:gd name="T20" fmla="*/ 29 w 29"/>
                  <a:gd name="T21" fmla="*/ 9 h 26"/>
                  <a:gd name="T22" fmla="*/ 29 w 29"/>
                  <a:gd name="T23" fmla="*/ 5 h 26"/>
                  <a:gd name="T24" fmla="*/ 27 w 29"/>
                  <a:gd name="T25" fmla="*/ 4 h 26"/>
                  <a:gd name="T26" fmla="*/ 22 w 29"/>
                  <a:gd name="T27" fmla="*/ 4 h 26"/>
                  <a:gd name="T28" fmla="*/ 20 w 29"/>
                  <a:gd name="T29" fmla="*/ 4 h 26"/>
                  <a:gd name="T30" fmla="*/ 18 w 29"/>
                  <a:gd name="T31" fmla="*/ 2 h 26"/>
                  <a:gd name="T32" fmla="*/ 15 w 29"/>
                  <a:gd name="T33" fmla="*/ 0 h 26"/>
                  <a:gd name="T34" fmla="*/ 13 w 29"/>
                  <a:gd name="T35" fmla="*/ 0 h 26"/>
                  <a:gd name="T36" fmla="*/ 10 w 29"/>
                  <a:gd name="T37" fmla="*/ 4 h 26"/>
                  <a:gd name="T38" fmla="*/ 10 w 29"/>
                  <a:gd name="T39" fmla="*/ 7 h 26"/>
                  <a:gd name="T40" fmla="*/ 8 w 29"/>
                  <a:gd name="T41" fmla="*/ 11 h 26"/>
                  <a:gd name="T42" fmla="*/ 8 w 29"/>
                  <a:gd name="T43" fmla="*/ 14 h 26"/>
                  <a:gd name="T44" fmla="*/ 3 w 29"/>
                  <a:gd name="T45" fmla="*/ 17 h 26"/>
                  <a:gd name="T46" fmla="*/ 0 w 29"/>
                  <a:gd name="T47" fmla="*/ 19 h 2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29"/>
                  <a:gd name="T73" fmla="*/ 0 h 26"/>
                  <a:gd name="T74" fmla="*/ 29 w 29"/>
                  <a:gd name="T75" fmla="*/ 26 h 26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29" h="26">
                    <a:moveTo>
                      <a:pt x="0" y="19"/>
                    </a:moveTo>
                    <a:lnTo>
                      <a:pt x="3" y="26"/>
                    </a:lnTo>
                    <a:lnTo>
                      <a:pt x="5" y="26"/>
                    </a:lnTo>
                    <a:lnTo>
                      <a:pt x="7" y="24"/>
                    </a:lnTo>
                    <a:lnTo>
                      <a:pt x="8" y="21"/>
                    </a:lnTo>
                    <a:lnTo>
                      <a:pt x="12" y="19"/>
                    </a:lnTo>
                    <a:lnTo>
                      <a:pt x="17" y="16"/>
                    </a:lnTo>
                    <a:lnTo>
                      <a:pt x="20" y="12"/>
                    </a:lnTo>
                    <a:lnTo>
                      <a:pt x="25" y="12"/>
                    </a:lnTo>
                    <a:lnTo>
                      <a:pt x="29" y="11"/>
                    </a:lnTo>
                    <a:lnTo>
                      <a:pt x="29" y="9"/>
                    </a:lnTo>
                    <a:lnTo>
                      <a:pt x="29" y="5"/>
                    </a:lnTo>
                    <a:lnTo>
                      <a:pt x="27" y="4"/>
                    </a:lnTo>
                    <a:lnTo>
                      <a:pt x="22" y="4"/>
                    </a:lnTo>
                    <a:lnTo>
                      <a:pt x="20" y="4"/>
                    </a:lnTo>
                    <a:lnTo>
                      <a:pt x="18" y="2"/>
                    </a:lnTo>
                    <a:lnTo>
                      <a:pt x="15" y="0"/>
                    </a:lnTo>
                    <a:lnTo>
                      <a:pt x="13" y="0"/>
                    </a:lnTo>
                    <a:lnTo>
                      <a:pt x="10" y="4"/>
                    </a:lnTo>
                    <a:lnTo>
                      <a:pt x="10" y="7"/>
                    </a:lnTo>
                    <a:lnTo>
                      <a:pt x="8" y="11"/>
                    </a:lnTo>
                    <a:lnTo>
                      <a:pt x="8" y="14"/>
                    </a:lnTo>
                    <a:lnTo>
                      <a:pt x="3" y="17"/>
                    </a:lnTo>
                    <a:lnTo>
                      <a:pt x="0" y="1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75" name="Freeform 187"/>
              <p:cNvSpPr>
                <a:spLocks/>
              </p:cNvSpPr>
              <p:nvPr/>
            </p:nvSpPr>
            <p:spPr bwMode="auto">
              <a:xfrm>
                <a:off x="5235" y="1357"/>
                <a:ext cx="29" cy="26"/>
              </a:xfrm>
              <a:custGeom>
                <a:avLst/>
                <a:gdLst>
                  <a:gd name="T0" fmla="*/ 0 w 29"/>
                  <a:gd name="T1" fmla="*/ 19 h 26"/>
                  <a:gd name="T2" fmla="*/ 3 w 29"/>
                  <a:gd name="T3" fmla="*/ 26 h 26"/>
                  <a:gd name="T4" fmla="*/ 3 w 29"/>
                  <a:gd name="T5" fmla="*/ 26 h 26"/>
                  <a:gd name="T6" fmla="*/ 5 w 29"/>
                  <a:gd name="T7" fmla="*/ 26 h 26"/>
                  <a:gd name="T8" fmla="*/ 7 w 29"/>
                  <a:gd name="T9" fmla="*/ 24 h 26"/>
                  <a:gd name="T10" fmla="*/ 8 w 29"/>
                  <a:gd name="T11" fmla="*/ 21 h 26"/>
                  <a:gd name="T12" fmla="*/ 12 w 29"/>
                  <a:gd name="T13" fmla="*/ 19 h 26"/>
                  <a:gd name="T14" fmla="*/ 17 w 29"/>
                  <a:gd name="T15" fmla="*/ 16 h 26"/>
                  <a:gd name="T16" fmla="*/ 20 w 29"/>
                  <a:gd name="T17" fmla="*/ 12 h 26"/>
                  <a:gd name="T18" fmla="*/ 25 w 29"/>
                  <a:gd name="T19" fmla="*/ 12 h 26"/>
                  <a:gd name="T20" fmla="*/ 29 w 29"/>
                  <a:gd name="T21" fmla="*/ 11 h 26"/>
                  <a:gd name="T22" fmla="*/ 29 w 29"/>
                  <a:gd name="T23" fmla="*/ 11 h 26"/>
                  <a:gd name="T24" fmla="*/ 29 w 29"/>
                  <a:gd name="T25" fmla="*/ 9 h 26"/>
                  <a:gd name="T26" fmla="*/ 29 w 29"/>
                  <a:gd name="T27" fmla="*/ 5 h 26"/>
                  <a:gd name="T28" fmla="*/ 27 w 29"/>
                  <a:gd name="T29" fmla="*/ 4 h 26"/>
                  <a:gd name="T30" fmla="*/ 22 w 29"/>
                  <a:gd name="T31" fmla="*/ 4 h 26"/>
                  <a:gd name="T32" fmla="*/ 22 w 29"/>
                  <a:gd name="T33" fmla="*/ 4 h 26"/>
                  <a:gd name="T34" fmla="*/ 20 w 29"/>
                  <a:gd name="T35" fmla="*/ 4 h 26"/>
                  <a:gd name="T36" fmla="*/ 18 w 29"/>
                  <a:gd name="T37" fmla="*/ 2 h 26"/>
                  <a:gd name="T38" fmla="*/ 15 w 29"/>
                  <a:gd name="T39" fmla="*/ 0 h 26"/>
                  <a:gd name="T40" fmla="*/ 13 w 29"/>
                  <a:gd name="T41" fmla="*/ 0 h 26"/>
                  <a:gd name="T42" fmla="*/ 10 w 29"/>
                  <a:gd name="T43" fmla="*/ 4 h 26"/>
                  <a:gd name="T44" fmla="*/ 10 w 29"/>
                  <a:gd name="T45" fmla="*/ 7 h 26"/>
                  <a:gd name="T46" fmla="*/ 8 w 29"/>
                  <a:gd name="T47" fmla="*/ 11 h 26"/>
                  <a:gd name="T48" fmla="*/ 8 w 29"/>
                  <a:gd name="T49" fmla="*/ 14 h 26"/>
                  <a:gd name="T50" fmla="*/ 3 w 29"/>
                  <a:gd name="T51" fmla="*/ 17 h 26"/>
                  <a:gd name="T52" fmla="*/ 0 w 29"/>
                  <a:gd name="T53" fmla="*/ 19 h 2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w 29"/>
                  <a:gd name="T82" fmla="*/ 0 h 26"/>
                  <a:gd name="T83" fmla="*/ 29 w 29"/>
                  <a:gd name="T84" fmla="*/ 26 h 2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T81" t="T82" r="T83" b="T84"/>
                <a:pathLst>
                  <a:path w="29" h="26">
                    <a:moveTo>
                      <a:pt x="0" y="19"/>
                    </a:moveTo>
                    <a:lnTo>
                      <a:pt x="3" y="26"/>
                    </a:lnTo>
                    <a:lnTo>
                      <a:pt x="5" y="26"/>
                    </a:lnTo>
                    <a:lnTo>
                      <a:pt x="7" y="24"/>
                    </a:lnTo>
                    <a:lnTo>
                      <a:pt x="8" y="21"/>
                    </a:lnTo>
                    <a:lnTo>
                      <a:pt x="12" y="19"/>
                    </a:lnTo>
                    <a:lnTo>
                      <a:pt x="17" y="16"/>
                    </a:lnTo>
                    <a:lnTo>
                      <a:pt x="20" y="12"/>
                    </a:lnTo>
                    <a:lnTo>
                      <a:pt x="25" y="12"/>
                    </a:lnTo>
                    <a:lnTo>
                      <a:pt x="29" y="11"/>
                    </a:lnTo>
                    <a:lnTo>
                      <a:pt x="29" y="9"/>
                    </a:lnTo>
                    <a:lnTo>
                      <a:pt x="29" y="5"/>
                    </a:lnTo>
                    <a:lnTo>
                      <a:pt x="27" y="4"/>
                    </a:lnTo>
                    <a:lnTo>
                      <a:pt x="22" y="4"/>
                    </a:lnTo>
                    <a:lnTo>
                      <a:pt x="20" y="4"/>
                    </a:lnTo>
                    <a:lnTo>
                      <a:pt x="18" y="2"/>
                    </a:lnTo>
                    <a:lnTo>
                      <a:pt x="15" y="0"/>
                    </a:lnTo>
                    <a:lnTo>
                      <a:pt x="13" y="0"/>
                    </a:lnTo>
                    <a:lnTo>
                      <a:pt x="10" y="4"/>
                    </a:lnTo>
                    <a:lnTo>
                      <a:pt x="10" y="7"/>
                    </a:lnTo>
                    <a:lnTo>
                      <a:pt x="8" y="11"/>
                    </a:lnTo>
                    <a:lnTo>
                      <a:pt x="8" y="14"/>
                    </a:lnTo>
                    <a:lnTo>
                      <a:pt x="3" y="17"/>
                    </a:lnTo>
                    <a:lnTo>
                      <a:pt x="0" y="19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976" name="Freeform 188"/>
              <p:cNvSpPr>
                <a:spLocks/>
              </p:cNvSpPr>
              <p:nvPr/>
            </p:nvSpPr>
            <p:spPr bwMode="auto">
              <a:xfrm>
                <a:off x="4972" y="1195"/>
                <a:ext cx="329" cy="167"/>
              </a:xfrm>
              <a:custGeom>
                <a:avLst/>
                <a:gdLst>
                  <a:gd name="T0" fmla="*/ 2 w 329"/>
                  <a:gd name="T1" fmla="*/ 69 h 167"/>
                  <a:gd name="T2" fmla="*/ 17 w 329"/>
                  <a:gd name="T3" fmla="*/ 68 h 167"/>
                  <a:gd name="T4" fmla="*/ 43 w 329"/>
                  <a:gd name="T5" fmla="*/ 61 h 167"/>
                  <a:gd name="T6" fmla="*/ 63 w 329"/>
                  <a:gd name="T7" fmla="*/ 56 h 167"/>
                  <a:gd name="T8" fmla="*/ 171 w 329"/>
                  <a:gd name="T9" fmla="*/ 32 h 167"/>
                  <a:gd name="T10" fmla="*/ 182 w 329"/>
                  <a:gd name="T11" fmla="*/ 20 h 167"/>
                  <a:gd name="T12" fmla="*/ 197 w 329"/>
                  <a:gd name="T13" fmla="*/ 3 h 167"/>
                  <a:gd name="T14" fmla="*/ 210 w 329"/>
                  <a:gd name="T15" fmla="*/ 0 h 167"/>
                  <a:gd name="T16" fmla="*/ 210 w 329"/>
                  <a:gd name="T17" fmla="*/ 2 h 167"/>
                  <a:gd name="T18" fmla="*/ 215 w 329"/>
                  <a:gd name="T19" fmla="*/ 13 h 167"/>
                  <a:gd name="T20" fmla="*/ 227 w 329"/>
                  <a:gd name="T21" fmla="*/ 22 h 167"/>
                  <a:gd name="T22" fmla="*/ 232 w 329"/>
                  <a:gd name="T23" fmla="*/ 27 h 167"/>
                  <a:gd name="T24" fmla="*/ 220 w 329"/>
                  <a:gd name="T25" fmla="*/ 41 h 167"/>
                  <a:gd name="T26" fmla="*/ 217 w 329"/>
                  <a:gd name="T27" fmla="*/ 52 h 167"/>
                  <a:gd name="T28" fmla="*/ 214 w 329"/>
                  <a:gd name="T29" fmla="*/ 73 h 167"/>
                  <a:gd name="T30" fmla="*/ 242 w 329"/>
                  <a:gd name="T31" fmla="*/ 78 h 167"/>
                  <a:gd name="T32" fmla="*/ 254 w 329"/>
                  <a:gd name="T33" fmla="*/ 91 h 167"/>
                  <a:gd name="T34" fmla="*/ 259 w 329"/>
                  <a:gd name="T35" fmla="*/ 107 h 167"/>
                  <a:gd name="T36" fmla="*/ 268 w 329"/>
                  <a:gd name="T37" fmla="*/ 107 h 167"/>
                  <a:gd name="T38" fmla="*/ 268 w 329"/>
                  <a:gd name="T39" fmla="*/ 112 h 167"/>
                  <a:gd name="T40" fmla="*/ 280 w 329"/>
                  <a:gd name="T41" fmla="*/ 120 h 167"/>
                  <a:gd name="T42" fmla="*/ 305 w 329"/>
                  <a:gd name="T43" fmla="*/ 120 h 167"/>
                  <a:gd name="T44" fmla="*/ 319 w 329"/>
                  <a:gd name="T45" fmla="*/ 105 h 167"/>
                  <a:gd name="T46" fmla="*/ 312 w 329"/>
                  <a:gd name="T47" fmla="*/ 91 h 167"/>
                  <a:gd name="T48" fmla="*/ 298 w 329"/>
                  <a:gd name="T49" fmla="*/ 81 h 167"/>
                  <a:gd name="T50" fmla="*/ 293 w 329"/>
                  <a:gd name="T51" fmla="*/ 85 h 167"/>
                  <a:gd name="T52" fmla="*/ 292 w 329"/>
                  <a:gd name="T53" fmla="*/ 78 h 167"/>
                  <a:gd name="T54" fmla="*/ 310 w 329"/>
                  <a:gd name="T55" fmla="*/ 81 h 167"/>
                  <a:gd name="T56" fmla="*/ 329 w 329"/>
                  <a:gd name="T57" fmla="*/ 113 h 167"/>
                  <a:gd name="T58" fmla="*/ 329 w 329"/>
                  <a:gd name="T59" fmla="*/ 122 h 167"/>
                  <a:gd name="T60" fmla="*/ 329 w 329"/>
                  <a:gd name="T61" fmla="*/ 125 h 167"/>
                  <a:gd name="T62" fmla="*/ 322 w 329"/>
                  <a:gd name="T63" fmla="*/ 123 h 167"/>
                  <a:gd name="T64" fmla="*/ 308 w 329"/>
                  <a:gd name="T65" fmla="*/ 132 h 167"/>
                  <a:gd name="T66" fmla="*/ 297 w 329"/>
                  <a:gd name="T67" fmla="*/ 135 h 167"/>
                  <a:gd name="T68" fmla="*/ 286 w 329"/>
                  <a:gd name="T69" fmla="*/ 147 h 167"/>
                  <a:gd name="T70" fmla="*/ 273 w 329"/>
                  <a:gd name="T71" fmla="*/ 157 h 167"/>
                  <a:gd name="T72" fmla="*/ 270 w 329"/>
                  <a:gd name="T73" fmla="*/ 134 h 167"/>
                  <a:gd name="T74" fmla="*/ 259 w 329"/>
                  <a:gd name="T75" fmla="*/ 130 h 167"/>
                  <a:gd name="T76" fmla="*/ 258 w 329"/>
                  <a:gd name="T77" fmla="*/ 152 h 167"/>
                  <a:gd name="T78" fmla="*/ 258 w 329"/>
                  <a:gd name="T79" fmla="*/ 145 h 167"/>
                  <a:gd name="T80" fmla="*/ 246 w 329"/>
                  <a:gd name="T81" fmla="*/ 151 h 167"/>
                  <a:gd name="T82" fmla="*/ 246 w 329"/>
                  <a:gd name="T83" fmla="*/ 159 h 167"/>
                  <a:gd name="T84" fmla="*/ 232 w 329"/>
                  <a:gd name="T85" fmla="*/ 167 h 167"/>
                  <a:gd name="T86" fmla="*/ 229 w 329"/>
                  <a:gd name="T87" fmla="*/ 161 h 167"/>
                  <a:gd name="T88" fmla="*/ 227 w 329"/>
                  <a:gd name="T89" fmla="*/ 156 h 167"/>
                  <a:gd name="T90" fmla="*/ 200 w 329"/>
                  <a:gd name="T91" fmla="*/ 129 h 167"/>
                  <a:gd name="T92" fmla="*/ 154 w 329"/>
                  <a:gd name="T93" fmla="*/ 122 h 167"/>
                  <a:gd name="T94" fmla="*/ 66 w 329"/>
                  <a:gd name="T95" fmla="*/ 144 h 167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w 329"/>
                  <a:gd name="T145" fmla="*/ 0 h 167"/>
                  <a:gd name="T146" fmla="*/ 329 w 329"/>
                  <a:gd name="T147" fmla="*/ 167 h 167"/>
                </a:gdLst>
                <a:ahLst/>
                <a:cxnLst>
                  <a:cxn ang="T96">
                    <a:pos x="T0" y="T1"/>
                  </a:cxn>
                  <a:cxn ang="T97">
                    <a:pos x="T2" y="T3"/>
                  </a:cxn>
                  <a:cxn ang="T98">
                    <a:pos x="T4" y="T5"/>
                  </a:cxn>
                  <a:cxn ang="T99">
                    <a:pos x="T6" y="T7"/>
                  </a:cxn>
                  <a:cxn ang="T100">
                    <a:pos x="T8" y="T9"/>
                  </a:cxn>
                  <a:cxn ang="T101">
                    <a:pos x="T10" y="T11"/>
                  </a:cxn>
                  <a:cxn ang="T102">
                    <a:pos x="T12" y="T13"/>
                  </a:cxn>
                  <a:cxn ang="T103">
                    <a:pos x="T14" y="T15"/>
                  </a:cxn>
                  <a:cxn ang="T104">
                    <a:pos x="T16" y="T17"/>
                  </a:cxn>
                  <a:cxn ang="T105">
                    <a:pos x="T18" y="T19"/>
                  </a:cxn>
                  <a:cxn ang="T106">
                    <a:pos x="T20" y="T21"/>
                  </a:cxn>
                  <a:cxn ang="T107">
                    <a:pos x="T22" y="T23"/>
                  </a:cxn>
                  <a:cxn ang="T108">
                    <a:pos x="T24" y="T25"/>
                  </a:cxn>
                  <a:cxn ang="T109">
                    <a:pos x="T26" y="T27"/>
                  </a:cxn>
                  <a:cxn ang="T110">
                    <a:pos x="T28" y="T29"/>
                  </a:cxn>
                  <a:cxn ang="T111">
                    <a:pos x="T30" y="T31"/>
                  </a:cxn>
                  <a:cxn ang="T112">
                    <a:pos x="T32" y="T33"/>
                  </a:cxn>
                  <a:cxn ang="T113">
                    <a:pos x="T34" y="T35"/>
                  </a:cxn>
                  <a:cxn ang="T114">
                    <a:pos x="T36" y="T37"/>
                  </a:cxn>
                  <a:cxn ang="T115">
                    <a:pos x="T38" y="T39"/>
                  </a:cxn>
                  <a:cxn ang="T116">
                    <a:pos x="T40" y="T41"/>
                  </a:cxn>
                  <a:cxn ang="T117">
                    <a:pos x="T42" y="T43"/>
                  </a:cxn>
                  <a:cxn ang="T118">
                    <a:pos x="T44" y="T45"/>
                  </a:cxn>
                  <a:cxn ang="T119">
                    <a:pos x="T46" y="T47"/>
                  </a:cxn>
                  <a:cxn ang="T120">
                    <a:pos x="T48" y="T49"/>
                  </a:cxn>
                  <a:cxn ang="T121">
                    <a:pos x="T50" y="T51"/>
                  </a:cxn>
                  <a:cxn ang="T122">
                    <a:pos x="T52" y="T53"/>
                  </a:cxn>
                  <a:cxn ang="T123">
                    <a:pos x="T54" y="T55"/>
                  </a:cxn>
                  <a:cxn ang="T124">
                    <a:pos x="T56" y="T57"/>
                  </a:cxn>
                  <a:cxn ang="T125">
                    <a:pos x="T58" y="T59"/>
                  </a:cxn>
                  <a:cxn ang="T126">
                    <a:pos x="T60" y="T61"/>
                  </a:cxn>
                  <a:cxn ang="T127">
                    <a:pos x="T62" y="T63"/>
                  </a:cxn>
                  <a:cxn ang="T128">
                    <a:pos x="T64" y="T65"/>
                  </a:cxn>
                  <a:cxn ang="T129">
                    <a:pos x="T66" y="T67"/>
                  </a:cxn>
                  <a:cxn ang="T130">
                    <a:pos x="T68" y="T69"/>
                  </a:cxn>
                  <a:cxn ang="T131">
                    <a:pos x="T70" y="T71"/>
                  </a:cxn>
                  <a:cxn ang="T132">
                    <a:pos x="T72" y="T73"/>
                  </a:cxn>
                  <a:cxn ang="T133">
                    <a:pos x="T74" y="T75"/>
                  </a:cxn>
                  <a:cxn ang="T134">
                    <a:pos x="T76" y="T77"/>
                  </a:cxn>
                  <a:cxn ang="T135">
                    <a:pos x="T78" y="T79"/>
                  </a:cxn>
                  <a:cxn ang="T136">
                    <a:pos x="T80" y="T81"/>
                  </a:cxn>
                  <a:cxn ang="T137">
                    <a:pos x="T82" y="T83"/>
                  </a:cxn>
                  <a:cxn ang="T138">
                    <a:pos x="T84" y="T85"/>
                  </a:cxn>
                  <a:cxn ang="T139">
                    <a:pos x="T86" y="T87"/>
                  </a:cxn>
                  <a:cxn ang="T140">
                    <a:pos x="T88" y="T89"/>
                  </a:cxn>
                  <a:cxn ang="T141">
                    <a:pos x="T90" y="T91"/>
                  </a:cxn>
                  <a:cxn ang="T142">
                    <a:pos x="T92" y="T93"/>
                  </a:cxn>
                  <a:cxn ang="T143">
                    <a:pos x="T94" y="T95"/>
                  </a:cxn>
                </a:cxnLst>
                <a:rect l="T144" t="T145" r="T146" b="T147"/>
                <a:pathLst>
                  <a:path w="329" h="167">
                    <a:moveTo>
                      <a:pt x="6" y="157"/>
                    </a:moveTo>
                    <a:lnTo>
                      <a:pt x="0" y="157"/>
                    </a:lnTo>
                    <a:lnTo>
                      <a:pt x="2" y="71"/>
                    </a:lnTo>
                    <a:lnTo>
                      <a:pt x="2" y="69"/>
                    </a:lnTo>
                    <a:lnTo>
                      <a:pt x="6" y="69"/>
                    </a:lnTo>
                    <a:lnTo>
                      <a:pt x="9" y="69"/>
                    </a:lnTo>
                    <a:lnTo>
                      <a:pt x="12" y="68"/>
                    </a:lnTo>
                    <a:lnTo>
                      <a:pt x="17" y="68"/>
                    </a:lnTo>
                    <a:lnTo>
                      <a:pt x="24" y="66"/>
                    </a:lnTo>
                    <a:lnTo>
                      <a:pt x="29" y="64"/>
                    </a:lnTo>
                    <a:lnTo>
                      <a:pt x="36" y="63"/>
                    </a:lnTo>
                    <a:lnTo>
                      <a:pt x="43" y="61"/>
                    </a:lnTo>
                    <a:lnTo>
                      <a:pt x="48" y="59"/>
                    </a:lnTo>
                    <a:lnTo>
                      <a:pt x="55" y="57"/>
                    </a:lnTo>
                    <a:lnTo>
                      <a:pt x="60" y="56"/>
                    </a:lnTo>
                    <a:lnTo>
                      <a:pt x="63" y="56"/>
                    </a:lnTo>
                    <a:lnTo>
                      <a:pt x="66" y="54"/>
                    </a:lnTo>
                    <a:lnTo>
                      <a:pt x="68" y="54"/>
                    </a:lnTo>
                    <a:lnTo>
                      <a:pt x="70" y="54"/>
                    </a:lnTo>
                    <a:lnTo>
                      <a:pt x="171" y="32"/>
                    </a:lnTo>
                    <a:lnTo>
                      <a:pt x="178" y="25"/>
                    </a:lnTo>
                    <a:lnTo>
                      <a:pt x="180" y="25"/>
                    </a:lnTo>
                    <a:lnTo>
                      <a:pt x="180" y="22"/>
                    </a:lnTo>
                    <a:lnTo>
                      <a:pt x="182" y="20"/>
                    </a:lnTo>
                    <a:lnTo>
                      <a:pt x="183" y="19"/>
                    </a:lnTo>
                    <a:lnTo>
                      <a:pt x="187" y="12"/>
                    </a:lnTo>
                    <a:lnTo>
                      <a:pt x="192" y="7"/>
                    </a:lnTo>
                    <a:lnTo>
                      <a:pt x="197" y="3"/>
                    </a:lnTo>
                    <a:lnTo>
                      <a:pt x="202" y="0"/>
                    </a:lnTo>
                    <a:lnTo>
                      <a:pt x="205" y="0"/>
                    </a:lnTo>
                    <a:lnTo>
                      <a:pt x="209" y="0"/>
                    </a:lnTo>
                    <a:lnTo>
                      <a:pt x="210" y="0"/>
                    </a:lnTo>
                    <a:lnTo>
                      <a:pt x="212" y="0"/>
                    </a:lnTo>
                    <a:lnTo>
                      <a:pt x="210" y="0"/>
                    </a:lnTo>
                    <a:lnTo>
                      <a:pt x="210" y="2"/>
                    </a:lnTo>
                    <a:lnTo>
                      <a:pt x="210" y="3"/>
                    </a:lnTo>
                    <a:lnTo>
                      <a:pt x="212" y="7"/>
                    </a:lnTo>
                    <a:lnTo>
                      <a:pt x="214" y="10"/>
                    </a:lnTo>
                    <a:lnTo>
                      <a:pt x="215" y="13"/>
                    </a:lnTo>
                    <a:lnTo>
                      <a:pt x="220" y="17"/>
                    </a:lnTo>
                    <a:lnTo>
                      <a:pt x="226" y="22"/>
                    </a:lnTo>
                    <a:lnTo>
                      <a:pt x="227" y="22"/>
                    </a:lnTo>
                    <a:lnTo>
                      <a:pt x="231" y="22"/>
                    </a:lnTo>
                    <a:lnTo>
                      <a:pt x="232" y="24"/>
                    </a:lnTo>
                    <a:lnTo>
                      <a:pt x="234" y="24"/>
                    </a:lnTo>
                    <a:lnTo>
                      <a:pt x="232" y="27"/>
                    </a:lnTo>
                    <a:lnTo>
                      <a:pt x="229" y="30"/>
                    </a:lnTo>
                    <a:lnTo>
                      <a:pt x="220" y="35"/>
                    </a:lnTo>
                    <a:lnTo>
                      <a:pt x="220" y="37"/>
                    </a:lnTo>
                    <a:lnTo>
                      <a:pt x="220" y="41"/>
                    </a:lnTo>
                    <a:lnTo>
                      <a:pt x="220" y="46"/>
                    </a:lnTo>
                    <a:lnTo>
                      <a:pt x="219" y="47"/>
                    </a:lnTo>
                    <a:lnTo>
                      <a:pt x="217" y="52"/>
                    </a:lnTo>
                    <a:lnTo>
                      <a:pt x="214" y="57"/>
                    </a:lnTo>
                    <a:lnTo>
                      <a:pt x="212" y="64"/>
                    </a:lnTo>
                    <a:lnTo>
                      <a:pt x="212" y="69"/>
                    </a:lnTo>
                    <a:lnTo>
                      <a:pt x="214" y="73"/>
                    </a:lnTo>
                    <a:lnTo>
                      <a:pt x="219" y="73"/>
                    </a:lnTo>
                    <a:lnTo>
                      <a:pt x="227" y="71"/>
                    </a:lnTo>
                    <a:lnTo>
                      <a:pt x="234" y="73"/>
                    </a:lnTo>
                    <a:lnTo>
                      <a:pt x="242" y="78"/>
                    </a:lnTo>
                    <a:lnTo>
                      <a:pt x="248" y="86"/>
                    </a:lnTo>
                    <a:lnTo>
                      <a:pt x="253" y="86"/>
                    </a:lnTo>
                    <a:lnTo>
                      <a:pt x="253" y="88"/>
                    </a:lnTo>
                    <a:lnTo>
                      <a:pt x="254" y="91"/>
                    </a:lnTo>
                    <a:lnTo>
                      <a:pt x="254" y="95"/>
                    </a:lnTo>
                    <a:lnTo>
                      <a:pt x="256" y="100"/>
                    </a:lnTo>
                    <a:lnTo>
                      <a:pt x="258" y="103"/>
                    </a:lnTo>
                    <a:lnTo>
                      <a:pt x="259" y="107"/>
                    </a:lnTo>
                    <a:lnTo>
                      <a:pt x="261" y="107"/>
                    </a:lnTo>
                    <a:lnTo>
                      <a:pt x="264" y="105"/>
                    </a:lnTo>
                    <a:lnTo>
                      <a:pt x="266" y="105"/>
                    </a:lnTo>
                    <a:lnTo>
                      <a:pt x="268" y="107"/>
                    </a:lnTo>
                    <a:lnTo>
                      <a:pt x="268" y="108"/>
                    </a:lnTo>
                    <a:lnTo>
                      <a:pt x="268" y="110"/>
                    </a:lnTo>
                    <a:lnTo>
                      <a:pt x="268" y="112"/>
                    </a:lnTo>
                    <a:lnTo>
                      <a:pt x="270" y="113"/>
                    </a:lnTo>
                    <a:lnTo>
                      <a:pt x="271" y="115"/>
                    </a:lnTo>
                    <a:lnTo>
                      <a:pt x="275" y="118"/>
                    </a:lnTo>
                    <a:lnTo>
                      <a:pt x="280" y="120"/>
                    </a:lnTo>
                    <a:lnTo>
                      <a:pt x="288" y="122"/>
                    </a:lnTo>
                    <a:lnTo>
                      <a:pt x="298" y="122"/>
                    </a:lnTo>
                    <a:lnTo>
                      <a:pt x="302" y="120"/>
                    </a:lnTo>
                    <a:lnTo>
                      <a:pt x="305" y="120"/>
                    </a:lnTo>
                    <a:lnTo>
                      <a:pt x="308" y="117"/>
                    </a:lnTo>
                    <a:lnTo>
                      <a:pt x="314" y="113"/>
                    </a:lnTo>
                    <a:lnTo>
                      <a:pt x="317" y="110"/>
                    </a:lnTo>
                    <a:lnTo>
                      <a:pt x="319" y="105"/>
                    </a:lnTo>
                    <a:lnTo>
                      <a:pt x="319" y="101"/>
                    </a:lnTo>
                    <a:lnTo>
                      <a:pt x="315" y="96"/>
                    </a:lnTo>
                    <a:lnTo>
                      <a:pt x="314" y="95"/>
                    </a:lnTo>
                    <a:lnTo>
                      <a:pt x="312" y="91"/>
                    </a:lnTo>
                    <a:lnTo>
                      <a:pt x="308" y="90"/>
                    </a:lnTo>
                    <a:lnTo>
                      <a:pt x="305" y="85"/>
                    </a:lnTo>
                    <a:lnTo>
                      <a:pt x="302" y="83"/>
                    </a:lnTo>
                    <a:lnTo>
                      <a:pt x="298" y="81"/>
                    </a:lnTo>
                    <a:lnTo>
                      <a:pt x="297" y="81"/>
                    </a:lnTo>
                    <a:lnTo>
                      <a:pt x="293" y="85"/>
                    </a:lnTo>
                    <a:lnTo>
                      <a:pt x="292" y="86"/>
                    </a:lnTo>
                    <a:lnTo>
                      <a:pt x="292" y="78"/>
                    </a:lnTo>
                    <a:lnTo>
                      <a:pt x="295" y="76"/>
                    </a:lnTo>
                    <a:lnTo>
                      <a:pt x="298" y="76"/>
                    </a:lnTo>
                    <a:lnTo>
                      <a:pt x="305" y="78"/>
                    </a:lnTo>
                    <a:lnTo>
                      <a:pt x="310" y="81"/>
                    </a:lnTo>
                    <a:lnTo>
                      <a:pt x="317" y="88"/>
                    </a:lnTo>
                    <a:lnTo>
                      <a:pt x="324" y="98"/>
                    </a:lnTo>
                    <a:lnTo>
                      <a:pt x="329" y="113"/>
                    </a:lnTo>
                    <a:lnTo>
                      <a:pt x="329" y="115"/>
                    </a:lnTo>
                    <a:lnTo>
                      <a:pt x="329" y="117"/>
                    </a:lnTo>
                    <a:lnTo>
                      <a:pt x="329" y="120"/>
                    </a:lnTo>
                    <a:lnTo>
                      <a:pt x="329" y="122"/>
                    </a:lnTo>
                    <a:lnTo>
                      <a:pt x="329" y="123"/>
                    </a:lnTo>
                    <a:lnTo>
                      <a:pt x="329" y="125"/>
                    </a:lnTo>
                    <a:lnTo>
                      <a:pt x="327" y="125"/>
                    </a:lnTo>
                    <a:lnTo>
                      <a:pt x="325" y="123"/>
                    </a:lnTo>
                    <a:lnTo>
                      <a:pt x="324" y="123"/>
                    </a:lnTo>
                    <a:lnTo>
                      <a:pt x="322" y="123"/>
                    </a:lnTo>
                    <a:lnTo>
                      <a:pt x="319" y="125"/>
                    </a:lnTo>
                    <a:lnTo>
                      <a:pt x="314" y="127"/>
                    </a:lnTo>
                    <a:lnTo>
                      <a:pt x="310" y="130"/>
                    </a:lnTo>
                    <a:lnTo>
                      <a:pt x="308" y="132"/>
                    </a:lnTo>
                    <a:lnTo>
                      <a:pt x="307" y="132"/>
                    </a:lnTo>
                    <a:lnTo>
                      <a:pt x="303" y="132"/>
                    </a:lnTo>
                    <a:lnTo>
                      <a:pt x="300" y="134"/>
                    </a:lnTo>
                    <a:lnTo>
                      <a:pt x="297" y="135"/>
                    </a:lnTo>
                    <a:lnTo>
                      <a:pt x="293" y="139"/>
                    </a:lnTo>
                    <a:lnTo>
                      <a:pt x="290" y="142"/>
                    </a:lnTo>
                    <a:lnTo>
                      <a:pt x="286" y="145"/>
                    </a:lnTo>
                    <a:lnTo>
                      <a:pt x="286" y="147"/>
                    </a:lnTo>
                    <a:lnTo>
                      <a:pt x="285" y="147"/>
                    </a:lnTo>
                    <a:lnTo>
                      <a:pt x="283" y="147"/>
                    </a:lnTo>
                    <a:lnTo>
                      <a:pt x="283" y="149"/>
                    </a:lnTo>
                    <a:lnTo>
                      <a:pt x="273" y="157"/>
                    </a:lnTo>
                    <a:lnTo>
                      <a:pt x="268" y="154"/>
                    </a:lnTo>
                    <a:lnTo>
                      <a:pt x="270" y="140"/>
                    </a:lnTo>
                    <a:lnTo>
                      <a:pt x="270" y="137"/>
                    </a:lnTo>
                    <a:lnTo>
                      <a:pt x="270" y="134"/>
                    </a:lnTo>
                    <a:lnTo>
                      <a:pt x="268" y="132"/>
                    </a:lnTo>
                    <a:lnTo>
                      <a:pt x="264" y="129"/>
                    </a:lnTo>
                    <a:lnTo>
                      <a:pt x="263" y="129"/>
                    </a:lnTo>
                    <a:lnTo>
                      <a:pt x="259" y="130"/>
                    </a:lnTo>
                    <a:lnTo>
                      <a:pt x="258" y="135"/>
                    </a:lnTo>
                    <a:lnTo>
                      <a:pt x="258" y="142"/>
                    </a:lnTo>
                    <a:lnTo>
                      <a:pt x="258" y="151"/>
                    </a:lnTo>
                    <a:lnTo>
                      <a:pt x="258" y="152"/>
                    </a:lnTo>
                    <a:lnTo>
                      <a:pt x="258" y="154"/>
                    </a:lnTo>
                    <a:lnTo>
                      <a:pt x="258" y="152"/>
                    </a:lnTo>
                    <a:lnTo>
                      <a:pt x="258" y="149"/>
                    </a:lnTo>
                    <a:lnTo>
                      <a:pt x="258" y="145"/>
                    </a:lnTo>
                    <a:lnTo>
                      <a:pt x="258" y="144"/>
                    </a:lnTo>
                    <a:lnTo>
                      <a:pt x="258" y="142"/>
                    </a:lnTo>
                    <a:lnTo>
                      <a:pt x="249" y="151"/>
                    </a:lnTo>
                    <a:lnTo>
                      <a:pt x="246" y="151"/>
                    </a:lnTo>
                    <a:lnTo>
                      <a:pt x="246" y="152"/>
                    </a:lnTo>
                    <a:lnTo>
                      <a:pt x="246" y="156"/>
                    </a:lnTo>
                    <a:lnTo>
                      <a:pt x="246" y="159"/>
                    </a:lnTo>
                    <a:lnTo>
                      <a:pt x="244" y="162"/>
                    </a:lnTo>
                    <a:lnTo>
                      <a:pt x="241" y="166"/>
                    </a:lnTo>
                    <a:lnTo>
                      <a:pt x="237" y="167"/>
                    </a:lnTo>
                    <a:lnTo>
                      <a:pt x="232" y="167"/>
                    </a:lnTo>
                    <a:lnTo>
                      <a:pt x="231" y="167"/>
                    </a:lnTo>
                    <a:lnTo>
                      <a:pt x="231" y="166"/>
                    </a:lnTo>
                    <a:lnTo>
                      <a:pt x="231" y="164"/>
                    </a:lnTo>
                    <a:lnTo>
                      <a:pt x="229" y="161"/>
                    </a:lnTo>
                    <a:lnTo>
                      <a:pt x="227" y="159"/>
                    </a:lnTo>
                    <a:lnTo>
                      <a:pt x="227" y="157"/>
                    </a:lnTo>
                    <a:lnTo>
                      <a:pt x="227" y="156"/>
                    </a:lnTo>
                    <a:lnTo>
                      <a:pt x="220" y="151"/>
                    </a:lnTo>
                    <a:lnTo>
                      <a:pt x="212" y="145"/>
                    </a:lnTo>
                    <a:lnTo>
                      <a:pt x="205" y="144"/>
                    </a:lnTo>
                    <a:lnTo>
                      <a:pt x="200" y="129"/>
                    </a:lnTo>
                    <a:lnTo>
                      <a:pt x="193" y="129"/>
                    </a:lnTo>
                    <a:lnTo>
                      <a:pt x="188" y="115"/>
                    </a:lnTo>
                    <a:lnTo>
                      <a:pt x="154" y="123"/>
                    </a:lnTo>
                    <a:lnTo>
                      <a:pt x="154" y="122"/>
                    </a:lnTo>
                    <a:lnTo>
                      <a:pt x="70" y="144"/>
                    </a:lnTo>
                    <a:lnTo>
                      <a:pt x="72" y="147"/>
                    </a:lnTo>
                    <a:lnTo>
                      <a:pt x="66" y="149"/>
                    </a:lnTo>
                    <a:lnTo>
                      <a:pt x="66" y="144"/>
                    </a:lnTo>
                    <a:lnTo>
                      <a:pt x="6" y="157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970" name="Freeform 189"/>
            <p:cNvSpPr>
              <a:spLocks/>
            </p:cNvSpPr>
            <p:nvPr/>
          </p:nvSpPr>
          <p:spPr bwMode="auto">
            <a:xfrm>
              <a:off x="4725" y="1711"/>
              <a:ext cx="165" cy="162"/>
            </a:xfrm>
            <a:custGeom>
              <a:avLst/>
              <a:gdLst>
                <a:gd name="T0" fmla="*/ 114 w 169"/>
                <a:gd name="T1" fmla="*/ 57 h 167"/>
                <a:gd name="T2" fmla="*/ 112 w 169"/>
                <a:gd name="T3" fmla="*/ 58 h 167"/>
                <a:gd name="T4" fmla="*/ 110 w 169"/>
                <a:gd name="T5" fmla="*/ 59 h 167"/>
                <a:gd name="T6" fmla="*/ 105 w 169"/>
                <a:gd name="T7" fmla="*/ 60 h 167"/>
                <a:gd name="T8" fmla="*/ 101 w 169"/>
                <a:gd name="T9" fmla="*/ 63 h 167"/>
                <a:gd name="T10" fmla="*/ 97 w 169"/>
                <a:gd name="T11" fmla="*/ 65 h 167"/>
                <a:gd name="T12" fmla="*/ 93 w 169"/>
                <a:gd name="T13" fmla="*/ 66 h 167"/>
                <a:gd name="T14" fmla="*/ 90 w 169"/>
                <a:gd name="T15" fmla="*/ 68 h 167"/>
                <a:gd name="T16" fmla="*/ 89 w 169"/>
                <a:gd name="T17" fmla="*/ 68 h 167"/>
                <a:gd name="T18" fmla="*/ 82 w 169"/>
                <a:gd name="T19" fmla="*/ 71 h 167"/>
                <a:gd name="T20" fmla="*/ 75 w 169"/>
                <a:gd name="T21" fmla="*/ 73 h 167"/>
                <a:gd name="T22" fmla="*/ 66 w 169"/>
                <a:gd name="T23" fmla="*/ 76 h 167"/>
                <a:gd name="T24" fmla="*/ 60 w 169"/>
                <a:gd name="T25" fmla="*/ 77 h 167"/>
                <a:gd name="T26" fmla="*/ 57 w 169"/>
                <a:gd name="T27" fmla="*/ 77 h 167"/>
                <a:gd name="T28" fmla="*/ 54 w 169"/>
                <a:gd name="T29" fmla="*/ 79 h 167"/>
                <a:gd name="T30" fmla="*/ 53 w 169"/>
                <a:gd name="T31" fmla="*/ 79 h 167"/>
                <a:gd name="T32" fmla="*/ 53 w 169"/>
                <a:gd name="T33" fmla="*/ 79 h 167"/>
                <a:gd name="T34" fmla="*/ 30 w 169"/>
                <a:gd name="T35" fmla="*/ 93 h 167"/>
                <a:gd name="T36" fmla="*/ 28 w 169"/>
                <a:gd name="T37" fmla="*/ 93 h 167"/>
                <a:gd name="T38" fmla="*/ 20 w 169"/>
                <a:gd name="T39" fmla="*/ 106 h 167"/>
                <a:gd name="T40" fmla="*/ 13 w 169"/>
                <a:gd name="T41" fmla="*/ 109 h 167"/>
                <a:gd name="T42" fmla="*/ 13 w 169"/>
                <a:gd name="T43" fmla="*/ 109 h 167"/>
                <a:gd name="T44" fmla="*/ 6 w 169"/>
                <a:gd name="T45" fmla="*/ 102 h 167"/>
                <a:gd name="T46" fmla="*/ 20 w 169"/>
                <a:gd name="T47" fmla="*/ 91 h 167"/>
                <a:gd name="T48" fmla="*/ 13 w 169"/>
                <a:gd name="T49" fmla="*/ 84 h 167"/>
                <a:gd name="T50" fmla="*/ 0 w 169"/>
                <a:gd name="T51" fmla="*/ 21 h 167"/>
                <a:gd name="T52" fmla="*/ 46 w 169"/>
                <a:gd name="T53" fmla="*/ 16 h 167"/>
                <a:gd name="T54" fmla="*/ 46 w 169"/>
                <a:gd name="T55" fmla="*/ 16 h 167"/>
                <a:gd name="T56" fmla="*/ 50 w 169"/>
                <a:gd name="T57" fmla="*/ 16 h 167"/>
                <a:gd name="T58" fmla="*/ 49 w 169"/>
                <a:gd name="T59" fmla="*/ 16 h 167"/>
                <a:gd name="T60" fmla="*/ 105 w 169"/>
                <a:gd name="T61" fmla="*/ 0 h 167"/>
                <a:gd name="T62" fmla="*/ 105 w 169"/>
                <a:gd name="T63" fmla="*/ 1 h 167"/>
                <a:gd name="T64" fmla="*/ 121 w 169"/>
                <a:gd name="T65" fmla="*/ 47 h 167"/>
                <a:gd name="T66" fmla="*/ 117 w 169"/>
                <a:gd name="T67" fmla="*/ 49 h 167"/>
                <a:gd name="T68" fmla="*/ 117 w 169"/>
                <a:gd name="T69" fmla="*/ 49 h 167"/>
                <a:gd name="T70" fmla="*/ 117 w 169"/>
                <a:gd name="T71" fmla="*/ 50 h 167"/>
                <a:gd name="T72" fmla="*/ 117 w 169"/>
                <a:gd name="T73" fmla="*/ 51 h 167"/>
                <a:gd name="T74" fmla="*/ 117 w 169"/>
                <a:gd name="T75" fmla="*/ 53 h 167"/>
                <a:gd name="T76" fmla="*/ 117 w 169"/>
                <a:gd name="T77" fmla="*/ 55 h 167"/>
                <a:gd name="T78" fmla="*/ 117 w 169"/>
                <a:gd name="T79" fmla="*/ 57 h 167"/>
                <a:gd name="T80" fmla="*/ 117 w 169"/>
                <a:gd name="T81" fmla="*/ 57 h 167"/>
                <a:gd name="T82" fmla="*/ 118 w 169"/>
                <a:gd name="T83" fmla="*/ 58 h 167"/>
                <a:gd name="T84" fmla="*/ 114 w 169"/>
                <a:gd name="T85" fmla="*/ 57 h 167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169"/>
                <a:gd name="T130" fmla="*/ 0 h 167"/>
                <a:gd name="T131" fmla="*/ 169 w 169"/>
                <a:gd name="T132" fmla="*/ 167 h 167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169" h="167">
                  <a:moveTo>
                    <a:pt x="159" y="86"/>
                  </a:moveTo>
                  <a:lnTo>
                    <a:pt x="157" y="88"/>
                  </a:lnTo>
                  <a:lnTo>
                    <a:pt x="154" y="89"/>
                  </a:lnTo>
                  <a:lnTo>
                    <a:pt x="148" y="91"/>
                  </a:lnTo>
                  <a:lnTo>
                    <a:pt x="142" y="95"/>
                  </a:lnTo>
                  <a:lnTo>
                    <a:pt x="135" y="98"/>
                  </a:lnTo>
                  <a:lnTo>
                    <a:pt x="130" y="100"/>
                  </a:lnTo>
                  <a:lnTo>
                    <a:pt x="125" y="103"/>
                  </a:lnTo>
                  <a:lnTo>
                    <a:pt x="123" y="103"/>
                  </a:lnTo>
                  <a:lnTo>
                    <a:pt x="113" y="108"/>
                  </a:lnTo>
                  <a:lnTo>
                    <a:pt x="103" y="111"/>
                  </a:lnTo>
                  <a:lnTo>
                    <a:pt x="94" y="115"/>
                  </a:lnTo>
                  <a:lnTo>
                    <a:pt x="86" y="117"/>
                  </a:lnTo>
                  <a:lnTo>
                    <a:pt x="79" y="118"/>
                  </a:lnTo>
                  <a:lnTo>
                    <a:pt x="74" y="120"/>
                  </a:lnTo>
                  <a:lnTo>
                    <a:pt x="72" y="120"/>
                  </a:lnTo>
                  <a:lnTo>
                    <a:pt x="71" y="120"/>
                  </a:lnTo>
                  <a:lnTo>
                    <a:pt x="44" y="142"/>
                  </a:lnTo>
                  <a:lnTo>
                    <a:pt x="42" y="142"/>
                  </a:lnTo>
                  <a:lnTo>
                    <a:pt x="20" y="162"/>
                  </a:lnTo>
                  <a:lnTo>
                    <a:pt x="13" y="167"/>
                  </a:lnTo>
                  <a:lnTo>
                    <a:pt x="6" y="155"/>
                  </a:lnTo>
                  <a:lnTo>
                    <a:pt x="20" y="139"/>
                  </a:lnTo>
                  <a:lnTo>
                    <a:pt x="13" y="130"/>
                  </a:lnTo>
                  <a:lnTo>
                    <a:pt x="0" y="35"/>
                  </a:lnTo>
                  <a:lnTo>
                    <a:pt x="60" y="22"/>
                  </a:lnTo>
                  <a:lnTo>
                    <a:pt x="60" y="27"/>
                  </a:lnTo>
                  <a:lnTo>
                    <a:pt x="66" y="25"/>
                  </a:lnTo>
                  <a:lnTo>
                    <a:pt x="64" y="22"/>
                  </a:lnTo>
                  <a:lnTo>
                    <a:pt x="148" y="0"/>
                  </a:lnTo>
                  <a:lnTo>
                    <a:pt x="148" y="1"/>
                  </a:lnTo>
                  <a:lnTo>
                    <a:pt x="169" y="73"/>
                  </a:lnTo>
                  <a:lnTo>
                    <a:pt x="164" y="76"/>
                  </a:lnTo>
                  <a:lnTo>
                    <a:pt x="164" y="78"/>
                  </a:lnTo>
                  <a:lnTo>
                    <a:pt x="164" y="79"/>
                  </a:lnTo>
                  <a:lnTo>
                    <a:pt x="164" y="81"/>
                  </a:lnTo>
                  <a:lnTo>
                    <a:pt x="164" y="83"/>
                  </a:lnTo>
                  <a:lnTo>
                    <a:pt x="164" y="86"/>
                  </a:lnTo>
                  <a:lnTo>
                    <a:pt x="165" y="88"/>
                  </a:lnTo>
                  <a:lnTo>
                    <a:pt x="159" y="86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971" name="Freeform 190"/>
            <p:cNvSpPr>
              <a:spLocks/>
            </p:cNvSpPr>
            <p:nvPr/>
          </p:nvSpPr>
          <p:spPr bwMode="auto">
            <a:xfrm>
              <a:off x="4869" y="1704"/>
              <a:ext cx="76" cy="93"/>
            </a:xfrm>
            <a:custGeom>
              <a:avLst/>
              <a:gdLst>
                <a:gd name="T0" fmla="*/ 19 w 78"/>
                <a:gd name="T1" fmla="*/ 61 h 95"/>
                <a:gd name="T2" fmla="*/ 16 w 78"/>
                <a:gd name="T3" fmla="*/ 63 h 95"/>
                <a:gd name="T4" fmla="*/ 16 w 78"/>
                <a:gd name="T5" fmla="*/ 63 h 95"/>
                <a:gd name="T6" fmla="*/ 16 w 78"/>
                <a:gd name="T7" fmla="*/ 63 h 95"/>
                <a:gd name="T8" fmla="*/ 16 w 78"/>
                <a:gd name="T9" fmla="*/ 64 h 95"/>
                <a:gd name="T10" fmla="*/ 16 w 78"/>
                <a:gd name="T11" fmla="*/ 64 h 95"/>
                <a:gd name="T12" fmla="*/ 16 w 78"/>
                <a:gd name="T13" fmla="*/ 65 h 95"/>
                <a:gd name="T14" fmla="*/ 16 w 78"/>
                <a:gd name="T15" fmla="*/ 66 h 95"/>
                <a:gd name="T16" fmla="*/ 16 w 78"/>
                <a:gd name="T17" fmla="*/ 68 h 95"/>
                <a:gd name="T18" fmla="*/ 16 w 78"/>
                <a:gd name="T19" fmla="*/ 68 h 95"/>
                <a:gd name="T20" fmla="*/ 17 w 78"/>
                <a:gd name="T21" fmla="*/ 69 h 95"/>
                <a:gd name="T22" fmla="*/ 17 w 78"/>
                <a:gd name="T23" fmla="*/ 69 h 95"/>
                <a:gd name="T24" fmla="*/ 19 w 78"/>
                <a:gd name="T25" fmla="*/ 69 h 95"/>
                <a:gd name="T26" fmla="*/ 19 w 78"/>
                <a:gd name="T27" fmla="*/ 68 h 95"/>
                <a:gd name="T28" fmla="*/ 19 w 78"/>
                <a:gd name="T29" fmla="*/ 66 h 95"/>
                <a:gd name="T30" fmla="*/ 22 w 78"/>
                <a:gd name="T31" fmla="*/ 64 h 95"/>
                <a:gd name="T32" fmla="*/ 25 w 78"/>
                <a:gd name="T33" fmla="*/ 63 h 95"/>
                <a:gd name="T34" fmla="*/ 27 w 78"/>
                <a:gd name="T35" fmla="*/ 61 h 95"/>
                <a:gd name="T36" fmla="*/ 29 w 78"/>
                <a:gd name="T37" fmla="*/ 60 h 95"/>
                <a:gd name="T38" fmla="*/ 30 w 78"/>
                <a:gd name="T39" fmla="*/ 59 h 95"/>
                <a:gd name="T40" fmla="*/ 36 w 78"/>
                <a:gd name="T41" fmla="*/ 59 h 95"/>
                <a:gd name="T42" fmla="*/ 36 w 78"/>
                <a:gd name="T43" fmla="*/ 50 h 95"/>
                <a:gd name="T44" fmla="*/ 25 w 78"/>
                <a:gd name="T45" fmla="*/ 23 h 95"/>
                <a:gd name="T46" fmla="*/ 34 w 78"/>
                <a:gd name="T47" fmla="*/ 23 h 95"/>
                <a:gd name="T48" fmla="*/ 41 w 78"/>
                <a:gd name="T49" fmla="*/ 23 h 95"/>
                <a:gd name="T50" fmla="*/ 44 w 78"/>
                <a:gd name="T51" fmla="*/ 23 h 95"/>
                <a:gd name="T52" fmla="*/ 44 w 78"/>
                <a:gd name="T53" fmla="*/ 23 h 95"/>
                <a:gd name="T54" fmla="*/ 45 w 78"/>
                <a:gd name="T55" fmla="*/ 23 h 95"/>
                <a:gd name="T56" fmla="*/ 45 w 78"/>
                <a:gd name="T57" fmla="*/ 23 h 95"/>
                <a:gd name="T58" fmla="*/ 47 w 78"/>
                <a:gd name="T59" fmla="*/ 25 h 95"/>
                <a:gd name="T60" fmla="*/ 48 w 78"/>
                <a:gd name="T61" fmla="*/ 28 h 95"/>
                <a:gd name="T62" fmla="*/ 48 w 78"/>
                <a:gd name="T63" fmla="*/ 28 h 95"/>
                <a:gd name="T64" fmla="*/ 49 w 78"/>
                <a:gd name="T65" fmla="*/ 38 h 95"/>
                <a:gd name="T66" fmla="*/ 51 w 78"/>
                <a:gd name="T67" fmla="*/ 44 h 95"/>
                <a:gd name="T68" fmla="*/ 51 w 78"/>
                <a:gd name="T69" fmla="*/ 47 h 95"/>
                <a:gd name="T70" fmla="*/ 52 w 78"/>
                <a:gd name="T71" fmla="*/ 45 h 95"/>
                <a:gd name="T72" fmla="*/ 53 w 78"/>
                <a:gd name="T73" fmla="*/ 44 h 95"/>
                <a:gd name="T74" fmla="*/ 53 w 78"/>
                <a:gd name="T75" fmla="*/ 40 h 95"/>
                <a:gd name="T76" fmla="*/ 54 w 78"/>
                <a:gd name="T77" fmla="*/ 38 h 95"/>
                <a:gd name="T78" fmla="*/ 54 w 78"/>
                <a:gd name="T79" fmla="*/ 37 h 95"/>
                <a:gd name="T80" fmla="*/ 54 w 78"/>
                <a:gd name="T81" fmla="*/ 38 h 95"/>
                <a:gd name="T82" fmla="*/ 54 w 78"/>
                <a:gd name="T83" fmla="*/ 38 h 95"/>
                <a:gd name="T84" fmla="*/ 53 w 78"/>
                <a:gd name="T85" fmla="*/ 38 h 95"/>
                <a:gd name="T86" fmla="*/ 53 w 78"/>
                <a:gd name="T87" fmla="*/ 37 h 95"/>
                <a:gd name="T88" fmla="*/ 53 w 78"/>
                <a:gd name="T89" fmla="*/ 35 h 95"/>
                <a:gd name="T90" fmla="*/ 52 w 78"/>
                <a:gd name="T91" fmla="*/ 32 h 95"/>
                <a:gd name="T92" fmla="*/ 51 w 78"/>
                <a:gd name="T93" fmla="*/ 30 h 95"/>
                <a:gd name="T94" fmla="*/ 51 w 78"/>
                <a:gd name="T95" fmla="*/ 28 h 95"/>
                <a:gd name="T96" fmla="*/ 51 w 78"/>
                <a:gd name="T97" fmla="*/ 27 h 95"/>
                <a:gd name="T98" fmla="*/ 51 w 78"/>
                <a:gd name="T99" fmla="*/ 27 h 95"/>
                <a:gd name="T100" fmla="*/ 48 w 78"/>
                <a:gd name="T101" fmla="*/ 23 h 95"/>
                <a:gd name="T102" fmla="*/ 44 w 78"/>
                <a:gd name="T103" fmla="*/ 23 h 95"/>
                <a:gd name="T104" fmla="*/ 37 w 78"/>
                <a:gd name="T105" fmla="*/ 23 h 95"/>
                <a:gd name="T106" fmla="*/ 32 w 78"/>
                <a:gd name="T107" fmla="*/ 14 h 95"/>
                <a:gd name="T108" fmla="*/ 25 w 78"/>
                <a:gd name="T109" fmla="*/ 14 h 95"/>
                <a:gd name="T110" fmla="*/ 20 w 78"/>
                <a:gd name="T111" fmla="*/ 0 h 95"/>
                <a:gd name="T112" fmla="*/ 0 w 78"/>
                <a:gd name="T113" fmla="*/ 8 h 95"/>
                <a:gd name="T114" fmla="*/ 19 w 78"/>
                <a:gd name="T115" fmla="*/ 61 h 95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78"/>
                <a:gd name="T175" fmla="*/ 0 h 95"/>
                <a:gd name="T176" fmla="*/ 78 w 78"/>
                <a:gd name="T177" fmla="*/ 95 h 95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78" h="95">
                  <a:moveTo>
                    <a:pt x="21" y="80"/>
                  </a:moveTo>
                  <a:lnTo>
                    <a:pt x="16" y="83"/>
                  </a:lnTo>
                  <a:lnTo>
                    <a:pt x="16" y="85"/>
                  </a:lnTo>
                  <a:lnTo>
                    <a:pt x="16" y="86"/>
                  </a:lnTo>
                  <a:lnTo>
                    <a:pt x="16" y="88"/>
                  </a:lnTo>
                  <a:lnTo>
                    <a:pt x="16" y="90"/>
                  </a:lnTo>
                  <a:lnTo>
                    <a:pt x="16" y="93"/>
                  </a:lnTo>
                  <a:lnTo>
                    <a:pt x="17" y="95"/>
                  </a:lnTo>
                  <a:lnTo>
                    <a:pt x="22" y="95"/>
                  </a:lnTo>
                  <a:lnTo>
                    <a:pt x="28" y="93"/>
                  </a:lnTo>
                  <a:lnTo>
                    <a:pt x="31" y="90"/>
                  </a:lnTo>
                  <a:lnTo>
                    <a:pt x="36" y="86"/>
                  </a:lnTo>
                  <a:lnTo>
                    <a:pt x="39" y="83"/>
                  </a:lnTo>
                  <a:lnTo>
                    <a:pt x="41" y="80"/>
                  </a:lnTo>
                  <a:lnTo>
                    <a:pt x="43" y="78"/>
                  </a:lnTo>
                  <a:lnTo>
                    <a:pt x="44" y="76"/>
                  </a:lnTo>
                  <a:lnTo>
                    <a:pt x="50" y="76"/>
                  </a:lnTo>
                  <a:lnTo>
                    <a:pt x="50" y="64"/>
                  </a:lnTo>
                  <a:lnTo>
                    <a:pt x="39" y="30"/>
                  </a:lnTo>
                  <a:lnTo>
                    <a:pt x="48" y="29"/>
                  </a:lnTo>
                  <a:lnTo>
                    <a:pt x="55" y="36"/>
                  </a:lnTo>
                  <a:lnTo>
                    <a:pt x="58" y="36"/>
                  </a:lnTo>
                  <a:lnTo>
                    <a:pt x="60" y="36"/>
                  </a:lnTo>
                  <a:lnTo>
                    <a:pt x="61" y="37"/>
                  </a:lnTo>
                  <a:lnTo>
                    <a:pt x="65" y="39"/>
                  </a:lnTo>
                  <a:lnTo>
                    <a:pt x="66" y="42"/>
                  </a:lnTo>
                  <a:lnTo>
                    <a:pt x="68" y="52"/>
                  </a:lnTo>
                  <a:lnTo>
                    <a:pt x="72" y="58"/>
                  </a:lnTo>
                  <a:lnTo>
                    <a:pt x="73" y="61"/>
                  </a:lnTo>
                  <a:lnTo>
                    <a:pt x="75" y="59"/>
                  </a:lnTo>
                  <a:lnTo>
                    <a:pt x="77" y="58"/>
                  </a:lnTo>
                  <a:lnTo>
                    <a:pt x="77" y="54"/>
                  </a:lnTo>
                  <a:lnTo>
                    <a:pt x="78" y="52"/>
                  </a:lnTo>
                  <a:lnTo>
                    <a:pt x="78" y="51"/>
                  </a:lnTo>
                  <a:lnTo>
                    <a:pt x="78" y="52"/>
                  </a:lnTo>
                  <a:lnTo>
                    <a:pt x="77" y="52"/>
                  </a:lnTo>
                  <a:lnTo>
                    <a:pt x="77" y="51"/>
                  </a:lnTo>
                  <a:lnTo>
                    <a:pt x="77" y="49"/>
                  </a:lnTo>
                  <a:lnTo>
                    <a:pt x="75" y="46"/>
                  </a:lnTo>
                  <a:lnTo>
                    <a:pt x="73" y="44"/>
                  </a:lnTo>
                  <a:lnTo>
                    <a:pt x="73" y="42"/>
                  </a:lnTo>
                  <a:lnTo>
                    <a:pt x="73" y="41"/>
                  </a:lnTo>
                  <a:lnTo>
                    <a:pt x="66" y="36"/>
                  </a:lnTo>
                  <a:lnTo>
                    <a:pt x="58" y="30"/>
                  </a:lnTo>
                  <a:lnTo>
                    <a:pt x="51" y="29"/>
                  </a:lnTo>
                  <a:lnTo>
                    <a:pt x="46" y="14"/>
                  </a:lnTo>
                  <a:lnTo>
                    <a:pt x="39" y="14"/>
                  </a:lnTo>
                  <a:lnTo>
                    <a:pt x="34" y="0"/>
                  </a:lnTo>
                  <a:lnTo>
                    <a:pt x="0" y="8"/>
                  </a:lnTo>
                  <a:lnTo>
                    <a:pt x="21" y="80"/>
                  </a:lnTo>
                </a:path>
              </a:pathLst>
            </a:custGeom>
            <a:solidFill>
              <a:srgbClr val="C00000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</p:grpSp>
      <p:grpSp>
        <p:nvGrpSpPr>
          <p:cNvPr id="1100" name="Group 5" descr="Map of the US showing the three Public Reporting States in 2004. "/>
          <p:cNvGrpSpPr>
            <a:grpSpLocks noChangeAspect="1"/>
          </p:cNvGrpSpPr>
          <p:nvPr/>
        </p:nvGrpSpPr>
        <p:grpSpPr bwMode="auto">
          <a:xfrm>
            <a:off x="7399033" y="4594379"/>
            <a:ext cx="2171700" cy="1461681"/>
            <a:chOff x="192" y="850"/>
            <a:chExt cx="4988" cy="3134"/>
          </a:xfrm>
        </p:grpSpPr>
        <p:sp>
          <p:nvSpPr>
            <p:cNvPr id="1101" name="Freeform 9"/>
            <p:cNvSpPr>
              <a:spLocks/>
            </p:cNvSpPr>
            <p:nvPr/>
          </p:nvSpPr>
          <p:spPr bwMode="auto">
            <a:xfrm>
              <a:off x="4479" y="2181"/>
              <a:ext cx="22" cy="24"/>
            </a:xfrm>
            <a:custGeom>
              <a:avLst/>
              <a:gdLst>
                <a:gd name="T0" fmla="*/ 0 w 22"/>
                <a:gd name="T1" fmla="*/ 7 h 25"/>
                <a:gd name="T2" fmla="*/ 9 w 22"/>
                <a:gd name="T3" fmla="*/ 0 h 25"/>
                <a:gd name="T4" fmla="*/ 22 w 22"/>
                <a:gd name="T5" fmla="*/ 10 h 25"/>
                <a:gd name="T6" fmla="*/ 12 w 22"/>
                <a:gd name="T7" fmla="*/ 12 h 25"/>
                <a:gd name="T8" fmla="*/ 12 w 22"/>
                <a:gd name="T9" fmla="*/ 12 h 25"/>
                <a:gd name="T10" fmla="*/ 12 w 22"/>
                <a:gd name="T11" fmla="*/ 12 h 25"/>
                <a:gd name="T12" fmla="*/ 12 w 22"/>
                <a:gd name="T13" fmla="*/ 12 h 25"/>
                <a:gd name="T14" fmla="*/ 12 w 22"/>
                <a:gd name="T15" fmla="*/ 12 h 25"/>
                <a:gd name="T16" fmla="*/ 11 w 22"/>
                <a:gd name="T17" fmla="*/ 12 h 25"/>
                <a:gd name="T18" fmla="*/ 9 w 22"/>
                <a:gd name="T19" fmla="*/ 12 h 25"/>
                <a:gd name="T20" fmla="*/ 7 w 22"/>
                <a:gd name="T21" fmla="*/ 12 h 25"/>
                <a:gd name="T22" fmla="*/ 2 w 22"/>
                <a:gd name="T23" fmla="*/ 8 h 25"/>
                <a:gd name="T24" fmla="*/ 2 w 22"/>
                <a:gd name="T25" fmla="*/ 8 h 25"/>
                <a:gd name="T26" fmla="*/ 0 w 22"/>
                <a:gd name="T27" fmla="*/ 8 h 25"/>
                <a:gd name="T28" fmla="*/ 0 w 22"/>
                <a:gd name="T29" fmla="*/ 7 h 25"/>
                <a:gd name="T30" fmla="*/ 0 w 22"/>
                <a:gd name="T31" fmla="*/ 7 h 25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w 22"/>
                <a:gd name="T49" fmla="*/ 0 h 25"/>
                <a:gd name="T50" fmla="*/ 22 w 22"/>
                <a:gd name="T51" fmla="*/ 25 h 25"/>
              </a:gdLst>
              <a:ahLst/>
              <a:cxnLst>
                <a:cxn ang="T32">
                  <a:pos x="T0" y="T1"/>
                </a:cxn>
                <a:cxn ang="T33">
                  <a:pos x="T2" y="T3"/>
                </a:cxn>
                <a:cxn ang="T34">
                  <a:pos x="T4" y="T5"/>
                </a:cxn>
                <a:cxn ang="T35">
                  <a:pos x="T6" y="T7"/>
                </a:cxn>
                <a:cxn ang="T36">
                  <a:pos x="T8" y="T9"/>
                </a:cxn>
                <a:cxn ang="T37">
                  <a:pos x="T10" y="T11"/>
                </a:cxn>
                <a:cxn ang="T38">
                  <a:pos x="T12" y="T13"/>
                </a:cxn>
                <a:cxn ang="T39">
                  <a:pos x="T14" y="T15"/>
                </a:cxn>
                <a:cxn ang="T40">
                  <a:pos x="T16" y="T17"/>
                </a:cxn>
                <a:cxn ang="T41">
                  <a:pos x="T18" y="T19"/>
                </a:cxn>
                <a:cxn ang="T42">
                  <a:pos x="T20" y="T21"/>
                </a:cxn>
                <a:cxn ang="T43">
                  <a:pos x="T22" y="T23"/>
                </a:cxn>
                <a:cxn ang="T44">
                  <a:pos x="T24" y="T25"/>
                </a:cxn>
                <a:cxn ang="T45">
                  <a:pos x="T26" y="T27"/>
                </a:cxn>
                <a:cxn ang="T46">
                  <a:pos x="T28" y="T29"/>
                </a:cxn>
                <a:cxn ang="T47">
                  <a:pos x="T30" y="T31"/>
                </a:cxn>
              </a:cxnLst>
              <a:rect l="T48" t="T49" r="T50" b="T51"/>
              <a:pathLst>
                <a:path w="22" h="25">
                  <a:moveTo>
                    <a:pt x="0" y="7"/>
                  </a:moveTo>
                  <a:lnTo>
                    <a:pt x="9" y="0"/>
                  </a:lnTo>
                  <a:lnTo>
                    <a:pt x="22" y="10"/>
                  </a:lnTo>
                  <a:lnTo>
                    <a:pt x="12" y="25"/>
                  </a:lnTo>
                  <a:lnTo>
                    <a:pt x="12" y="23"/>
                  </a:lnTo>
                  <a:lnTo>
                    <a:pt x="12" y="22"/>
                  </a:lnTo>
                  <a:lnTo>
                    <a:pt x="12" y="20"/>
                  </a:lnTo>
                  <a:lnTo>
                    <a:pt x="12" y="18"/>
                  </a:lnTo>
                  <a:lnTo>
                    <a:pt x="11" y="17"/>
                  </a:lnTo>
                  <a:lnTo>
                    <a:pt x="9" y="13"/>
                  </a:lnTo>
                  <a:lnTo>
                    <a:pt x="7" y="12"/>
                  </a:lnTo>
                  <a:lnTo>
                    <a:pt x="2" y="8"/>
                  </a:lnTo>
                  <a:lnTo>
                    <a:pt x="0" y="8"/>
                  </a:lnTo>
                  <a:lnTo>
                    <a:pt x="0" y="7"/>
                  </a:lnTo>
                  <a:close/>
                </a:path>
              </a:pathLst>
            </a:custGeom>
            <a:solidFill>
              <a:sysClr val="windowText" lastClr="000000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1102" name="Group 10"/>
            <p:cNvGrpSpPr>
              <a:grpSpLocks/>
            </p:cNvGrpSpPr>
            <p:nvPr/>
          </p:nvGrpSpPr>
          <p:grpSpPr bwMode="auto">
            <a:xfrm>
              <a:off x="4431" y="2166"/>
              <a:ext cx="169" cy="106"/>
              <a:chOff x="4655" y="1801"/>
              <a:chExt cx="172" cy="109"/>
            </a:xfrm>
          </p:grpSpPr>
          <p:sp>
            <p:nvSpPr>
              <p:cNvPr id="1280" name="Freeform 11"/>
              <p:cNvSpPr>
                <a:spLocks/>
              </p:cNvSpPr>
              <p:nvPr/>
            </p:nvSpPr>
            <p:spPr bwMode="auto">
              <a:xfrm>
                <a:off x="4725" y="1801"/>
                <a:ext cx="22" cy="25"/>
              </a:xfrm>
              <a:custGeom>
                <a:avLst/>
                <a:gdLst>
                  <a:gd name="T0" fmla="*/ 0 w 22"/>
                  <a:gd name="T1" fmla="*/ 7 h 25"/>
                  <a:gd name="T2" fmla="*/ 9 w 22"/>
                  <a:gd name="T3" fmla="*/ 0 h 25"/>
                  <a:gd name="T4" fmla="*/ 22 w 22"/>
                  <a:gd name="T5" fmla="*/ 10 h 25"/>
                  <a:gd name="T6" fmla="*/ 12 w 22"/>
                  <a:gd name="T7" fmla="*/ 25 h 25"/>
                  <a:gd name="T8" fmla="*/ 12 w 22"/>
                  <a:gd name="T9" fmla="*/ 25 h 25"/>
                  <a:gd name="T10" fmla="*/ 12 w 22"/>
                  <a:gd name="T11" fmla="*/ 23 h 25"/>
                  <a:gd name="T12" fmla="*/ 12 w 22"/>
                  <a:gd name="T13" fmla="*/ 22 h 25"/>
                  <a:gd name="T14" fmla="*/ 12 w 22"/>
                  <a:gd name="T15" fmla="*/ 20 h 25"/>
                  <a:gd name="T16" fmla="*/ 12 w 22"/>
                  <a:gd name="T17" fmla="*/ 18 h 25"/>
                  <a:gd name="T18" fmla="*/ 11 w 22"/>
                  <a:gd name="T19" fmla="*/ 17 h 25"/>
                  <a:gd name="T20" fmla="*/ 9 w 22"/>
                  <a:gd name="T21" fmla="*/ 13 h 25"/>
                  <a:gd name="T22" fmla="*/ 7 w 22"/>
                  <a:gd name="T23" fmla="*/ 12 h 25"/>
                  <a:gd name="T24" fmla="*/ 2 w 22"/>
                  <a:gd name="T25" fmla="*/ 8 h 25"/>
                  <a:gd name="T26" fmla="*/ 2 w 22"/>
                  <a:gd name="T27" fmla="*/ 8 h 25"/>
                  <a:gd name="T28" fmla="*/ 2 w 22"/>
                  <a:gd name="T29" fmla="*/ 8 h 25"/>
                  <a:gd name="T30" fmla="*/ 0 w 22"/>
                  <a:gd name="T31" fmla="*/ 8 h 25"/>
                  <a:gd name="T32" fmla="*/ 0 w 22"/>
                  <a:gd name="T33" fmla="*/ 7 h 25"/>
                  <a:gd name="T34" fmla="*/ 0 w 22"/>
                  <a:gd name="T35" fmla="*/ 7 h 25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w 22"/>
                  <a:gd name="T55" fmla="*/ 0 h 25"/>
                  <a:gd name="T56" fmla="*/ 22 w 22"/>
                  <a:gd name="T57" fmla="*/ 25 h 25"/>
                </a:gdLst>
                <a:ahLst/>
                <a:cxnLst>
                  <a:cxn ang="T36">
                    <a:pos x="T0" y="T1"/>
                  </a:cxn>
                  <a:cxn ang="T37">
                    <a:pos x="T2" y="T3"/>
                  </a:cxn>
                  <a:cxn ang="T38">
                    <a:pos x="T4" y="T5"/>
                  </a:cxn>
                  <a:cxn ang="T39">
                    <a:pos x="T6" y="T7"/>
                  </a:cxn>
                  <a:cxn ang="T40">
                    <a:pos x="T8" y="T9"/>
                  </a:cxn>
                  <a:cxn ang="T41">
                    <a:pos x="T10" y="T11"/>
                  </a:cxn>
                  <a:cxn ang="T42">
                    <a:pos x="T12" y="T13"/>
                  </a:cxn>
                  <a:cxn ang="T43">
                    <a:pos x="T14" y="T15"/>
                  </a:cxn>
                  <a:cxn ang="T44">
                    <a:pos x="T16" y="T17"/>
                  </a:cxn>
                  <a:cxn ang="T45">
                    <a:pos x="T18" y="T19"/>
                  </a:cxn>
                  <a:cxn ang="T46">
                    <a:pos x="T20" y="T21"/>
                  </a:cxn>
                  <a:cxn ang="T47">
                    <a:pos x="T22" y="T23"/>
                  </a:cxn>
                  <a:cxn ang="T48">
                    <a:pos x="T24" y="T25"/>
                  </a:cxn>
                  <a:cxn ang="T49">
                    <a:pos x="T26" y="T27"/>
                  </a:cxn>
                  <a:cxn ang="T50">
                    <a:pos x="T28" y="T29"/>
                  </a:cxn>
                  <a:cxn ang="T51">
                    <a:pos x="T30" y="T31"/>
                  </a:cxn>
                  <a:cxn ang="T52">
                    <a:pos x="T32" y="T33"/>
                  </a:cxn>
                  <a:cxn ang="T53">
                    <a:pos x="T34" y="T35"/>
                  </a:cxn>
                </a:cxnLst>
                <a:rect l="T54" t="T55" r="T56" b="T57"/>
                <a:pathLst>
                  <a:path w="22" h="25">
                    <a:moveTo>
                      <a:pt x="0" y="7"/>
                    </a:moveTo>
                    <a:lnTo>
                      <a:pt x="9" y="0"/>
                    </a:lnTo>
                    <a:lnTo>
                      <a:pt x="22" y="10"/>
                    </a:lnTo>
                    <a:lnTo>
                      <a:pt x="12" y="25"/>
                    </a:lnTo>
                    <a:lnTo>
                      <a:pt x="12" y="23"/>
                    </a:lnTo>
                    <a:lnTo>
                      <a:pt x="12" y="22"/>
                    </a:lnTo>
                    <a:lnTo>
                      <a:pt x="12" y="20"/>
                    </a:lnTo>
                    <a:lnTo>
                      <a:pt x="12" y="18"/>
                    </a:lnTo>
                    <a:lnTo>
                      <a:pt x="11" y="17"/>
                    </a:lnTo>
                    <a:lnTo>
                      <a:pt x="9" y="13"/>
                    </a:lnTo>
                    <a:lnTo>
                      <a:pt x="7" y="12"/>
                    </a:lnTo>
                    <a:lnTo>
                      <a:pt x="2" y="8"/>
                    </a:lnTo>
                    <a:lnTo>
                      <a:pt x="0" y="8"/>
                    </a:lnTo>
                    <a:lnTo>
                      <a:pt x="0" y="7"/>
                    </a:lnTo>
                  </a:path>
                </a:pathLst>
              </a:custGeom>
              <a:solidFill>
                <a:sysClr val="windowText" lastClr="000000"/>
              </a:solidFill>
              <a:ln w="3175">
                <a:solidFill>
                  <a:srgbClr val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81" name="Rectangle 12"/>
              <p:cNvSpPr>
                <a:spLocks noChangeArrowheads="1"/>
              </p:cNvSpPr>
              <p:nvPr/>
            </p:nvSpPr>
            <p:spPr bwMode="auto">
              <a:xfrm>
                <a:off x="4655" y="1804"/>
                <a:ext cx="172" cy="106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wrap="none" lIns="0" tIns="0" rIns="0" bIns="0">
                <a:spAutoFit/>
              </a:bodyPr>
              <a:lstStyle/>
              <a:p>
                <a:pPr defTabSz="571486">
                  <a:defRPr/>
                </a:pPr>
                <a:r>
                  <a:rPr lang="en-US" sz="313" b="1" kern="0" dirty="0">
                    <a:solidFill>
                      <a:srgbClr val="FFFFFF"/>
                    </a:solidFill>
                    <a:latin typeface="Helvetica" pitchFamily="34" charset="0"/>
                  </a:rPr>
                  <a:t>DC*</a:t>
                </a:r>
                <a:endParaRPr lang="en-US" sz="313" b="1" kern="0" dirty="0">
                  <a:solidFill>
                    <a:srgbClr val="FFFFFF"/>
                  </a:solidFill>
                  <a:latin typeface="Times New Roman" pitchFamily="18" charset="0"/>
                </a:endParaRPr>
              </a:p>
            </p:txBody>
          </p:sp>
        </p:grpSp>
        <p:sp>
          <p:nvSpPr>
            <p:cNvPr id="1103" name="Freeform 13"/>
            <p:cNvSpPr>
              <a:spLocks/>
            </p:cNvSpPr>
            <p:nvPr/>
          </p:nvSpPr>
          <p:spPr bwMode="auto">
            <a:xfrm>
              <a:off x="3980" y="2710"/>
              <a:ext cx="478" cy="363"/>
            </a:xfrm>
            <a:custGeom>
              <a:avLst/>
              <a:gdLst>
                <a:gd name="T0" fmla="*/ 178 w 492"/>
                <a:gd name="T1" fmla="*/ 243 h 374"/>
                <a:gd name="T2" fmla="*/ 178 w 492"/>
                <a:gd name="T3" fmla="*/ 240 h 374"/>
                <a:gd name="T4" fmla="*/ 178 w 492"/>
                <a:gd name="T5" fmla="*/ 239 h 374"/>
                <a:gd name="T6" fmla="*/ 171 w 492"/>
                <a:gd name="T7" fmla="*/ 217 h 374"/>
                <a:gd name="T8" fmla="*/ 157 w 492"/>
                <a:gd name="T9" fmla="*/ 207 h 374"/>
                <a:gd name="T10" fmla="*/ 153 w 492"/>
                <a:gd name="T11" fmla="*/ 192 h 374"/>
                <a:gd name="T12" fmla="*/ 142 w 492"/>
                <a:gd name="T13" fmla="*/ 177 h 374"/>
                <a:gd name="T14" fmla="*/ 130 w 492"/>
                <a:gd name="T15" fmla="*/ 173 h 374"/>
                <a:gd name="T16" fmla="*/ 126 w 492"/>
                <a:gd name="T17" fmla="*/ 171 h 374"/>
                <a:gd name="T18" fmla="*/ 116 w 492"/>
                <a:gd name="T19" fmla="*/ 162 h 374"/>
                <a:gd name="T20" fmla="*/ 111 w 492"/>
                <a:gd name="T21" fmla="*/ 153 h 374"/>
                <a:gd name="T22" fmla="*/ 104 w 492"/>
                <a:gd name="T23" fmla="*/ 141 h 374"/>
                <a:gd name="T24" fmla="*/ 95 w 492"/>
                <a:gd name="T25" fmla="*/ 139 h 374"/>
                <a:gd name="T26" fmla="*/ 91 w 492"/>
                <a:gd name="T27" fmla="*/ 137 h 374"/>
                <a:gd name="T28" fmla="*/ 86 w 492"/>
                <a:gd name="T29" fmla="*/ 132 h 374"/>
                <a:gd name="T30" fmla="*/ 81 w 492"/>
                <a:gd name="T31" fmla="*/ 121 h 374"/>
                <a:gd name="T32" fmla="*/ 75 w 492"/>
                <a:gd name="T33" fmla="*/ 120 h 374"/>
                <a:gd name="T34" fmla="*/ 68 w 492"/>
                <a:gd name="T35" fmla="*/ 119 h 374"/>
                <a:gd name="T36" fmla="*/ 61 w 492"/>
                <a:gd name="T37" fmla="*/ 111 h 374"/>
                <a:gd name="T38" fmla="*/ 55 w 492"/>
                <a:gd name="T39" fmla="*/ 104 h 374"/>
                <a:gd name="T40" fmla="*/ 47 w 492"/>
                <a:gd name="T41" fmla="*/ 96 h 374"/>
                <a:gd name="T42" fmla="*/ 40 w 492"/>
                <a:gd name="T43" fmla="*/ 82 h 374"/>
                <a:gd name="T44" fmla="*/ 38 w 492"/>
                <a:gd name="T45" fmla="*/ 75 h 374"/>
                <a:gd name="T46" fmla="*/ 33 w 492"/>
                <a:gd name="T47" fmla="*/ 74 h 374"/>
                <a:gd name="T48" fmla="*/ 18 w 492"/>
                <a:gd name="T49" fmla="*/ 72 h 374"/>
                <a:gd name="T50" fmla="*/ 17 w 492"/>
                <a:gd name="T51" fmla="*/ 69 h 374"/>
                <a:gd name="T52" fmla="*/ 17 w 492"/>
                <a:gd name="T53" fmla="*/ 67 h 374"/>
                <a:gd name="T54" fmla="*/ 0 w 492"/>
                <a:gd name="T55" fmla="*/ 56 h 374"/>
                <a:gd name="T56" fmla="*/ 13 w 492"/>
                <a:gd name="T57" fmla="*/ 39 h 374"/>
                <a:gd name="T58" fmla="*/ 17 w 492"/>
                <a:gd name="T59" fmla="*/ 37 h 374"/>
                <a:gd name="T60" fmla="*/ 17 w 492"/>
                <a:gd name="T61" fmla="*/ 35 h 374"/>
                <a:gd name="T62" fmla="*/ 21 w 492"/>
                <a:gd name="T63" fmla="*/ 25 h 374"/>
                <a:gd name="T64" fmla="*/ 38 w 492"/>
                <a:gd name="T65" fmla="*/ 17 h 374"/>
                <a:gd name="T66" fmla="*/ 50 w 492"/>
                <a:gd name="T67" fmla="*/ 17 h 374"/>
                <a:gd name="T68" fmla="*/ 71 w 492"/>
                <a:gd name="T69" fmla="*/ 10 h 374"/>
                <a:gd name="T70" fmla="*/ 139 w 492"/>
                <a:gd name="T71" fmla="*/ 1 h 374"/>
                <a:gd name="T72" fmla="*/ 149 w 492"/>
                <a:gd name="T73" fmla="*/ 0 h 374"/>
                <a:gd name="T74" fmla="*/ 162 w 492"/>
                <a:gd name="T75" fmla="*/ 12 h 374"/>
                <a:gd name="T76" fmla="*/ 242 w 492"/>
                <a:gd name="T77" fmla="*/ 17 h 374"/>
                <a:gd name="T78" fmla="*/ 328 w 492"/>
                <a:gd name="T79" fmla="*/ 77 h 374"/>
                <a:gd name="T80" fmla="*/ 323 w 492"/>
                <a:gd name="T81" fmla="*/ 81 h 374"/>
                <a:gd name="T82" fmla="*/ 315 w 492"/>
                <a:gd name="T83" fmla="*/ 87 h 374"/>
                <a:gd name="T84" fmla="*/ 306 w 492"/>
                <a:gd name="T85" fmla="*/ 100 h 374"/>
                <a:gd name="T86" fmla="*/ 298 w 492"/>
                <a:gd name="T87" fmla="*/ 114 h 374"/>
                <a:gd name="T88" fmla="*/ 293 w 492"/>
                <a:gd name="T89" fmla="*/ 126 h 374"/>
                <a:gd name="T90" fmla="*/ 290 w 492"/>
                <a:gd name="T91" fmla="*/ 123 h 374"/>
                <a:gd name="T92" fmla="*/ 288 w 492"/>
                <a:gd name="T93" fmla="*/ 126 h 374"/>
                <a:gd name="T94" fmla="*/ 289 w 492"/>
                <a:gd name="T95" fmla="*/ 132 h 374"/>
                <a:gd name="T96" fmla="*/ 294 w 492"/>
                <a:gd name="T97" fmla="*/ 134 h 374"/>
                <a:gd name="T98" fmla="*/ 295 w 492"/>
                <a:gd name="T99" fmla="*/ 139 h 374"/>
                <a:gd name="T100" fmla="*/ 292 w 492"/>
                <a:gd name="T101" fmla="*/ 145 h 374"/>
                <a:gd name="T102" fmla="*/ 286 w 492"/>
                <a:gd name="T103" fmla="*/ 148 h 374"/>
                <a:gd name="T104" fmla="*/ 276 w 492"/>
                <a:gd name="T105" fmla="*/ 154 h 374"/>
                <a:gd name="T106" fmla="*/ 266 w 492"/>
                <a:gd name="T107" fmla="*/ 171 h 374"/>
                <a:gd name="T108" fmla="*/ 263 w 492"/>
                <a:gd name="T109" fmla="*/ 173 h 374"/>
                <a:gd name="T110" fmla="*/ 259 w 492"/>
                <a:gd name="T111" fmla="*/ 177 h 374"/>
                <a:gd name="T112" fmla="*/ 251 w 492"/>
                <a:gd name="T113" fmla="*/ 179 h 374"/>
                <a:gd name="T114" fmla="*/ 240 w 492"/>
                <a:gd name="T115" fmla="*/ 196 h 374"/>
                <a:gd name="T116" fmla="*/ 236 w 492"/>
                <a:gd name="T117" fmla="*/ 201 h 374"/>
                <a:gd name="T118" fmla="*/ 214 w 492"/>
                <a:gd name="T119" fmla="*/ 207 h 374"/>
                <a:gd name="T120" fmla="*/ 194 w 492"/>
                <a:gd name="T121" fmla="*/ 221 h 374"/>
                <a:gd name="T122" fmla="*/ 187 w 492"/>
                <a:gd name="T123" fmla="*/ 245 h 374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w 492"/>
                <a:gd name="T187" fmla="*/ 0 h 374"/>
                <a:gd name="T188" fmla="*/ 492 w 492"/>
                <a:gd name="T189" fmla="*/ 374 h 374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T186" t="T187" r="T188" b="T189"/>
              <a:pathLst>
                <a:path w="492" h="374">
                  <a:moveTo>
                    <a:pt x="269" y="374"/>
                  </a:moveTo>
                  <a:lnTo>
                    <a:pt x="269" y="372"/>
                  </a:lnTo>
                  <a:lnTo>
                    <a:pt x="267" y="370"/>
                  </a:lnTo>
                  <a:lnTo>
                    <a:pt x="267" y="369"/>
                  </a:lnTo>
                  <a:lnTo>
                    <a:pt x="267" y="367"/>
                  </a:lnTo>
                  <a:lnTo>
                    <a:pt x="267" y="365"/>
                  </a:lnTo>
                  <a:lnTo>
                    <a:pt x="267" y="364"/>
                  </a:lnTo>
                  <a:lnTo>
                    <a:pt x="267" y="362"/>
                  </a:lnTo>
                  <a:lnTo>
                    <a:pt x="266" y="348"/>
                  </a:lnTo>
                  <a:lnTo>
                    <a:pt x="261" y="338"/>
                  </a:lnTo>
                  <a:lnTo>
                    <a:pt x="255" y="330"/>
                  </a:lnTo>
                  <a:lnTo>
                    <a:pt x="249" y="321"/>
                  </a:lnTo>
                  <a:lnTo>
                    <a:pt x="242" y="316"/>
                  </a:lnTo>
                  <a:lnTo>
                    <a:pt x="235" y="313"/>
                  </a:lnTo>
                  <a:lnTo>
                    <a:pt x="232" y="309"/>
                  </a:lnTo>
                  <a:lnTo>
                    <a:pt x="230" y="308"/>
                  </a:lnTo>
                  <a:lnTo>
                    <a:pt x="228" y="292"/>
                  </a:lnTo>
                  <a:lnTo>
                    <a:pt x="225" y="282"/>
                  </a:lnTo>
                  <a:lnTo>
                    <a:pt x="218" y="274"/>
                  </a:lnTo>
                  <a:lnTo>
                    <a:pt x="211" y="269"/>
                  </a:lnTo>
                  <a:lnTo>
                    <a:pt x="205" y="265"/>
                  </a:lnTo>
                  <a:lnTo>
                    <a:pt x="200" y="264"/>
                  </a:lnTo>
                  <a:lnTo>
                    <a:pt x="195" y="262"/>
                  </a:lnTo>
                  <a:lnTo>
                    <a:pt x="193" y="262"/>
                  </a:lnTo>
                  <a:lnTo>
                    <a:pt x="193" y="260"/>
                  </a:lnTo>
                  <a:lnTo>
                    <a:pt x="189" y="259"/>
                  </a:lnTo>
                  <a:lnTo>
                    <a:pt x="184" y="254"/>
                  </a:lnTo>
                  <a:lnTo>
                    <a:pt x="179" y="250"/>
                  </a:lnTo>
                  <a:lnTo>
                    <a:pt x="174" y="245"/>
                  </a:lnTo>
                  <a:lnTo>
                    <a:pt x="171" y="240"/>
                  </a:lnTo>
                  <a:lnTo>
                    <a:pt x="167" y="237"/>
                  </a:lnTo>
                  <a:lnTo>
                    <a:pt x="166" y="233"/>
                  </a:lnTo>
                  <a:lnTo>
                    <a:pt x="162" y="225"/>
                  </a:lnTo>
                  <a:lnTo>
                    <a:pt x="157" y="218"/>
                  </a:lnTo>
                  <a:lnTo>
                    <a:pt x="154" y="213"/>
                  </a:lnTo>
                  <a:lnTo>
                    <a:pt x="149" y="211"/>
                  </a:lnTo>
                  <a:lnTo>
                    <a:pt x="145" y="210"/>
                  </a:lnTo>
                  <a:lnTo>
                    <a:pt x="142" y="210"/>
                  </a:lnTo>
                  <a:lnTo>
                    <a:pt x="139" y="210"/>
                  </a:lnTo>
                  <a:lnTo>
                    <a:pt x="137" y="208"/>
                  </a:lnTo>
                  <a:lnTo>
                    <a:pt x="135" y="204"/>
                  </a:lnTo>
                  <a:lnTo>
                    <a:pt x="132" y="203"/>
                  </a:lnTo>
                  <a:lnTo>
                    <a:pt x="130" y="199"/>
                  </a:lnTo>
                  <a:lnTo>
                    <a:pt x="127" y="193"/>
                  </a:lnTo>
                  <a:lnTo>
                    <a:pt x="123" y="188"/>
                  </a:lnTo>
                  <a:lnTo>
                    <a:pt x="120" y="184"/>
                  </a:lnTo>
                  <a:lnTo>
                    <a:pt x="117" y="182"/>
                  </a:lnTo>
                  <a:lnTo>
                    <a:pt x="113" y="181"/>
                  </a:lnTo>
                  <a:lnTo>
                    <a:pt x="112" y="182"/>
                  </a:lnTo>
                  <a:lnTo>
                    <a:pt x="108" y="182"/>
                  </a:lnTo>
                  <a:lnTo>
                    <a:pt x="101" y="181"/>
                  </a:lnTo>
                  <a:lnTo>
                    <a:pt x="96" y="179"/>
                  </a:lnTo>
                  <a:lnTo>
                    <a:pt x="93" y="174"/>
                  </a:lnTo>
                  <a:lnTo>
                    <a:pt x="90" y="169"/>
                  </a:lnTo>
                  <a:lnTo>
                    <a:pt x="86" y="164"/>
                  </a:lnTo>
                  <a:lnTo>
                    <a:pt x="85" y="160"/>
                  </a:lnTo>
                  <a:lnTo>
                    <a:pt x="83" y="157"/>
                  </a:lnTo>
                  <a:lnTo>
                    <a:pt x="83" y="155"/>
                  </a:lnTo>
                  <a:lnTo>
                    <a:pt x="78" y="152"/>
                  </a:lnTo>
                  <a:lnTo>
                    <a:pt x="71" y="145"/>
                  </a:lnTo>
                  <a:lnTo>
                    <a:pt x="66" y="138"/>
                  </a:lnTo>
                  <a:lnTo>
                    <a:pt x="61" y="132"/>
                  </a:lnTo>
                  <a:lnTo>
                    <a:pt x="57" y="125"/>
                  </a:lnTo>
                  <a:lnTo>
                    <a:pt x="56" y="118"/>
                  </a:lnTo>
                  <a:lnTo>
                    <a:pt x="52" y="115"/>
                  </a:lnTo>
                  <a:lnTo>
                    <a:pt x="52" y="113"/>
                  </a:lnTo>
                  <a:lnTo>
                    <a:pt x="52" y="111"/>
                  </a:lnTo>
                  <a:lnTo>
                    <a:pt x="49" y="111"/>
                  </a:lnTo>
                  <a:lnTo>
                    <a:pt x="47" y="111"/>
                  </a:lnTo>
                  <a:lnTo>
                    <a:pt x="46" y="110"/>
                  </a:lnTo>
                  <a:lnTo>
                    <a:pt x="39" y="110"/>
                  </a:lnTo>
                  <a:lnTo>
                    <a:pt x="32" y="108"/>
                  </a:lnTo>
                  <a:lnTo>
                    <a:pt x="27" y="106"/>
                  </a:lnTo>
                  <a:lnTo>
                    <a:pt x="24" y="105"/>
                  </a:lnTo>
                  <a:lnTo>
                    <a:pt x="20" y="103"/>
                  </a:lnTo>
                  <a:lnTo>
                    <a:pt x="19" y="101"/>
                  </a:lnTo>
                  <a:lnTo>
                    <a:pt x="17" y="100"/>
                  </a:lnTo>
                  <a:lnTo>
                    <a:pt x="5" y="98"/>
                  </a:lnTo>
                  <a:lnTo>
                    <a:pt x="0" y="93"/>
                  </a:lnTo>
                  <a:lnTo>
                    <a:pt x="0" y="84"/>
                  </a:lnTo>
                  <a:lnTo>
                    <a:pt x="2" y="74"/>
                  </a:lnTo>
                  <a:lnTo>
                    <a:pt x="7" y="66"/>
                  </a:lnTo>
                  <a:lnTo>
                    <a:pt x="13" y="57"/>
                  </a:lnTo>
                  <a:lnTo>
                    <a:pt x="17" y="52"/>
                  </a:lnTo>
                  <a:lnTo>
                    <a:pt x="19" y="50"/>
                  </a:lnTo>
                  <a:lnTo>
                    <a:pt x="20" y="52"/>
                  </a:lnTo>
                  <a:lnTo>
                    <a:pt x="22" y="50"/>
                  </a:lnTo>
                  <a:lnTo>
                    <a:pt x="24" y="49"/>
                  </a:lnTo>
                  <a:lnTo>
                    <a:pt x="27" y="45"/>
                  </a:lnTo>
                  <a:lnTo>
                    <a:pt x="30" y="42"/>
                  </a:lnTo>
                  <a:lnTo>
                    <a:pt x="35" y="39"/>
                  </a:lnTo>
                  <a:lnTo>
                    <a:pt x="41" y="35"/>
                  </a:lnTo>
                  <a:lnTo>
                    <a:pt x="47" y="32"/>
                  </a:lnTo>
                  <a:lnTo>
                    <a:pt x="52" y="28"/>
                  </a:lnTo>
                  <a:lnTo>
                    <a:pt x="61" y="23"/>
                  </a:lnTo>
                  <a:lnTo>
                    <a:pt x="68" y="20"/>
                  </a:lnTo>
                  <a:lnTo>
                    <a:pt x="76" y="17"/>
                  </a:lnTo>
                  <a:lnTo>
                    <a:pt x="85" y="15"/>
                  </a:lnTo>
                  <a:lnTo>
                    <a:pt x="95" y="13"/>
                  </a:lnTo>
                  <a:lnTo>
                    <a:pt x="105" y="10"/>
                  </a:lnTo>
                  <a:lnTo>
                    <a:pt x="113" y="10"/>
                  </a:lnTo>
                  <a:lnTo>
                    <a:pt x="206" y="1"/>
                  </a:lnTo>
                  <a:lnTo>
                    <a:pt x="208" y="1"/>
                  </a:lnTo>
                  <a:lnTo>
                    <a:pt x="210" y="0"/>
                  </a:lnTo>
                  <a:lnTo>
                    <a:pt x="215" y="0"/>
                  </a:lnTo>
                  <a:lnTo>
                    <a:pt x="222" y="0"/>
                  </a:lnTo>
                  <a:lnTo>
                    <a:pt x="228" y="1"/>
                  </a:lnTo>
                  <a:lnTo>
                    <a:pt x="235" y="5"/>
                  </a:lnTo>
                  <a:lnTo>
                    <a:pt x="242" y="12"/>
                  </a:lnTo>
                  <a:lnTo>
                    <a:pt x="250" y="23"/>
                  </a:lnTo>
                  <a:lnTo>
                    <a:pt x="254" y="37"/>
                  </a:lnTo>
                  <a:lnTo>
                    <a:pt x="362" y="20"/>
                  </a:lnTo>
                  <a:lnTo>
                    <a:pt x="492" y="115"/>
                  </a:lnTo>
                  <a:lnTo>
                    <a:pt x="491" y="115"/>
                  </a:lnTo>
                  <a:lnTo>
                    <a:pt x="489" y="118"/>
                  </a:lnTo>
                  <a:lnTo>
                    <a:pt x="486" y="120"/>
                  </a:lnTo>
                  <a:lnTo>
                    <a:pt x="484" y="122"/>
                  </a:lnTo>
                  <a:lnTo>
                    <a:pt x="481" y="125"/>
                  </a:lnTo>
                  <a:lnTo>
                    <a:pt x="475" y="130"/>
                  </a:lnTo>
                  <a:lnTo>
                    <a:pt x="472" y="133"/>
                  </a:lnTo>
                  <a:lnTo>
                    <a:pt x="467" y="140"/>
                  </a:lnTo>
                  <a:lnTo>
                    <a:pt x="464" y="145"/>
                  </a:lnTo>
                  <a:lnTo>
                    <a:pt x="459" y="150"/>
                  </a:lnTo>
                  <a:lnTo>
                    <a:pt x="455" y="159"/>
                  </a:lnTo>
                  <a:lnTo>
                    <a:pt x="450" y="166"/>
                  </a:lnTo>
                  <a:lnTo>
                    <a:pt x="447" y="174"/>
                  </a:lnTo>
                  <a:lnTo>
                    <a:pt x="443" y="182"/>
                  </a:lnTo>
                  <a:lnTo>
                    <a:pt x="440" y="191"/>
                  </a:lnTo>
                  <a:lnTo>
                    <a:pt x="437" y="189"/>
                  </a:lnTo>
                  <a:lnTo>
                    <a:pt x="435" y="188"/>
                  </a:lnTo>
                  <a:lnTo>
                    <a:pt x="435" y="186"/>
                  </a:lnTo>
                  <a:lnTo>
                    <a:pt x="433" y="186"/>
                  </a:lnTo>
                  <a:lnTo>
                    <a:pt x="433" y="188"/>
                  </a:lnTo>
                  <a:lnTo>
                    <a:pt x="431" y="191"/>
                  </a:lnTo>
                  <a:lnTo>
                    <a:pt x="431" y="194"/>
                  </a:lnTo>
                  <a:lnTo>
                    <a:pt x="431" y="198"/>
                  </a:lnTo>
                  <a:lnTo>
                    <a:pt x="433" y="199"/>
                  </a:lnTo>
                  <a:lnTo>
                    <a:pt x="435" y="201"/>
                  </a:lnTo>
                  <a:lnTo>
                    <a:pt x="440" y="203"/>
                  </a:lnTo>
                  <a:lnTo>
                    <a:pt x="442" y="203"/>
                  </a:lnTo>
                  <a:lnTo>
                    <a:pt x="442" y="204"/>
                  </a:lnTo>
                  <a:lnTo>
                    <a:pt x="443" y="206"/>
                  </a:lnTo>
                  <a:lnTo>
                    <a:pt x="443" y="210"/>
                  </a:lnTo>
                  <a:lnTo>
                    <a:pt x="443" y="213"/>
                  </a:lnTo>
                  <a:lnTo>
                    <a:pt x="440" y="216"/>
                  </a:lnTo>
                  <a:lnTo>
                    <a:pt x="437" y="221"/>
                  </a:lnTo>
                  <a:lnTo>
                    <a:pt x="431" y="225"/>
                  </a:lnTo>
                  <a:lnTo>
                    <a:pt x="430" y="225"/>
                  </a:lnTo>
                  <a:lnTo>
                    <a:pt x="428" y="225"/>
                  </a:lnTo>
                  <a:lnTo>
                    <a:pt x="423" y="228"/>
                  </a:lnTo>
                  <a:lnTo>
                    <a:pt x="418" y="230"/>
                  </a:lnTo>
                  <a:lnTo>
                    <a:pt x="413" y="235"/>
                  </a:lnTo>
                  <a:lnTo>
                    <a:pt x="408" y="240"/>
                  </a:lnTo>
                  <a:lnTo>
                    <a:pt x="403" y="248"/>
                  </a:lnTo>
                  <a:lnTo>
                    <a:pt x="398" y="259"/>
                  </a:lnTo>
                  <a:lnTo>
                    <a:pt x="396" y="260"/>
                  </a:lnTo>
                  <a:lnTo>
                    <a:pt x="394" y="262"/>
                  </a:lnTo>
                  <a:lnTo>
                    <a:pt x="393" y="265"/>
                  </a:lnTo>
                  <a:lnTo>
                    <a:pt x="391" y="267"/>
                  </a:lnTo>
                  <a:lnTo>
                    <a:pt x="389" y="269"/>
                  </a:lnTo>
                  <a:lnTo>
                    <a:pt x="387" y="270"/>
                  </a:lnTo>
                  <a:lnTo>
                    <a:pt x="376" y="272"/>
                  </a:lnTo>
                  <a:lnTo>
                    <a:pt x="376" y="277"/>
                  </a:lnTo>
                  <a:lnTo>
                    <a:pt x="384" y="279"/>
                  </a:lnTo>
                  <a:lnTo>
                    <a:pt x="359" y="299"/>
                  </a:lnTo>
                  <a:lnTo>
                    <a:pt x="354" y="291"/>
                  </a:lnTo>
                  <a:lnTo>
                    <a:pt x="349" y="299"/>
                  </a:lnTo>
                  <a:lnTo>
                    <a:pt x="354" y="304"/>
                  </a:lnTo>
                  <a:lnTo>
                    <a:pt x="343" y="316"/>
                  </a:lnTo>
                  <a:lnTo>
                    <a:pt x="335" y="314"/>
                  </a:lnTo>
                  <a:lnTo>
                    <a:pt x="320" y="314"/>
                  </a:lnTo>
                  <a:lnTo>
                    <a:pt x="305" y="316"/>
                  </a:lnTo>
                  <a:lnTo>
                    <a:pt x="296" y="320"/>
                  </a:lnTo>
                  <a:lnTo>
                    <a:pt x="291" y="336"/>
                  </a:lnTo>
                  <a:lnTo>
                    <a:pt x="303" y="348"/>
                  </a:lnTo>
                  <a:lnTo>
                    <a:pt x="289" y="374"/>
                  </a:lnTo>
                  <a:lnTo>
                    <a:pt x="281" y="372"/>
                  </a:lnTo>
                  <a:lnTo>
                    <a:pt x="269" y="374"/>
                  </a:lnTo>
                  <a:close/>
                </a:path>
              </a:pathLst>
            </a:custGeom>
            <a:solidFill>
              <a:srgbClr val="0033CC"/>
            </a:solidFill>
            <a:ln w="9525">
              <a:solidFill>
                <a:sysClr val="window" lastClr="FFFFFF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04" name="Freeform 14"/>
            <p:cNvSpPr>
              <a:spLocks/>
            </p:cNvSpPr>
            <p:nvPr/>
          </p:nvSpPr>
          <p:spPr bwMode="auto">
            <a:xfrm>
              <a:off x="4869" y="1704"/>
              <a:ext cx="76" cy="93"/>
            </a:xfrm>
            <a:custGeom>
              <a:avLst/>
              <a:gdLst>
                <a:gd name="T0" fmla="*/ 19 w 78"/>
                <a:gd name="T1" fmla="*/ 61 h 95"/>
                <a:gd name="T2" fmla="*/ 16 w 78"/>
                <a:gd name="T3" fmla="*/ 63 h 95"/>
                <a:gd name="T4" fmla="*/ 16 w 78"/>
                <a:gd name="T5" fmla="*/ 63 h 95"/>
                <a:gd name="T6" fmla="*/ 16 w 78"/>
                <a:gd name="T7" fmla="*/ 64 h 95"/>
                <a:gd name="T8" fmla="*/ 16 w 78"/>
                <a:gd name="T9" fmla="*/ 64 h 95"/>
                <a:gd name="T10" fmla="*/ 16 w 78"/>
                <a:gd name="T11" fmla="*/ 65 h 95"/>
                <a:gd name="T12" fmla="*/ 16 w 78"/>
                <a:gd name="T13" fmla="*/ 66 h 95"/>
                <a:gd name="T14" fmla="*/ 16 w 78"/>
                <a:gd name="T15" fmla="*/ 68 h 95"/>
                <a:gd name="T16" fmla="*/ 16 w 78"/>
                <a:gd name="T17" fmla="*/ 68 h 95"/>
                <a:gd name="T18" fmla="*/ 17 w 78"/>
                <a:gd name="T19" fmla="*/ 69 h 95"/>
                <a:gd name="T20" fmla="*/ 19 w 78"/>
                <a:gd name="T21" fmla="*/ 69 h 95"/>
                <a:gd name="T22" fmla="*/ 19 w 78"/>
                <a:gd name="T23" fmla="*/ 68 h 95"/>
                <a:gd name="T24" fmla="*/ 19 w 78"/>
                <a:gd name="T25" fmla="*/ 66 h 95"/>
                <a:gd name="T26" fmla="*/ 22 w 78"/>
                <a:gd name="T27" fmla="*/ 64 h 95"/>
                <a:gd name="T28" fmla="*/ 25 w 78"/>
                <a:gd name="T29" fmla="*/ 63 h 95"/>
                <a:gd name="T30" fmla="*/ 27 w 78"/>
                <a:gd name="T31" fmla="*/ 61 h 95"/>
                <a:gd name="T32" fmla="*/ 29 w 78"/>
                <a:gd name="T33" fmla="*/ 60 h 95"/>
                <a:gd name="T34" fmla="*/ 30 w 78"/>
                <a:gd name="T35" fmla="*/ 59 h 95"/>
                <a:gd name="T36" fmla="*/ 36 w 78"/>
                <a:gd name="T37" fmla="*/ 59 h 95"/>
                <a:gd name="T38" fmla="*/ 36 w 78"/>
                <a:gd name="T39" fmla="*/ 50 h 95"/>
                <a:gd name="T40" fmla="*/ 25 w 78"/>
                <a:gd name="T41" fmla="*/ 23 h 95"/>
                <a:gd name="T42" fmla="*/ 34 w 78"/>
                <a:gd name="T43" fmla="*/ 23 h 95"/>
                <a:gd name="T44" fmla="*/ 41 w 78"/>
                <a:gd name="T45" fmla="*/ 23 h 95"/>
                <a:gd name="T46" fmla="*/ 44 w 78"/>
                <a:gd name="T47" fmla="*/ 23 h 95"/>
                <a:gd name="T48" fmla="*/ 45 w 78"/>
                <a:gd name="T49" fmla="*/ 23 h 95"/>
                <a:gd name="T50" fmla="*/ 45 w 78"/>
                <a:gd name="T51" fmla="*/ 23 h 95"/>
                <a:gd name="T52" fmla="*/ 47 w 78"/>
                <a:gd name="T53" fmla="*/ 25 h 95"/>
                <a:gd name="T54" fmla="*/ 48 w 78"/>
                <a:gd name="T55" fmla="*/ 28 h 95"/>
                <a:gd name="T56" fmla="*/ 49 w 78"/>
                <a:gd name="T57" fmla="*/ 38 h 95"/>
                <a:gd name="T58" fmla="*/ 51 w 78"/>
                <a:gd name="T59" fmla="*/ 44 h 95"/>
                <a:gd name="T60" fmla="*/ 51 w 78"/>
                <a:gd name="T61" fmla="*/ 47 h 95"/>
                <a:gd name="T62" fmla="*/ 52 w 78"/>
                <a:gd name="T63" fmla="*/ 45 h 95"/>
                <a:gd name="T64" fmla="*/ 53 w 78"/>
                <a:gd name="T65" fmla="*/ 44 h 95"/>
                <a:gd name="T66" fmla="*/ 53 w 78"/>
                <a:gd name="T67" fmla="*/ 40 h 95"/>
                <a:gd name="T68" fmla="*/ 54 w 78"/>
                <a:gd name="T69" fmla="*/ 38 h 95"/>
                <a:gd name="T70" fmla="*/ 54 w 78"/>
                <a:gd name="T71" fmla="*/ 37 h 95"/>
                <a:gd name="T72" fmla="*/ 54 w 78"/>
                <a:gd name="T73" fmla="*/ 38 h 95"/>
                <a:gd name="T74" fmla="*/ 53 w 78"/>
                <a:gd name="T75" fmla="*/ 38 h 95"/>
                <a:gd name="T76" fmla="*/ 53 w 78"/>
                <a:gd name="T77" fmla="*/ 37 h 95"/>
                <a:gd name="T78" fmla="*/ 53 w 78"/>
                <a:gd name="T79" fmla="*/ 35 h 95"/>
                <a:gd name="T80" fmla="*/ 52 w 78"/>
                <a:gd name="T81" fmla="*/ 32 h 95"/>
                <a:gd name="T82" fmla="*/ 51 w 78"/>
                <a:gd name="T83" fmla="*/ 30 h 95"/>
                <a:gd name="T84" fmla="*/ 51 w 78"/>
                <a:gd name="T85" fmla="*/ 28 h 95"/>
                <a:gd name="T86" fmla="*/ 51 w 78"/>
                <a:gd name="T87" fmla="*/ 27 h 95"/>
                <a:gd name="T88" fmla="*/ 51 w 78"/>
                <a:gd name="T89" fmla="*/ 27 h 95"/>
                <a:gd name="T90" fmla="*/ 48 w 78"/>
                <a:gd name="T91" fmla="*/ 23 h 95"/>
                <a:gd name="T92" fmla="*/ 44 w 78"/>
                <a:gd name="T93" fmla="*/ 23 h 95"/>
                <a:gd name="T94" fmla="*/ 37 w 78"/>
                <a:gd name="T95" fmla="*/ 23 h 95"/>
                <a:gd name="T96" fmla="*/ 32 w 78"/>
                <a:gd name="T97" fmla="*/ 14 h 95"/>
                <a:gd name="T98" fmla="*/ 25 w 78"/>
                <a:gd name="T99" fmla="*/ 14 h 95"/>
                <a:gd name="T100" fmla="*/ 20 w 78"/>
                <a:gd name="T101" fmla="*/ 0 h 95"/>
                <a:gd name="T102" fmla="*/ 0 w 78"/>
                <a:gd name="T103" fmla="*/ 8 h 95"/>
                <a:gd name="T104" fmla="*/ 19 w 78"/>
                <a:gd name="T105" fmla="*/ 61 h 95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w 78"/>
                <a:gd name="T160" fmla="*/ 0 h 95"/>
                <a:gd name="T161" fmla="*/ 78 w 78"/>
                <a:gd name="T162" fmla="*/ 95 h 95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T159" t="T160" r="T161" b="T162"/>
              <a:pathLst>
                <a:path w="78" h="95">
                  <a:moveTo>
                    <a:pt x="21" y="80"/>
                  </a:moveTo>
                  <a:lnTo>
                    <a:pt x="16" y="83"/>
                  </a:lnTo>
                  <a:lnTo>
                    <a:pt x="16" y="85"/>
                  </a:lnTo>
                  <a:lnTo>
                    <a:pt x="16" y="86"/>
                  </a:lnTo>
                  <a:lnTo>
                    <a:pt x="16" y="88"/>
                  </a:lnTo>
                  <a:lnTo>
                    <a:pt x="16" y="90"/>
                  </a:lnTo>
                  <a:lnTo>
                    <a:pt x="16" y="93"/>
                  </a:lnTo>
                  <a:lnTo>
                    <a:pt x="17" y="95"/>
                  </a:lnTo>
                  <a:lnTo>
                    <a:pt x="22" y="95"/>
                  </a:lnTo>
                  <a:lnTo>
                    <a:pt x="28" y="93"/>
                  </a:lnTo>
                  <a:lnTo>
                    <a:pt x="31" y="90"/>
                  </a:lnTo>
                  <a:lnTo>
                    <a:pt x="36" y="86"/>
                  </a:lnTo>
                  <a:lnTo>
                    <a:pt x="39" y="83"/>
                  </a:lnTo>
                  <a:lnTo>
                    <a:pt x="41" y="80"/>
                  </a:lnTo>
                  <a:lnTo>
                    <a:pt x="43" y="78"/>
                  </a:lnTo>
                  <a:lnTo>
                    <a:pt x="44" y="76"/>
                  </a:lnTo>
                  <a:lnTo>
                    <a:pt x="50" y="76"/>
                  </a:lnTo>
                  <a:lnTo>
                    <a:pt x="50" y="64"/>
                  </a:lnTo>
                  <a:lnTo>
                    <a:pt x="39" y="30"/>
                  </a:lnTo>
                  <a:lnTo>
                    <a:pt x="48" y="29"/>
                  </a:lnTo>
                  <a:lnTo>
                    <a:pt x="55" y="36"/>
                  </a:lnTo>
                  <a:lnTo>
                    <a:pt x="58" y="36"/>
                  </a:lnTo>
                  <a:lnTo>
                    <a:pt x="60" y="36"/>
                  </a:lnTo>
                  <a:lnTo>
                    <a:pt x="61" y="37"/>
                  </a:lnTo>
                  <a:lnTo>
                    <a:pt x="65" y="39"/>
                  </a:lnTo>
                  <a:lnTo>
                    <a:pt x="66" y="42"/>
                  </a:lnTo>
                  <a:lnTo>
                    <a:pt x="68" y="52"/>
                  </a:lnTo>
                  <a:lnTo>
                    <a:pt x="72" y="58"/>
                  </a:lnTo>
                  <a:lnTo>
                    <a:pt x="73" y="61"/>
                  </a:lnTo>
                  <a:lnTo>
                    <a:pt x="75" y="59"/>
                  </a:lnTo>
                  <a:lnTo>
                    <a:pt x="77" y="58"/>
                  </a:lnTo>
                  <a:lnTo>
                    <a:pt x="77" y="54"/>
                  </a:lnTo>
                  <a:lnTo>
                    <a:pt x="78" y="52"/>
                  </a:lnTo>
                  <a:lnTo>
                    <a:pt x="78" y="51"/>
                  </a:lnTo>
                  <a:lnTo>
                    <a:pt x="78" y="52"/>
                  </a:lnTo>
                  <a:lnTo>
                    <a:pt x="77" y="52"/>
                  </a:lnTo>
                  <a:lnTo>
                    <a:pt x="77" y="51"/>
                  </a:lnTo>
                  <a:lnTo>
                    <a:pt x="77" y="49"/>
                  </a:lnTo>
                  <a:lnTo>
                    <a:pt x="75" y="46"/>
                  </a:lnTo>
                  <a:lnTo>
                    <a:pt x="73" y="44"/>
                  </a:lnTo>
                  <a:lnTo>
                    <a:pt x="73" y="42"/>
                  </a:lnTo>
                  <a:lnTo>
                    <a:pt x="73" y="41"/>
                  </a:lnTo>
                  <a:lnTo>
                    <a:pt x="66" y="36"/>
                  </a:lnTo>
                  <a:lnTo>
                    <a:pt x="58" y="30"/>
                  </a:lnTo>
                  <a:lnTo>
                    <a:pt x="51" y="29"/>
                  </a:lnTo>
                  <a:lnTo>
                    <a:pt x="46" y="14"/>
                  </a:lnTo>
                  <a:lnTo>
                    <a:pt x="39" y="14"/>
                  </a:lnTo>
                  <a:lnTo>
                    <a:pt x="34" y="0"/>
                  </a:lnTo>
                  <a:lnTo>
                    <a:pt x="0" y="8"/>
                  </a:lnTo>
                  <a:lnTo>
                    <a:pt x="21" y="80"/>
                  </a:lnTo>
                  <a:close/>
                </a:path>
              </a:pathLst>
            </a:custGeom>
            <a:solidFill>
              <a:srgbClr val="00FF00"/>
            </a:solidFill>
            <a:ln w="9525">
              <a:solidFill>
                <a:sysClr val="window" lastClr="FFFFFF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1105" name="Group 15"/>
            <p:cNvGrpSpPr>
              <a:grpSpLocks/>
            </p:cNvGrpSpPr>
            <p:nvPr/>
          </p:nvGrpSpPr>
          <p:grpSpPr bwMode="auto">
            <a:xfrm>
              <a:off x="2752" y="1791"/>
              <a:ext cx="1909" cy="2193"/>
              <a:chOff x="2691" y="1840"/>
              <a:chExt cx="1909" cy="2193"/>
            </a:xfrm>
          </p:grpSpPr>
          <p:grpSp>
            <p:nvGrpSpPr>
              <p:cNvPr id="1246" name="Group 16"/>
              <p:cNvGrpSpPr>
                <a:grpSpLocks/>
              </p:cNvGrpSpPr>
              <p:nvPr/>
            </p:nvGrpSpPr>
            <p:grpSpPr bwMode="auto">
              <a:xfrm>
                <a:off x="3537" y="3290"/>
                <a:ext cx="873" cy="743"/>
                <a:chOff x="3822" y="2894"/>
                <a:chExt cx="897" cy="765"/>
              </a:xfrm>
            </p:grpSpPr>
            <p:sp>
              <p:nvSpPr>
                <p:cNvPr id="1252" name="Freeform 17"/>
                <p:cNvSpPr>
                  <a:spLocks/>
                </p:cNvSpPr>
                <p:nvPr/>
              </p:nvSpPr>
              <p:spPr bwMode="auto">
                <a:xfrm>
                  <a:off x="3822" y="2894"/>
                  <a:ext cx="890" cy="684"/>
                </a:xfrm>
                <a:custGeom>
                  <a:avLst/>
                  <a:gdLst>
                    <a:gd name="T0" fmla="*/ 641 w 890"/>
                    <a:gd name="T1" fmla="*/ 49 h 684"/>
                    <a:gd name="T2" fmla="*/ 641 w 890"/>
                    <a:gd name="T3" fmla="*/ 69 h 684"/>
                    <a:gd name="T4" fmla="*/ 682 w 890"/>
                    <a:gd name="T5" fmla="*/ 112 h 684"/>
                    <a:gd name="T6" fmla="*/ 717 w 890"/>
                    <a:gd name="T7" fmla="*/ 161 h 684"/>
                    <a:gd name="T8" fmla="*/ 732 w 890"/>
                    <a:gd name="T9" fmla="*/ 190 h 684"/>
                    <a:gd name="T10" fmla="*/ 721 w 890"/>
                    <a:gd name="T11" fmla="*/ 183 h 684"/>
                    <a:gd name="T12" fmla="*/ 758 w 890"/>
                    <a:gd name="T13" fmla="*/ 235 h 684"/>
                    <a:gd name="T14" fmla="*/ 773 w 890"/>
                    <a:gd name="T15" fmla="*/ 279 h 684"/>
                    <a:gd name="T16" fmla="*/ 832 w 890"/>
                    <a:gd name="T17" fmla="*/ 381 h 684"/>
                    <a:gd name="T18" fmla="*/ 856 w 890"/>
                    <a:gd name="T19" fmla="*/ 420 h 684"/>
                    <a:gd name="T20" fmla="*/ 875 w 890"/>
                    <a:gd name="T21" fmla="*/ 450 h 684"/>
                    <a:gd name="T22" fmla="*/ 888 w 890"/>
                    <a:gd name="T23" fmla="*/ 479 h 684"/>
                    <a:gd name="T24" fmla="*/ 890 w 890"/>
                    <a:gd name="T25" fmla="*/ 564 h 684"/>
                    <a:gd name="T26" fmla="*/ 876 w 890"/>
                    <a:gd name="T27" fmla="*/ 609 h 684"/>
                    <a:gd name="T28" fmla="*/ 878 w 890"/>
                    <a:gd name="T29" fmla="*/ 641 h 684"/>
                    <a:gd name="T30" fmla="*/ 842 w 890"/>
                    <a:gd name="T31" fmla="*/ 674 h 684"/>
                    <a:gd name="T32" fmla="*/ 800 w 890"/>
                    <a:gd name="T33" fmla="*/ 684 h 684"/>
                    <a:gd name="T34" fmla="*/ 798 w 890"/>
                    <a:gd name="T35" fmla="*/ 668 h 684"/>
                    <a:gd name="T36" fmla="*/ 807 w 890"/>
                    <a:gd name="T37" fmla="*/ 635 h 684"/>
                    <a:gd name="T38" fmla="*/ 797 w 890"/>
                    <a:gd name="T39" fmla="*/ 653 h 684"/>
                    <a:gd name="T40" fmla="*/ 749 w 890"/>
                    <a:gd name="T41" fmla="*/ 606 h 684"/>
                    <a:gd name="T42" fmla="*/ 714 w 890"/>
                    <a:gd name="T43" fmla="*/ 597 h 684"/>
                    <a:gd name="T44" fmla="*/ 697 w 890"/>
                    <a:gd name="T45" fmla="*/ 564 h 684"/>
                    <a:gd name="T46" fmla="*/ 661 w 890"/>
                    <a:gd name="T47" fmla="*/ 498 h 684"/>
                    <a:gd name="T48" fmla="*/ 633 w 890"/>
                    <a:gd name="T49" fmla="*/ 472 h 684"/>
                    <a:gd name="T50" fmla="*/ 631 w 890"/>
                    <a:gd name="T51" fmla="*/ 491 h 684"/>
                    <a:gd name="T52" fmla="*/ 584 w 890"/>
                    <a:gd name="T53" fmla="*/ 425 h 684"/>
                    <a:gd name="T54" fmla="*/ 587 w 890"/>
                    <a:gd name="T55" fmla="*/ 408 h 684"/>
                    <a:gd name="T56" fmla="*/ 578 w 890"/>
                    <a:gd name="T57" fmla="*/ 359 h 684"/>
                    <a:gd name="T58" fmla="*/ 575 w 890"/>
                    <a:gd name="T59" fmla="*/ 399 h 684"/>
                    <a:gd name="T60" fmla="*/ 556 w 890"/>
                    <a:gd name="T61" fmla="*/ 374 h 684"/>
                    <a:gd name="T62" fmla="*/ 562 w 890"/>
                    <a:gd name="T63" fmla="*/ 316 h 684"/>
                    <a:gd name="T64" fmla="*/ 560 w 890"/>
                    <a:gd name="T65" fmla="*/ 267 h 684"/>
                    <a:gd name="T66" fmla="*/ 555 w 890"/>
                    <a:gd name="T67" fmla="*/ 247 h 684"/>
                    <a:gd name="T68" fmla="*/ 521 w 890"/>
                    <a:gd name="T69" fmla="*/ 222 h 684"/>
                    <a:gd name="T70" fmla="*/ 467 w 890"/>
                    <a:gd name="T71" fmla="*/ 179 h 684"/>
                    <a:gd name="T72" fmla="*/ 424 w 890"/>
                    <a:gd name="T73" fmla="*/ 139 h 684"/>
                    <a:gd name="T74" fmla="*/ 355 w 890"/>
                    <a:gd name="T75" fmla="*/ 132 h 684"/>
                    <a:gd name="T76" fmla="*/ 320 w 890"/>
                    <a:gd name="T77" fmla="*/ 164 h 684"/>
                    <a:gd name="T78" fmla="*/ 308 w 890"/>
                    <a:gd name="T79" fmla="*/ 168 h 684"/>
                    <a:gd name="T80" fmla="*/ 277 w 890"/>
                    <a:gd name="T81" fmla="*/ 181 h 684"/>
                    <a:gd name="T82" fmla="*/ 245 w 890"/>
                    <a:gd name="T83" fmla="*/ 179 h 684"/>
                    <a:gd name="T84" fmla="*/ 238 w 890"/>
                    <a:gd name="T85" fmla="*/ 142 h 684"/>
                    <a:gd name="T86" fmla="*/ 206 w 890"/>
                    <a:gd name="T87" fmla="*/ 125 h 684"/>
                    <a:gd name="T88" fmla="*/ 172 w 890"/>
                    <a:gd name="T89" fmla="*/ 118 h 684"/>
                    <a:gd name="T90" fmla="*/ 127 w 890"/>
                    <a:gd name="T91" fmla="*/ 113 h 684"/>
                    <a:gd name="T92" fmla="*/ 157 w 890"/>
                    <a:gd name="T93" fmla="*/ 110 h 684"/>
                    <a:gd name="T94" fmla="*/ 101 w 890"/>
                    <a:gd name="T95" fmla="*/ 113 h 684"/>
                    <a:gd name="T96" fmla="*/ 52 w 890"/>
                    <a:gd name="T97" fmla="*/ 125 h 684"/>
                    <a:gd name="T98" fmla="*/ 67 w 890"/>
                    <a:gd name="T99" fmla="*/ 105 h 684"/>
                    <a:gd name="T100" fmla="*/ 51 w 890"/>
                    <a:gd name="T101" fmla="*/ 113 h 684"/>
                    <a:gd name="T102" fmla="*/ 22 w 890"/>
                    <a:gd name="T103" fmla="*/ 137 h 684"/>
                    <a:gd name="T104" fmla="*/ 23 w 890"/>
                    <a:gd name="T105" fmla="*/ 117 h 684"/>
                    <a:gd name="T106" fmla="*/ 25 w 890"/>
                    <a:gd name="T107" fmla="*/ 93 h 684"/>
                    <a:gd name="T108" fmla="*/ 572 w 890"/>
                    <a:gd name="T109" fmla="*/ 37 h 684"/>
                    <a:gd name="T110" fmla="*/ 594 w 890"/>
                    <a:gd name="T111" fmla="*/ 30 h 684"/>
                    <a:gd name="T112" fmla="*/ 616 w 890"/>
                    <a:gd name="T113" fmla="*/ 5 h 684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w 890"/>
                    <a:gd name="T172" fmla="*/ 0 h 684"/>
                    <a:gd name="T173" fmla="*/ 890 w 890"/>
                    <a:gd name="T174" fmla="*/ 684 h 684"/>
                  </a:gdLst>
                  <a:ahLst/>
                  <a:cxnLst>
                    <a:cxn ang="T114">
                      <a:pos x="T0" y="T1"/>
                    </a:cxn>
                    <a:cxn ang="T115">
                      <a:pos x="T2" y="T3"/>
                    </a:cxn>
                    <a:cxn ang="T116">
                      <a:pos x="T4" y="T5"/>
                    </a:cxn>
                    <a:cxn ang="T117">
                      <a:pos x="T6" y="T7"/>
                    </a:cxn>
                    <a:cxn ang="T118">
                      <a:pos x="T8" y="T9"/>
                    </a:cxn>
                    <a:cxn ang="T119">
                      <a:pos x="T10" y="T11"/>
                    </a:cxn>
                    <a:cxn ang="T120">
                      <a:pos x="T12" y="T13"/>
                    </a:cxn>
                    <a:cxn ang="T121">
                      <a:pos x="T14" y="T15"/>
                    </a:cxn>
                    <a:cxn ang="T122">
                      <a:pos x="T16" y="T17"/>
                    </a:cxn>
                    <a:cxn ang="T123">
                      <a:pos x="T18" y="T19"/>
                    </a:cxn>
                    <a:cxn ang="T124">
                      <a:pos x="T20" y="T21"/>
                    </a:cxn>
                    <a:cxn ang="T125">
                      <a:pos x="T22" y="T23"/>
                    </a:cxn>
                    <a:cxn ang="T126">
                      <a:pos x="T24" y="T25"/>
                    </a:cxn>
                    <a:cxn ang="T127">
                      <a:pos x="T26" y="T27"/>
                    </a:cxn>
                    <a:cxn ang="T128">
                      <a:pos x="T28" y="T29"/>
                    </a:cxn>
                    <a:cxn ang="T129">
                      <a:pos x="T30" y="T31"/>
                    </a:cxn>
                    <a:cxn ang="T130">
                      <a:pos x="T32" y="T33"/>
                    </a:cxn>
                    <a:cxn ang="T131">
                      <a:pos x="T34" y="T35"/>
                    </a:cxn>
                    <a:cxn ang="T132">
                      <a:pos x="T36" y="T37"/>
                    </a:cxn>
                    <a:cxn ang="T133">
                      <a:pos x="T38" y="T39"/>
                    </a:cxn>
                    <a:cxn ang="T134">
                      <a:pos x="T40" y="T41"/>
                    </a:cxn>
                    <a:cxn ang="T135">
                      <a:pos x="T42" y="T43"/>
                    </a:cxn>
                    <a:cxn ang="T136">
                      <a:pos x="T44" y="T45"/>
                    </a:cxn>
                    <a:cxn ang="T137">
                      <a:pos x="T46" y="T47"/>
                    </a:cxn>
                    <a:cxn ang="T138">
                      <a:pos x="T48" y="T49"/>
                    </a:cxn>
                    <a:cxn ang="T139">
                      <a:pos x="T50" y="T51"/>
                    </a:cxn>
                    <a:cxn ang="T140">
                      <a:pos x="T52" y="T53"/>
                    </a:cxn>
                    <a:cxn ang="T141">
                      <a:pos x="T54" y="T55"/>
                    </a:cxn>
                    <a:cxn ang="T142">
                      <a:pos x="T56" y="T57"/>
                    </a:cxn>
                    <a:cxn ang="T143">
                      <a:pos x="T58" y="T59"/>
                    </a:cxn>
                    <a:cxn ang="T144">
                      <a:pos x="T60" y="T61"/>
                    </a:cxn>
                    <a:cxn ang="T145">
                      <a:pos x="T62" y="T63"/>
                    </a:cxn>
                    <a:cxn ang="T146">
                      <a:pos x="T64" y="T65"/>
                    </a:cxn>
                    <a:cxn ang="T147">
                      <a:pos x="T66" y="T67"/>
                    </a:cxn>
                    <a:cxn ang="T148">
                      <a:pos x="T68" y="T69"/>
                    </a:cxn>
                    <a:cxn ang="T149">
                      <a:pos x="T70" y="T71"/>
                    </a:cxn>
                    <a:cxn ang="T150">
                      <a:pos x="T72" y="T73"/>
                    </a:cxn>
                    <a:cxn ang="T151">
                      <a:pos x="T74" y="T75"/>
                    </a:cxn>
                    <a:cxn ang="T152">
                      <a:pos x="T76" y="T77"/>
                    </a:cxn>
                    <a:cxn ang="T153">
                      <a:pos x="T78" y="T79"/>
                    </a:cxn>
                    <a:cxn ang="T154">
                      <a:pos x="T80" y="T81"/>
                    </a:cxn>
                    <a:cxn ang="T155">
                      <a:pos x="T82" y="T83"/>
                    </a:cxn>
                    <a:cxn ang="T156">
                      <a:pos x="T84" y="T85"/>
                    </a:cxn>
                    <a:cxn ang="T157">
                      <a:pos x="T86" y="T87"/>
                    </a:cxn>
                    <a:cxn ang="T158">
                      <a:pos x="T88" y="T89"/>
                    </a:cxn>
                    <a:cxn ang="T159">
                      <a:pos x="T90" y="T91"/>
                    </a:cxn>
                    <a:cxn ang="T160">
                      <a:pos x="T92" y="T93"/>
                    </a:cxn>
                    <a:cxn ang="T161">
                      <a:pos x="T94" y="T95"/>
                    </a:cxn>
                    <a:cxn ang="T162">
                      <a:pos x="T96" y="T97"/>
                    </a:cxn>
                    <a:cxn ang="T163">
                      <a:pos x="T98" y="T99"/>
                    </a:cxn>
                    <a:cxn ang="T164">
                      <a:pos x="T100" y="T101"/>
                    </a:cxn>
                    <a:cxn ang="T165">
                      <a:pos x="T102" y="T103"/>
                    </a:cxn>
                    <a:cxn ang="T166">
                      <a:pos x="T104" y="T105"/>
                    </a:cxn>
                    <a:cxn ang="T167">
                      <a:pos x="T106" y="T107"/>
                    </a:cxn>
                    <a:cxn ang="T168">
                      <a:pos x="T108" y="T109"/>
                    </a:cxn>
                    <a:cxn ang="T169">
                      <a:pos x="T110" y="T111"/>
                    </a:cxn>
                    <a:cxn ang="T170">
                      <a:pos x="T112" y="T113"/>
                    </a:cxn>
                  </a:cxnLst>
                  <a:rect l="T171" t="T172" r="T173" b="T174"/>
                  <a:pathLst>
                    <a:path w="890" h="684">
                      <a:moveTo>
                        <a:pt x="650" y="14"/>
                      </a:moveTo>
                      <a:lnTo>
                        <a:pt x="650" y="32"/>
                      </a:lnTo>
                      <a:lnTo>
                        <a:pt x="655" y="32"/>
                      </a:lnTo>
                      <a:lnTo>
                        <a:pt x="656" y="42"/>
                      </a:lnTo>
                      <a:lnTo>
                        <a:pt x="655" y="42"/>
                      </a:lnTo>
                      <a:lnTo>
                        <a:pt x="653" y="44"/>
                      </a:lnTo>
                      <a:lnTo>
                        <a:pt x="651" y="44"/>
                      </a:lnTo>
                      <a:lnTo>
                        <a:pt x="648" y="46"/>
                      </a:lnTo>
                      <a:lnTo>
                        <a:pt x="643" y="46"/>
                      </a:lnTo>
                      <a:lnTo>
                        <a:pt x="641" y="49"/>
                      </a:lnTo>
                      <a:lnTo>
                        <a:pt x="638" y="52"/>
                      </a:lnTo>
                      <a:lnTo>
                        <a:pt x="636" y="58"/>
                      </a:lnTo>
                      <a:lnTo>
                        <a:pt x="636" y="63"/>
                      </a:lnTo>
                      <a:lnTo>
                        <a:pt x="636" y="68"/>
                      </a:lnTo>
                      <a:lnTo>
                        <a:pt x="636" y="69"/>
                      </a:lnTo>
                      <a:lnTo>
                        <a:pt x="636" y="71"/>
                      </a:lnTo>
                      <a:lnTo>
                        <a:pt x="638" y="71"/>
                      </a:lnTo>
                      <a:lnTo>
                        <a:pt x="641" y="71"/>
                      </a:lnTo>
                      <a:lnTo>
                        <a:pt x="641" y="69"/>
                      </a:lnTo>
                      <a:lnTo>
                        <a:pt x="643" y="61"/>
                      </a:lnTo>
                      <a:lnTo>
                        <a:pt x="644" y="54"/>
                      </a:lnTo>
                      <a:lnTo>
                        <a:pt x="648" y="51"/>
                      </a:lnTo>
                      <a:lnTo>
                        <a:pt x="651" y="47"/>
                      </a:lnTo>
                      <a:lnTo>
                        <a:pt x="656" y="47"/>
                      </a:lnTo>
                      <a:lnTo>
                        <a:pt x="660" y="47"/>
                      </a:lnTo>
                      <a:lnTo>
                        <a:pt x="661" y="47"/>
                      </a:lnTo>
                      <a:lnTo>
                        <a:pt x="663" y="49"/>
                      </a:lnTo>
                      <a:lnTo>
                        <a:pt x="683" y="95"/>
                      </a:lnTo>
                      <a:lnTo>
                        <a:pt x="682" y="112"/>
                      </a:lnTo>
                      <a:lnTo>
                        <a:pt x="692" y="132"/>
                      </a:lnTo>
                      <a:lnTo>
                        <a:pt x="697" y="127"/>
                      </a:lnTo>
                      <a:lnTo>
                        <a:pt x="699" y="129"/>
                      </a:lnTo>
                      <a:lnTo>
                        <a:pt x="700" y="132"/>
                      </a:lnTo>
                      <a:lnTo>
                        <a:pt x="704" y="137"/>
                      </a:lnTo>
                      <a:lnTo>
                        <a:pt x="707" y="144"/>
                      </a:lnTo>
                      <a:lnTo>
                        <a:pt x="710" y="149"/>
                      </a:lnTo>
                      <a:lnTo>
                        <a:pt x="714" y="154"/>
                      </a:lnTo>
                      <a:lnTo>
                        <a:pt x="716" y="159"/>
                      </a:lnTo>
                      <a:lnTo>
                        <a:pt x="717" y="161"/>
                      </a:lnTo>
                      <a:lnTo>
                        <a:pt x="726" y="174"/>
                      </a:lnTo>
                      <a:lnTo>
                        <a:pt x="732" y="184"/>
                      </a:lnTo>
                      <a:lnTo>
                        <a:pt x="738" y="191"/>
                      </a:lnTo>
                      <a:lnTo>
                        <a:pt x="741" y="196"/>
                      </a:lnTo>
                      <a:lnTo>
                        <a:pt x="741" y="200"/>
                      </a:lnTo>
                      <a:lnTo>
                        <a:pt x="738" y="196"/>
                      </a:lnTo>
                      <a:lnTo>
                        <a:pt x="736" y="193"/>
                      </a:lnTo>
                      <a:lnTo>
                        <a:pt x="732" y="190"/>
                      </a:lnTo>
                      <a:lnTo>
                        <a:pt x="729" y="186"/>
                      </a:lnTo>
                      <a:lnTo>
                        <a:pt x="726" y="181"/>
                      </a:lnTo>
                      <a:lnTo>
                        <a:pt x="722" y="178"/>
                      </a:lnTo>
                      <a:lnTo>
                        <a:pt x="721" y="174"/>
                      </a:lnTo>
                      <a:lnTo>
                        <a:pt x="719" y="173"/>
                      </a:lnTo>
                      <a:lnTo>
                        <a:pt x="714" y="174"/>
                      </a:lnTo>
                      <a:lnTo>
                        <a:pt x="716" y="174"/>
                      </a:lnTo>
                      <a:lnTo>
                        <a:pt x="717" y="178"/>
                      </a:lnTo>
                      <a:lnTo>
                        <a:pt x="721" y="183"/>
                      </a:lnTo>
                      <a:lnTo>
                        <a:pt x="724" y="188"/>
                      </a:lnTo>
                      <a:lnTo>
                        <a:pt x="729" y="195"/>
                      </a:lnTo>
                      <a:lnTo>
                        <a:pt x="732" y="200"/>
                      </a:lnTo>
                      <a:lnTo>
                        <a:pt x="734" y="203"/>
                      </a:lnTo>
                      <a:lnTo>
                        <a:pt x="736" y="205"/>
                      </a:lnTo>
                      <a:lnTo>
                        <a:pt x="748" y="217"/>
                      </a:lnTo>
                      <a:lnTo>
                        <a:pt x="754" y="225"/>
                      </a:lnTo>
                      <a:lnTo>
                        <a:pt x="760" y="232"/>
                      </a:lnTo>
                      <a:lnTo>
                        <a:pt x="760" y="235"/>
                      </a:lnTo>
                      <a:lnTo>
                        <a:pt x="758" y="235"/>
                      </a:lnTo>
                      <a:lnTo>
                        <a:pt x="756" y="235"/>
                      </a:lnTo>
                      <a:lnTo>
                        <a:pt x="754" y="235"/>
                      </a:lnTo>
                      <a:lnTo>
                        <a:pt x="753" y="235"/>
                      </a:lnTo>
                      <a:lnTo>
                        <a:pt x="754" y="235"/>
                      </a:lnTo>
                      <a:lnTo>
                        <a:pt x="760" y="250"/>
                      </a:lnTo>
                      <a:lnTo>
                        <a:pt x="766" y="266"/>
                      </a:lnTo>
                      <a:lnTo>
                        <a:pt x="773" y="279"/>
                      </a:lnTo>
                      <a:lnTo>
                        <a:pt x="780" y="293"/>
                      </a:lnTo>
                      <a:lnTo>
                        <a:pt x="787" y="305"/>
                      </a:lnTo>
                      <a:lnTo>
                        <a:pt x="793" y="318"/>
                      </a:lnTo>
                      <a:lnTo>
                        <a:pt x="800" y="328"/>
                      </a:lnTo>
                      <a:lnTo>
                        <a:pt x="805" y="338"/>
                      </a:lnTo>
                      <a:lnTo>
                        <a:pt x="812" y="349"/>
                      </a:lnTo>
                      <a:lnTo>
                        <a:pt x="817" y="357"/>
                      </a:lnTo>
                      <a:lnTo>
                        <a:pt x="822" y="366"/>
                      </a:lnTo>
                      <a:lnTo>
                        <a:pt x="827" y="374"/>
                      </a:lnTo>
                      <a:lnTo>
                        <a:pt x="832" y="381"/>
                      </a:lnTo>
                      <a:lnTo>
                        <a:pt x="836" y="386"/>
                      </a:lnTo>
                      <a:lnTo>
                        <a:pt x="837" y="391"/>
                      </a:lnTo>
                      <a:lnTo>
                        <a:pt x="839" y="394"/>
                      </a:lnTo>
                      <a:lnTo>
                        <a:pt x="842" y="398"/>
                      </a:lnTo>
                      <a:lnTo>
                        <a:pt x="846" y="403"/>
                      </a:lnTo>
                      <a:lnTo>
                        <a:pt x="849" y="406"/>
                      </a:lnTo>
                      <a:lnTo>
                        <a:pt x="851" y="411"/>
                      </a:lnTo>
                      <a:lnTo>
                        <a:pt x="853" y="415"/>
                      </a:lnTo>
                      <a:lnTo>
                        <a:pt x="854" y="418"/>
                      </a:lnTo>
                      <a:lnTo>
                        <a:pt x="856" y="420"/>
                      </a:lnTo>
                      <a:lnTo>
                        <a:pt x="858" y="420"/>
                      </a:lnTo>
                      <a:lnTo>
                        <a:pt x="863" y="425"/>
                      </a:lnTo>
                      <a:lnTo>
                        <a:pt x="868" y="428"/>
                      </a:lnTo>
                      <a:lnTo>
                        <a:pt x="870" y="432"/>
                      </a:lnTo>
                      <a:lnTo>
                        <a:pt x="871" y="435"/>
                      </a:lnTo>
                      <a:lnTo>
                        <a:pt x="871" y="438"/>
                      </a:lnTo>
                      <a:lnTo>
                        <a:pt x="870" y="442"/>
                      </a:lnTo>
                      <a:lnTo>
                        <a:pt x="870" y="443"/>
                      </a:lnTo>
                      <a:lnTo>
                        <a:pt x="870" y="445"/>
                      </a:lnTo>
                      <a:lnTo>
                        <a:pt x="875" y="450"/>
                      </a:lnTo>
                      <a:lnTo>
                        <a:pt x="878" y="454"/>
                      </a:lnTo>
                      <a:lnTo>
                        <a:pt x="880" y="457"/>
                      </a:lnTo>
                      <a:lnTo>
                        <a:pt x="880" y="460"/>
                      </a:lnTo>
                      <a:lnTo>
                        <a:pt x="880" y="462"/>
                      </a:lnTo>
                      <a:lnTo>
                        <a:pt x="880" y="464"/>
                      </a:lnTo>
                      <a:lnTo>
                        <a:pt x="878" y="464"/>
                      </a:lnTo>
                      <a:lnTo>
                        <a:pt x="888" y="474"/>
                      </a:lnTo>
                      <a:lnTo>
                        <a:pt x="888" y="476"/>
                      </a:lnTo>
                      <a:lnTo>
                        <a:pt x="888" y="479"/>
                      </a:lnTo>
                      <a:lnTo>
                        <a:pt x="890" y="484"/>
                      </a:lnTo>
                      <a:lnTo>
                        <a:pt x="890" y="491"/>
                      </a:lnTo>
                      <a:lnTo>
                        <a:pt x="890" y="498"/>
                      </a:lnTo>
                      <a:lnTo>
                        <a:pt x="890" y="508"/>
                      </a:lnTo>
                      <a:lnTo>
                        <a:pt x="890" y="518"/>
                      </a:lnTo>
                      <a:lnTo>
                        <a:pt x="890" y="526"/>
                      </a:lnTo>
                      <a:lnTo>
                        <a:pt x="890" y="536"/>
                      </a:lnTo>
                      <a:lnTo>
                        <a:pt x="890" y="547"/>
                      </a:lnTo>
                      <a:lnTo>
                        <a:pt x="890" y="555"/>
                      </a:lnTo>
                      <a:lnTo>
                        <a:pt x="890" y="564"/>
                      </a:lnTo>
                      <a:lnTo>
                        <a:pt x="890" y="570"/>
                      </a:lnTo>
                      <a:lnTo>
                        <a:pt x="890" y="575"/>
                      </a:lnTo>
                      <a:lnTo>
                        <a:pt x="890" y="580"/>
                      </a:lnTo>
                      <a:lnTo>
                        <a:pt x="886" y="586"/>
                      </a:lnTo>
                      <a:lnTo>
                        <a:pt x="883" y="589"/>
                      </a:lnTo>
                      <a:lnTo>
                        <a:pt x="881" y="594"/>
                      </a:lnTo>
                      <a:lnTo>
                        <a:pt x="880" y="599"/>
                      </a:lnTo>
                      <a:lnTo>
                        <a:pt x="878" y="604"/>
                      </a:lnTo>
                      <a:lnTo>
                        <a:pt x="876" y="609"/>
                      </a:lnTo>
                      <a:lnTo>
                        <a:pt x="876" y="614"/>
                      </a:lnTo>
                      <a:lnTo>
                        <a:pt x="876" y="619"/>
                      </a:lnTo>
                      <a:lnTo>
                        <a:pt x="876" y="623"/>
                      </a:lnTo>
                      <a:lnTo>
                        <a:pt x="876" y="628"/>
                      </a:lnTo>
                      <a:lnTo>
                        <a:pt x="876" y="631"/>
                      </a:lnTo>
                      <a:lnTo>
                        <a:pt x="876" y="635"/>
                      </a:lnTo>
                      <a:lnTo>
                        <a:pt x="876" y="638"/>
                      </a:lnTo>
                      <a:lnTo>
                        <a:pt x="876" y="640"/>
                      </a:lnTo>
                      <a:lnTo>
                        <a:pt x="878" y="641"/>
                      </a:lnTo>
                      <a:lnTo>
                        <a:pt x="876" y="650"/>
                      </a:lnTo>
                      <a:lnTo>
                        <a:pt x="875" y="657"/>
                      </a:lnTo>
                      <a:lnTo>
                        <a:pt x="871" y="660"/>
                      </a:lnTo>
                      <a:lnTo>
                        <a:pt x="868" y="662"/>
                      </a:lnTo>
                      <a:lnTo>
                        <a:pt x="864" y="663"/>
                      </a:lnTo>
                      <a:lnTo>
                        <a:pt x="861" y="663"/>
                      </a:lnTo>
                      <a:lnTo>
                        <a:pt x="858" y="663"/>
                      </a:lnTo>
                      <a:lnTo>
                        <a:pt x="856" y="663"/>
                      </a:lnTo>
                      <a:lnTo>
                        <a:pt x="849" y="668"/>
                      </a:lnTo>
                      <a:lnTo>
                        <a:pt x="842" y="674"/>
                      </a:lnTo>
                      <a:lnTo>
                        <a:pt x="837" y="675"/>
                      </a:lnTo>
                      <a:lnTo>
                        <a:pt x="834" y="675"/>
                      </a:lnTo>
                      <a:lnTo>
                        <a:pt x="831" y="675"/>
                      </a:lnTo>
                      <a:lnTo>
                        <a:pt x="827" y="674"/>
                      </a:lnTo>
                      <a:lnTo>
                        <a:pt x="826" y="674"/>
                      </a:lnTo>
                      <a:lnTo>
                        <a:pt x="817" y="680"/>
                      </a:lnTo>
                      <a:lnTo>
                        <a:pt x="810" y="684"/>
                      </a:lnTo>
                      <a:lnTo>
                        <a:pt x="805" y="684"/>
                      </a:lnTo>
                      <a:lnTo>
                        <a:pt x="800" y="684"/>
                      </a:lnTo>
                      <a:lnTo>
                        <a:pt x="797" y="684"/>
                      </a:lnTo>
                      <a:lnTo>
                        <a:pt x="793" y="680"/>
                      </a:lnTo>
                      <a:lnTo>
                        <a:pt x="792" y="680"/>
                      </a:lnTo>
                      <a:lnTo>
                        <a:pt x="792" y="679"/>
                      </a:lnTo>
                      <a:lnTo>
                        <a:pt x="787" y="670"/>
                      </a:lnTo>
                      <a:lnTo>
                        <a:pt x="787" y="667"/>
                      </a:lnTo>
                      <a:lnTo>
                        <a:pt x="788" y="663"/>
                      </a:lnTo>
                      <a:lnTo>
                        <a:pt x="790" y="665"/>
                      </a:lnTo>
                      <a:lnTo>
                        <a:pt x="795" y="667"/>
                      </a:lnTo>
                      <a:lnTo>
                        <a:pt x="798" y="668"/>
                      </a:lnTo>
                      <a:lnTo>
                        <a:pt x="802" y="670"/>
                      </a:lnTo>
                      <a:lnTo>
                        <a:pt x="802" y="672"/>
                      </a:lnTo>
                      <a:lnTo>
                        <a:pt x="820" y="665"/>
                      </a:lnTo>
                      <a:lnTo>
                        <a:pt x="810" y="653"/>
                      </a:lnTo>
                      <a:lnTo>
                        <a:pt x="812" y="652"/>
                      </a:lnTo>
                      <a:lnTo>
                        <a:pt x="814" y="650"/>
                      </a:lnTo>
                      <a:lnTo>
                        <a:pt x="815" y="648"/>
                      </a:lnTo>
                      <a:lnTo>
                        <a:pt x="810" y="640"/>
                      </a:lnTo>
                      <a:lnTo>
                        <a:pt x="807" y="635"/>
                      </a:lnTo>
                      <a:lnTo>
                        <a:pt x="804" y="633"/>
                      </a:lnTo>
                      <a:lnTo>
                        <a:pt x="802" y="631"/>
                      </a:lnTo>
                      <a:lnTo>
                        <a:pt x="800" y="633"/>
                      </a:lnTo>
                      <a:lnTo>
                        <a:pt x="798" y="635"/>
                      </a:lnTo>
                      <a:lnTo>
                        <a:pt x="798" y="636"/>
                      </a:lnTo>
                      <a:lnTo>
                        <a:pt x="798" y="638"/>
                      </a:lnTo>
                      <a:lnTo>
                        <a:pt x="802" y="645"/>
                      </a:lnTo>
                      <a:lnTo>
                        <a:pt x="802" y="650"/>
                      </a:lnTo>
                      <a:lnTo>
                        <a:pt x="800" y="652"/>
                      </a:lnTo>
                      <a:lnTo>
                        <a:pt x="797" y="653"/>
                      </a:lnTo>
                      <a:lnTo>
                        <a:pt x="793" y="653"/>
                      </a:lnTo>
                      <a:lnTo>
                        <a:pt x="790" y="653"/>
                      </a:lnTo>
                      <a:lnTo>
                        <a:pt x="788" y="652"/>
                      </a:lnTo>
                      <a:lnTo>
                        <a:pt x="787" y="652"/>
                      </a:lnTo>
                      <a:lnTo>
                        <a:pt x="780" y="640"/>
                      </a:lnTo>
                      <a:lnTo>
                        <a:pt x="775" y="630"/>
                      </a:lnTo>
                      <a:lnTo>
                        <a:pt x="768" y="621"/>
                      </a:lnTo>
                      <a:lnTo>
                        <a:pt x="763" y="614"/>
                      </a:lnTo>
                      <a:lnTo>
                        <a:pt x="756" y="609"/>
                      </a:lnTo>
                      <a:lnTo>
                        <a:pt x="749" y="606"/>
                      </a:lnTo>
                      <a:lnTo>
                        <a:pt x="744" y="602"/>
                      </a:lnTo>
                      <a:lnTo>
                        <a:pt x="739" y="599"/>
                      </a:lnTo>
                      <a:lnTo>
                        <a:pt x="734" y="597"/>
                      </a:lnTo>
                      <a:lnTo>
                        <a:pt x="729" y="597"/>
                      </a:lnTo>
                      <a:lnTo>
                        <a:pt x="724" y="597"/>
                      </a:lnTo>
                      <a:lnTo>
                        <a:pt x="721" y="597"/>
                      </a:lnTo>
                      <a:lnTo>
                        <a:pt x="719" y="597"/>
                      </a:lnTo>
                      <a:lnTo>
                        <a:pt x="716" y="597"/>
                      </a:lnTo>
                      <a:lnTo>
                        <a:pt x="714" y="597"/>
                      </a:lnTo>
                      <a:lnTo>
                        <a:pt x="714" y="599"/>
                      </a:lnTo>
                      <a:lnTo>
                        <a:pt x="712" y="597"/>
                      </a:lnTo>
                      <a:lnTo>
                        <a:pt x="710" y="594"/>
                      </a:lnTo>
                      <a:lnTo>
                        <a:pt x="707" y="592"/>
                      </a:lnTo>
                      <a:lnTo>
                        <a:pt x="705" y="589"/>
                      </a:lnTo>
                      <a:lnTo>
                        <a:pt x="704" y="586"/>
                      </a:lnTo>
                      <a:lnTo>
                        <a:pt x="702" y="584"/>
                      </a:lnTo>
                      <a:lnTo>
                        <a:pt x="700" y="580"/>
                      </a:lnTo>
                      <a:lnTo>
                        <a:pt x="697" y="564"/>
                      </a:lnTo>
                      <a:lnTo>
                        <a:pt x="692" y="550"/>
                      </a:lnTo>
                      <a:lnTo>
                        <a:pt x="687" y="542"/>
                      </a:lnTo>
                      <a:lnTo>
                        <a:pt x="683" y="536"/>
                      </a:lnTo>
                      <a:lnTo>
                        <a:pt x="680" y="535"/>
                      </a:lnTo>
                      <a:lnTo>
                        <a:pt x="677" y="535"/>
                      </a:lnTo>
                      <a:lnTo>
                        <a:pt x="675" y="535"/>
                      </a:lnTo>
                      <a:lnTo>
                        <a:pt x="666" y="526"/>
                      </a:lnTo>
                      <a:lnTo>
                        <a:pt x="661" y="514"/>
                      </a:lnTo>
                      <a:lnTo>
                        <a:pt x="661" y="498"/>
                      </a:lnTo>
                      <a:lnTo>
                        <a:pt x="653" y="486"/>
                      </a:lnTo>
                      <a:lnTo>
                        <a:pt x="661" y="472"/>
                      </a:lnTo>
                      <a:lnTo>
                        <a:pt x="646" y="481"/>
                      </a:lnTo>
                      <a:lnTo>
                        <a:pt x="646" y="479"/>
                      </a:lnTo>
                      <a:lnTo>
                        <a:pt x="644" y="479"/>
                      </a:lnTo>
                      <a:lnTo>
                        <a:pt x="641" y="477"/>
                      </a:lnTo>
                      <a:lnTo>
                        <a:pt x="639" y="476"/>
                      </a:lnTo>
                      <a:lnTo>
                        <a:pt x="636" y="474"/>
                      </a:lnTo>
                      <a:lnTo>
                        <a:pt x="634" y="474"/>
                      </a:lnTo>
                      <a:lnTo>
                        <a:pt x="633" y="472"/>
                      </a:lnTo>
                      <a:lnTo>
                        <a:pt x="633" y="474"/>
                      </a:lnTo>
                      <a:lnTo>
                        <a:pt x="638" y="482"/>
                      </a:lnTo>
                      <a:lnTo>
                        <a:pt x="643" y="489"/>
                      </a:lnTo>
                      <a:lnTo>
                        <a:pt x="644" y="494"/>
                      </a:lnTo>
                      <a:lnTo>
                        <a:pt x="644" y="498"/>
                      </a:lnTo>
                      <a:lnTo>
                        <a:pt x="643" y="498"/>
                      </a:lnTo>
                      <a:lnTo>
                        <a:pt x="641" y="498"/>
                      </a:lnTo>
                      <a:lnTo>
                        <a:pt x="638" y="496"/>
                      </a:lnTo>
                      <a:lnTo>
                        <a:pt x="636" y="494"/>
                      </a:lnTo>
                      <a:lnTo>
                        <a:pt x="631" y="491"/>
                      </a:lnTo>
                      <a:lnTo>
                        <a:pt x="628" y="487"/>
                      </a:lnTo>
                      <a:lnTo>
                        <a:pt x="622" y="484"/>
                      </a:lnTo>
                      <a:lnTo>
                        <a:pt x="619" y="481"/>
                      </a:lnTo>
                      <a:lnTo>
                        <a:pt x="616" y="477"/>
                      </a:lnTo>
                      <a:lnTo>
                        <a:pt x="612" y="474"/>
                      </a:lnTo>
                      <a:lnTo>
                        <a:pt x="611" y="472"/>
                      </a:lnTo>
                      <a:lnTo>
                        <a:pt x="607" y="457"/>
                      </a:lnTo>
                      <a:lnTo>
                        <a:pt x="582" y="425"/>
                      </a:lnTo>
                      <a:lnTo>
                        <a:pt x="584" y="425"/>
                      </a:lnTo>
                      <a:lnTo>
                        <a:pt x="585" y="423"/>
                      </a:lnTo>
                      <a:lnTo>
                        <a:pt x="587" y="423"/>
                      </a:lnTo>
                      <a:lnTo>
                        <a:pt x="589" y="421"/>
                      </a:lnTo>
                      <a:lnTo>
                        <a:pt x="590" y="421"/>
                      </a:lnTo>
                      <a:lnTo>
                        <a:pt x="592" y="420"/>
                      </a:lnTo>
                      <a:lnTo>
                        <a:pt x="594" y="420"/>
                      </a:lnTo>
                      <a:lnTo>
                        <a:pt x="589" y="418"/>
                      </a:lnTo>
                      <a:lnTo>
                        <a:pt x="587" y="413"/>
                      </a:lnTo>
                      <a:lnTo>
                        <a:pt x="587" y="408"/>
                      </a:lnTo>
                      <a:lnTo>
                        <a:pt x="587" y="401"/>
                      </a:lnTo>
                      <a:lnTo>
                        <a:pt x="589" y="394"/>
                      </a:lnTo>
                      <a:lnTo>
                        <a:pt x="590" y="388"/>
                      </a:lnTo>
                      <a:lnTo>
                        <a:pt x="590" y="382"/>
                      </a:lnTo>
                      <a:lnTo>
                        <a:pt x="590" y="379"/>
                      </a:lnTo>
                      <a:lnTo>
                        <a:pt x="587" y="371"/>
                      </a:lnTo>
                      <a:lnTo>
                        <a:pt x="585" y="364"/>
                      </a:lnTo>
                      <a:lnTo>
                        <a:pt x="582" y="360"/>
                      </a:lnTo>
                      <a:lnTo>
                        <a:pt x="580" y="359"/>
                      </a:lnTo>
                      <a:lnTo>
                        <a:pt x="578" y="359"/>
                      </a:lnTo>
                      <a:lnTo>
                        <a:pt x="577" y="360"/>
                      </a:lnTo>
                      <a:lnTo>
                        <a:pt x="577" y="364"/>
                      </a:lnTo>
                      <a:lnTo>
                        <a:pt x="575" y="367"/>
                      </a:lnTo>
                      <a:lnTo>
                        <a:pt x="575" y="372"/>
                      </a:lnTo>
                      <a:lnTo>
                        <a:pt x="575" y="377"/>
                      </a:lnTo>
                      <a:lnTo>
                        <a:pt x="575" y="382"/>
                      </a:lnTo>
                      <a:lnTo>
                        <a:pt x="575" y="388"/>
                      </a:lnTo>
                      <a:lnTo>
                        <a:pt x="575" y="393"/>
                      </a:lnTo>
                      <a:lnTo>
                        <a:pt x="575" y="396"/>
                      </a:lnTo>
                      <a:lnTo>
                        <a:pt x="575" y="399"/>
                      </a:lnTo>
                      <a:lnTo>
                        <a:pt x="572" y="398"/>
                      </a:lnTo>
                      <a:lnTo>
                        <a:pt x="568" y="394"/>
                      </a:lnTo>
                      <a:lnTo>
                        <a:pt x="565" y="391"/>
                      </a:lnTo>
                      <a:lnTo>
                        <a:pt x="560" y="388"/>
                      </a:lnTo>
                      <a:lnTo>
                        <a:pt x="558" y="384"/>
                      </a:lnTo>
                      <a:lnTo>
                        <a:pt x="555" y="382"/>
                      </a:lnTo>
                      <a:lnTo>
                        <a:pt x="555" y="381"/>
                      </a:lnTo>
                      <a:lnTo>
                        <a:pt x="556" y="374"/>
                      </a:lnTo>
                      <a:lnTo>
                        <a:pt x="558" y="366"/>
                      </a:lnTo>
                      <a:lnTo>
                        <a:pt x="558" y="359"/>
                      </a:lnTo>
                      <a:lnTo>
                        <a:pt x="558" y="352"/>
                      </a:lnTo>
                      <a:lnTo>
                        <a:pt x="556" y="345"/>
                      </a:lnTo>
                      <a:lnTo>
                        <a:pt x="556" y="340"/>
                      </a:lnTo>
                      <a:lnTo>
                        <a:pt x="555" y="337"/>
                      </a:lnTo>
                      <a:lnTo>
                        <a:pt x="555" y="335"/>
                      </a:lnTo>
                      <a:lnTo>
                        <a:pt x="558" y="328"/>
                      </a:lnTo>
                      <a:lnTo>
                        <a:pt x="560" y="323"/>
                      </a:lnTo>
                      <a:lnTo>
                        <a:pt x="562" y="316"/>
                      </a:lnTo>
                      <a:lnTo>
                        <a:pt x="562" y="311"/>
                      </a:lnTo>
                      <a:lnTo>
                        <a:pt x="563" y="305"/>
                      </a:lnTo>
                      <a:lnTo>
                        <a:pt x="563" y="300"/>
                      </a:lnTo>
                      <a:lnTo>
                        <a:pt x="563" y="293"/>
                      </a:lnTo>
                      <a:lnTo>
                        <a:pt x="563" y="288"/>
                      </a:lnTo>
                      <a:lnTo>
                        <a:pt x="562" y="283"/>
                      </a:lnTo>
                      <a:lnTo>
                        <a:pt x="562" y="278"/>
                      </a:lnTo>
                      <a:lnTo>
                        <a:pt x="560" y="274"/>
                      </a:lnTo>
                      <a:lnTo>
                        <a:pt x="560" y="269"/>
                      </a:lnTo>
                      <a:lnTo>
                        <a:pt x="560" y="267"/>
                      </a:lnTo>
                      <a:lnTo>
                        <a:pt x="558" y="264"/>
                      </a:lnTo>
                      <a:lnTo>
                        <a:pt x="558" y="262"/>
                      </a:lnTo>
                      <a:lnTo>
                        <a:pt x="558" y="261"/>
                      </a:lnTo>
                      <a:lnTo>
                        <a:pt x="558" y="257"/>
                      </a:lnTo>
                      <a:lnTo>
                        <a:pt x="558" y="256"/>
                      </a:lnTo>
                      <a:lnTo>
                        <a:pt x="556" y="252"/>
                      </a:lnTo>
                      <a:lnTo>
                        <a:pt x="556" y="249"/>
                      </a:lnTo>
                      <a:lnTo>
                        <a:pt x="555" y="247"/>
                      </a:lnTo>
                      <a:lnTo>
                        <a:pt x="551" y="245"/>
                      </a:lnTo>
                      <a:lnTo>
                        <a:pt x="548" y="242"/>
                      </a:lnTo>
                      <a:lnTo>
                        <a:pt x="545" y="239"/>
                      </a:lnTo>
                      <a:lnTo>
                        <a:pt x="541" y="232"/>
                      </a:lnTo>
                      <a:lnTo>
                        <a:pt x="538" y="227"/>
                      </a:lnTo>
                      <a:lnTo>
                        <a:pt x="534" y="223"/>
                      </a:lnTo>
                      <a:lnTo>
                        <a:pt x="533" y="220"/>
                      </a:lnTo>
                      <a:lnTo>
                        <a:pt x="533" y="218"/>
                      </a:lnTo>
                      <a:lnTo>
                        <a:pt x="521" y="222"/>
                      </a:lnTo>
                      <a:lnTo>
                        <a:pt x="514" y="222"/>
                      </a:lnTo>
                      <a:lnTo>
                        <a:pt x="509" y="222"/>
                      </a:lnTo>
                      <a:lnTo>
                        <a:pt x="507" y="220"/>
                      </a:lnTo>
                      <a:lnTo>
                        <a:pt x="506" y="217"/>
                      </a:lnTo>
                      <a:lnTo>
                        <a:pt x="506" y="215"/>
                      </a:lnTo>
                      <a:lnTo>
                        <a:pt x="507" y="215"/>
                      </a:lnTo>
                      <a:lnTo>
                        <a:pt x="507" y="213"/>
                      </a:lnTo>
                      <a:lnTo>
                        <a:pt x="497" y="206"/>
                      </a:lnTo>
                      <a:lnTo>
                        <a:pt x="484" y="191"/>
                      </a:lnTo>
                      <a:lnTo>
                        <a:pt x="467" y="179"/>
                      </a:lnTo>
                      <a:lnTo>
                        <a:pt x="465" y="179"/>
                      </a:lnTo>
                      <a:lnTo>
                        <a:pt x="463" y="176"/>
                      </a:lnTo>
                      <a:lnTo>
                        <a:pt x="458" y="173"/>
                      </a:lnTo>
                      <a:lnTo>
                        <a:pt x="455" y="168"/>
                      </a:lnTo>
                      <a:lnTo>
                        <a:pt x="450" y="162"/>
                      </a:lnTo>
                      <a:lnTo>
                        <a:pt x="446" y="157"/>
                      </a:lnTo>
                      <a:lnTo>
                        <a:pt x="445" y="154"/>
                      </a:lnTo>
                      <a:lnTo>
                        <a:pt x="443" y="152"/>
                      </a:lnTo>
                      <a:lnTo>
                        <a:pt x="433" y="144"/>
                      </a:lnTo>
                      <a:lnTo>
                        <a:pt x="424" y="139"/>
                      </a:lnTo>
                      <a:lnTo>
                        <a:pt x="418" y="132"/>
                      </a:lnTo>
                      <a:lnTo>
                        <a:pt x="411" y="129"/>
                      </a:lnTo>
                      <a:lnTo>
                        <a:pt x="404" y="125"/>
                      </a:lnTo>
                      <a:lnTo>
                        <a:pt x="399" y="124"/>
                      </a:lnTo>
                      <a:lnTo>
                        <a:pt x="396" y="124"/>
                      </a:lnTo>
                      <a:lnTo>
                        <a:pt x="394" y="122"/>
                      </a:lnTo>
                      <a:lnTo>
                        <a:pt x="377" y="122"/>
                      </a:lnTo>
                      <a:lnTo>
                        <a:pt x="367" y="122"/>
                      </a:lnTo>
                      <a:lnTo>
                        <a:pt x="360" y="127"/>
                      </a:lnTo>
                      <a:lnTo>
                        <a:pt x="355" y="132"/>
                      </a:lnTo>
                      <a:lnTo>
                        <a:pt x="355" y="139"/>
                      </a:lnTo>
                      <a:lnTo>
                        <a:pt x="355" y="144"/>
                      </a:lnTo>
                      <a:lnTo>
                        <a:pt x="357" y="147"/>
                      </a:lnTo>
                      <a:lnTo>
                        <a:pt x="357" y="149"/>
                      </a:lnTo>
                      <a:lnTo>
                        <a:pt x="350" y="147"/>
                      </a:lnTo>
                      <a:lnTo>
                        <a:pt x="342" y="149"/>
                      </a:lnTo>
                      <a:lnTo>
                        <a:pt x="335" y="152"/>
                      </a:lnTo>
                      <a:lnTo>
                        <a:pt x="330" y="156"/>
                      </a:lnTo>
                      <a:lnTo>
                        <a:pt x="325" y="161"/>
                      </a:lnTo>
                      <a:lnTo>
                        <a:pt x="320" y="164"/>
                      </a:lnTo>
                      <a:lnTo>
                        <a:pt x="316" y="168"/>
                      </a:lnTo>
                      <a:lnTo>
                        <a:pt x="316" y="169"/>
                      </a:lnTo>
                      <a:lnTo>
                        <a:pt x="309" y="176"/>
                      </a:lnTo>
                      <a:lnTo>
                        <a:pt x="306" y="178"/>
                      </a:lnTo>
                      <a:lnTo>
                        <a:pt x="304" y="178"/>
                      </a:lnTo>
                      <a:lnTo>
                        <a:pt x="304" y="176"/>
                      </a:lnTo>
                      <a:lnTo>
                        <a:pt x="304" y="174"/>
                      </a:lnTo>
                      <a:lnTo>
                        <a:pt x="306" y="171"/>
                      </a:lnTo>
                      <a:lnTo>
                        <a:pt x="308" y="169"/>
                      </a:lnTo>
                      <a:lnTo>
                        <a:pt x="308" y="168"/>
                      </a:lnTo>
                      <a:lnTo>
                        <a:pt x="306" y="168"/>
                      </a:lnTo>
                      <a:lnTo>
                        <a:pt x="306" y="169"/>
                      </a:lnTo>
                      <a:lnTo>
                        <a:pt x="303" y="173"/>
                      </a:lnTo>
                      <a:lnTo>
                        <a:pt x="299" y="174"/>
                      </a:lnTo>
                      <a:lnTo>
                        <a:pt x="298" y="178"/>
                      </a:lnTo>
                      <a:lnTo>
                        <a:pt x="294" y="179"/>
                      </a:lnTo>
                      <a:lnTo>
                        <a:pt x="293" y="181"/>
                      </a:lnTo>
                      <a:lnTo>
                        <a:pt x="291" y="183"/>
                      </a:lnTo>
                      <a:lnTo>
                        <a:pt x="284" y="181"/>
                      </a:lnTo>
                      <a:lnTo>
                        <a:pt x="277" y="181"/>
                      </a:lnTo>
                      <a:lnTo>
                        <a:pt x="271" y="183"/>
                      </a:lnTo>
                      <a:lnTo>
                        <a:pt x="265" y="186"/>
                      </a:lnTo>
                      <a:lnTo>
                        <a:pt x="260" y="188"/>
                      </a:lnTo>
                      <a:lnTo>
                        <a:pt x="257" y="190"/>
                      </a:lnTo>
                      <a:lnTo>
                        <a:pt x="254" y="191"/>
                      </a:lnTo>
                      <a:lnTo>
                        <a:pt x="247" y="184"/>
                      </a:lnTo>
                      <a:lnTo>
                        <a:pt x="243" y="179"/>
                      </a:lnTo>
                      <a:lnTo>
                        <a:pt x="245" y="179"/>
                      </a:lnTo>
                      <a:lnTo>
                        <a:pt x="249" y="181"/>
                      </a:lnTo>
                      <a:lnTo>
                        <a:pt x="252" y="184"/>
                      </a:lnTo>
                      <a:lnTo>
                        <a:pt x="255" y="186"/>
                      </a:lnTo>
                      <a:lnTo>
                        <a:pt x="257" y="186"/>
                      </a:lnTo>
                      <a:lnTo>
                        <a:pt x="257" y="176"/>
                      </a:lnTo>
                      <a:lnTo>
                        <a:pt x="247" y="162"/>
                      </a:lnTo>
                      <a:lnTo>
                        <a:pt x="218" y="140"/>
                      </a:lnTo>
                      <a:lnTo>
                        <a:pt x="232" y="142"/>
                      </a:lnTo>
                      <a:lnTo>
                        <a:pt x="238" y="144"/>
                      </a:lnTo>
                      <a:lnTo>
                        <a:pt x="238" y="142"/>
                      </a:lnTo>
                      <a:lnTo>
                        <a:pt x="235" y="140"/>
                      </a:lnTo>
                      <a:lnTo>
                        <a:pt x="230" y="137"/>
                      </a:lnTo>
                      <a:lnTo>
                        <a:pt x="223" y="135"/>
                      </a:lnTo>
                      <a:lnTo>
                        <a:pt x="218" y="132"/>
                      </a:lnTo>
                      <a:lnTo>
                        <a:pt x="216" y="132"/>
                      </a:lnTo>
                      <a:lnTo>
                        <a:pt x="223" y="117"/>
                      </a:lnTo>
                      <a:lnTo>
                        <a:pt x="205" y="120"/>
                      </a:lnTo>
                      <a:lnTo>
                        <a:pt x="205" y="122"/>
                      </a:lnTo>
                      <a:lnTo>
                        <a:pt x="206" y="125"/>
                      </a:lnTo>
                      <a:lnTo>
                        <a:pt x="206" y="127"/>
                      </a:lnTo>
                      <a:lnTo>
                        <a:pt x="206" y="130"/>
                      </a:lnTo>
                      <a:lnTo>
                        <a:pt x="208" y="134"/>
                      </a:lnTo>
                      <a:lnTo>
                        <a:pt x="208" y="135"/>
                      </a:lnTo>
                      <a:lnTo>
                        <a:pt x="201" y="130"/>
                      </a:lnTo>
                      <a:lnTo>
                        <a:pt x="193" y="127"/>
                      </a:lnTo>
                      <a:lnTo>
                        <a:pt x="186" y="124"/>
                      </a:lnTo>
                      <a:lnTo>
                        <a:pt x="179" y="122"/>
                      </a:lnTo>
                      <a:lnTo>
                        <a:pt x="172" y="118"/>
                      </a:lnTo>
                      <a:lnTo>
                        <a:pt x="164" y="117"/>
                      </a:lnTo>
                      <a:lnTo>
                        <a:pt x="159" y="115"/>
                      </a:lnTo>
                      <a:lnTo>
                        <a:pt x="152" y="115"/>
                      </a:lnTo>
                      <a:lnTo>
                        <a:pt x="147" y="113"/>
                      </a:lnTo>
                      <a:lnTo>
                        <a:pt x="142" y="113"/>
                      </a:lnTo>
                      <a:lnTo>
                        <a:pt x="137" y="113"/>
                      </a:lnTo>
                      <a:lnTo>
                        <a:pt x="133" y="113"/>
                      </a:lnTo>
                      <a:lnTo>
                        <a:pt x="130" y="113"/>
                      </a:lnTo>
                      <a:lnTo>
                        <a:pt x="128" y="113"/>
                      </a:lnTo>
                      <a:lnTo>
                        <a:pt x="127" y="113"/>
                      </a:lnTo>
                      <a:lnTo>
                        <a:pt x="128" y="113"/>
                      </a:lnTo>
                      <a:lnTo>
                        <a:pt x="130" y="112"/>
                      </a:lnTo>
                      <a:lnTo>
                        <a:pt x="133" y="112"/>
                      </a:lnTo>
                      <a:lnTo>
                        <a:pt x="137" y="112"/>
                      </a:lnTo>
                      <a:lnTo>
                        <a:pt x="140" y="110"/>
                      </a:lnTo>
                      <a:lnTo>
                        <a:pt x="142" y="110"/>
                      </a:lnTo>
                      <a:lnTo>
                        <a:pt x="144" y="110"/>
                      </a:lnTo>
                      <a:lnTo>
                        <a:pt x="157" y="110"/>
                      </a:lnTo>
                      <a:lnTo>
                        <a:pt x="164" y="108"/>
                      </a:lnTo>
                      <a:lnTo>
                        <a:pt x="162" y="105"/>
                      </a:lnTo>
                      <a:lnTo>
                        <a:pt x="155" y="105"/>
                      </a:lnTo>
                      <a:lnTo>
                        <a:pt x="149" y="103"/>
                      </a:lnTo>
                      <a:lnTo>
                        <a:pt x="145" y="102"/>
                      </a:lnTo>
                      <a:lnTo>
                        <a:pt x="142" y="102"/>
                      </a:lnTo>
                      <a:lnTo>
                        <a:pt x="111" y="108"/>
                      </a:lnTo>
                      <a:lnTo>
                        <a:pt x="101" y="113"/>
                      </a:lnTo>
                      <a:lnTo>
                        <a:pt x="98" y="115"/>
                      </a:lnTo>
                      <a:lnTo>
                        <a:pt x="95" y="115"/>
                      </a:lnTo>
                      <a:lnTo>
                        <a:pt x="89" y="115"/>
                      </a:lnTo>
                      <a:lnTo>
                        <a:pt x="86" y="115"/>
                      </a:lnTo>
                      <a:lnTo>
                        <a:pt x="81" y="115"/>
                      </a:lnTo>
                      <a:lnTo>
                        <a:pt x="79" y="117"/>
                      </a:lnTo>
                      <a:lnTo>
                        <a:pt x="78" y="117"/>
                      </a:lnTo>
                      <a:lnTo>
                        <a:pt x="64" y="122"/>
                      </a:lnTo>
                      <a:lnTo>
                        <a:pt x="56" y="125"/>
                      </a:lnTo>
                      <a:lnTo>
                        <a:pt x="52" y="125"/>
                      </a:lnTo>
                      <a:lnTo>
                        <a:pt x="54" y="124"/>
                      </a:lnTo>
                      <a:lnTo>
                        <a:pt x="57" y="122"/>
                      </a:lnTo>
                      <a:lnTo>
                        <a:pt x="62" y="118"/>
                      </a:lnTo>
                      <a:lnTo>
                        <a:pt x="66" y="117"/>
                      </a:lnTo>
                      <a:lnTo>
                        <a:pt x="67" y="115"/>
                      </a:lnTo>
                      <a:lnTo>
                        <a:pt x="73" y="110"/>
                      </a:lnTo>
                      <a:lnTo>
                        <a:pt x="74" y="107"/>
                      </a:lnTo>
                      <a:lnTo>
                        <a:pt x="74" y="105"/>
                      </a:lnTo>
                      <a:lnTo>
                        <a:pt x="71" y="105"/>
                      </a:lnTo>
                      <a:lnTo>
                        <a:pt x="67" y="105"/>
                      </a:lnTo>
                      <a:lnTo>
                        <a:pt x="64" y="107"/>
                      </a:lnTo>
                      <a:lnTo>
                        <a:pt x="61" y="107"/>
                      </a:lnTo>
                      <a:lnTo>
                        <a:pt x="59" y="107"/>
                      </a:lnTo>
                      <a:lnTo>
                        <a:pt x="51" y="100"/>
                      </a:lnTo>
                      <a:lnTo>
                        <a:pt x="45" y="96"/>
                      </a:lnTo>
                      <a:lnTo>
                        <a:pt x="44" y="98"/>
                      </a:lnTo>
                      <a:lnTo>
                        <a:pt x="44" y="102"/>
                      </a:lnTo>
                      <a:lnTo>
                        <a:pt x="45" y="105"/>
                      </a:lnTo>
                      <a:lnTo>
                        <a:pt x="49" y="110"/>
                      </a:lnTo>
                      <a:lnTo>
                        <a:pt x="51" y="113"/>
                      </a:lnTo>
                      <a:lnTo>
                        <a:pt x="51" y="115"/>
                      </a:lnTo>
                      <a:lnTo>
                        <a:pt x="44" y="122"/>
                      </a:lnTo>
                      <a:lnTo>
                        <a:pt x="37" y="130"/>
                      </a:lnTo>
                      <a:lnTo>
                        <a:pt x="35" y="132"/>
                      </a:lnTo>
                      <a:lnTo>
                        <a:pt x="32" y="132"/>
                      </a:lnTo>
                      <a:lnTo>
                        <a:pt x="29" y="134"/>
                      </a:lnTo>
                      <a:lnTo>
                        <a:pt x="27" y="135"/>
                      </a:lnTo>
                      <a:lnTo>
                        <a:pt x="23" y="137"/>
                      </a:lnTo>
                      <a:lnTo>
                        <a:pt x="22" y="137"/>
                      </a:lnTo>
                      <a:lnTo>
                        <a:pt x="27" y="130"/>
                      </a:lnTo>
                      <a:lnTo>
                        <a:pt x="29" y="127"/>
                      </a:lnTo>
                      <a:lnTo>
                        <a:pt x="30" y="122"/>
                      </a:lnTo>
                      <a:lnTo>
                        <a:pt x="29" y="120"/>
                      </a:lnTo>
                      <a:lnTo>
                        <a:pt x="27" y="117"/>
                      </a:lnTo>
                      <a:lnTo>
                        <a:pt x="25" y="117"/>
                      </a:lnTo>
                      <a:lnTo>
                        <a:pt x="23" y="115"/>
                      </a:lnTo>
                      <a:lnTo>
                        <a:pt x="23" y="117"/>
                      </a:lnTo>
                      <a:lnTo>
                        <a:pt x="23" y="115"/>
                      </a:lnTo>
                      <a:lnTo>
                        <a:pt x="23" y="113"/>
                      </a:lnTo>
                      <a:lnTo>
                        <a:pt x="23" y="112"/>
                      </a:lnTo>
                      <a:lnTo>
                        <a:pt x="22" y="108"/>
                      </a:lnTo>
                      <a:lnTo>
                        <a:pt x="22" y="107"/>
                      </a:lnTo>
                      <a:lnTo>
                        <a:pt x="22" y="105"/>
                      </a:lnTo>
                      <a:lnTo>
                        <a:pt x="25" y="100"/>
                      </a:lnTo>
                      <a:lnTo>
                        <a:pt x="25" y="93"/>
                      </a:lnTo>
                      <a:lnTo>
                        <a:pt x="22" y="88"/>
                      </a:lnTo>
                      <a:lnTo>
                        <a:pt x="17" y="83"/>
                      </a:lnTo>
                      <a:lnTo>
                        <a:pt x="12" y="80"/>
                      </a:lnTo>
                      <a:lnTo>
                        <a:pt x="7" y="74"/>
                      </a:lnTo>
                      <a:lnTo>
                        <a:pt x="3" y="73"/>
                      </a:lnTo>
                      <a:lnTo>
                        <a:pt x="1" y="73"/>
                      </a:lnTo>
                      <a:lnTo>
                        <a:pt x="0" y="51"/>
                      </a:lnTo>
                      <a:lnTo>
                        <a:pt x="276" y="24"/>
                      </a:lnTo>
                      <a:lnTo>
                        <a:pt x="293" y="56"/>
                      </a:lnTo>
                      <a:lnTo>
                        <a:pt x="572" y="37"/>
                      </a:lnTo>
                      <a:lnTo>
                        <a:pt x="582" y="59"/>
                      </a:lnTo>
                      <a:lnTo>
                        <a:pt x="597" y="59"/>
                      </a:lnTo>
                      <a:lnTo>
                        <a:pt x="597" y="58"/>
                      </a:lnTo>
                      <a:lnTo>
                        <a:pt x="595" y="54"/>
                      </a:lnTo>
                      <a:lnTo>
                        <a:pt x="595" y="51"/>
                      </a:lnTo>
                      <a:lnTo>
                        <a:pt x="595" y="46"/>
                      </a:lnTo>
                      <a:lnTo>
                        <a:pt x="594" y="41"/>
                      </a:lnTo>
                      <a:lnTo>
                        <a:pt x="594" y="36"/>
                      </a:lnTo>
                      <a:lnTo>
                        <a:pt x="594" y="32"/>
                      </a:lnTo>
                      <a:lnTo>
                        <a:pt x="594" y="30"/>
                      </a:lnTo>
                      <a:lnTo>
                        <a:pt x="589" y="22"/>
                      </a:lnTo>
                      <a:lnTo>
                        <a:pt x="589" y="14"/>
                      </a:lnTo>
                      <a:lnTo>
                        <a:pt x="589" y="8"/>
                      </a:lnTo>
                      <a:lnTo>
                        <a:pt x="592" y="5"/>
                      </a:lnTo>
                      <a:lnTo>
                        <a:pt x="595" y="2"/>
                      </a:lnTo>
                      <a:lnTo>
                        <a:pt x="597" y="0"/>
                      </a:lnTo>
                      <a:lnTo>
                        <a:pt x="600" y="0"/>
                      </a:lnTo>
                      <a:lnTo>
                        <a:pt x="602" y="0"/>
                      </a:lnTo>
                      <a:lnTo>
                        <a:pt x="607" y="3"/>
                      </a:lnTo>
                      <a:lnTo>
                        <a:pt x="616" y="5"/>
                      </a:lnTo>
                      <a:lnTo>
                        <a:pt x="622" y="7"/>
                      </a:lnTo>
                      <a:lnTo>
                        <a:pt x="629" y="8"/>
                      </a:lnTo>
                      <a:lnTo>
                        <a:pt x="636" y="8"/>
                      </a:lnTo>
                      <a:lnTo>
                        <a:pt x="639" y="8"/>
                      </a:lnTo>
                      <a:lnTo>
                        <a:pt x="643" y="8"/>
                      </a:lnTo>
                      <a:lnTo>
                        <a:pt x="644" y="8"/>
                      </a:lnTo>
                      <a:lnTo>
                        <a:pt x="650" y="14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53" name="Freeform 18"/>
                <p:cNvSpPr>
                  <a:spLocks/>
                </p:cNvSpPr>
                <p:nvPr/>
              </p:nvSpPr>
              <p:spPr bwMode="auto">
                <a:xfrm>
                  <a:off x="3822" y="2894"/>
                  <a:ext cx="890" cy="684"/>
                </a:xfrm>
                <a:custGeom>
                  <a:avLst/>
                  <a:gdLst>
                    <a:gd name="T0" fmla="*/ 648 w 890"/>
                    <a:gd name="T1" fmla="*/ 46 h 684"/>
                    <a:gd name="T2" fmla="*/ 636 w 890"/>
                    <a:gd name="T3" fmla="*/ 71 h 684"/>
                    <a:gd name="T4" fmla="*/ 660 w 890"/>
                    <a:gd name="T5" fmla="*/ 47 h 684"/>
                    <a:gd name="T6" fmla="*/ 704 w 890"/>
                    <a:gd name="T7" fmla="*/ 137 h 684"/>
                    <a:gd name="T8" fmla="*/ 741 w 890"/>
                    <a:gd name="T9" fmla="*/ 196 h 684"/>
                    <a:gd name="T10" fmla="*/ 721 w 890"/>
                    <a:gd name="T11" fmla="*/ 174 h 684"/>
                    <a:gd name="T12" fmla="*/ 732 w 890"/>
                    <a:gd name="T13" fmla="*/ 200 h 684"/>
                    <a:gd name="T14" fmla="*/ 754 w 890"/>
                    <a:gd name="T15" fmla="*/ 235 h 684"/>
                    <a:gd name="T16" fmla="*/ 773 w 890"/>
                    <a:gd name="T17" fmla="*/ 279 h 684"/>
                    <a:gd name="T18" fmla="*/ 832 w 890"/>
                    <a:gd name="T19" fmla="*/ 381 h 684"/>
                    <a:gd name="T20" fmla="*/ 854 w 890"/>
                    <a:gd name="T21" fmla="*/ 418 h 684"/>
                    <a:gd name="T22" fmla="*/ 870 w 890"/>
                    <a:gd name="T23" fmla="*/ 443 h 684"/>
                    <a:gd name="T24" fmla="*/ 878 w 890"/>
                    <a:gd name="T25" fmla="*/ 464 h 684"/>
                    <a:gd name="T26" fmla="*/ 890 w 890"/>
                    <a:gd name="T27" fmla="*/ 526 h 684"/>
                    <a:gd name="T28" fmla="*/ 886 w 890"/>
                    <a:gd name="T29" fmla="*/ 586 h 684"/>
                    <a:gd name="T30" fmla="*/ 876 w 890"/>
                    <a:gd name="T31" fmla="*/ 631 h 684"/>
                    <a:gd name="T32" fmla="*/ 868 w 890"/>
                    <a:gd name="T33" fmla="*/ 662 h 684"/>
                    <a:gd name="T34" fmla="*/ 831 w 890"/>
                    <a:gd name="T35" fmla="*/ 675 h 684"/>
                    <a:gd name="T36" fmla="*/ 793 w 890"/>
                    <a:gd name="T37" fmla="*/ 680 h 684"/>
                    <a:gd name="T38" fmla="*/ 802 w 890"/>
                    <a:gd name="T39" fmla="*/ 670 h 684"/>
                    <a:gd name="T40" fmla="*/ 810 w 890"/>
                    <a:gd name="T41" fmla="*/ 640 h 684"/>
                    <a:gd name="T42" fmla="*/ 802 w 890"/>
                    <a:gd name="T43" fmla="*/ 650 h 684"/>
                    <a:gd name="T44" fmla="*/ 768 w 890"/>
                    <a:gd name="T45" fmla="*/ 621 h 684"/>
                    <a:gd name="T46" fmla="*/ 719 w 890"/>
                    <a:gd name="T47" fmla="*/ 597 h 684"/>
                    <a:gd name="T48" fmla="*/ 705 w 890"/>
                    <a:gd name="T49" fmla="*/ 589 h 684"/>
                    <a:gd name="T50" fmla="*/ 677 w 890"/>
                    <a:gd name="T51" fmla="*/ 535 h 684"/>
                    <a:gd name="T52" fmla="*/ 646 w 890"/>
                    <a:gd name="T53" fmla="*/ 479 h 684"/>
                    <a:gd name="T54" fmla="*/ 643 w 890"/>
                    <a:gd name="T55" fmla="*/ 489 h 684"/>
                    <a:gd name="T56" fmla="*/ 619 w 890"/>
                    <a:gd name="T57" fmla="*/ 481 h 684"/>
                    <a:gd name="T58" fmla="*/ 587 w 890"/>
                    <a:gd name="T59" fmla="*/ 423 h 684"/>
                    <a:gd name="T60" fmla="*/ 587 w 890"/>
                    <a:gd name="T61" fmla="*/ 401 h 684"/>
                    <a:gd name="T62" fmla="*/ 578 w 890"/>
                    <a:gd name="T63" fmla="*/ 359 h 684"/>
                    <a:gd name="T64" fmla="*/ 575 w 890"/>
                    <a:gd name="T65" fmla="*/ 399 h 684"/>
                    <a:gd name="T66" fmla="*/ 555 w 890"/>
                    <a:gd name="T67" fmla="*/ 381 h 684"/>
                    <a:gd name="T68" fmla="*/ 555 w 890"/>
                    <a:gd name="T69" fmla="*/ 335 h 684"/>
                    <a:gd name="T70" fmla="*/ 562 w 890"/>
                    <a:gd name="T71" fmla="*/ 278 h 684"/>
                    <a:gd name="T72" fmla="*/ 558 w 890"/>
                    <a:gd name="T73" fmla="*/ 257 h 684"/>
                    <a:gd name="T74" fmla="*/ 541 w 890"/>
                    <a:gd name="T75" fmla="*/ 232 h 684"/>
                    <a:gd name="T76" fmla="*/ 506 w 890"/>
                    <a:gd name="T77" fmla="*/ 217 h 684"/>
                    <a:gd name="T78" fmla="*/ 458 w 890"/>
                    <a:gd name="T79" fmla="*/ 173 h 684"/>
                    <a:gd name="T80" fmla="*/ 411 w 890"/>
                    <a:gd name="T81" fmla="*/ 129 h 684"/>
                    <a:gd name="T82" fmla="*/ 355 w 890"/>
                    <a:gd name="T83" fmla="*/ 139 h 684"/>
                    <a:gd name="T84" fmla="*/ 320 w 890"/>
                    <a:gd name="T85" fmla="*/ 164 h 684"/>
                    <a:gd name="T86" fmla="*/ 308 w 890"/>
                    <a:gd name="T87" fmla="*/ 169 h 684"/>
                    <a:gd name="T88" fmla="*/ 291 w 890"/>
                    <a:gd name="T89" fmla="*/ 183 h 684"/>
                    <a:gd name="T90" fmla="*/ 254 w 890"/>
                    <a:gd name="T91" fmla="*/ 191 h 684"/>
                    <a:gd name="T92" fmla="*/ 247 w 890"/>
                    <a:gd name="T93" fmla="*/ 162 h 684"/>
                    <a:gd name="T94" fmla="*/ 216 w 890"/>
                    <a:gd name="T95" fmla="*/ 132 h 684"/>
                    <a:gd name="T96" fmla="*/ 208 w 890"/>
                    <a:gd name="T97" fmla="*/ 135 h 684"/>
                    <a:gd name="T98" fmla="*/ 152 w 890"/>
                    <a:gd name="T99" fmla="*/ 115 h 684"/>
                    <a:gd name="T100" fmla="*/ 127 w 890"/>
                    <a:gd name="T101" fmla="*/ 113 h 684"/>
                    <a:gd name="T102" fmla="*/ 164 w 890"/>
                    <a:gd name="T103" fmla="*/ 108 h 684"/>
                    <a:gd name="T104" fmla="*/ 101 w 890"/>
                    <a:gd name="T105" fmla="*/ 113 h 684"/>
                    <a:gd name="T106" fmla="*/ 56 w 890"/>
                    <a:gd name="T107" fmla="*/ 125 h 684"/>
                    <a:gd name="T108" fmla="*/ 74 w 890"/>
                    <a:gd name="T109" fmla="*/ 105 h 684"/>
                    <a:gd name="T110" fmla="*/ 44 w 890"/>
                    <a:gd name="T111" fmla="*/ 102 h 684"/>
                    <a:gd name="T112" fmla="*/ 32 w 890"/>
                    <a:gd name="T113" fmla="*/ 132 h 684"/>
                    <a:gd name="T114" fmla="*/ 29 w 890"/>
                    <a:gd name="T115" fmla="*/ 120 h 684"/>
                    <a:gd name="T116" fmla="*/ 23 w 890"/>
                    <a:gd name="T117" fmla="*/ 112 h 684"/>
                    <a:gd name="T118" fmla="*/ 12 w 890"/>
                    <a:gd name="T119" fmla="*/ 80 h 684"/>
                    <a:gd name="T120" fmla="*/ 597 w 890"/>
                    <a:gd name="T121" fmla="*/ 59 h 684"/>
                    <a:gd name="T122" fmla="*/ 589 w 890"/>
                    <a:gd name="T123" fmla="*/ 22 h 684"/>
                    <a:gd name="T124" fmla="*/ 616 w 890"/>
                    <a:gd name="T125" fmla="*/ 5 h 684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60000 65536"/>
                    <a:gd name="T187" fmla="*/ 0 60000 65536"/>
                    <a:gd name="T188" fmla="*/ 0 60000 65536"/>
                    <a:gd name="T189" fmla="*/ 0 w 890"/>
                    <a:gd name="T190" fmla="*/ 0 h 684"/>
                    <a:gd name="T191" fmla="*/ 890 w 890"/>
                    <a:gd name="T192" fmla="*/ 684 h 684"/>
                  </a:gdLst>
                  <a:ahLst/>
                  <a:cxnLst>
                    <a:cxn ang="T126">
                      <a:pos x="T0" y="T1"/>
                    </a:cxn>
                    <a:cxn ang="T127">
                      <a:pos x="T2" y="T3"/>
                    </a:cxn>
                    <a:cxn ang="T128">
                      <a:pos x="T4" y="T5"/>
                    </a:cxn>
                    <a:cxn ang="T129">
                      <a:pos x="T6" y="T7"/>
                    </a:cxn>
                    <a:cxn ang="T130">
                      <a:pos x="T8" y="T9"/>
                    </a:cxn>
                    <a:cxn ang="T131">
                      <a:pos x="T10" y="T11"/>
                    </a:cxn>
                    <a:cxn ang="T132">
                      <a:pos x="T12" y="T13"/>
                    </a:cxn>
                    <a:cxn ang="T133">
                      <a:pos x="T14" y="T15"/>
                    </a:cxn>
                    <a:cxn ang="T134">
                      <a:pos x="T16" y="T17"/>
                    </a:cxn>
                    <a:cxn ang="T135">
                      <a:pos x="T18" y="T19"/>
                    </a:cxn>
                    <a:cxn ang="T136">
                      <a:pos x="T20" y="T21"/>
                    </a:cxn>
                    <a:cxn ang="T137">
                      <a:pos x="T22" y="T23"/>
                    </a:cxn>
                    <a:cxn ang="T138">
                      <a:pos x="T24" y="T25"/>
                    </a:cxn>
                    <a:cxn ang="T139">
                      <a:pos x="T26" y="T27"/>
                    </a:cxn>
                    <a:cxn ang="T140">
                      <a:pos x="T28" y="T29"/>
                    </a:cxn>
                    <a:cxn ang="T141">
                      <a:pos x="T30" y="T31"/>
                    </a:cxn>
                    <a:cxn ang="T142">
                      <a:pos x="T32" y="T33"/>
                    </a:cxn>
                    <a:cxn ang="T143">
                      <a:pos x="T34" y="T35"/>
                    </a:cxn>
                    <a:cxn ang="T144">
                      <a:pos x="T36" y="T37"/>
                    </a:cxn>
                    <a:cxn ang="T145">
                      <a:pos x="T38" y="T39"/>
                    </a:cxn>
                    <a:cxn ang="T146">
                      <a:pos x="T40" y="T41"/>
                    </a:cxn>
                    <a:cxn ang="T147">
                      <a:pos x="T42" y="T43"/>
                    </a:cxn>
                    <a:cxn ang="T148">
                      <a:pos x="T44" y="T45"/>
                    </a:cxn>
                    <a:cxn ang="T149">
                      <a:pos x="T46" y="T47"/>
                    </a:cxn>
                    <a:cxn ang="T150">
                      <a:pos x="T48" y="T49"/>
                    </a:cxn>
                    <a:cxn ang="T151">
                      <a:pos x="T50" y="T51"/>
                    </a:cxn>
                    <a:cxn ang="T152">
                      <a:pos x="T52" y="T53"/>
                    </a:cxn>
                    <a:cxn ang="T153">
                      <a:pos x="T54" y="T55"/>
                    </a:cxn>
                    <a:cxn ang="T154">
                      <a:pos x="T56" y="T57"/>
                    </a:cxn>
                    <a:cxn ang="T155">
                      <a:pos x="T58" y="T59"/>
                    </a:cxn>
                    <a:cxn ang="T156">
                      <a:pos x="T60" y="T61"/>
                    </a:cxn>
                    <a:cxn ang="T157">
                      <a:pos x="T62" y="T63"/>
                    </a:cxn>
                    <a:cxn ang="T158">
                      <a:pos x="T64" y="T65"/>
                    </a:cxn>
                    <a:cxn ang="T159">
                      <a:pos x="T66" y="T67"/>
                    </a:cxn>
                    <a:cxn ang="T160">
                      <a:pos x="T68" y="T69"/>
                    </a:cxn>
                    <a:cxn ang="T161">
                      <a:pos x="T70" y="T71"/>
                    </a:cxn>
                    <a:cxn ang="T162">
                      <a:pos x="T72" y="T73"/>
                    </a:cxn>
                    <a:cxn ang="T163">
                      <a:pos x="T74" y="T75"/>
                    </a:cxn>
                    <a:cxn ang="T164">
                      <a:pos x="T76" y="T77"/>
                    </a:cxn>
                    <a:cxn ang="T165">
                      <a:pos x="T78" y="T79"/>
                    </a:cxn>
                    <a:cxn ang="T166">
                      <a:pos x="T80" y="T81"/>
                    </a:cxn>
                    <a:cxn ang="T167">
                      <a:pos x="T82" y="T83"/>
                    </a:cxn>
                    <a:cxn ang="T168">
                      <a:pos x="T84" y="T85"/>
                    </a:cxn>
                    <a:cxn ang="T169">
                      <a:pos x="T86" y="T87"/>
                    </a:cxn>
                    <a:cxn ang="T170">
                      <a:pos x="T88" y="T89"/>
                    </a:cxn>
                    <a:cxn ang="T171">
                      <a:pos x="T90" y="T91"/>
                    </a:cxn>
                    <a:cxn ang="T172">
                      <a:pos x="T92" y="T93"/>
                    </a:cxn>
                    <a:cxn ang="T173">
                      <a:pos x="T94" y="T95"/>
                    </a:cxn>
                    <a:cxn ang="T174">
                      <a:pos x="T96" y="T97"/>
                    </a:cxn>
                    <a:cxn ang="T175">
                      <a:pos x="T98" y="T99"/>
                    </a:cxn>
                    <a:cxn ang="T176">
                      <a:pos x="T100" y="T101"/>
                    </a:cxn>
                    <a:cxn ang="T177">
                      <a:pos x="T102" y="T103"/>
                    </a:cxn>
                    <a:cxn ang="T178">
                      <a:pos x="T104" y="T105"/>
                    </a:cxn>
                    <a:cxn ang="T179">
                      <a:pos x="T106" y="T107"/>
                    </a:cxn>
                    <a:cxn ang="T180">
                      <a:pos x="T108" y="T109"/>
                    </a:cxn>
                    <a:cxn ang="T181">
                      <a:pos x="T110" y="T111"/>
                    </a:cxn>
                    <a:cxn ang="T182">
                      <a:pos x="T112" y="T113"/>
                    </a:cxn>
                    <a:cxn ang="T183">
                      <a:pos x="T114" y="T115"/>
                    </a:cxn>
                    <a:cxn ang="T184">
                      <a:pos x="T116" y="T117"/>
                    </a:cxn>
                    <a:cxn ang="T185">
                      <a:pos x="T118" y="T119"/>
                    </a:cxn>
                    <a:cxn ang="T186">
                      <a:pos x="T120" y="T121"/>
                    </a:cxn>
                    <a:cxn ang="T187">
                      <a:pos x="T122" y="T123"/>
                    </a:cxn>
                    <a:cxn ang="T188">
                      <a:pos x="T124" y="T125"/>
                    </a:cxn>
                  </a:cxnLst>
                  <a:rect l="T189" t="T190" r="T191" b="T192"/>
                  <a:pathLst>
                    <a:path w="890" h="684">
                      <a:moveTo>
                        <a:pt x="650" y="14"/>
                      </a:moveTo>
                      <a:lnTo>
                        <a:pt x="650" y="32"/>
                      </a:lnTo>
                      <a:lnTo>
                        <a:pt x="655" y="32"/>
                      </a:lnTo>
                      <a:lnTo>
                        <a:pt x="656" y="42"/>
                      </a:lnTo>
                      <a:lnTo>
                        <a:pt x="655" y="42"/>
                      </a:lnTo>
                      <a:lnTo>
                        <a:pt x="653" y="44"/>
                      </a:lnTo>
                      <a:lnTo>
                        <a:pt x="651" y="44"/>
                      </a:lnTo>
                      <a:lnTo>
                        <a:pt x="648" y="46"/>
                      </a:lnTo>
                      <a:lnTo>
                        <a:pt x="643" y="46"/>
                      </a:lnTo>
                      <a:lnTo>
                        <a:pt x="641" y="49"/>
                      </a:lnTo>
                      <a:lnTo>
                        <a:pt x="638" y="52"/>
                      </a:lnTo>
                      <a:lnTo>
                        <a:pt x="636" y="58"/>
                      </a:lnTo>
                      <a:lnTo>
                        <a:pt x="636" y="63"/>
                      </a:lnTo>
                      <a:lnTo>
                        <a:pt x="636" y="68"/>
                      </a:lnTo>
                      <a:lnTo>
                        <a:pt x="636" y="69"/>
                      </a:lnTo>
                      <a:lnTo>
                        <a:pt x="636" y="71"/>
                      </a:lnTo>
                      <a:lnTo>
                        <a:pt x="638" y="71"/>
                      </a:lnTo>
                      <a:lnTo>
                        <a:pt x="641" y="71"/>
                      </a:lnTo>
                      <a:lnTo>
                        <a:pt x="641" y="69"/>
                      </a:lnTo>
                      <a:lnTo>
                        <a:pt x="643" y="61"/>
                      </a:lnTo>
                      <a:lnTo>
                        <a:pt x="644" y="54"/>
                      </a:lnTo>
                      <a:lnTo>
                        <a:pt x="648" y="51"/>
                      </a:lnTo>
                      <a:lnTo>
                        <a:pt x="651" y="47"/>
                      </a:lnTo>
                      <a:lnTo>
                        <a:pt x="656" y="47"/>
                      </a:lnTo>
                      <a:lnTo>
                        <a:pt x="660" y="47"/>
                      </a:lnTo>
                      <a:lnTo>
                        <a:pt x="661" y="47"/>
                      </a:lnTo>
                      <a:lnTo>
                        <a:pt x="663" y="49"/>
                      </a:lnTo>
                      <a:lnTo>
                        <a:pt x="683" y="95"/>
                      </a:lnTo>
                      <a:lnTo>
                        <a:pt x="682" y="112"/>
                      </a:lnTo>
                      <a:lnTo>
                        <a:pt x="692" y="132"/>
                      </a:lnTo>
                      <a:lnTo>
                        <a:pt x="697" y="127"/>
                      </a:lnTo>
                      <a:lnTo>
                        <a:pt x="699" y="129"/>
                      </a:lnTo>
                      <a:lnTo>
                        <a:pt x="700" y="132"/>
                      </a:lnTo>
                      <a:lnTo>
                        <a:pt x="704" y="137"/>
                      </a:lnTo>
                      <a:lnTo>
                        <a:pt x="707" y="144"/>
                      </a:lnTo>
                      <a:lnTo>
                        <a:pt x="710" y="149"/>
                      </a:lnTo>
                      <a:lnTo>
                        <a:pt x="714" y="154"/>
                      </a:lnTo>
                      <a:lnTo>
                        <a:pt x="716" y="159"/>
                      </a:lnTo>
                      <a:lnTo>
                        <a:pt x="717" y="161"/>
                      </a:lnTo>
                      <a:lnTo>
                        <a:pt x="726" y="174"/>
                      </a:lnTo>
                      <a:lnTo>
                        <a:pt x="732" y="184"/>
                      </a:lnTo>
                      <a:lnTo>
                        <a:pt x="738" y="191"/>
                      </a:lnTo>
                      <a:lnTo>
                        <a:pt x="741" y="196"/>
                      </a:lnTo>
                      <a:lnTo>
                        <a:pt x="741" y="200"/>
                      </a:lnTo>
                      <a:lnTo>
                        <a:pt x="738" y="196"/>
                      </a:lnTo>
                      <a:lnTo>
                        <a:pt x="736" y="193"/>
                      </a:lnTo>
                      <a:lnTo>
                        <a:pt x="732" y="190"/>
                      </a:lnTo>
                      <a:lnTo>
                        <a:pt x="729" y="186"/>
                      </a:lnTo>
                      <a:lnTo>
                        <a:pt x="726" y="181"/>
                      </a:lnTo>
                      <a:lnTo>
                        <a:pt x="722" y="178"/>
                      </a:lnTo>
                      <a:lnTo>
                        <a:pt x="721" y="174"/>
                      </a:lnTo>
                      <a:lnTo>
                        <a:pt x="719" y="173"/>
                      </a:lnTo>
                      <a:lnTo>
                        <a:pt x="714" y="174"/>
                      </a:lnTo>
                      <a:lnTo>
                        <a:pt x="716" y="174"/>
                      </a:lnTo>
                      <a:lnTo>
                        <a:pt x="717" y="178"/>
                      </a:lnTo>
                      <a:lnTo>
                        <a:pt x="721" y="183"/>
                      </a:lnTo>
                      <a:lnTo>
                        <a:pt x="724" y="188"/>
                      </a:lnTo>
                      <a:lnTo>
                        <a:pt x="729" y="195"/>
                      </a:lnTo>
                      <a:lnTo>
                        <a:pt x="732" y="200"/>
                      </a:lnTo>
                      <a:lnTo>
                        <a:pt x="734" y="203"/>
                      </a:lnTo>
                      <a:lnTo>
                        <a:pt x="736" y="205"/>
                      </a:lnTo>
                      <a:lnTo>
                        <a:pt x="748" y="217"/>
                      </a:lnTo>
                      <a:lnTo>
                        <a:pt x="754" y="225"/>
                      </a:lnTo>
                      <a:lnTo>
                        <a:pt x="760" y="232"/>
                      </a:lnTo>
                      <a:lnTo>
                        <a:pt x="760" y="235"/>
                      </a:lnTo>
                      <a:lnTo>
                        <a:pt x="758" y="235"/>
                      </a:lnTo>
                      <a:lnTo>
                        <a:pt x="756" y="235"/>
                      </a:lnTo>
                      <a:lnTo>
                        <a:pt x="754" y="235"/>
                      </a:lnTo>
                      <a:lnTo>
                        <a:pt x="753" y="235"/>
                      </a:lnTo>
                      <a:lnTo>
                        <a:pt x="754" y="235"/>
                      </a:lnTo>
                      <a:lnTo>
                        <a:pt x="760" y="250"/>
                      </a:lnTo>
                      <a:lnTo>
                        <a:pt x="766" y="266"/>
                      </a:lnTo>
                      <a:lnTo>
                        <a:pt x="773" y="279"/>
                      </a:lnTo>
                      <a:lnTo>
                        <a:pt x="780" y="293"/>
                      </a:lnTo>
                      <a:lnTo>
                        <a:pt x="787" y="305"/>
                      </a:lnTo>
                      <a:lnTo>
                        <a:pt x="793" y="318"/>
                      </a:lnTo>
                      <a:lnTo>
                        <a:pt x="800" y="328"/>
                      </a:lnTo>
                      <a:lnTo>
                        <a:pt x="805" y="338"/>
                      </a:lnTo>
                      <a:lnTo>
                        <a:pt x="812" y="349"/>
                      </a:lnTo>
                      <a:lnTo>
                        <a:pt x="817" y="357"/>
                      </a:lnTo>
                      <a:lnTo>
                        <a:pt x="822" y="366"/>
                      </a:lnTo>
                      <a:lnTo>
                        <a:pt x="827" y="374"/>
                      </a:lnTo>
                      <a:lnTo>
                        <a:pt x="832" y="381"/>
                      </a:lnTo>
                      <a:lnTo>
                        <a:pt x="836" y="386"/>
                      </a:lnTo>
                      <a:lnTo>
                        <a:pt x="837" y="391"/>
                      </a:lnTo>
                      <a:lnTo>
                        <a:pt x="839" y="394"/>
                      </a:lnTo>
                      <a:lnTo>
                        <a:pt x="842" y="398"/>
                      </a:lnTo>
                      <a:lnTo>
                        <a:pt x="846" y="403"/>
                      </a:lnTo>
                      <a:lnTo>
                        <a:pt x="849" y="406"/>
                      </a:lnTo>
                      <a:lnTo>
                        <a:pt x="851" y="411"/>
                      </a:lnTo>
                      <a:lnTo>
                        <a:pt x="853" y="415"/>
                      </a:lnTo>
                      <a:lnTo>
                        <a:pt x="854" y="418"/>
                      </a:lnTo>
                      <a:lnTo>
                        <a:pt x="856" y="420"/>
                      </a:lnTo>
                      <a:lnTo>
                        <a:pt x="858" y="420"/>
                      </a:lnTo>
                      <a:lnTo>
                        <a:pt x="863" y="425"/>
                      </a:lnTo>
                      <a:lnTo>
                        <a:pt x="868" y="428"/>
                      </a:lnTo>
                      <a:lnTo>
                        <a:pt x="870" y="432"/>
                      </a:lnTo>
                      <a:lnTo>
                        <a:pt x="871" y="435"/>
                      </a:lnTo>
                      <a:lnTo>
                        <a:pt x="871" y="438"/>
                      </a:lnTo>
                      <a:lnTo>
                        <a:pt x="870" y="442"/>
                      </a:lnTo>
                      <a:lnTo>
                        <a:pt x="870" y="443"/>
                      </a:lnTo>
                      <a:lnTo>
                        <a:pt x="870" y="445"/>
                      </a:lnTo>
                      <a:lnTo>
                        <a:pt x="875" y="450"/>
                      </a:lnTo>
                      <a:lnTo>
                        <a:pt x="878" y="454"/>
                      </a:lnTo>
                      <a:lnTo>
                        <a:pt x="880" y="457"/>
                      </a:lnTo>
                      <a:lnTo>
                        <a:pt x="880" y="460"/>
                      </a:lnTo>
                      <a:lnTo>
                        <a:pt x="880" y="462"/>
                      </a:lnTo>
                      <a:lnTo>
                        <a:pt x="880" y="464"/>
                      </a:lnTo>
                      <a:lnTo>
                        <a:pt x="878" y="464"/>
                      </a:lnTo>
                      <a:lnTo>
                        <a:pt x="888" y="474"/>
                      </a:lnTo>
                      <a:lnTo>
                        <a:pt x="888" y="476"/>
                      </a:lnTo>
                      <a:lnTo>
                        <a:pt x="888" y="479"/>
                      </a:lnTo>
                      <a:lnTo>
                        <a:pt x="890" y="484"/>
                      </a:lnTo>
                      <a:lnTo>
                        <a:pt x="890" y="491"/>
                      </a:lnTo>
                      <a:lnTo>
                        <a:pt x="890" y="498"/>
                      </a:lnTo>
                      <a:lnTo>
                        <a:pt x="890" y="508"/>
                      </a:lnTo>
                      <a:lnTo>
                        <a:pt x="890" y="518"/>
                      </a:lnTo>
                      <a:lnTo>
                        <a:pt x="890" y="526"/>
                      </a:lnTo>
                      <a:lnTo>
                        <a:pt x="890" y="536"/>
                      </a:lnTo>
                      <a:lnTo>
                        <a:pt x="890" y="547"/>
                      </a:lnTo>
                      <a:lnTo>
                        <a:pt x="890" y="555"/>
                      </a:lnTo>
                      <a:lnTo>
                        <a:pt x="890" y="564"/>
                      </a:lnTo>
                      <a:lnTo>
                        <a:pt x="890" y="570"/>
                      </a:lnTo>
                      <a:lnTo>
                        <a:pt x="890" y="575"/>
                      </a:lnTo>
                      <a:lnTo>
                        <a:pt x="890" y="580"/>
                      </a:lnTo>
                      <a:lnTo>
                        <a:pt x="886" y="586"/>
                      </a:lnTo>
                      <a:lnTo>
                        <a:pt x="883" y="589"/>
                      </a:lnTo>
                      <a:lnTo>
                        <a:pt x="881" y="594"/>
                      </a:lnTo>
                      <a:lnTo>
                        <a:pt x="880" y="599"/>
                      </a:lnTo>
                      <a:lnTo>
                        <a:pt x="878" y="604"/>
                      </a:lnTo>
                      <a:lnTo>
                        <a:pt x="876" y="609"/>
                      </a:lnTo>
                      <a:lnTo>
                        <a:pt x="876" y="614"/>
                      </a:lnTo>
                      <a:lnTo>
                        <a:pt x="876" y="619"/>
                      </a:lnTo>
                      <a:lnTo>
                        <a:pt x="876" y="623"/>
                      </a:lnTo>
                      <a:lnTo>
                        <a:pt x="876" y="628"/>
                      </a:lnTo>
                      <a:lnTo>
                        <a:pt x="876" y="631"/>
                      </a:lnTo>
                      <a:lnTo>
                        <a:pt x="876" y="635"/>
                      </a:lnTo>
                      <a:lnTo>
                        <a:pt x="876" y="638"/>
                      </a:lnTo>
                      <a:lnTo>
                        <a:pt x="876" y="640"/>
                      </a:lnTo>
                      <a:lnTo>
                        <a:pt x="878" y="641"/>
                      </a:lnTo>
                      <a:lnTo>
                        <a:pt x="876" y="650"/>
                      </a:lnTo>
                      <a:lnTo>
                        <a:pt x="875" y="657"/>
                      </a:lnTo>
                      <a:lnTo>
                        <a:pt x="871" y="660"/>
                      </a:lnTo>
                      <a:lnTo>
                        <a:pt x="868" y="662"/>
                      </a:lnTo>
                      <a:lnTo>
                        <a:pt x="864" y="663"/>
                      </a:lnTo>
                      <a:lnTo>
                        <a:pt x="861" y="663"/>
                      </a:lnTo>
                      <a:lnTo>
                        <a:pt x="858" y="663"/>
                      </a:lnTo>
                      <a:lnTo>
                        <a:pt x="856" y="663"/>
                      </a:lnTo>
                      <a:lnTo>
                        <a:pt x="849" y="668"/>
                      </a:lnTo>
                      <a:lnTo>
                        <a:pt x="842" y="674"/>
                      </a:lnTo>
                      <a:lnTo>
                        <a:pt x="837" y="675"/>
                      </a:lnTo>
                      <a:lnTo>
                        <a:pt x="834" y="675"/>
                      </a:lnTo>
                      <a:lnTo>
                        <a:pt x="831" y="675"/>
                      </a:lnTo>
                      <a:lnTo>
                        <a:pt x="827" y="674"/>
                      </a:lnTo>
                      <a:lnTo>
                        <a:pt x="826" y="674"/>
                      </a:lnTo>
                      <a:lnTo>
                        <a:pt x="817" y="680"/>
                      </a:lnTo>
                      <a:lnTo>
                        <a:pt x="810" y="684"/>
                      </a:lnTo>
                      <a:lnTo>
                        <a:pt x="805" y="684"/>
                      </a:lnTo>
                      <a:lnTo>
                        <a:pt x="800" y="684"/>
                      </a:lnTo>
                      <a:lnTo>
                        <a:pt x="797" y="684"/>
                      </a:lnTo>
                      <a:lnTo>
                        <a:pt x="793" y="680"/>
                      </a:lnTo>
                      <a:lnTo>
                        <a:pt x="792" y="680"/>
                      </a:lnTo>
                      <a:lnTo>
                        <a:pt x="792" y="679"/>
                      </a:lnTo>
                      <a:lnTo>
                        <a:pt x="787" y="670"/>
                      </a:lnTo>
                      <a:lnTo>
                        <a:pt x="787" y="667"/>
                      </a:lnTo>
                      <a:lnTo>
                        <a:pt x="788" y="663"/>
                      </a:lnTo>
                      <a:lnTo>
                        <a:pt x="790" y="665"/>
                      </a:lnTo>
                      <a:lnTo>
                        <a:pt x="795" y="667"/>
                      </a:lnTo>
                      <a:lnTo>
                        <a:pt x="798" y="668"/>
                      </a:lnTo>
                      <a:lnTo>
                        <a:pt x="802" y="670"/>
                      </a:lnTo>
                      <a:lnTo>
                        <a:pt x="802" y="672"/>
                      </a:lnTo>
                      <a:lnTo>
                        <a:pt x="820" y="665"/>
                      </a:lnTo>
                      <a:lnTo>
                        <a:pt x="810" y="653"/>
                      </a:lnTo>
                      <a:lnTo>
                        <a:pt x="812" y="652"/>
                      </a:lnTo>
                      <a:lnTo>
                        <a:pt x="814" y="650"/>
                      </a:lnTo>
                      <a:lnTo>
                        <a:pt x="815" y="648"/>
                      </a:lnTo>
                      <a:lnTo>
                        <a:pt x="810" y="640"/>
                      </a:lnTo>
                      <a:lnTo>
                        <a:pt x="807" y="635"/>
                      </a:lnTo>
                      <a:lnTo>
                        <a:pt x="804" y="633"/>
                      </a:lnTo>
                      <a:lnTo>
                        <a:pt x="802" y="631"/>
                      </a:lnTo>
                      <a:lnTo>
                        <a:pt x="800" y="633"/>
                      </a:lnTo>
                      <a:lnTo>
                        <a:pt x="798" y="635"/>
                      </a:lnTo>
                      <a:lnTo>
                        <a:pt x="798" y="636"/>
                      </a:lnTo>
                      <a:lnTo>
                        <a:pt x="798" y="638"/>
                      </a:lnTo>
                      <a:lnTo>
                        <a:pt x="802" y="645"/>
                      </a:lnTo>
                      <a:lnTo>
                        <a:pt x="802" y="650"/>
                      </a:lnTo>
                      <a:lnTo>
                        <a:pt x="800" y="652"/>
                      </a:lnTo>
                      <a:lnTo>
                        <a:pt x="797" y="653"/>
                      </a:lnTo>
                      <a:lnTo>
                        <a:pt x="793" y="653"/>
                      </a:lnTo>
                      <a:lnTo>
                        <a:pt x="790" y="653"/>
                      </a:lnTo>
                      <a:lnTo>
                        <a:pt x="788" y="652"/>
                      </a:lnTo>
                      <a:lnTo>
                        <a:pt x="787" y="652"/>
                      </a:lnTo>
                      <a:lnTo>
                        <a:pt x="780" y="640"/>
                      </a:lnTo>
                      <a:lnTo>
                        <a:pt x="775" y="630"/>
                      </a:lnTo>
                      <a:lnTo>
                        <a:pt x="768" y="621"/>
                      </a:lnTo>
                      <a:lnTo>
                        <a:pt x="763" y="614"/>
                      </a:lnTo>
                      <a:lnTo>
                        <a:pt x="756" y="609"/>
                      </a:lnTo>
                      <a:lnTo>
                        <a:pt x="749" y="606"/>
                      </a:lnTo>
                      <a:lnTo>
                        <a:pt x="744" y="602"/>
                      </a:lnTo>
                      <a:lnTo>
                        <a:pt x="739" y="599"/>
                      </a:lnTo>
                      <a:lnTo>
                        <a:pt x="734" y="597"/>
                      </a:lnTo>
                      <a:lnTo>
                        <a:pt x="729" y="597"/>
                      </a:lnTo>
                      <a:lnTo>
                        <a:pt x="724" y="597"/>
                      </a:lnTo>
                      <a:lnTo>
                        <a:pt x="721" y="597"/>
                      </a:lnTo>
                      <a:lnTo>
                        <a:pt x="719" y="597"/>
                      </a:lnTo>
                      <a:lnTo>
                        <a:pt x="716" y="597"/>
                      </a:lnTo>
                      <a:lnTo>
                        <a:pt x="714" y="597"/>
                      </a:lnTo>
                      <a:lnTo>
                        <a:pt x="714" y="599"/>
                      </a:lnTo>
                      <a:lnTo>
                        <a:pt x="712" y="597"/>
                      </a:lnTo>
                      <a:lnTo>
                        <a:pt x="710" y="594"/>
                      </a:lnTo>
                      <a:lnTo>
                        <a:pt x="707" y="592"/>
                      </a:lnTo>
                      <a:lnTo>
                        <a:pt x="705" y="589"/>
                      </a:lnTo>
                      <a:lnTo>
                        <a:pt x="704" y="586"/>
                      </a:lnTo>
                      <a:lnTo>
                        <a:pt x="702" y="584"/>
                      </a:lnTo>
                      <a:lnTo>
                        <a:pt x="700" y="580"/>
                      </a:lnTo>
                      <a:lnTo>
                        <a:pt x="697" y="564"/>
                      </a:lnTo>
                      <a:lnTo>
                        <a:pt x="692" y="550"/>
                      </a:lnTo>
                      <a:lnTo>
                        <a:pt x="687" y="542"/>
                      </a:lnTo>
                      <a:lnTo>
                        <a:pt x="683" y="536"/>
                      </a:lnTo>
                      <a:lnTo>
                        <a:pt x="680" y="535"/>
                      </a:lnTo>
                      <a:lnTo>
                        <a:pt x="677" y="535"/>
                      </a:lnTo>
                      <a:lnTo>
                        <a:pt x="675" y="535"/>
                      </a:lnTo>
                      <a:lnTo>
                        <a:pt x="666" y="526"/>
                      </a:lnTo>
                      <a:lnTo>
                        <a:pt x="661" y="514"/>
                      </a:lnTo>
                      <a:lnTo>
                        <a:pt x="661" y="498"/>
                      </a:lnTo>
                      <a:lnTo>
                        <a:pt x="653" y="486"/>
                      </a:lnTo>
                      <a:lnTo>
                        <a:pt x="661" y="472"/>
                      </a:lnTo>
                      <a:lnTo>
                        <a:pt x="646" y="481"/>
                      </a:lnTo>
                      <a:lnTo>
                        <a:pt x="646" y="479"/>
                      </a:lnTo>
                      <a:lnTo>
                        <a:pt x="644" y="479"/>
                      </a:lnTo>
                      <a:lnTo>
                        <a:pt x="641" y="477"/>
                      </a:lnTo>
                      <a:lnTo>
                        <a:pt x="639" y="476"/>
                      </a:lnTo>
                      <a:lnTo>
                        <a:pt x="636" y="474"/>
                      </a:lnTo>
                      <a:lnTo>
                        <a:pt x="634" y="474"/>
                      </a:lnTo>
                      <a:lnTo>
                        <a:pt x="633" y="472"/>
                      </a:lnTo>
                      <a:lnTo>
                        <a:pt x="633" y="474"/>
                      </a:lnTo>
                      <a:lnTo>
                        <a:pt x="638" y="482"/>
                      </a:lnTo>
                      <a:lnTo>
                        <a:pt x="643" y="489"/>
                      </a:lnTo>
                      <a:lnTo>
                        <a:pt x="644" y="494"/>
                      </a:lnTo>
                      <a:lnTo>
                        <a:pt x="644" y="498"/>
                      </a:lnTo>
                      <a:lnTo>
                        <a:pt x="643" y="498"/>
                      </a:lnTo>
                      <a:lnTo>
                        <a:pt x="641" y="498"/>
                      </a:lnTo>
                      <a:lnTo>
                        <a:pt x="638" y="496"/>
                      </a:lnTo>
                      <a:lnTo>
                        <a:pt x="636" y="494"/>
                      </a:lnTo>
                      <a:lnTo>
                        <a:pt x="631" y="491"/>
                      </a:lnTo>
                      <a:lnTo>
                        <a:pt x="628" y="487"/>
                      </a:lnTo>
                      <a:lnTo>
                        <a:pt x="622" y="484"/>
                      </a:lnTo>
                      <a:lnTo>
                        <a:pt x="619" y="481"/>
                      </a:lnTo>
                      <a:lnTo>
                        <a:pt x="616" y="477"/>
                      </a:lnTo>
                      <a:lnTo>
                        <a:pt x="612" y="474"/>
                      </a:lnTo>
                      <a:lnTo>
                        <a:pt x="611" y="472"/>
                      </a:lnTo>
                      <a:lnTo>
                        <a:pt x="607" y="457"/>
                      </a:lnTo>
                      <a:lnTo>
                        <a:pt x="582" y="425"/>
                      </a:lnTo>
                      <a:lnTo>
                        <a:pt x="584" y="425"/>
                      </a:lnTo>
                      <a:lnTo>
                        <a:pt x="585" y="423"/>
                      </a:lnTo>
                      <a:lnTo>
                        <a:pt x="587" y="423"/>
                      </a:lnTo>
                      <a:lnTo>
                        <a:pt x="589" y="421"/>
                      </a:lnTo>
                      <a:lnTo>
                        <a:pt x="590" y="421"/>
                      </a:lnTo>
                      <a:lnTo>
                        <a:pt x="592" y="420"/>
                      </a:lnTo>
                      <a:lnTo>
                        <a:pt x="594" y="420"/>
                      </a:lnTo>
                      <a:lnTo>
                        <a:pt x="589" y="418"/>
                      </a:lnTo>
                      <a:lnTo>
                        <a:pt x="587" y="413"/>
                      </a:lnTo>
                      <a:lnTo>
                        <a:pt x="587" y="408"/>
                      </a:lnTo>
                      <a:lnTo>
                        <a:pt x="587" y="401"/>
                      </a:lnTo>
                      <a:lnTo>
                        <a:pt x="589" y="394"/>
                      </a:lnTo>
                      <a:lnTo>
                        <a:pt x="590" y="388"/>
                      </a:lnTo>
                      <a:lnTo>
                        <a:pt x="590" y="382"/>
                      </a:lnTo>
                      <a:lnTo>
                        <a:pt x="590" y="379"/>
                      </a:lnTo>
                      <a:lnTo>
                        <a:pt x="587" y="371"/>
                      </a:lnTo>
                      <a:lnTo>
                        <a:pt x="585" y="364"/>
                      </a:lnTo>
                      <a:lnTo>
                        <a:pt x="582" y="360"/>
                      </a:lnTo>
                      <a:lnTo>
                        <a:pt x="580" y="359"/>
                      </a:lnTo>
                      <a:lnTo>
                        <a:pt x="578" y="359"/>
                      </a:lnTo>
                      <a:lnTo>
                        <a:pt x="577" y="360"/>
                      </a:lnTo>
                      <a:lnTo>
                        <a:pt x="577" y="364"/>
                      </a:lnTo>
                      <a:lnTo>
                        <a:pt x="575" y="367"/>
                      </a:lnTo>
                      <a:lnTo>
                        <a:pt x="575" y="372"/>
                      </a:lnTo>
                      <a:lnTo>
                        <a:pt x="575" y="377"/>
                      </a:lnTo>
                      <a:lnTo>
                        <a:pt x="575" y="382"/>
                      </a:lnTo>
                      <a:lnTo>
                        <a:pt x="575" y="388"/>
                      </a:lnTo>
                      <a:lnTo>
                        <a:pt x="575" y="393"/>
                      </a:lnTo>
                      <a:lnTo>
                        <a:pt x="575" y="396"/>
                      </a:lnTo>
                      <a:lnTo>
                        <a:pt x="575" y="399"/>
                      </a:lnTo>
                      <a:lnTo>
                        <a:pt x="572" y="398"/>
                      </a:lnTo>
                      <a:lnTo>
                        <a:pt x="568" y="394"/>
                      </a:lnTo>
                      <a:lnTo>
                        <a:pt x="565" y="391"/>
                      </a:lnTo>
                      <a:lnTo>
                        <a:pt x="560" y="388"/>
                      </a:lnTo>
                      <a:lnTo>
                        <a:pt x="558" y="384"/>
                      </a:lnTo>
                      <a:lnTo>
                        <a:pt x="555" y="382"/>
                      </a:lnTo>
                      <a:lnTo>
                        <a:pt x="555" y="381"/>
                      </a:lnTo>
                      <a:lnTo>
                        <a:pt x="556" y="374"/>
                      </a:lnTo>
                      <a:lnTo>
                        <a:pt x="558" y="366"/>
                      </a:lnTo>
                      <a:lnTo>
                        <a:pt x="558" y="359"/>
                      </a:lnTo>
                      <a:lnTo>
                        <a:pt x="558" y="352"/>
                      </a:lnTo>
                      <a:lnTo>
                        <a:pt x="556" y="345"/>
                      </a:lnTo>
                      <a:lnTo>
                        <a:pt x="556" y="340"/>
                      </a:lnTo>
                      <a:lnTo>
                        <a:pt x="555" y="337"/>
                      </a:lnTo>
                      <a:lnTo>
                        <a:pt x="555" y="335"/>
                      </a:lnTo>
                      <a:lnTo>
                        <a:pt x="558" y="328"/>
                      </a:lnTo>
                      <a:lnTo>
                        <a:pt x="560" y="323"/>
                      </a:lnTo>
                      <a:lnTo>
                        <a:pt x="562" y="316"/>
                      </a:lnTo>
                      <a:lnTo>
                        <a:pt x="562" y="311"/>
                      </a:lnTo>
                      <a:lnTo>
                        <a:pt x="563" y="305"/>
                      </a:lnTo>
                      <a:lnTo>
                        <a:pt x="563" y="300"/>
                      </a:lnTo>
                      <a:lnTo>
                        <a:pt x="563" y="293"/>
                      </a:lnTo>
                      <a:lnTo>
                        <a:pt x="563" y="288"/>
                      </a:lnTo>
                      <a:lnTo>
                        <a:pt x="562" y="283"/>
                      </a:lnTo>
                      <a:lnTo>
                        <a:pt x="562" y="278"/>
                      </a:lnTo>
                      <a:lnTo>
                        <a:pt x="560" y="274"/>
                      </a:lnTo>
                      <a:lnTo>
                        <a:pt x="560" y="269"/>
                      </a:lnTo>
                      <a:lnTo>
                        <a:pt x="560" y="267"/>
                      </a:lnTo>
                      <a:lnTo>
                        <a:pt x="558" y="264"/>
                      </a:lnTo>
                      <a:lnTo>
                        <a:pt x="558" y="262"/>
                      </a:lnTo>
                      <a:lnTo>
                        <a:pt x="558" y="261"/>
                      </a:lnTo>
                      <a:lnTo>
                        <a:pt x="558" y="257"/>
                      </a:lnTo>
                      <a:lnTo>
                        <a:pt x="558" y="256"/>
                      </a:lnTo>
                      <a:lnTo>
                        <a:pt x="556" y="252"/>
                      </a:lnTo>
                      <a:lnTo>
                        <a:pt x="556" y="249"/>
                      </a:lnTo>
                      <a:lnTo>
                        <a:pt x="555" y="247"/>
                      </a:lnTo>
                      <a:lnTo>
                        <a:pt x="551" y="245"/>
                      </a:lnTo>
                      <a:lnTo>
                        <a:pt x="548" y="242"/>
                      </a:lnTo>
                      <a:lnTo>
                        <a:pt x="545" y="239"/>
                      </a:lnTo>
                      <a:lnTo>
                        <a:pt x="541" y="232"/>
                      </a:lnTo>
                      <a:lnTo>
                        <a:pt x="538" y="227"/>
                      </a:lnTo>
                      <a:lnTo>
                        <a:pt x="534" y="223"/>
                      </a:lnTo>
                      <a:lnTo>
                        <a:pt x="533" y="220"/>
                      </a:lnTo>
                      <a:lnTo>
                        <a:pt x="533" y="218"/>
                      </a:lnTo>
                      <a:lnTo>
                        <a:pt x="521" y="222"/>
                      </a:lnTo>
                      <a:lnTo>
                        <a:pt x="514" y="222"/>
                      </a:lnTo>
                      <a:lnTo>
                        <a:pt x="509" y="222"/>
                      </a:lnTo>
                      <a:lnTo>
                        <a:pt x="507" y="220"/>
                      </a:lnTo>
                      <a:lnTo>
                        <a:pt x="506" y="217"/>
                      </a:lnTo>
                      <a:lnTo>
                        <a:pt x="506" y="215"/>
                      </a:lnTo>
                      <a:lnTo>
                        <a:pt x="507" y="215"/>
                      </a:lnTo>
                      <a:lnTo>
                        <a:pt x="507" y="213"/>
                      </a:lnTo>
                      <a:lnTo>
                        <a:pt x="497" y="206"/>
                      </a:lnTo>
                      <a:lnTo>
                        <a:pt x="484" y="191"/>
                      </a:lnTo>
                      <a:lnTo>
                        <a:pt x="467" y="179"/>
                      </a:lnTo>
                      <a:lnTo>
                        <a:pt x="465" y="179"/>
                      </a:lnTo>
                      <a:lnTo>
                        <a:pt x="463" y="176"/>
                      </a:lnTo>
                      <a:lnTo>
                        <a:pt x="458" y="173"/>
                      </a:lnTo>
                      <a:lnTo>
                        <a:pt x="455" y="168"/>
                      </a:lnTo>
                      <a:lnTo>
                        <a:pt x="450" y="162"/>
                      </a:lnTo>
                      <a:lnTo>
                        <a:pt x="446" y="157"/>
                      </a:lnTo>
                      <a:lnTo>
                        <a:pt x="445" y="154"/>
                      </a:lnTo>
                      <a:lnTo>
                        <a:pt x="443" y="152"/>
                      </a:lnTo>
                      <a:lnTo>
                        <a:pt x="433" y="144"/>
                      </a:lnTo>
                      <a:lnTo>
                        <a:pt x="424" y="139"/>
                      </a:lnTo>
                      <a:lnTo>
                        <a:pt x="418" y="132"/>
                      </a:lnTo>
                      <a:lnTo>
                        <a:pt x="411" y="129"/>
                      </a:lnTo>
                      <a:lnTo>
                        <a:pt x="404" y="125"/>
                      </a:lnTo>
                      <a:lnTo>
                        <a:pt x="399" y="124"/>
                      </a:lnTo>
                      <a:lnTo>
                        <a:pt x="396" y="124"/>
                      </a:lnTo>
                      <a:lnTo>
                        <a:pt x="394" y="122"/>
                      </a:lnTo>
                      <a:lnTo>
                        <a:pt x="377" y="122"/>
                      </a:lnTo>
                      <a:lnTo>
                        <a:pt x="367" y="122"/>
                      </a:lnTo>
                      <a:lnTo>
                        <a:pt x="360" y="127"/>
                      </a:lnTo>
                      <a:lnTo>
                        <a:pt x="355" y="132"/>
                      </a:lnTo>
                      <a:lnTo>
                        <a:pt x="355" y="139"/>
                      </a:lnTo>
                      <a:lnTo>
                        <a:pt x="355" y="144"/>
                      </a:lnTo>
                      <a:lnTo>
                        <a:pt x="357" y="147"/>
                      </a:lnTo>
                      <a:lnTo>
                        <a:pt x="357" y="149"/>
                      </a:lnTo>
                      <a:lnTo>
                        <a:pt x="350" y="147"/>
                      </a:lnTo>
                      <a:lnTo>
                        <a:pt x="342" y="149"/>
                      </a:lnTo>
                      <a:lnTo>
                        <a:pt x="335" y="152"/>
                      </a:lnTo>
                      <a:lnTo>
                        <a:pt x="330" y="156"/>
                      </a:lnTo>
                      <a:lnTo>
                        <a:pt x="325" y="161"/>
                      </a:lnTo>
                      <a:lnTo>
                        <a:pt x="320" y="164"/>
                      </a:lnTo>
                      <a:lnTo>
                        <a:pt x="316" y="168"/>
                      </a:lnTo>
                      <a:lnTo>
                        <a:pt x="316" y="169"/>
                      </a:lnTo>
                      <a:lnTo>
                        <a:pt x="309" y="176"/>
                      </a:lnTo>
                      <a:lnTo>
                        <a:pt x="306" y="178"/>
                      </a:lnTo>
                      <a:lnTo>
                        <a:pt x="304" y="178"/>
                      </a:lnTo>
                      <a:lnTo>
                        <a:pt x="304" y="176"/>
                      </a:lnTo>
                      <a:lnTo>
                        <a:pt x="304" y="174"/>
                      </a:lnTo>
                      <a:lnTo>
                        <a:pt x="306" y="171"/>
                      </a:lnTo>
                      <a:lnTo>
                        <a:pt x="308" y="169"/>
                      </a:lnTo>
                      <a:lnTo>
                        <a:pt x="308" y="168"/>
                      </a:lnTo>
                      <a:lnTo>
                        <a:pt x="306" y="168"/>
                      </a:lnTo>
                      <a:lnTo>
                        <a:pt x="306" y="169"/>
                      </a:lnTo>
                      <a:lnTo>
                        <a:pt x="303" y="173"/>
                      </a:lnTo>
                      <a:lnTo>
                        <a:pt x="299" y="174"/>
                      </a:lnTo>
                      <a:lnTo>
                        <a:pt x="298" y="178"/>
                      </a:lnTo>
                      <a:lnTo>
                        <a:pt x="294" y="179"/>
                      </a:lnTo>
                      <a:lnTo>
                        <a:pt x="293" y="181"/>
                      </a:lnTo>
                      <a:lnTo>
                        <a:pt x="291" y="183"/>
                      </a:lnTo>
                      <a:lnTo>
                        <a:pt x="284" y="181"/>
                      </a:lnTo>
                      <a:lnTo>
                        <a:pt x="277" y="181"/>
                      </a:lnTo>
                      <a:lnTo>
                        <a:pt x="271" y="183"/>
                      </a:lnTo>
                      <a:lnTo>
                        <a:pt x="265" y="186"/>
                      </a:lnTo>
                      <a:lnTo>
                        <a:pt x="260" y="188"/>
                      </a:lnTo>
                      <a:lnTo>
                        <a:pt x="257" y="190"/>
                      </a:lnTo>
                      <a:lnTo>
                        <a:pt x="254" y="191"/>
                      </a:lnTo>
                      <a:lnTo>
                        <a:pt x="247" y="184"/>
                      </a:lnTo>
                      <a:lnTo>
                        <a:pt x="243" y="179"/>
                      </a:lnTo>
                      <a:lnTo>
                        <a:pt x="245" y="179"/>
                      </a:lnTo>
                      <a:lnTo>
                        <a:pt x="249" y="181"/>
                      </a:lnTo>
                      <a:lnTo>
                        <a:pt x="252" y="184"/>
                      </a:lnTo>
                      <a:lnTo>
                        <a:pt x="255" y="186"/>
                      </a:lnTo>
                      <a:lnTo>
                        <a:pt x="257" y="186"/>
                      </a:lnTo>
                      <a:lnTo>
                        <a:pt x="257" y="176"/>
                      </a:lnTo>
                      <a:lnTo>
                        <a:pt x="247" y="162"/>
                      </a:lnTo>
                      <a:lnTo>
                        <a:pt x="218" y="140"/>
                      </a:lnTo>
                      <a:lnTo>
                        <a:pt x="232" y="142"/>
                      </a:lnTo>
                      <a:lnTo>
                        <a:pt x="238" y="144"/>
                      </a:lnTo>
                      <a:lnTo>
                        <a:pt x="238" y="142"/>
                      </a:lnTo>
                      <a:lnTo>
                        <a:pt x="235" y="140"/>
                      </a:lnTo>
                      <a:lnTo>
                        <a:pt x="230" y="137"/>
                      </a:lnTo>
                      <a:lnTo>
                        <a:pt x="223" y="135"/>
                      </a:lnTo>
                      <a:lnTo>
                        <a:pt x="218" y="132"/>
                      </a:lnTo>
                      <a:lnTo>
                        <a:pt x="216" y="132"/>
                      </a:lnTo>
                      <a:lnTo>
                        <a:pt x="223" y="117"/>
                      </a:lnTo>
                      <a:lnTo>
                        <a:pt x="205" y="120"/>
                      </a:lnTo>
                      <a:lnTo>
                        <a:pt x="205" y="122"/>
                      </a:lnTo>
                      <a:lnTo>
                        <a:pt x="206" y="125"/>
                      </a:lnTo>
                      <a:lnTo>
                        <a:pt x="206" y="127"/>
                      </a:lnTo>
                      <a:lnTo>
                        <a:pt x="206" y="130"/>
                      </a:lnTo>
                      <a:lnTo>
                        <a:pt x="208" y="134"/>
                      </a:lnTo>
                      <a:lnTo>
                        <a:pt x="208" y="135"/>
                      </a:lnTo>
                      <a:lnTo>
                        <a:pt x="201" y="130"/>
                      </a:lnTo>
                      <a:lnTo>
                        <a:pt x="193" y="127"/>
                      </a:lnTo>
                      <a:lnTo>
                        <a:pt x="186" y="124"/>
                      </a:lnTo>
                      <a:lnTo>
                        <a:pt x="179" y="122"/>
                      </a:lnTo>
                      <a:lnTo>
                        <a:pt x="172" y="118"/>
                      </a:lnTo>
                      <a:lnTo>
                        <a:pt x="164" y="117"/>
                      </a:lnTo>
                      <a:lnTo>
                        <a:pt x="159" y="115"/>
                      </a:lnTo>
                      <a:lnTo>
                        <a:pt x="152" y="115"/>
                      </a:lnTo>
                      <a:lnTo>
                        <a:pt x="147" y="113"/>
                      </a:lnTo>
                      <a:lnTo>
                        <a:pt x="142" y="113"/>
                      </a:lnTo>
                      <a:lnTo>
                        <a:pt x="137" y="113"/>
                      </a:lnTo>
                      <a:lnTo>
                        <a:pt x="133" y="113"/>
                      </a:lnTo>
                      <a:lnTo>
                        <a:pt x="130" y="113"/>
                      </a:lnTo>
                      <a:lnTo>
                        <a:pt x="128" y="113"/>
                      </a:lnTo>
                      <a:lnTo>
                        <a:pt x="127" y="113"/>
                      </a:lnTo>
                      <a:lnTo>
                        <a:pt x="128" y="113"/>
                      </a:lnTo>
                      <a:lnTo>
                        <a:pt x="130" y="112"/>
                      </a:lnTo>
                      <a:lnTo>
                        <a:pt x="133" y="112"/>
                      </a:lnTo>
                      <a:lnTo>
                        <a:pt x="137" y="112"/>
                      </a:lnTo>
                      <a:lnTo>
                        <a:pt x="140" y="110"/>
                      </a:lnTo>
                      <a:lnTo>
                        <a:pt x="142" y="110"/>
                      </a:lnTo>
                      <a:lnTo>
                        <a:pt x="144" y="110"/>
                      </a:lnTo>
                      <a:lnTo>
                        <a:pt x="157" y="110"/>
                      </a:lnTo>
                      <a:lnTo>
                        <a:pt x="164" y="108"/>
                      </a:lnTo>
                      <a:lnTo>
                        <a:pt x="162" y="105"/>
                      </a:lnTo>
                      <a:lnTo>
                        <a:pt x="155" y="105"/>
                      </a:lnTo>
                      <a:lnTo>
                        <a:pt x="149" y="103"/>
                      </a:lnTo>
                      <a:lnTo>
                        <a:pt x="145" y="102"/>
                      </a:lnTo>
                      <a:lnTo>
                        <a:pt x="142" y="102"/>
                      </a:lnTo>
                      <a:lnTo>
                        <a:pt x="111" y="108"/>
                      </a:lnTo>
                      <a:lnTo>
                        <a:pt x="101" y="113"/>
                      </a:lnTo>
                      <a:lnTo>
                        <a:pt x="98" y="115"/>
                      </a:lnTo>
                      <a:lnTo>
                        <a:pt x="95" y="115"/>
                      </a:lnTo>
                      <a:lnTo>
                        <a:pt x="89" y="115"/>
                      </a:lnTo>
                      <a:lnTo>
                        <a:pt x="86" y="115"/>
                      </a:lnTo>
                      <a:lnTo>
                        <a:pt x="81" y="115"/>
                      </a:lnTo>
                      <a:lnTo>
                        <a:pt x="79" y="117"/>
                      </a:lnTo>
                      <a:lnTo>
                        <a:pt x="78" y="117"/>
                      </a:lnTo>
                      <a:lnTo>
                        <a:pt x="64" y="122"/>
                      </a:lnTo>
                      <a:lnTo>
                        <a:pt x="56" y="125"/>
                      </a:lnTo>
                      <a:lnTo>
                        <a:pt x="52" y="125"/>
                      </a:lnTo>
                      <a:lnTo>
                        <a:pt x="54" y="124"/>
                      </a:lnTo>
                      <a:lnTo>
                        <a:pt x="57" y="122"/>
                      </a:lnTo>
                      <a:lnTo>
                        <a:pt x="62" y="118"/>
                      </a:lnTo>
                      <a:lnTo>
                        <a:pt x="66" y="117"/>
                      </a:lnTo>
                      <a:lnTo>
                        <a:pt x="67" y="115"/>
                      </a:lnTo>
                      <a:lnTo>
                        <a:pt x="73" y="110"/>
                      </a:lnTo>
                      <a:lnTo>
                        <a:pt x="74" y="107"/>
                      </a:lnTo>
                      <a:lnTo>
                        <a:pt x="74" y="105"/>
                      </a:lnTo>
                      <a:lnTo>
                        <a:pt x="71" y="105"/>
                      </a:lnTo>
                      <a:lnTo>
                        <a:pt x="67" y="105"/>
                      </a:lnTo>
                      <a:lnTo>
                        <a:pt x="64" y="107"/>
                      </a:lnTo>
                      <a:lnTo>
                        <a:pt x="61" y="107"/>
                      </a:lnTo>
                      <a:lnTo>
                        <a:pt x="59" y="107"/>
                      </a:lnTo>
                      <a:lnTo>
                        <a:pt x="51" y="100"/>
                      </a:lnTo>
                      <a:lnTo>
                        <a:pt x="45" y="96"/>
                      </a:lnTo>
                      <a:lnTo>
                        <a:pt x="44" y="98"/>
                      </a:lnTo>
                      <a:lnTo>
                        <a:pt x="44" y="102"/>
                      </a:lnTo>
                      <a:lnTo>
                        <a:pt x="45" y="105"/>
                      </a:lnTo>
                      <a:lnTo>
                        <a:pt x="49" y="110"/>
                      </a:lnTo>
                      <a:lnTo>
                        <a:pt x="51" y="113"/>
                      </a:lnTo>
                      <a:lnTo>
                        <a:pt x="51" y="115"/>
                      </a:lnTo>
                      <a:lnTo>
                        <a:pt x="44" y="122"/>
                      </a:lnTo>
                      <a:lnTo>
                        <a:pt x="37" y="130"/>
                      </a:lnTo>
                      <a:lnTo>
                        <a:pt x="35" y="132"/>
                      </a:lnTo>
                      <a:lnTo>
                        <a:pt x="32" y="132"/>
                      </a:lnTo>
                      <a:lnTo>
                        <a:pt x="29" y="134"/>
                      </a:lnTo>
                      <a:lnTo>
                        <a:pt x="27" y="135"/>
                      </a:lnTo>
                      <a:lnTo>
                        <a:pt x="23" y="137"/>
                      </a:lnTo>
                      <a:lnTo>
                        <a:pt x="22" y="137"/>
                      </a:lnTo>
                      <a:lnTo>
                        <a:pt x="27" y="130"/>
                      </a:lnTo>
                      <a:lnTo>
                        <a:pt x="29" y="127"/>
                      </a:lnTo>
                      <a:lnTo>
                        <a:pt x="30" y="122"/>
                      </a:lnTo>
                      <a:lnTo>
                        <a:pt x="29" y="120"/>
                      </a:lnTo>
                      <a:lnTo>
                        <a:pt x="27" y="117"/>
                      </a:lnTo>
                      <a:lnTo>
                        <a:pt x="25" y="117"/>
                      </a:lnTo>
                      <a:lnTo>
                        <a:pt x="23" y="115"/>
                      </a:lnTo>
                      <a:lnTo>
                        <a:pt x="23" y="117"/>
                      </a:lnTo>
                      <a:lnTo>
                        <a:pt x="23" y="115"/>
                      </a:lnTo>
                      <a:lnTo>
                        <a:pt x="23" y="113"/>
                      </a:lnTo>
                      <a:lnTo>
                        <a:pt x="23" y="112"/>
                      </a:lnTo>
                      <a:lnTo>
                        <a:pt x="22" y="108"/>
                      </a:lnTo>
                      <a:lnTo>
                        <a:pt x="22" y="107"/>
                      </a:lnTo>
                      <a:lnTo>
                        <a:pt x="22" y="105"/>
                      </a:lnTo>
                      <a:lnTo>
                        <a:pt x="25" y="100"/>
                      </a:lnTo>
                      <a:lnTo>
                        <a:pt x="25" y="93"/>
                      </a:lnTo>
                      <a:lnTo>
                        <a:pt x="22" y="88"/>
                      </a:lnTo>
                      <a:lnTo>
                        <a:pt x="17" y="83"/>
                      </a:lnTo>
                      <a:lnTo>
                        <a:pt x="12" y="80"/>
                      </a:lnTo>
                      <a:lnTo>
                        <a:pt x="7" y="74"/>
                      </a:lnTo>
                      <a:lnTo>
                        <a:pt x="3" y="73"/>
                      </a:lnTo>
                      <a:lnTo>
                        <a:pt x="1" y="73"/>
                      </a:lnTo>
                      <a:lnTo>
                        <a:pt x="0" y="51"/>
                      </a:lnTo>
                      <a:lnTo>
                        <a:pt x="276" y="24"/>
                      </a:lnTo>
                      <a:lnTo>
                        <a:pt x="293" y="56"/>
                      </a:lnTo>
                      <a:lnTo>
                        <a:pt x="572" y="37"/>
                      </a:lnTo>
                      <a:lnTo>
                        <a:pt x="582" y="59"/>
                      </a:lnTo>
                      <a:lnTo>
                        <a:pt x="597" y="59"/>
                      </a:lnTo>
                      <a:lnTo>
                        <a:pt x="597" y="58"/>
                      </a:lnTo>
                      <a:lnTo>
                        <a:pt x="595" y="54"/>
                      </a:lnTo>
                      <a:lnTo>
                        <a:pt x="595" y="51"/>
                      </a:lnTo>
                      <a:lnTo>
                        <a:pt x="595" y="46"/>
                      </a:lnTo>
                      <a:lnTo>
                        <a:pt x="594" y="41"/>
                      </a:lnTo>
                      <a:lnTo>
                        <a:pt x="594" y="36"/>
                      </a:lnTo>
                      <a:lnTo>
                        <a:pt x="594" y="32"/>
                      </a:lnTo>
                      <a:lnTo>
                        <a:pt x="594" y="30"/>
                      </a:lnTo>
                      <a:lnTo>
                        <a:pt x="589" y="22"/>
                      </a:lnTo>
                      <a:lnTo>
                        <a:pt x="589" y="14"/>
                      </a:lnTo>
                      <a:lnTo>
                        <a:pt x="589" y="8"/>
                      </a:lnTo>
                      <a:lnTo>
                        <a:pt x="592" y="5"/>
                      </a:lnTo>
                      <a:lnTo>
                        <a:pt x="595" y="2"/>
                      </a:lnTo>
                      <a:lnTo>
                        <a:pt x="597" y="0"/>
                      </a:lnTo>
                      <a:lnTo>
                        <a:pt x="600" y="0"/>
                      </a:lnTo>
                      <a:lnTo>
                        <a:pt x="602" y="0"/>
                      </a:lnTo>
                      <a:lnTo>
                        <a:pt x="607" y="3"/>
                      </a:lnTo>
                      <a:lnTo>
                        <a:pt x="616" y="5"/>
                      </a:lnTo>
                      <a:lnTo>
                        <a:pt x="622" y="7"/>
                      </a:lnTo>
                      <a:lnTo>
                        <a:pt x="629" y="8"/>
                      </a:lnTo>
                      <a:lnTo>
                        <a:pt x="636" y="8"/>
                      </a:lnTo>
                      <a:lnTo>
                        <a:pt x="639" y="8"/>
                      </a:lnTo>
                      <a:lnTo>
                        <a:pt x="643" y="8"/>
                      </a:lnTo>
                      <a:lnTo>
                        <a:pt x="644" y="8"/>
                      </a:lnTo>
                      <a:lnTo>
                        <a:pt x="650" y="14"/>
                      </a:lnTo>
                    </a:path>
                  </a:pathLst>
                </a:custGeom>
                <a:solidFill>
                  <a:srgbClr val="C0000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54" name="Freeform 19"/>
                <p:cNvSpPr>
                  <a:spLocks/>
                </p:cNvSpPr>
                <p:nvPr/>
              </p:nvSpPr>
              <p:spPr bwMode="auto">
                <a:xfrm>
                  <a:off x="4568" y="3099"/>
                  <a:ext cx="95" cy="174"/>
                </a:xfrm>
                <a:custGeom>
                  <a:avLst/>
                  <a:gdLst>
                    <a:gd name="T0" fmla="*/ 34 w 95"/>
                    <a:gd name="T1" fmla="*/ 32 h 174"/>
                    <a:gd name="T2" fmla="*/ 0 w 95"/>
                    <a:gd name="T3" fmla="*/ 0 h 174"/>
                    <a:gd name="T4" fmla="*/ 2 w 95"/>
                    <a:gd name="T5" fmla="*/ 7 h 174"/>
                    <a:gd name="T6" fmla="*/ 29 w 95"/>
                    <a:gd name="T7" fmla="*/ 37 h 174"/>
                    <a:gd name="T8" fmla="*/ 27 w 95"/>
                    <a:gd name="T9" fmla="*/ 40 h 174"/>
                    <a:gd name="T10" fmla="*/ 25 w 95"/>
                    <a:gd name="T11" fmla="*/ 40 h 174"/>
                    <a:gd name="T12" fmla="*/ 24 w 95"/>
                    <a:gd name="T13" fmla="*/ 39 h 174"/>
                    <a:gd name="T14" fmla="*/ 20 w 95"/>
                    <a:gd name="T15" fmla="*/ 39 h 174"/>
                    <a:gd name="T16" fmla="*/ 17 w 95"/>
                    <a:gd name="T17" fmla="*/ 37 h 174"/>
                    <a:gd name="T18" fmla="*/ 15 w 95"/>
                    <a:gd name="T19" fmla="*/ 37 h 174"/>
                    <a:gd name="T20" fmla="*/ 15 w 95"/>
                    <a:gd name="T21" fmla="*/ 39 h 174"/>
                    <a:gd name="T22" fmla="*/ 17 w 95"/>
                    <a:gd name="T23" fmla="*/ 42 h 174"/>
                    <a:gd name="T24" fmla="*/ 24 w 95"/>
                    <a:gd name="T25" fmla="*/ 49 h 174"/>
                    <a:gd name="T26" fmla="*/ 25 w 95"/>
                    <a:gd name="T27" fmla="*/ 49 h 174"/>
                    <a:gd name="T28" fmla="*/ 29 w 95"/>
                    <a:gd name="T29" fmla="*/ 49 h 174"/>
                    <a:gd name="T30" fmla="*/ 32 w 95"/>
                    <a:gd name="T31" fmla="*/ 47 h 174"/>
                    <a:gd name="T32" fmla="*/ 34 w 95"/>
                    <a:gd name="T33" fmla="*/ 45 h 174"/>
                    <a:gd name="T34" fmla="*/ 34 w 95"/>
                    <a:gd name="T35" fmla="*/ 45 h 174"/>
                    <a:gd name="T36" fmla="*/ 36 w 95"/>
                    <a:gd name="T37" fmla="*/ 45 h 174"/>
                    <a:gd name="T38" fmla="*/ 37 w 95"/>
                    <a:gd name="T39" fmla="*/ 47 h 174"/>
                    <a:gd name="T40" fmla="*/ 39 w 95"/>
                    <a:gd name="T41" fmla="*/ 49 h 174"/>
                    <a:gd name="T42" fmla="*/ 41 w 95"/>
                    <a:gd name="T43" fmla="*/ 54 h 174"/>
                    <a:gd name="T44" fmla="*/ 41 w 95"/>
                    <a:gd name="T45" fmla="*/ 61 h 174"/>
                    <a:gd name="T46" fmla="*/ 42 w 95"/>
                    <a:gd name="T47" fmla="*/ 73 h 174"/>
                    <a:gd name="T48" fmla="*/ 42 w 95"/>
                    <a:gd name="T49" fmla="*/ 89 h 174"/>
                    <a:gd name="T50" fmla="*/ 42 w 95"/>
                    <a:gd name="T51" fmla="*/ 91 h 174"/>
                    <a:gd name="T52" fmla="*/ 44 w 95"/>
                    <a:gd name="T53" fmla="*/ 93 h 174"/>
                    <a:gd name="T54" fmla="*/ 46 w 95"/>
                    <a:gd name="T55" fmla="*/ 96 h 174"/>
                    <a:gd name="T56" fmla="*/ 47 w 95"/>
                    <a:gd name="T57" fmla="*/ 101 h 174"/>
                    <a:gd name="T58" fmla="*/ 47 w 95"/>
                    <a:gd name="T59" fmla="*/ 105 h 174"/>
                    <a:gd name="T60" fmla="*/ 49 w 95"/>
                    <a:gd name="T61" fmla="*/ 108 h 174"/>
                    <a:gd name="T62" fmla="*/ 51 w 95"/>
                    <a:gd name="T63" fmla="*/ 110 h 174"/>
                    <a:gd name="T64" fmla="*/ 51 w 95"/>
                    <a:gd name="T65" fmla="*/ 111 h 174"/>
                    <a:gd name="T66" fmla="*/ 69 w 95"/>
                    <a:gd name="T67" fmla="*/ 135 h 174"/>
                    <a:gd name="T68" fmla="*/ 88 w 95"/>
                    <a:gd name="T69" fmla="*/ 174 h 174"/>
                    <a:gd name="T70" fmla="*/ 95 w 95"/>
                    <a:gd name="T71" fmla="*/ 171 h 174"/>
                    <a:gd name="T72" fmla="*/ 73 w 95"/>
                    <a:gd name="T73" fmla="*/ 133 h 174"/>
                    <a:gd name="T74" fmla="*/ 73 w 95"/>
                    <a:gd name="T75" fmla="*/ 132 h 174"/>
                    <a:gd name="T76" fmla="*/ 71 w 95"/>
                    <a:gd name="T77" fmla="*/ 132 h 174"/>
                    <a:gd name="T78" fmla="*/ 69 w 95"/>
                    <a:gd name="T79" fmla="*/ 130 h 174"/>
                    <a:gd name="T80" fmla="*/ 68 w 95"/>
                    <a:gd name="T81" fmla="*/ 127 h 174"/>
                    <a:gd name="T82" fmla="*/ 66 w 95"/>
                    <a:gd name="T83" fmla="*/ 123 h 174"/>
                    <a:gd name="T84" fmla="*/ 63 w 95"/>
                    <a:gd name="T85" fmla="*/ 120 h 174"/>
                    <a:gd name="T86" fmla="*/ 61 w 95"/>
                    <a:gd name="T87" fmla="*/ 117 h 174"/>
                    <a:gd name="T88" fmla="*/ 58 w 95"/>
                    <a:gd name="T89" fmla="*/ 111 h 174"/>
                    <a:gd name="T90" fmla="*/ 56 w 95"/>
                    <a:gd name="T91" fmla="*/ 106 h 174"/>
                    <a:gd name="T92" fmla="*/ 52 w 95"/>
                    <a:gd name="T93" fmla="*/ 101 h 174"/>
                    <a:gd name="T94" fmla="*/ 51 w 95"/>
                    <a:gd name="T95" fmla="*/ 96 h 174"/>
                    <a:gd name="T96" fmla="*/ 49 w 95"/>
                    <a:gd name="T97" fmla="*/ 89 h 174"/>
                    <a:gd name="T98" fmla="*/ 47 w 95"/>
                    <a:gd name="T99" fmla="*/ 83 h 174"/>
                    <a:gd name="T100" fmla="*/ 47 w 95"/>
                    <a:gd name="T101" fmla="*/ 78 h 174"/>
                    <a:gd name="T102" fmla="*/ 47 w 95"/>
                    <a:gd name="T103" fmla="*/ 71 h 174"/>
                    <a:gd name="T104" fmla="*/ 49 w 95"/>
                    <a:gd name="T105" fmla="*/ 64 h 174"/>
                    <a:gd name="T106" fmla="*/ 49 w 95"/>
                    <a:gd name="T107" fmla="*/ 62 h 174"/>
                    <a:gd name="T108" fmla="*/ 49 w 95"/>
                    <a:gd name="T109" fmla="*/ 61 h 174"/>
                    <a:gd name="T110" fmla="*/ 47 w 95"/>
                    <a:gd name="T111" fmla="*/ 57 h 174"/>
                    <a:gd name="T112" fmla="*/ 47 w 95"/>
                    <a:gd name="T113" fmla="*/ 54 h 174"/>
                    <a:gd name="T114" fmla="*/ 46 w 95"/>
                    <a:gd name="T115" fmla="*/ 52 h 174"/>
                    <a:gd name="T116" fmla="*/ 46 w 95"/>
                    <a:gd name="T117" fmla="*/ 49 h 174"/>
                    <a:gd name="T118" fmla="*/ 44 w 95"/>
                    <a:gd name="T119" fmla="*/ 47 h 174"/>
                    <a:gd name="T120" fmla="*/ 44 w 95"/>
                    <a:gd name="T121" fmla="*/ 47 h 174"/>
                    <a:gd name="T122" fmla="*/ 39 w 95"/>
                    <a:gd name="T123" fmla="*/ 39 h 174"/>
                    <a:gd name="T124" fmla="*/ 34 w 95"/>
                    <a:gd name="T125" fmla="*/ 32 h 174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60000 65536"/>
                    <a:gd name="T187" fmla="*/ 0 60000 65536"/>
                    <a:gd name="T188" fmla="*/ 0 60000 65536"/>
                    <a:gd name="T189" fmla="*/ 0 w 95"/>
                    <a:gd name="T190" fmla="*/ 0 h 174"/>
                    <a:gd name="T191" fmla="*/ 95 w 95"/>
                    <a:gd name="T192" fmla="*/ 174 h 174"/>
                  </a:gdLst>
                  <a:ahLst/>
                  <a:cxnLst>
                    <a:cxn ang="T126">
                      <a:pos x="T0" y="T1"/>
                    </a:cxn>
                    <a:cxn ang="T127">
                      <a:pos x="T2" y="T3"/>
                    </a:cxn>
                    <a:cxn ang="T128">
                      <a:pos x="T4" y="T5"/>
                    </a:cxn>
                    <a:cxn ang="T129">
                      <a:pos x="T6" y="T7"/>
                    </a:cxn>
                    <a:cxn ang="T130">
                      <a:pos x="T8" y="T9"/>
                    </a:cxn>
                    <a:cxn ang="T131">
                      <a:pos x="T10" y="T11"/>
                    </a:cxn>
                    <a:cxn ang="T132">
                      <a:pos x="T12" y="T13"/>
                    </a:cxn>
                    <a:cxn ang="T133">
                      <a:pos x="T14" y="T15"/>
                    </a:cxn>
                    <a:cxn ang="T134">
                      <a:pos x="T16" y="T17"/>
                    </a:cxn>
                    <a:cxn ang="T135">
                      <a:pos x="T18" y="T19"/>
                    </a:cxn>
                    <a:cxn ang="T136">
                      <a:pos x="T20" y="T21"/>
                    </a:cxn>
                    <a:cxn ang="T137">
                      <a:pos x="T22" y="T23"/>
                    </a:cxn>
                    <a:cxn ang="T138">
                      <a:pos x="T24" y="T25"/>
                    </a:cxn>
                    <a:cxn ang="T139">
                      <a:pos x="T26" y="T27"/>
                    </a:cxn>
                    <a:cxn ang="T140">
                      <a:pos x="T28" y="T29"/>
                    </a:cxn>
                    <a:cxn ang="T141">
                      <a:pos x="T30" y="T31"/>
                    </a:cxn>
                    <a:cxn ang="T142">
                      <a:pos x="T32" y="T33"/>
                    </a:cxn>
                    <a:cxn ang="T143">
                      <a:pos x="T34" y="T35"/>
                    </a:cxn>
                    <a:cxn ang="T144">
                      <a:pos x="T36" y="T37"/>
                    </a:cxn>
                    <a:cxn ang="T145">
                      <a:pos x="T38" y="T39"/>
                    </a:cxn>
                    <a:cxn ang="T146">
                      <a:pos x="T40" y="T41"/>
                    </a:cxn>
                    <a:cxn ang="T147">
                      <a:pos x="T42" y="T43"/>
                    </a:cxn>
                    <a:cxn ang="T148">
                      <a:pos x="T44" y="T45"/>
                    </a:cxn>
                    <a:cxn ang="T149">
                      <a:pos x="T46" y="T47"/>
                    </a:cxn>
                    <a:cxn ang="T150">
                      <a:pos x="T48" y="T49"/>
                    </a:cxn>
                    <a:cxn ang="T151">
                      <a:pos x="T50" y="T51"/>
                    </a:cxn>
                    <a:cxn ang="T152">
                      <a:pos x="T52" y="T53"/>
                    </a:cxn>
                    <a:cxn ang="T153">
                      <a:pos x="T54" y="T55"/>
                    </a:cxn>
                    <a:cxn ang="T154">
                      <a:pos x="T56" y="T57"/>
                    </a:cxn>
                    <a:cxn ang="T155">
                      <a:pos x="T58" y="T59"/>
                    </a:cxn>
                    <a:cxn ang="T156">
                      <a:pos x="T60" y="T61"/>
                    </a:cxn>
                    <a:cxn ang="T157">
                      <a:pos x="T62" y="T63"/>
                    </a:cxn>
                    <a:cxn ang="T158">
                      <a:pos x="T64" y="T65"/>
                    </a:cxn>
                    <a:cxn ang="T159">
                      <a:pos x="T66" y="T67"/>
                    </a:cxn>
                    <a:cxn ang="T160">
                      <a:pos x="T68" y="T69"/>
                    </a:cxn>
                    <a:cxn ang="T161">
                      <a:pos x="T70" y="T71"/>
                    </a:cxn>
                    <a:cxn ang="T162">
                      <a:pos x="T72" y="T73"/>
                    </a:cxn>
                    <a:cxn ang="T163">
                      <a:pos x="T74" y="T75"/>
                    </a:cxn>
                    <a:cxn ang="T164">
                      <a:pos x="T76" y="T77"/>
                    </a:cxn>
                    <a:cxn ang="T165">
                      <a:pos x="T78" y="T79"/>
                    </a:cxn>
                    <a:cxn ang="T166">
                      <a:pos x="T80" y="T81"/>
                    </a:cxn>
                    <a:cxn ang="T167">
                      <a:pos x="T82" y="T83"/>
                    </a:cxn>
                    <a:cxn ang="T168">
                      <a:pos x="T84" y="T85"/>
                    </a:cxn>
                    <a:cxn ang="T169">
                      <a:pos x="T86" y="T87"/>
                    </a:cxn>
                    <a:cxn ang="T170">
                      <a:pos x="T88" y="T89"/>
                    </a:cxn>
                    <a:cxn ang="T171">
                      <a:pos x="T90" y="T91"/>
                    </a:cxn>
                    <a:cxn ang="T172">
                      <a:pos x="T92" y="T93"/>
                    </a:cxn>
                    <a:cxn ang="T173">
                      <a:pos x="T94" y="T95"/>
                    </a:cxn>
                    <a:cxn ang="T174">
                      <a:pos x="T96" y="T97"/>
                    </a:cxn>
                    <a:cxn ang="T175">
                      <a:pos x="T98" y="T99"/>
                    </a:cxn>
                    <a:cxn ang="T176">
                      <a:pos x="T100" y="T101"/>
                    </a:cxn>
                    <a:cxn ang="T177">
                      <a:pos x="T102" y="T103"/>
                    </a:cxn>
                    <a:cxn ang="T178">
                      <a:pos x="T104" y="T105"/>
                    </a:cxn>
                    <a:cxn ang="T179">
                      <a:pos x="T106" y="T107"/>
                    </a:cxn>
                    <a:cxn ang="T180">
                      <a:pos x="T108" y="T109"/>
                    </a:cxn>
                    <a:cxn ang="T181">
                      <a:pos x="T110" y="T111"/>
                    </a:cxn>
                    <a:cxn ang="T182">
                      <a:pos x="T112" y="T113"/>
                    </a:cxn>
                    <a:cxn ang="T183">
                      <a:pos x="T114" y="T115"/>
                    </a:cxn>
                    <a:cxn ang="T184">
                      <a:pos x="T116" y="T117"/>
                    </a:cxn>
                    <a:cxn ang="T185">
                      <a:pos x="T118" y="T119"/>
                    </a:cxn>
                    <a:cxn ang="T186">
                      <a:pos x="T120" y="T121"/>
                    </a:cxn>
                    <a:cxn ang="T187">
                      <a:pos x="T122" y="T123"/>
                    </a:cxn>
                    <a:cxn ang="T188">
                      <a:pos x="T124" y="T125"/>
                    </a:cxn>
                  </a:cxnLst>
                  <a:rect l="T189" t="T190" r="T191" b="T192"/>
                  <a:pathLst>
                    <a:path w="95" h="174">
                      <a:moveTo>
                        <a:pt x="34" y="32"/>
                      </a:moveTo>
                      <a:lnTo>
                        <a:pt x="0" y="0"/>
                      </a:lnTo>
                      <a:lnTo>
                        <a:pt x="2" y="7"/>
                      </a:lnTo>
                      <a:lnTo>
                        <a:pt x="29" y="37"/>
                      </a:lnTo>
                      <a:lnTo>
                        <a:pt x="27" y="40"/>
                      </a:lnTo>
                      <a:lnTo>
                        <a:pt x="25" y="40"/>
                      </a:lnTo>
                      <a:lnTo>
                        <a:pt x="24" y="39"/>
                      </a:lnTo>
                      <a:lnTo>
                        <a:pt x="20" y="39"/>
                      </a:lnTo>
                      <a:lnTo>
                        <a:pt x="17" y="37"/>
                      </a:lnTo>
                      <a:lnTo>
                        <a:pt x="15" y="37"/>
                      </a:lnTo>
                      <a:lnTo>
                        <a:pt x="15" y="39"/>
                      </a:lnTo>
                      <a:lnTo>
                        <a:pt x="17" y="42"/>
                      </a:lnTo>
                      <a:lnTo>
                        <a:pt x="24" y="49"/>
                      </a:lnTo>
                      <a:lnTo>
                        <a:pt x="25" y="49"/>
                      </a:lnTo>
                      <a:lnTo>
                        <a:pt x="29" y="49"/>
                      </a:lnTo>
                      <a:lnTo>
                        <a:pt x="32" y="47"/>
                      </a:lnTo>
                      <a:lnTo>
                        <a:pt x="34" y="45"/>
                      </a:lnTo>
                      <a:lnTo>
                        <a:pt x="36" y="45"/>
                      </a:lnTo>
                      <a:lnTo>
                        <a:pt x="37" y="47"/>
                      </a:lnTo>
                      <a:lnTo>
                        <a:pt x="39" y="49"/>
                      </a:lnTo>
                      <a:lnTo>
                        <a:pt x="41" y="54"/>
                      </a:lnTo>
                      <a:lnTo>
                        <a:pt x="41" y="61"/>
                      </a:lnTo>
                      <a:lnTo>
                        <a:pt x="42" y="73"/>
                      </a:lnTo>
                      <a:lnTo>
                        <a:pt x="42" y="89"/>
                      </a:lnTo>
                      <a:lnTo>
                        <a:pt x="42" y="91"/>
                      </a:lnTo>
                      <a:lnTo>
                        <a:pt x="44" y="93"/>
                      </a:lnTo>
                      <a:lnTo>
                        <a:pt x="46" y="96"/>
                      </a:lnTo>
                      <a:lnTo>
                        <a:pt x="47" y="101"/>
                      </a:lnTo>
                      <a:lnTo>
                        <a:pt x="47" y="105"/>
                      </a:lnTo>
                      <a:lnTo>
                        <a:pt x="49" y="108"/>
                      </a:lnTo>
                      <a:lnTo>
                        <a:pt x="51" y="110"/>
                      </a:lnTo>
                      <a:lnTo>
                        <a:pt x="51" y="111"/>
                      </a:lnTo>
                      <a:lnTo>
                        <a:pt x="69" y="135"/>
                      </a:lnTo>
                      <a:lnTo>
                        <a:pt x="88" y="174"/>
                      </a:lnTo>
                      <a:lnTo>
                        <a:pt x="95" y="171"/>
                      </a:lnTo>
                      <a:lnTo>
                        <a:pt x="73" y="133"/>
                      </a:lnTo>
                      <a:lnTo>
                        <a:pt x="73" y="132"/>
                      </a:lnTo>
                      <a:lnTo>
                        <a:pt x="71" y="132"/>
                      </a:lnTo>
                      <a:lnTo>
                        <a:pt x="69" y="130"/>
                      </a:lnTo>
                      <a:lnTo>
                        <a:pt x="68" y="127"/>
                      </a:lnTo>
                      <a:lnTo>
                        <a:pt x="66" y="123"/>
                      </a:lnTo>
                      <a:lnTo>
                        <a:pt x="63" y="120"/>
                      </a:lnTo>
                      <a:lnTo>
                        <a:pt x="61" y="117"/>
                      </a:lnTo>
                      <a:lnTo>
                        <a:pt x="58" y="111"/>
                      </a:lnTo>
                      <a:lnTo>
                        <a:pt x="56" y="106"/>
                      </a:lnTo>
                      <a:lnTo>
                        <a:pt x="52" y="101"/>
                      </a:lnTo>
                      <a:lnTo>
                        <a:pt x="51" y="96"/>
                      </a:lnTo>
                      <a:lnTo>
                        <a:pt x="49" y="89"/>
                      </a:lnTo>
                      <a:lnTo>
                        <a:pt x="47" y="83"/>
                      </a:lnTo>
                      <a:lnTo>
                        <a:pt x="47" y="78"/>
                      </a:lnTo>
                      <a:lnTo>
                        <a:pt x="47" y="71"/>
                      </a:lnTo>
                      <a:lnTo>
                        <a:pt x="49" y="64"/>
                      </a:lnTo>
                      <a:lnTo>
                        <a:pt x="49" y="62"/>
                      </a:lnTo>
                      <a:lnTo>
                        <a:pt x="49" y="61"/>
                      </a:lnTo>
                      <a:lnTo>
                        <a:pt x="47" y="57"/>
                      </a:lnTo>
                      <a:lnTo>
                        <a:pt x="47" y="54"/>
                      </a:lnTo>
                      <a:lnTo>
                        <a:pt x="46" y="52"/>
                      </a:lnTo>
                      <a:lnTo>
                        <a:pt x="46" y="49"/>
                      </a:lnTo>
                      <a:lnTo>
                        <a:pt x="44" y="47"/>
                      </a:lnTo>
                      <a:lnTo>
                        <a:pt x="39" y="39"/>
                      </a:lnTo>
                      <a:lnTo>
                        <a:pt x="34" y="32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55" name="Freeform 20"/>
                <p:cNvSpPr>
                  <a:spLocks/>
                </p:cNvSpPr>
                <p:nvPr/>
              </p:nvSpPr>
              <p:spPr bwMode="auto">
                <a:xfrm>
                  <a:off x="4568" y="3099"/>
                  <a:ext cx="95" cy="174"/>
                </a:xfrm>
                <a:custGeom>
                  <a:avLst/>
                  <a:gdLst>
                    <a:gd name="T0" fmla="*/ 0 w 95"/>
                    <a:gd name="T1" fmla="*/ 0 h 174"/>
                    <a:gd name="T2" fmla="*/ 29 w 95"/>
                    <a:gd name="T3" fmla="*/ 37 h 174"/>
                    <a:gd name="T4" fmla="*/ 27 w 95"/>
                    <a:gd name="T5" fmla="*/ 40 h 174"/>
                    <a:gd name="T6" fmla="*/ 24 w 95"/>
                    <a:gd name="T7" fmla="*/ 39 h 174"/>
                    <a:gd name="T8" fmla="*/ 17 w 95"/>
                    <a:gd name="T9" fmla="*/ 37 h 174"/>
                    <a:gd name="T10" fmla="*/ 15 w 95"/>
                    <a:gd name="T11" fmla="*/ 39 h 174"/>
                    <a:gd name="T12" fmla="*/ 24 w 95"/>
                    <a:gd name="T13" fmla="*/ 49 h 174"/>
                    <a:gd name="T14" fmla="*/ 25 w 95"/>
                    <a:gd name="T15" fmla="*/ 49 h 174"/>
                    <a:gd name="T16" fmla="*/ 32 w 95"/>
                    <a:gd name="T17" fmla="*/ 47 h 174"/>
                    <a:gd name="T18" fmla="*/ 34 w 95"/>
                    <a:gd name="T19" fmla="*/ 45 h 174"/>
                    <a:gd name="T20" fmla="*/ 36 w 95"/>
                    <a:gd name="T21" fmla="*/ 45 h 174"/>
                    <a:gd name="T22" fmla="*/ 39 w 95"/>
                    <a:gd name="T23" fmla="*/ 49 h 174"/>
                    <a:gd name="T24" fmla="*/ 41 w 95"/>
                    <a:gd name="T25" fmla="*/ 61 h 174"/>
                    <a:gd name="T26" fmla="*/ 42 w 95"/>
                    <a:gd name="T27" fmla="*/ 89 h 174"/>
                    <a:gd name="T28" fmla="*/ 42 w 95"/>
                    <a:gd name="T29" fmla="*/ 91 h 174"/>
                    <a:gd name="T30" fmla="*/ 46 w 95"/>
                    <a:gd name="T31" fmla="*/ 96 h 174"/>
                    <a:gd name="T32" fmla="*/ 47 w 95"/>
                    <a:gd name="T33" fmla="*/ 105 h 174"/>
                    <a:gd name="T34" fmla="*/ 51 w 95"/>
                    <a:gd name="T35" fmla="*/ 110 h 174"/>
                    <a:gd name="T36" fmla="*/ 69 w 95"/>
                    <a:gd name="T37" fmla="*/ 135 h 174"/>
                    <a:gd name="T38" fmla="*/ 95 w 95"/>
                    <a:gd name="T39" fmla="*/ 171 h 174"/>
                    <a:gd name="T40" fmla="*/ 73 w 95"/>
                    <a:gd name="T41" fmla="*/ 133 h 174"/>
                    <a:gd name="T42" fmla="*/ 71 w 95"/>
                    <a:gd name="T43" fmla="*/ 132 h 174"/>
                    <a:gd name="T44" fmla="*/ 68 w 95"/>
                    <a:gd name="T45" fmla="*/ 127 h 174"/>
                    <a:gd name="T46" fmla="*/ 63 w 95"/>
                    <a:gd name="T47" fmla="*/ 120 h 174"/>
                    <a:gd name="T48" fmla="*/ 58 w 95"/>
                    <a:gd name="T49" fmla="*/ 111 h 174"/>
                    <a:gd name="T50" fmla="*/ 52 w 95"/>
                    <a:gd name="T51" fmla="*/ 101 h 174"/>
                    <a:gd name="T52" fmla="*/ 49 w 95"/>
                    <a:gd name="T53" fmla="*/ 89 h 174"/>
                    <a:gd name="T54" fmla="*/ 47 w 95"/>
                    <a:gd name="T55" fmla="*/ 78 h 174"/>
                    <a:gd name="T56" fmla="*/ 49 w 95"/>
                    <a:gd name="T57" fmla="*/ 64 h 174"/>
                    <a:gd name="T58" fmla="*/ 49 w 95"/>
                    <a:gd name="T59" fmla="*/ 62 h 174"/>
                    <a:gd name="T60" fmla="*/ 47 w 95"/>
                    <a:gd name="T61" fmla="*/ 57 h 174"/>
                    <a:gd name="T62" fmla="*/ 46 w 95"/>
                    <a:gd name="T63" fmla="*/ 52 h 174"/>
                    <a:gd name="T64" fmla="*/ 44 w 95"/>
                    <a:gd name="T65" fmla="*/ 47 h 174"/>
                    <a:gd name="T66" fmla="*/ 39 w 95"/>
                    <a:gd name="T67" fmla="*/ 39 h 174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w 95"/>
                    <a:gd name="T103" fmla="*/ 0 h 174"/>
                    <a:gd name="T104" fmla="*/ 95 w 95"/>
                    <a:gd name="T105" fmla="*/ 174 h 174"/>
                  </a:gdLst>
                  <a:ahLst/>
                  <a:cxnLst>
                    <a:cxn ang="T68">
                      <a:pos x="T0" y="T1"/>
                    </a:cxn>
                    <a:cxn ang="T69">
                      <a:pos x="T2" y="T3"/>
                    </a:cxn>
                    <a:cxn ang="T70">
                      <a:pos x="T4" y="T5"/>
                    </a:cxn>
                    <a:cxn ang="T71">
                      <a:pos x="T6" y="T7"/>
                    </a:cxn>
                    <a:cxn ang="T72">
                      <a:pos x="T8" y="T9"/>
                    </a:cxn>
                    <a:cxn ang="T73">
                      <a:pos x="T10" y="T11"/>
                    </a:cxn>
                    <a:cxn ang="T74">
                      <a:pos x="T12" y="T13"/>
                    </a:cxn>
                    <a:cxn ang="T75">
                      <a:pos x="T14" y="T15"/>
                    </a:cxn>
                    <a:cxn ang="T76">
                      <a:pos x="T16" y="T17"/>
                    </a:cxn>
                    <a:cxn ang="T77">
                      <a:pos x="T18" y="T19"/>
                    </a:cxn>
                    <a:cxn ang="T78">
                      <a:pos x="T20" y="T21"/>
                    </a:cxn>
                    <a:cxn ang="T79">
                      <a:pos x="T22" y="T23"/>
                    </a:cxn>
                    <a:cxn ang="T80">
                      <a:pos x="T24" y="T25"/>
                    </a:cxn>
                    <a:cxn ang="T81">
                      <a:pos x="T26" y="T27"/>
                    </a:cxn>
                    <a:cxn ang="T82">
                      <a:pos x="T28" y="T29"/>
                    </a:cxn>
                    <a:cxn ang="T83">
                      <a:pos x="T30" y="T31"/>
                    </a:cxn>
                    <a:cxn ang="T84">
                      <a:pos x="T32" y="T33"/>
                    </a:cxn>
                    <a:cxn ang="T85">
                      <a:pos x="T34" y="T35"/>
                    </a:cxn>
                    <a:cxn ang="T86">
                      <a:pos x="T36" y="T37"/>
                    </a:cxn>
                    <a:cxn ang="T87">
                      <a:pos x="T38" y="T39"/>
                    </a:cxn>
                    <a:cxn ang="T88">
                      <a:pos x="T40" y="T41"/>
                    </a:cxn>
                    <a:cxn ang="T89">
                      <a:pos x="T42" y="T43"/>
                    </a:cxn>
                    <a:cxn ang="T90">
                      <a:pos x="T44" y="T45"/>
                    </a:cxn>
                    <a:cxn ang="T91">
                      <a:pos x="T46" y="T47"/>
                    </a:cxn>
                    <a:cxn ang="T92">
                      <a:pos x="T48" y="T49"/>
                    </a:cxn>
                    <a:cxn ang="T93">
                      <a:pos x="T50" y="T51"/>
                    </a:cxn>
                    <a:cxn ang="T94">
                      <a:pos x="T52" y="T53"/>
                    </a:cxn>
                    <a:cxn ang="T95">
                      <a:pos x="T54" y="T55"/>
                    </a:cxn>
                    <a:cxn ang="T96">
                      <a:pos x="T56" y="T57"/>
                    </a:cxn>
                    <a:cxn ang="T97">
                      <a:pos x="T58" y="T59"/>
                    </a:cxn>
                    <a:cxn ang="T98">
                      <a:pos x="T60" y="T61"/>
                    </a:cxn>
                    <a:cxn ang="T99">
                      <a:pos x="T62" y="T63"/>
                    </a:cxn>
                    <a:cxn ang="T100">
                      <a:pos x="T64" y="T65"/>
                    </a:cxn>
                    <a:cxn ang="T101">
                      <a:pos x="T66" y="T67"/>
                    </a:cxn>
                  </a:cxnLst>
                  <a:rect l="T102" t="T103" r="T104" b="T105"/>
                  <a:pathLst>
                    <a:path w="95" h="174">
                      <a:moveTo>
                        <a:pt x="34" y="32"/>
                      </a:moveTo>
                      <a:lnTo>
                        <a:pt x="0" y="0"/>
                      </a:lnTo>
                      <a:lnTo>
                        <a:pt x="2" y="7"/>
                      </a:lnTo>
                      <a:lnTo>
                        <a:pt x="29" y="37"/>
                      </a:lnTo>
                      <a:lnTo>
                        <a:pt x="27" y="40"/>
                      </a:lnTo>
                      <a:lnTo>
                        <a:pt x="25" y="40"/>
                      </a:lnTo>
                      <a:lnTo>
                        <a:pt x="24" y="39"/>
                      </a:lnTo>
                      <a:lnTo>
                        <a:pt x="20" y="39"/>
                      </a:lnTo>
                      <a:lnTo>
                        <a:pt x="17" y="37"/>
                      </a:lnTo>
                      <a:lnTo>
                        <a:pt x="15" y="37"/>
                      </a:lnTo>
                      <a:lnTo>
                        <a:pt x="15" y="39"/>
                      </a:lnTo>
                      <a:lnTo>
                        <a:pt x="17" y="42"/>
                      </a:lnTo>
                      <a:lnTo>
                        <a:pt x="24" y="49"/>
                      </a:lnTo>
                      <a:lnTo>
                        <a:pt x="25" y="49"/>
                      </a:lnTo>
                      <a:lnTo>
                        <a:pt x="29" y="49"/>
                      </a:lnTo>
                      <a:lnTo>
                        <a:pt x="32" y="47"/>
                      </a:lnTo>
                      <a:lnTo>
                        <a:pt x="34" y="45"/>
                      </a:lnTo>
                      <a:lnTo>
                        <a:pt x="36" y="45"/>
                      </a:lnTo>
                      <a:lnTo>
                        <a:pt x="37" y="47"/>
                      </a:lnTo>
                      <a:lnTo>
                        <a:pt x="39" y="49"/>
                      </a:lnTo>
                      <a:lnTo>
                        <a:pt x="41" y="54"/>
                      </a:lnTo>
                      <a:lnTo>
                        <a:pt x="41" y="61"/>
                      </a:lnTo>
                      <a:lnTo>
                        <a:pt x="42" y="73"/>
                      </a:lnTo>
                      <a:lnTo>
                        <a:pt x="42" y="89"/>
                      </a:lnTo>
                      <a:lnTo>
                        <a:pt x="42" y="91"/>
                      </a:lnTo>
                      <a:lnTo>
                        <a:pt x="44" y="93"/>
                      </a:lnTo>
                      <a:lnTo>
                        <a:pt x="46" y="96"/>
                      </a:lnTo>
                      <a:lnTo>
                        <a:pt x="47" y="101"/>
                      </a:lnTo>
                      <a:lnTo>
                        <a:pt x="47" y="105"/>
                      </a:lnTo>
                      <a:lnTo>
                        <a:pt x="49" y="108"/>
                      </a:lnTo>
                      <a:lnTo>
                        <a:pt x="51" y="110"/>
                      </a:lnTo>
                      <a:lnTo>
                        <a:pt x="51" y="111"/>
                      </a:lnTo>
                      <a:lnTo>
                        <a:pt x="69" y="135"/>
                      </a:lnTo>
                      <a:lnTo>
                        <a:pt x="88" y="174"/>
                      </a:lnTo>
                      <a:lnTo>
                        <a:pt x="95" y="171"/>
                      </a:lnTo>
                      <a:lnTo>
                        <a:pt x="73" y="133"/>
                      </a:lnTo>
                      <a:lnTo>
                        <a:pt x="73" y="132"/>
                      </a:lnTo>
                      <a:lnTo>
                        <a:pt x="71" y="132"/>
                      </a:lnTo>
                      <a:lnTo>
                        <a:pt x="69" y="130"/>
                      </a:lnTo>
                      <a:lnTo>
                        <a:pt x="68" y="127"/>
                      </a:lnTo>
                      <a:lnTo>
                        <a:pt x="66" y="123"/>
                      </a:lnTo>
                      <a:lnTo>
                        <a:pt x="63" y="120"/>
                      </a:lnTo>
                      <a:lnTo>
                        <a:pt x="61" y="117"/>
                      </a:lnTo>
                      <a:lnTo>
                        <a:pt x="58" y="111"/>
                      </a:lnTo>
                      <a:lnTo>
                        <a:pt x="56" y="106"/>
                      </a:lnTo>
                      <a:lnTo>
                        <a:pt x="52" y="101"/>
                      </a:lnTo>
                      <a:lnTo>
                        <a:pt x="51" y="96"/>
                      </a:lnTo>
                      <a:lnTo>
                        <a:pt x="49" y="89"/>
                      </a:lnTo>
                      <a:lnTo>
                        <a:pt x="47" y="83"/>
                      </a:lnTo>
                      <a:lnTo>
                        <a:pt x="47" y="78"/>
                      </a:lnTo>
                      <a:lnTo>
                        <a:pt x="47" y="71"/>
                      </a:lnTo>
                      <a:lnTo>
                        <a:pt x="49" y="64"/>
                      </a:lnTo>
                      <a:lnTo>
                        <a:pt x="49" y="62"/>
                      </a:lnTo>
                      <a:lnTo>
                        <a:pt x="49" y="61"/>
                      </a:lnTo>
                      <a:lnTo>
                        <a:pt x="47" y="57"/>
                      </a:lnTo>
                      <a:lnTo>
                        <a:pt x="47" y="54"/>
                      </a:lnTo>
                      <a:lnTo>
                        <a:pt x="46" y="52"/>
                      </a:lnTo>
                      <a:lnTo>
                        <a:pt x="46" y="49"/>
                      </a:lnTo>
                      <a:lnTo>
                        <a:pt x="44" y="47"/>
                      </a:lnTo>
                      <a:lnTo>
                        <a:pt x="39" y="39"/>
                      </a:lnTo>
                      <a:lnTo>
                        <a:pt x="34" y="32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56" name="Freeform 21"/>
                <p:cNvSpPr>
                  <a:spLocks/>
                </p:cNvSpPr>
                <p:nvPr/>
              </p:nvSpPr>
              <p:spPr bwMode="auto">
                <a:xfrm>
                  <a:off x="4595" y="3150"/>
                  <a:ext cx="12" cy="37"/>
                </a:xfrm>
                <a:custGeom>
                  <a:avLst/>
                  <a:gdLst>
                    <a:gd name="T0" fmla="*/ 10 w 12"/>
                    <a:gd name="T1" fmla="*/ 10 h 37"/>
                    <a:gd name="T2" fmla="*/ 10 w 12"/>
                    <a:gd name="T3" fmla="*/ 8 h 37"/>
                    <a:gd name="T4" fmla="*/ 9 w 12"/>
                    <a:gd name="T5" fmla="*/ 6 h 37"/>
                    <a:gd name="T6" fmla="*/ 9 w 12"/>
                    <a:gd name="T7" fmla="*/ 3 h 37"/>
                    <a:gd name="T8" fmla="*/ 9 w 12"/>
                    <a:gd name="T9" fmla="*/ 1 h 37"/>
                    <a:gd name="T10" fmla="*/ 7 w 12"/>
                    <a:gd name="T11" fmla="*/ 0 h 37"/>
                    <a:gd name="T12" fmla="*/ 5 w 12"/>
                    <a:gd name="T13" fmla="*/ 0 h 37"/>
                    <a:gd name="T14" fmla="*/ 2 w 12"/>
                    <a:gd name="T15" fmla="*/ 3 h 37"/>
                    <a:gd name="T16" fmla="*/ 0 w 12"/>
                    <a:gd name="T17" fmla="*/ 10 h 37"/>
                    <a:gd name="T18" fmla="*/ 0 w 12"/>
                    <a:gd name="T19" fmla="*/ 11 h 37"/>
                    <a:gd name="T20" fmla="*/ 0 w 12"/>
                    <a:gd name="T21" fmla="*/ 13 h 37"/>
                    <a:gd name="T22" fmla="*/ 2 w 12"/>
                    <a:gd name="T23" fmla="*/ 15 h 37"/>
                    <a:gd name="T24" fmla="*/ 2 w 12"/>
                    <a:gd name="T25" fmla="*/ 18 h 37"/>
                    <a:gd name="T26" fmla="*/ 3 w 12"/>
                    <a:gd name="T27" fmla="*/ 20 h 37"/>
                    <a:gd name="T28" fmla="*/ 3 w 12"/>
                    <a:gd name="T29" fmla="*/ 22 h 37"/>
                    <a:gd name="T30" fmla="*/ 5 w 12"/>
                    <a:gd name="T31" fmla="*/ 23 h 37"/>
                    <a:gd name="T32" fmla="*/ 5 w 12"/>
                    <a:gd name="T33" fmla="*/ 25 h 37"/>
                    <a:gd name="T34" fmla="*/ 12 w 12"/>
                    <a:gd name="T35" fmla="*/ 37 h 37"/>
                    <a:gd name="T36" fmla="*/ 10 w 12"/>
                    <a:gd name="T37" fmla="*/ 10 h 37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w 12"/>
                    <a:gd name="T58" fmla="*/ 0 h 37"/>
                    <a:gd name="T59" fmla="*/ 12 w 12"/>
                    <a:gd name="T60" fmla="*/ 37 h 37"/>
                  </a:gdLst>
                  <a:ahLst/>
                  <a:cxnLst>
                    <a:cxn ang="T38">
                      <a:pos x="T0" y="T1"/>
                    </a:cxn>
                    <a:cxn ang="T39">
                      <a:pos x="T2" y="T3"/>
                    </a:cxn>
                    <a:cxn ang="T40">
                      <a:pos x="T4" y="T5"/>
                    </a:cxn>
                    <a:cxn ang="T41">
                      <a:pos x="T6" y="T7"/>
                    </a:cxn>
                    <a:cxn ang="T42">
                      <a:pos x="T8" y="T9"/>
                    </a:cxn>
                    <a:cxn ang="T43">
                      <a:pos x="T10" y="T11"/>
                    </a:cxn>
                    <a:cxn ang="T44">
                      <a:pos x="T12" y="T13"/>
                    </a:cxn>
                    <a:cxn ang="T45">
                      <a:pos x="T14" y="T15"/>
                    </a:cxn>
                    <a:cxn ang="T46">
                      <a:pos x="T16" y="T17"/>
                    </a:cxn>
                    <a:cxn ang="T47">
                      <a:pos x="T18" y="T19"/>
                    </a:cxn>
                    <a:cxn ang="T48">
                      <a:pos x="T20" y="T21"/>
                    </a:cxn>
                    <a:cxn ang="T49">
                      <a:pos x="T22" y="T23"/>
                    </a:cxn>
                    <a:cxn ang="T50">
                      <a:pos x="T24" y="T25"/>
                    </a:cxn>
                    <a:cxn ang="T51">
                      <a:pos x="T26" y="T27"/>
                    </a:cxn>
                    <a:cxn ang="T52">
                      <a:pos x="T28" y="T29"/>
                    </a:cxn>
                    <a:cxn ang="T53">
                      <a:pos x="T30" y="T31"/>
                    </a:cxn>
                    <a:cxn ang="T54">
                      <a:pos x="T32" y="T33"/>
                    </a:cxn>
                    <a:cxn ang="T55">
                      <a:pos x="T34" y="T35"/>
                    </a:cxn>
                    <a:cxn ang="T56">
                      <a:pos x="T36" y="T37"/>
                    </a:cxn>
                  </a:cxnLst>
                  <a:rect l="T57" t="T58" r="T59" b="T60"/>
                  <a:pathLst>
                    <a:path w="12" h="37">
                      <a:moveTo>
                        <a:pt x="10" y="10"/>
                      </a:moveTo>
                      <a:lnTo>
                        <a:pt x="10" y="8"/>
                      </a:lnTo>
                      <a:lnTo>
                        <a:pt x="9" y="6"/>
                      </a:lnTo>
                      <a:lnTo>
                        <a:pt x="9" y="3"/>
                      </a:lnTo>
                      <a:lnTo>
                        <a:pt x="9" y="1"/>
                      </a:lnTo>
                      <a:lnTo>
                        <a:pt x="7" y="0"/>
                      </a:lnTo>
                      <a:lnTo>
                        <a:pt x="5" y="0"/>
                      </a:lnTo>
                      <a:lnTo>
                        <a:pt x="2" y="3"/>
                      </a:lnTo>
                      <a:lnTo>
                        <a:pt x="0" y="10"/>
                      </a:lnTo>
                      <a:lnTo>
                        <a:pt x="0" y="11"/>
                      </a:lnTo>
                      <a:lnTo>
                        <a:pt x="0" y="13"/>
                      </a:lnTo>
                      <a:lnTo>
                        <a:pt x="2" y="15"/>
                      </a:lnTo>
                      <a:lnTo>
                        <a:pt x="2" y="18"/>
                      </a:lnTo>
                      <a:lnTo>
                        <a:pt x="3" y="20"/>
                      </a:lnTo>
                      <a:lnTo>
                        <a:pt x="3" y="22"/>
                      </a:lnTo>
                      <a:lnTo>
                        <a:pt x="5" y="23"/>
                      </a:lnTo>
                      <a:lnTo>
                        <a:pt x="5" y="25"/>
                      </a:lnTo>
                      <a:lnTo>
                        <a:pt x="12" y="37"/>
                      </a:lnTo>
                      <a:lnTo>
                        <a:pt x="10" y="10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57" name="Freeform 22"/>
                <p:cNvSpPr>
                  <a:spLocks/>
                </p:cNvSpPr>
                <p:nvPr/>
              </p:nvSpPr>
              <p:spPr bwMode="auto">
                <a:xfrm>
                  <a:off x="4595" y="3150"/>
                  <a:ext cx="12" cy="37"/>
                </a:xfrm>
                <a:custGeom>
                  <a:avLst/>
                  <a:gdLst>
                    <a:gd name="T0" fmla="*/ 10 w 12"/>
                    <a:gd name="T1" fmla="*/ 10 h 37"/>
                    <a:gd name="T2" fmla="*/ 10 w 12"/>
                    <a:gd name="T3" fmla="*/ 10 h 37"/>
                    <a:gd name="T4" fmla="*/ 10 w 12"/>
                    <a:gd name="T5" fmla="*/ 8 h 37"/>
                    <a:gd name="T6" fmla="*/ 9 w 12"/>
                    <a:gd name="T7" fmla="*/ 6 h 37"/>
                    <a:gd name="T8" fmla="*/ 9 w 12"/>
                    <a:gd name="T9" fmla="*/ 3 h 37"/>
                    <a:gd name="T10" fmla="*/ 9 w 12"/>
                    <a:gd name="T11" fmla="*/ 1 h 37"/>
                    <a:gd name="T12" fmla="*/ 7 w 12"/>
                    <a:gd name="T13" fmla="*/ 0 h 37"/>
                    <a:gd name="T14" fmla="*/ 5 w 12"/>
                    <a:gd name="T15" fmla="*/ 0 h 37"/>
                    <a:gd name="T16" fmla="*/ 2 w 12"/>
                    <a:gd name="T17" fmla="*/ 3 h 37"/>
                    <a:gd name="T18" fmla="*/ 0 w 12"/>
                    <a:gd name="T19" fmla="*/ 10 h 37"/>
                    <a:gd name="T20" fmla="*/ 0 w 12"/>
                    <a:gd name="T21" fmla="*/ 10 h 37"/>
                    <a:gd name="T22" fmla="*/ 0 w 12"/>
                    <a:gd name="T23" fmla="*/ 11 h 37"/>
                    <a:gd name="T24" fmla="*/ 0 w 12"/>
                    <a:gd name="T25" fmla="*/ 13 h 37"/>
                    <a:gd name="T26" fmla="*/ 2 w 12"/>
                    <a:gd name="T27" fmla="*/ 15 h 37"/>
                    <a:gd name="T28" fmla="*/ 2 w 12"/>
                    <a:gd name="T29" fmla="*/ 18 h 37"/>
                    <a:gd name="T30" fmla="*/ 3 w 12"/>
                    <a:gd name="T31" fmla="*/ 20 h 37"/>
                    <a:gd name="T32" fmla="*/ 3 w 12"/>
                    <a:gd name="T33" fmla="*/ 22 h 37"/>
                    <a:gd name="T34" fmla="*/ 5 w 12"/>
                    <a:gd name="T35" fmla="*/ 23 h 37"/>
                    <a:gd name="T36" fmla="*/ 5 w 12"/>
                    <a:gd name="T37" fmla="*/ 25 h 37"/>
                    <a:gd name="T38" fmla="*/ 12 w 12"/>
                    <a:gd name="T39" fmla="*/ 37 h 37"/>
                    <a:gd name="T40" fmla="*/ 10 w 12"/>
                    <a:gd name="T41" fmla="*/ 10 h 37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2"/>
                    <a:gd name="T64" fmla="*/ 0 h 37"/>
                    <a:gd name="T65" fmla="*/ 12 w 12"/>
                    <a:gd name="T66" fmla="*/ 37 h 37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2" h="37">
                      <a:moveTo>
                        <a:pt x="10" y="10"/>
                      </a:moveTo>
                      <a:lnTo>
                        <a:pt x="10" y="10"/>
                      </a:lnTo>
                      <a:lnTo>
                        <a:pt x="10" y="8"/>
                      </a:lnTo>
                      <a:lnTo>
                        <a:pt x="9" y="6"/>
                      </a:lnTo>
                      <a:lnTo>
                        <a:pt x="9" y="3"/>
                      </a:lnTo>
                      <a:lnTo>
                        <a:pt x="9" y="1"/>
                      </a:lnTo>
                      <a:lnTo>
                        <a:pt x="7" y="0"/>
                      </a:lnTo>
                      <a:lnTo>
                        <a:pt x="5" y="0"/>
                      </a:lnTo>
                      <a:lnTo>
                        <a:pt x="2" y="3"/>
                      </a:lnTo>
                      <a:lnTo>
                        <a:pt x="0" y="10"/>
                      </a:lnTo>
                      <a:lnTo>
                        <a:pt x="0" y="11"/>
                      </a:lnTo>
                      <a:lnTo>
                        <a:pt x="0" y="13"/>
                      </a:lnTo>
                      <a:lnTo>
                        <a:pt x="2" y="15"/>
                      </a:lnTo>
                      <a:lnTo>
                        <a:pt x="2" y="18"/>
                      </a:lnTo>
                      <a:lnTo>
                        <a:pt x="3" y="20"/>
                      </a:lnTo>
                      <a:lnTo>
                        <a:pt x="3" y="22"/>
                      </a:lnTo>
                      <a:lnTo>
                        <a:pt x="5" y="23"/>
                      </a:lnTo>
                      <a:lnTo>
                        <a:pt x="5" y="25"/>
                      </a:lnTo>
                      <a:lnTo>
                        <a:pt x="12" y="37"/>
                      </a:lnTo>
                      <a:lnTo>
                        <a:pt x="10" y="10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58" name="Freeform 23"/>
                <p:cNvSpPr>
                  <a:spLocks/>
                </p:cNvSpPr>
                <p:nvPr/>
              </p:nvSpPr>
              <p:spPr bwMode="auto">
                <a:xfrm>
                  <a:off x="4673" y="3539"/>
                  <a:ext cx="35" cy="61"/>
                </a:xfrm>
                <a:custGeom>
                  <a:avLst/>
                  <a:gdLst>
                    <a:gd name="T0" fmla="*/ 35 w 35"/>
                    <a:gd name="T1" fmla="*/ 0 h 61"/>
                    <a:gd name="T2" fmla="*/ 35 w 35"/>
                    <a:gd name="T3" fmla="*/ 0 h 61"/>
                    <a:gd name="T4" fmla="*/ 35 w 35"/>
                    <a:gd name="T5" fmla="*/ 1 h 61"/>
                    <a:gd name="T6" fmla="*/ 35 w 35"/>
                    <a:gd name="T7" fmla="*/ 3 h 61"/>
                    <a:gd name="T8" fmla="*/ 35 w 35"/>
                    <a:gd name="T9" fmla="*/ 5 h 61"/>
                    <a:gd name="T10" fmla="*/ 34 w 35"/>
                    <a:gd name="T11" fmla="*/ 8 h 61"/>
                    <a:gd name="T12" fmla="*/ 34 w 35"/>
                    <a:gd name="T13" fmla="*/ 12 h 61"/>
                    <a:gd name="T14" fmla="*/ 32 w 35"/>
                    <a:gd name="T15" fmla="*/ 15 h 61"/>
                    <a:gd name="T16" fmla="*/ 30 w 35"/>
                    <a:gd name="T17" fmla="*/ 20 h 61"/>
                    <a:gd name="T18" fmla="*/ 29 w 35"/>
                    <a:gd name="T19" fmla="*/ 23 h 61"/>
                    <a:gd name="T20" fmla="*/ 27 w 35"/>
                    <a:gd name="T21" fmla="*/ 29 h 61"/>
                    <a:gd name="T22" fmla="*/ 24 w 35"/>
                    <a:gd name="T23" fmla="*/ 34 h 61"/>
                    <a:gd name="T24" fmla="*/ 20 w 35"/>
                    <a:gd name="T25" fmla="*/ 39 h 61"/>
                    <a:gd name="T26" fmla="*/ 17 w 35"/>
                    <a:gd name="T27" fmla="*/ 44 h 61"/>
                    <a:gd name="T28" fmla="*/ 12 w 35"/>
                    <a:gd name="T29" fmla="*/ 49 h 61"/>
                    <a:gd name="T30" fmla="*/ 7 w 35"/>
                    <a:gd name="T31" fmla="*/ 56 h 61"/>
                    <a:gd name="T32" fmla="*/ 2 w 35"/>
                    <a:gd name="T33" fmla="*/ 61 h 61"/>
                    <a:gd name="T34" fmla="*/ 0 w 35"/>
                    <a:gd name="T35" fmla="*/ 61 h 61"/>
                    <a:gd name="T36" fmla="*/ 0 w 35"/>
                    <a:gd name="T37" fmla="*/ 59 h 61"/>
                    <a:gd name="T38" fmla="*/ 0 w 35"/>
                    <a:gd name="T39" fmla="*/ 57 h 61"/>
                    <a:gd name="T40" fmla="*/ 0 w 35"/>
                    <a:gd name="T41" fmla="*/ 56 h 61"/>
                    <a:gd name="T42" fmla="*/ 19 w 35"/>
                    <a:gd name="T43" fmla="*/ 35 h 61"/>
                    <a:gd name="T44" fmla="*/ 19 w 35"/>
                    <a:gd name="T45" fmla="*/ 27 h 61"/>
                    <a:gd name="T46" fmla="*/ 19 w 35"/>
                    <a:gd name="T47" fmla="*/ 25 h 61"/>
                    <a:gd name="T48" fmla="*/ 20 w 35"/>
                    <a:gd name="T49" fmla="*/ 25 h 61"/>
                    <a:gd name="T50" fmla="*/ 22 w 35"/>
                    <a:gd name="T51" fmla="*/ 23 h 61"/>
                    <a:gd name="T52" fmla="*/ 24 w 35"/>
                    <a:gd name="T53" fmla="*/ 22 h 61"/>
                    <a:gd name="T54" fmla="*/ 25 w 35"/>
                    <a:gd name="T55" fmla="*/ 18 h 61"/>
                    <a:gd name="T56" fmla="*/ 27 w 35"/>
                    <a:gd name="T57" fmla="*/ 15 h 61"/>
                    <a:gd name="T58" fmla="*/ 29 w 35"/>
                    <a:gd name="T59" fmla="*/ 12 h 61"/>
                    <a:gd name="T60" fmla="*/ 29 w 35"/>
                    <a:gd name="T61" fmla="*/ 5 h 61"/>
                    <a:gd name="T62" fmla="*/ 30 w 35"/>
                    <a:gd name="T63" fmla="*/ 3 h 61"/>
                    <a:gd name="T64" fmla="*/ 32 w 35"/>
                    <a:gd name="T65" fmla="*/ 1 h 61"/>
                    <a:gd name="T66" fmla="*/ 34 w 35"/>
                    <a:gd name="T67" fmla="*/ 0 h 61"/>
                    <a:gd name="T68" fmla="*/ 35 w 35"/>
                    <a:gd name="T69" fmla="*/ 0 h 61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w 35"/>
                    <a:gd name="T106" fmla="*/ 0 h 61"/>
                    <a:gd name="T107" fmla="*/ 35 w 35"/>
                    <a:gd name="T108" fmla="*/ 61 h 61"/>
                  </a:gdLst>
                  <a:ahLst/>
                  <a:cxnLst>
                    <a:cxn ang="T70">
                      <a:pos x="T0" y="T1"/>
                    </a:cxn>
                    <a:cxn ang="T71">
                      <a:pos x="T2" y="T3"/>
                    </a:cxn>
                    <a:cxn ang="T72">
                      <a:pos x="T4" y="T5"/>
                    </a:cxn>
                    <a:cxn ang="T73">
                      <a:pos x="T6" y="T7"/>
                    </a:cxn>
                    <a:cxn ang="T74">
                      <a:pos x="T8" y="T9"/>
                    </a:cxn>
                    <a:cxn ang="T75">
                      <a:pos x="T10" y="T11"/>
                    </a:cxn>
                    <a:cxn ang="T76">
                      <a:pos x="T12" y="T13"/>
                    </a:cxn>
                    <a:cxn ang="T77">
                      <a:pos x="T14" y="T15"/>
                    </a:cxn>
                    <a:cxn ang="T78">
                      <a:pos x="T16" y="T17"/>
                    </a:cxn>
                    <a:cxn ang="T79">
                      <a:pos x="T18" y="T19"/>
                    </a:cxn>
                    <a:cxn ang="T80">
                      <a:pos x="T20" y="T21"/>
                    </a:cxn>
                    <a:cxn ang="T81">
                      <a:pos x="T22" y="T23"/>
                    </a:cxn>
                    <a:cxn ang="T82">
                      <a:pos x="T24" y="T25"/>
                    </a:cxn>
                    <a:cxn ang="T83">
                      <a:pos x="T26" y="T27"/>
                    </a:cxn>
                    <a:cxn ang="T84">
                      <a:pos x="T28" y="T29"/>
                    </a:cxn>
                    <a:cxn ang="T85">
                      <a:pos x="T30" y="T31"/>
                    </a:cxn>
                    <a:cxn ang="T86">
                      <a:pos x="T32" y="T33"/>
                    </a:cxn>
                    <a:cxn ang="T87">
                      <a:pos x="T34" y="T35"/>
                    </a:cxn>
                    <a:cxn ang="T88">
                      <a:pos x="T36" y="T37"/>
                    </a:cxn>
                    <a:cxn ang="T89">
                      <a:pos x="T38" y="T39"/>
                    </a:cxn>
                    <a:cxn ang="T90">
                      <a:pos x="T40" y="T41"/>
                    </a:cxn>
                    <a:cxn ang="T91">
                      <a:pos x="T42" y="T43"/>
                    </a:cxn>
                    <a:cxn ang="T92">
                      <a:pos x="T44" y="T45"/>
                    </a:cxn>
                    <a:cxn ang="T93">
                      <a:pos x="T46" y="T47"/>
                    </a:cxn>
                    <a:cxn ang="T94">
                      <a:pos x="T48" y="T49"/>
                    </a:cxn>
                    <a:cxn ang="T95">
                      <a:pos x="T50" y="T51"/>
                    </a:cxn>
                    <a:cxn ang="T96">
                      <a:pos x="T52" y="T53"/>
                    </a:cxn>
                    <a:cxn ang="T97">
                      <a:pos x="T54" y="T55"/>
                    </a:cxn>
                    <a:cxn ang="T98">
                      <a:pos x="T56" y="T57"/>
                    </a:cxn>
                    <a:cxn ang="T99">
                      <a:pos x="T58" y="T59"/>
                    </a:cxn>
                    <a:cxn ang="T100">
                      <a:pos x="T60" y="T61"/>
                    </a:cxn>
                    <a:cxn ang="T101">
                      <a:pos x="T62" y="T63"/>
                    </a:cxn>
                    <a:cxn ang="T102">
                      <a:pos x="T64" y="T65"/>
                    </a:cxn>
                    <a:cxn ang="T103">
                      <a:pos x="T66" y="T67"/>
                    </a:cxn>
                    <a:cxn ang="T104">
                      <a:pos x="T68" y="T69"/>
                    </a:cxn>
                  </a:cxnLst>
                  <a:rect l="T105" t="T106" r="T107" b="T108"/>
                  <a:pathLst>
                    <a:path w="35" h="61">
                      <a:moveTo>
                        <a:pt x="35" y="0"/>
                      </a:moveTo>
                      <a:lnTo>
                        <a:pt x="35" y="0"/>
                      </a:lnTo>
                      <a:lnTo>
                        <a:pt x="35" y="1"/>
                      </a:lnTo>
                      <a:lnTo>
                        <a:pt x="35" y="3"/>
                      </a:lnTo>
                      <a:lnTo>
                        <a:pt x="35" y="5"/>
                      </a:lnTo>
                      <a:lnTo>
                        <a:pt x="34" y="8"/>
                      </a:lnTo>
                      <a:lnTo>
                        <a:pt x="34" y="12"/>
                      </a:lnTo>
                      <a:lnTo>
                        <a:pt x="32" y="15"/>
                      </a:lnTo>
                      <a:lnTo>
                        <a:pt x="30" y="20"/>
                      </a:lnTo>
                      <a:lnTo>
                        <a:pt x="29" y="23"/>
                      </a:lnTo>
                      <a:lnTo>
                        <a:pt x="27" y="29"/>
                      </a:lnTo>
                      <a:lnTo>
                        <a:pt x="24" y="34"/>
                      </a:lnTo>
                      <a:lnTo>
                        <a:pt x="20" y="39"/>
                      </a:lnTo>
                      <a:lnTo>
                        <a:pt x="17" y="44"/>
                      </a:lnTo>
                      <a:lnTo>
                        <a:pt x="12" y="49"/>
                      </a:lnTo>
                      <a:lnTo>
                        <a:pt x="7" y="56"/>
                      </a:lnTo>
                      <a:lnTo>
                        <a:pt x="2" y="61"/>
                      </a:lnTo>
                      <a:lnTo>
                        <a:pt x="0" y="61"/>
                      </a:lnTo>
                      <a:lnTo>
                        <a:pt x="0" y="59"/>
                      </a:lnTo>
                      <a:lnTo>
                        <a:pt x="0" y="57"/>
                      </a:lnTo>
                      <a:lnTo>
                        <a:pt x="0" y="56"/>
                      </a:lnTo>
                      <a:lnTo>
                        <a:pt x="19" y="35"/>
                      </a:lnTo>
                      <a:lnTo>
                        <a:pt x="19" y="27"/>
                      </a:lnTo>
                      <a:lnTo>
                        <a:pt x="19" y="25"/>
                      </a:lnTo>
                      <a:lnTo>
                        <a:pt x="20" y="25"/>
                      </a:lnTo>
                      <a:lnTo>
                        <a:pt x="22" y="23"/>
                      </a:lnTo>
                      <a:lnTo>
                        <a:pt x="24" y="22"/>
                      </a:lnTo>
                      <a:lnTo>
                        <a:pt x="25" y="18"/>
                      </a:lnTo>
                      <a:lnTo>
                        <a:pt x="27" y="15"/>
                      </a:lnTo>
                      <a:lnTo>
                        <a:pt x="29" y="12"/>
                      </a:lnTo>
                      <a:lnTo>
                        <a:pt x="29" y="5"/>
                      </a:lnTo>
                      <a:lnTo>
                        <a:pt x="30" y="3"/>
                      </a:lnTo>
                      <a:lnTo>
                        <a:pt x="32" y="1"/>
                      </a:lnTo>
                      <a:lnTo>
                        <a:pt x="34" y="0"/>
                      </a:lnTo>
                      <a:lnTo>
                        <a:pt x="35" y="0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59" name="Freeform 24"/>
                <p:cNvSpPr>
                  <a:spLocks/>
                </p:cNvSpPr>
                <p:nvPr/>
              </p:nvSpPr>
              <p:spPr bwMode="auto">
                <a:xfrm>
                  <a:off x="4673" y="3539"/>
                  <a:ext cx="35" cy="61"/>
                </a:xfrm>
                <a:custGeom>
                  <a:avLst/>
                  <a:gdLst>
                    <a:gd name="T0" fmla="*/ 35 w 35"/>
                    <a:gd name="T1" fmla="*/ 0 h 61"/>
                    <a:gd name="T2" fmla="*/ 35 w 35"/>
                    <a:gd name="T3" fmla="*/ 0 h 61"/>
                    <a:gd name="T4" fmla="*/ 35 w 35"/>
                    <a:gd name="T5" fmla="*/ 0 h 61"/>
                    <a:gd name="T6" fmla="*/ 35 w 35"/>
                    <a:gd name="T7" fmla="*/ 1 h 61"/>
                    <a:gd name="T8" fmla="*/ 35 w 35"/>
                    <a:gd name="T9" fmla="*/ 3 h 61"/>
                    <a:gd name="T10" fmla="*/ 35 w 35"/>
                    <a:gd name="T11" fmla="*/ 5 h 61"/>
                    <a:gd name="T12" fmla="*/ 34 w 35"/>
                    <a:gd name="T13" fmla="*/ 8 h 61"/>
                    <a:gd name="T14" fmla="*/ 34 w 35"/>
                    <a:gd name="T15" fmla="*/ 12 h 61"/>
                    <a:gd name="T16" fmla="*/ 32 w 35"/>
                    <a:gd name="T17" fmla="*/ 15 h 61"/>
                    <a:gd name="T18" fmla="*/ 30 w 35"/>
                    <a:gd name="T19" fmla="*/ 20 h 61"/>
                    <a:gd name="T20" fmla="*/ 29 w 35"/>
                    <a:gd name="T21" fmla="*/ 23 h 61"/>
                    <a:gd name="T22" fmla="*/ 27 w 35"/>
                    <a:gd name="T23" fmla="*/ 29 h 61"/>
                    <a:gd name="T24" fmla="*/ 24 w 35"/>
                    <a:gd name="T25" fmla="*/ 34 h 61"/>
                    <a:gd name="T26" fmla="*/ 20 w 35"/>
                    <a:gd name="T27" fmla="*/ 39 h 61"/>
                    <a:gd name="T28" fmla="*/ 17 w 35"/>
                    <a:gd name="T29" fmla="*/ 44 h 61"/>
                    <a:gd name="T30" fmla="*/ 12 w 35"/>
                    <a:gd name="T31" fmla="*/ 49 h 61"/>
                    <a:gd name="T32" fmla="*/ 7 w 35"/>
                    <a:gd name="T33" fmla="*/ 56 h 61"/>
                    <a:gd name="T34" fmla="*/ 2 w 35"/>
                    <a:gd name="T35" fmla="*/ 61 h 61"/>
                    <a:gd name="T36" fmla="*/ 2 w 35"/>
                    <a:gd name="T37" fmla="*/ 61 h 61"/>
                    <a:gd name="T38" fmla="*/ 0 w 35"/>
                    <a:gd name="T39" fmla="*/ 61 h 61"/>
                    <a:gd name="T40" fmla="*/ 0 w 35"/>
                    <a:gd name="T41" fmla="*/ 59 h 61"/>
                    <a:gd name="T42" fmla="*/ 0 w 35"/>
                    <a:gd name="T43" fmla="*/ 57 h 61"/>
                    <a:gd name="T44" fmla="*/ 0 w 35"/>
                    <a:gd name="T45" fmla="*/ 56 h 61"/>
                    <a:gd name="T46" fmla="*/ 19 w 35"/>
                    <a:gd name="T47" fmla="*/ 35 h 61"/>
                    <a:gd name="T48" fmla="*/ 19 w 35"/>
                    <a:gd name="T49" fmla="*/ 27 h 61"/>
                    <a:gd name="T50" fmla="*/ 19 w 35"/>
                    <a:gd name="T51" fmla="*/ 27 h 61"/>
                    <a:gd name="T52" fmla="*/ 19 w 35"/>
                    <a:gd name="T53" fmla="*/ 25 h 61"/>
                    <a:gd name="T54" fmla="*/ 20 w 35"/>
                    <a:gd name="T55" fmla="*/ 25 h 61"/>
                    <a:gd name="T56" fmla="*/ 22 w 35"/>
                    <a:gd name="T57" fmla="*/ 23 h 61"/>
                    <a:gd name="T58" fmla="*/ 24 w 35"/>
                    <a:gd name="T59" fmla="*/ 22 h 61"/>
                    <a:gd name="T60" fmla="*/ 25 w 35"/>
                    <a:gd name="T61" fmla="*/ 18 h 61"/>
                    <a:gd name="T62" fmla="*/ 27 w 35"/>
                    <a:gd name="T63" fmla="*/ 15 h 61"/>
                    <a:gd name="T64" fmla="*/ 29 w 35"/>
                    <a:gd name="T65" fmla="*/ 12 h 61"/>
                    <a:gd name="T66" fmla="*/ 29 w 35"/>
                    <a:gd name="T67" fmla="*/ 5 h 61"/>
                    <a:gd name="T68" fmla="*/ 29 w 35"/>
                    <a:gd name="T69" fmla="*/ 5 h 61"/>
                    <a:gd name="T70" fmla="*/ 30 w 35"/>
                    <a:gd name="T71" fmla="*/ 3 h 61"/>
                    <a:gd name="T72" fmla="*/ 32 w 35"/>
                    <a:gd name="T73" fmla="*/ 1 h 61"/>
                    <a:gd name="T74" fmla="*/ 34 w 35"/>
                    <a:gd name="T75" fmla="*/ 0 h 61"/>
                    <a:gd name="T76" fmla="*/ 35 w 35"/>
                    <a:gd name="T77" fmla="*/ 0 h 61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w 35"/>
                    <a:gd name="T118" fmla="*/ 0 h 61"/>
                    <a:gd name="T119" fmla="*/ 35 w 35"/>
                    <a:gd name="T120" fmla="*/ 61 h 61"/>
                  </a:gdLst>
                  <a:ahLst/>
                  <a:cxnLst>
                    <a:cxn ang="T78">
                      <a:pos x="T0" y="T1"/>
                    </a:cxn>
                    <a:cxn ang="T79">
                      <a:pos x="T2" y="T3"/>
                    </a:cxn>
                    <a:cxn ang="T80">
                      <a:pos x="T4" y="T5"/>
                    </a:cxn>
                    <a:cxn ang="T81">
                      <a:pos x="T6" y="T7"/>
                    </a:cxn>
                    <a:cxn ang="T82">
                      <a:pos x="T8" y="T9"/>
                    </a:cxn>
                    <a:cxn ang="T83">
                      <a:pos x="T10" y="T11"/>
                    </a:cxn>
                    <a:cxn ang="T84">
                      <a:pos x="T12" y="T13"/>
                    </a:cxn>
                    <a:cxn ang="T85">
                      <a:pos x="T14" y="T15"/>
                    </a:cxn>
                    <a:cxn ang="T86">
                      <a:pos x="T16" y="T17"/>
                    </a:cxn>
                    <a:cxn ang="T87">
                      <a:pos x="T18" y="T19"/>
                    </a:cxn>
                    <a:cxn ang="T88">
                      <a:pos x="T20" y="T21"/>
                    </a:cxn>
                    <a:cxn ang="T89">
                      <a:pos x="T22" y="T23"/>
                    </a:cxn>
                    <a:cxn ang="T90">
                      <a:pos x="T24" y="T25"/>
                    </a:cxn>
                    <a:cxn ang="T91">
                      <a:pos x="T26" y="T27"/>
                    </a:cxn>
                    <a:cxn ang="T92">
                      <a:pos x="T28" y="T29"/>
                    </a:cxn>
                    <a:cxn ang="T93">
                      <a:pos x="T30" y="T31"/>
                    </a:cxn>
                    <a:cxn ang="T94">
                      <a:pos x="T32" y="T33"/>
                    </a:cxn>
                    <a:cxn ang="T95">
                      <a:pos x="T34" y="T35"/>
                    </a:cxn>
                    <a:cxn ang="T96">
                      <a:pos x="T36" y="T37"/>
                    </a:cxn>
                    <a:cxn ang="T97">
                      <a:pos x="T38" y="T39"/>
                    </a:cxn>
                    <a:cxn ang="T98">
                      <a:pos x="T40" y="T41"/>
                    </a:cxn>
                    <a:cxn ang="T99">
                      <a:pos x="T42" y="T43"/>
                    </a:cxn>
                    <a:cxn ang="T100">
                      <a:pos x="T44" y="T45"/>
                    </a:cxn>
                    <a:cxn ang="T101">
                      <a:pos x="T46" y="T47"/>
                    </a:cxn>
                    <a:cxn ang="T102">
                      <a:pos x="T48" y="T49"/>
                    </a:cxn>
                    <a:cxn ang="T103">
                      <a:pos x="T50" y="T51"/>
                    </a:cxn>
                    <a:cxn ang="T104">
                      <a:pos x="T52" y="T53"/>
                    </a:cxn>
                    <a:cxn ang="T105">
                      <a:pos x="T54" y="T55"/>
                    </a:cxn>
                    <a:cxn ang="T106">
                      <a:pos x="T56" y="T57"/>
                    </a:cxn>
                    <a:cxn ang="T107">
                      <a:pos x="T58" y="T59"/>
                    </a:cxn>
                    <a:cxn ang="T108">
                      <a:pos x="T60" y="T61"/>
                    </a:cxn>
                    <a:cxn ang="T109">
                      <a:pos x="T62" y="T63"/>
                    </a:cxn>
                    <a:cxn ang="T110">
                      <a:pos x="T64" y="T65"/>
                    </a:cxn>
                    <a:cxn ang="T111">
                      <a:pos x="T66" y="T67"/>
                    </a:cxn>
                    <a:cxn ang="T112">
                      <a:pos x="T68" y="T69"/>
                    </a:cxn>
                    <a:cxn ang="T113">
                      <a:pos x="T70" y="T71"/>
                    </a:cxn>
                    <a:cxn ang="T114">
                      <a:pos x="T72" y="T73"/>
                    </a:cxn>
                    <a:cxn ang="T115">
                      <a:pos x="T74" y="T75"/>
                    </a:cxn>
                    <a:cxn ang="T116">
                      <a:pos x="T76" y="T77"/>
                    </a:cxn>
                  </a:cxnLst>
                  <a:rect l="T117" t="T118" r="T119" b="T120"/>
                  <a:pathLst>
                    <a:path w="35" h="61">
                      <a:moveTo>
                        <a:pt x="35" y="0"/>
                      </a:moveTo>
                      <a:lnTo>
                        <a:pt x="35" y="0"/>
                      </a:lnTo>
                      <a:lnTo>
                        <a:pt x="35" y="1"/>
                      </a:lnTo>
                      <a:lnTo>
                        <a:pt x="35" y="3"/>
                      </a:lnTo>
                      <a:lnTo>
                        <a:pt x="35" y="5"/>
                      </a:lnTo>
                      <a:lnTo>
                        <a:pt x="34" y="8"/>
                      </a:lnTo>
                      <a:lnTo>
                        <a:pt x="34" y="12"/>
                      </a:lnTo>
                      <a:lnTo>
                        <a:pt x="32" y="15"/>
                      </a:lnTo>
                      <a:lnTo>
                        <a:pt x="30" y="20"/>
                      </a:lnTo>
                      <a:lnTo>
                        <a:pt x="29" y="23"/>
                      </a:lnTo>
                      <a:lnTo>
                        <a:pt x="27" y="29"/>
                      </a:lnTo>
                      <a:lnTo>
                        <a:pt x="24" y="34"/>
                      </a:lnTo>
                      <a:lnTo>
                        <a:pt x="20" y="39"/>
                      </a:lnTo>
                      <a:lnTo>
                        <a:pt x="17" y="44"/>
                      </a:lnTo>
                      <a:lnTo>
                        <a:pt x="12" y="49"/>
                      </a:lnTo>
                      <a:lnTo>
                        <a:pt x="7" y="56"/>
                      </a:lnTo>
                      <a:lnTo>
                        <a:pt x="2" y="61"/>
                      </a:lnTo>
                      <a:lnTo>
                        <a:pt x="0" y="61"/>
                      </a:lnTo>
                      <a:lnTo>
                        <a:pt x="0" y="59"/>
                      </a:lnTo>
                      <a:lnTo>
                        <a:pt x="0" y="57"/>
                      </a:lnTo>
                      <a:lnTo>
                        <a:pt x="0" y="56"/>
                      </a:lnTo>
                      <a:lnTo>
                        <a:pt x="19" y="35"/>
                      </a:lnTo>
                      <a:lnTo>
                        <a:pt x="19" y="27"/>
                      </a:lnTo>
                      <a:lnTo>
                        <a:pt x="19" y="25"/>
                      </a:lnTo>
                      <a:lnTo>
                        <a:pt x="20" y="25"/>
                      </a:lnTo>
                      <a:lnTo>
                        <a:pt x="22" y="23"/>
                      </a:lnTo>
                      <a:lnTo>
                        <a:pt x="24" y="22"/>
                      </a:lnTo>
                      <a:lnTo>
                        <a:pt x="25" y="18"/>
                      </a:lnTo>
                      <a:lnTo>
                        <a:pt x="27" y="15"/>
                      </a:lnTo>
                      <a:lnTo>
                        <a:pt x="29" y="12"/>
                      </a:lnTo>
                      <a:lnTo>
                        <a:pt x="29" y="5"/>
                      </a:lnTo>
                      <a:lnTo>
                        <a:pt x="30" y="3"/>
                      </a:lnTo>
                      <a:lnTo>
                        <a:pt x="32" y="1"/>
                      </a:lnTo>
                      <a:lnTo>
                        <a:pt x="34" y="0"/>
                      </a:lnTo>
                      <a:lnTo>
                        <a:pt x="35" y="0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60" name="Freeform 25"/>
                <p:cNvSpPr>
                  <a:spLocks/>
                </p:cNvSpPr>
                <p:nvPr/>
              </p:nvSpPr>
              <p:spPr bwMode="auto">
                <a:xfrm>
                  <a:off x="4710" y="3513"/>
                  <a:ext cx="7" cy="19"/>
                </a:xfrm>
                <a:custGeom>
                  <a:avLst/>
                  <a:gdLst>
                    <a:gd name="T0" fmla="*/ 0 w 7"/>
                    <a:gd name="T1" fmla="*/ 11 h 19"/>
                    <a:gd name="T2" fmla="*/ 2 w 7"/>
                    <a:gd name="T3" fmla="*/ 5 h 19"/>
                    <a:gd name="T4" fmla="*/ 2 w 7"/>
                    <a:gd name="T5" fmla="*/ 4 h 19"/>
                    <a:gd name="T6" fmla="*/ 2 w 7"/>
                    <a:gd name="T7" fmla="*/ 0 h 19"/>
                    <a:gd name="T8" fmla="*/ 4 w 7"/>
                    <a:gd name="T9" fmla="*/ 0 h 19"/>
                    <a:gd name="T10" fmla="*/ 5 w 7"/>
                    <a:gd name="T11" fmla="*/ 0 h 19"/>
                    <a:gd name="T12" fmla="*/ 7 w 7"/>
                    <a:gd name="T13" fmla="*/ 4 h 19"/>
                    <a:gd name="T14" fmla="*/ 7 w 7"/>
                    <a:gd name="T15" fmla="*/ 5 h 19"/>
                    <a:gd name="T16" fmla="*/ 7 w 7"/>
                    <a:gd name="T17" fmla="*/ 11 h 19"/>
                    <a:gd name="T18" fmla="*/ 7 w 7"/>
                    <a:gd name="T19" fmla="*/ 14 h 19"/>
                    <a:gd name="T20" fmla="*/ 7 w 7"/>
                    <a:gd name="T21" fmla="*/ 17 h 19"/>
                    <a:gd name="T22" fmla="*/ 5 w 7"/>
                    <a:gd name="T23" fmla="*/ 19 h 19"/>
                    <a:gd name="T24" fmla="*/ 4 w 7"/>
                    <a:gd name="T25" fmla="*/ 19 h 19"/>
                    <a:gd name="T26" fmla="*/ 2 w 7"/>
                    <a:gd name="T27" fmla="*/ 19 h 19"/>
                    <a:gd name="T28" fmla="*/ 2 w 7"/>
                    <a:gd name="T29" fmla="*/ 17 h 19"/>
                    <a:gd name="T30" fmla="*/ 2 w 7"/>
                    <a:gd name="T31" fmla="*/ 14 h 19"/>
                    <a:gd name="T32" fmla="*/ 0 w 7"/>
                    <a:gd name="T33" fmla="*/ 11 h 19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7"/>
                    <a:gd name="T52" fmla="*/ 0 h 19"/>
                    <a:gd name="T53" fmla="*/ 7 w 7"/>
                    <a:gd name="T54" fmla="*/ 19 h 19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7" h="19">
                      <a:moveTo>
                        <a:pt x="0" y="11"/>
                      </a:moveTo>
                      <a:lnTo>
                        <a:pt x="2" y="5"/>
                      </a:lnTo>
                      <a:lnTo>
                        <a:pt x="2" y="4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7" y="4"/>
                      </a:lnTo>
                      <a:lnTo>
                        <a:pt x="7" y="5"/>
                      </a:lnTo>
                      <a:lnTo>
                        <a:pt x="7" y="11"/>
                      </a:lnTo>
                      <a:lnTo>
                        <a:pt x="7" y="14"/>
                      </a:lnTo>
                      <a:lnTo>
                        <a:pt x="7" y="17"/>
                      </a:lnTo>
                      <a:lnTo>
                        <a:pt x="5" y="19"/>
                      </a:lnTo>
                      <a:lnTo>
                        <a:pt x="4" y="19"/>
                      </a:lnTo>
                      <a:lnTo>
                        <a:pt x="2" y="19"/>
                      </a:lnTo>
                      <a:lnTo>
                        <a:pt x="2" y="17"/>
                      </a:lnTo>
                      <a:lnTo>
                        <a:pt x="2" y="14"/>
                      </a:lnTo>
                      <a:lnTo>
                        <a:pt x="0" y="1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61" name="Freeform 26"/>
                <p:cNvSpPr>
                  <a:spLocks/>
                </p:cNvSpPr>
                <p:nvPr/>
              </p:nvSpPr>
              <p:spPr bwMode="auto">
                <a:xfrm>
                  <a:off x="4710" y="3513"/>
                  <a:ext cx="7" cy="19"/>
                </a:xfrm>
                <a:custGeom>
                  <a:avLst/>
                  <a:gdLst>
                    <a:gd name="T0" fmla="*/ 0 w 7"/>
                    <a:gd name="T1" fmla="*/ 11 h 19"/>
                    <a:gd name="T2" fmla="*/ 0 w 7"/>
                    <a:gd name="T3" fmla="*/ 11 h 19"/>
                    <a:gd name="T4" fmla="*/ 2 w 7"/>
                    <a:gd name="T5" fmla="*/ 5 h 19"/>
                    <a:gd name="T6" fmla="*/ 2 w 7"/>
                    <a:gd name="T7" fmla="*/ 4 h 19"/>
                    <a:gd name="T8" fmla="*/ 2 w 7"/>
                    <a:gd name="T9" fmla="*/ 0 h 19"/>
                    <a:gd name="T10" fmla="*/ 4 w 7"/>
                    <a:gd name="T11" fmla="*/ 0 h 19"/>
                    <a:gd name="T12" fmla="*/ 4 w 7"/>
                    <a:gd name="T13" fmla="*/ 0 h 19"/>
                    <a:gd name="T14" fmla="*/ 5 w 7"/>
                    <a:gd name="T15" fmla="*/ 0 h 19"/>
                    <a:gd name="T16" fmla="*/ 7 w 7"/>
                    <a:gd name="T17" fmla="*/ 4 h 19"/>
                    <a:gd name="T18" fmla="*/ 7 w 7"/>
                    <a:gd name="T19" fmla="*/ 5 h 19"/>
                    <a:gd name="T20" fmla="*/ 7 w 7"/>
                    <a:gd name="T21" fmla="*/ 11 h 19"/>
                    <a:gd name="T22" fmla="*/ 7 w 7"/>
                    <a:gd name="T23" fmla="*/ 11 h 19"/>
                    <a:gd name="T24" fmla="*/ 7 w 7"/>
                    <a:gd name="T25" fmla="*/ 14 h 19"/>
                    <a:gd name="T26" fmla="*/ 7 w 7"/>
                    <a:gd name="T27" fmla="*/ 17 h 19"/>
                    <a:gd name="T28" fmla="*/ 5 w 7"/>
                    <a:gd name="T29" fmla="*/ 19 h 19"/>
                    <a:gd name="T30" fmla="*/ 4 w 7"/>
                    <a:gd name="T31" fmla="*/ 19 h 19"/>
                    <a:gd name="T32" fmla="*/ 4 w 7"/>
                    <a:gd name="T33" fmla="*/ 19 h 19"/>
                    <a:gd name="T34" fmla="*/ 2 w 7"/>
                    <a:gd name="T35" fmla="*/ 19 h 19"/>
                    <a:gd name="T36" fmla="*/ 2 w 7"/>
                    <a:gd name="T37" fmla="*/ 17 h 19"/>
                    <a:gd name="T38" fmla="*/ 2 w 7"/>
                    <a:gd name="T39" fmla="*/ 14 h 19"/>
                    <a:gd name="T40" fmla="*/ 0 w 7"/>
                    <a:gd name="T41" fmla="*/ 11 h 19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7"/>
                    <a:gd name="T64" fmla="*/ 0 h 19"/>
                    <a:gd name="T65" fmla="*/ 7 w 7"/>
                    <a:gd name="T66" fmla="*/ 19 h 19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7" h="19">
                      <a:moveTo>
                        <a:pt x="0" y="11"/>
                      </a:moveTo>
                      <a:lnTo>
                        <a:pt x="0" y="11"/>
                      </a:lnTo>
                      <a:lnTo>
                        <a:pt x="2" y="5"/>
                      </a:lnTo>
                      <a:lnTo>
                        <a:pt x="2" y="4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7" y="4"/>
                      </a:lnTo>
                      <a:lnTo>
                        <a:pt x="7" y="5"/>
                      </a:lnTo>
                      <a:lnTo>
                        <a:pt x="7" y="11"/>
                      </a:lnTo>
                      <a:lnTo>
                        <a:pt x="7" y="14"/>
                      </a:lnTo>
                      <a:lnTo>
                        <a:pt x="7" y="17"/>
                      </a:lnTo>
                      <a:lnTo>
                        <a:pt x="5" y="19"/>
                      </a:lnTo>
                      <a:lnTo>
                        <a:pt x="4" y="19"/>
                      </a:lnTo>
                      <a:lnTo>
                        <a:pt x="2" y="19"/>
                      </a:lnTo>
                      <a:lnTo>
                        <a:pt x="2" y="17"/>
                      </a:lnTo>
                      <a:lnTo>
                        <a:pt x="2" y="14"/>
                      </a:lnTo>
                      <a:lnTo>
                        <a:pt x="0" y="1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62" name="Freeform 27"/>
                <p:cNvSpPr>
                  <a:spLocks/>
                </p:cNvSpPr>
                <p:nvPr/>
              </p:nvSpPr>
              <p:spPr bwMode="auto">
                <a:xfrm>
                  <a:off x="4714" y="3488"/>
                  <a:ext cx="5" cy="10"/>
                </a:xfrm>
                <a:custGeom>
                  <a:avLst/>
                  <a:gdLst>
                    <a:gd name="T0" fmla="*/ 0 w 5"/>
                    <a:gd name="T1" fmla="*/ 5 h 10"/>
                    <a:gd name="T2" fmla="*/ 0 w 5"/>
                    <a:gd name="T3" fmla="*/ 3 h 10"/>
                    <a:gd name="T4" fmla="*/ 0 w 5"/>
                    <a:gd name="T5" fmla="*/ 2 h 10"/>
                    <a:gd name="T6" fmla="*/ 1 w 5"/>
                    <a:gd name="T7" fmla="*/ 2 h 10"/>
                    <a:gd name="T8" fmla="*/ 1 w 5"/>
                    <a:gd name="T9" fmla="*/ 0 h 10"/>
                    <a:gd name="T10" fmla="*/ 3 w 5"/>
                    <a:gd name="T11" fmla="*/ 2 h 10"/>
                    <a:gd name="T12" fmla="*/ 3 w 5"/>
                    <a:gd name="T13" fmla="*/ 2 h 10"/>
                    <a:gd name="T14" fmla="*/ 3 w 5"/>
                    <a:gd name="T15" fmla="*/ 3 h 10"/>
                    <a:gd name="T16" fmla="*/ 5 w 5"/>
                    <a:gd name="T17" fmla="*/ 5 h 10"/>
                    <a:gd name="T18" fmla="*/ 3 w 5"/>
                    <a:gd name="T19" fmla="*/ 7 h 10"/>
                    <a:gd name="T20" fmla="*/ 3 w 5"/>
                    <a:gd name="T21" fmla="*/ 8 h 10"/>
                    <a:gd name="T22" fmla="*/ 3 w 5"/>
                    <a:gd name="T23" fmla="*/ 10 h 10"/>
                    <a:gd name="T24" fmla="*/ 1 w 5"/>
                    <a:gd name="T25" fmla="*/ 10 h 10"/>
                    <a:gd name="T26" fmla="*/ 1 w 5"/>
                    <a:gd name="T27" fmla="*/ 10 h 10"/>
                    <a:gd name="T28" fmla="*/ 0 w 5"/>
                    <a:gd name="T29" fmla="*/ 8 h 10"/>
                    <a:gd name="T30" fmla="*/ 0 w 5"/>
                    <a:gd name="T31" fmla="*/ 7 h 10"/>
                    <a:gd name="T32" fmla="*/ 0 w 5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5"/>
                    <a:gd name="T52" fmla="*/ 0 h 10"/>
                    <a:gd name="T53" fmla="*/ 5 w 5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5" h="10">
                      <a:moveTo>
                        <a:pt x="0" y="5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2"/>
                      </a:lnTo>
                      <a:lnTo>
                        <a:pt x="3" y="3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3" y="8"/>
                      </a:lnTo>
                      <a:lnTo>
                        <a:pt x="3" y="10"/>
                      </a:lnTo>
                      <a:lnTo>
                        <a:pt x="1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63" name="Freeform 28"/>
                <p:cNvSpPr>
                  <a:spLocks/>
                </p:cNvSpPr>
                <p:nvPr/>
              </p:nvSpPr>
              <p:spPr bwMode="auto">
                <a:xfrm>
                  <a:off x="4714" y="3488"/>
                  <a:ext cx="5" cy="10"/>
                </a:xfrm>
                <a:custGeom>
                  <a:avLst/>
                  <a:gdLst>
                    <a:gd name="T0" fmla="*/ 0 w 5"/>
                    <a:gd name="T1" fmla="*/ 5 h 10"/>
                    <a:gd name="T2" fmla="*/ 0 w 5"/>
                    <a:gd name="T3" fmla="*/ 5 h 10"/>
                    <a:gd name="T4" fmla="*/ 0 w 5"/>
                    <a:gd name="T5" fmla="*/ 3 h 10"/>
                    <a:gd name="T6" fmla="*/ 0 w 5"/>
                    <a:gd name="T7" fmla="*/ 2 h 10"/>
                    <a:gd name="T8" fmla="*/ 1 w 5"/>
                    <a:gd name="T9" fmla="*/ 2 h 10"/>
                    <a:gd name="T10" fmla="*/ 1 w 5"/>
                    <a:gd name="T11" fmla="*/ 0 h 10"/>
                    <a:gd name="T12" fmla="*/ 1 w 5"/>
                    <a:gd name="T13" fmla="*/ 0 h 10"/>
                    <a:gd name="T14" fmla="*/ 3 w 5"/>
                    <a:gd name="T15" fmla="*/ 2 h 10"/>
                    <a:gd name="T16" fmla="*/ 3 w 5"/>
                    <a:gd name="T17" fmla="*/ 2 h 10"/>
                    <a:gd name="T18" fmla="*/ 3 w 5"/>
                    <a:gd name="T19" fmla="*/ 3 h 10"/>
                    <a:gd name="T20" fmla="*/ 5 w 5"/>
                    <a:gd name="T21" fmla="*/ 5 h 10"/>
                    <a:gd name="T22" fmla="*/ 5 w 5"/>
                    <a:gd name="T23" fmla="*/ 5 h 10"/>
                    <a:gd name="T24" fmla="*/ 3 w 5"/>
                    <a:gd name="T25" fmla="*/ 7 h 10"/>
                    <a:gd name="T26" fmla="*/ 3 w 5"/>
                    <a:gd name="T27" fmla="*/ 8 h 10"/>
                    <a:gd name="T28" fmla="*/ 3 w 5"/>
                    <a:gd name="T29" fmla="*/ 10 h 10"/>
                    <a:gd name="T30" fmla="*/ 1 w 5"/>
                    <a:gd name="T31" fmla="*/ 10 h 10"/>
                    <a:gd name="T32" fmla="*/ 1 w 5"/>
                    <a:gd name="T33" fmla="*/ 10 h 10"/>
                    <a:gd name="T34" fmla="*/ 1 w 5"/>
                    <a:gd name="T35" fmla="*/ 10 h 10"/>
                    <a:gd name="T36" fmla="*/ 0 w 5"/>
                    <a:gd name="T37" fmla="*/ 8 h 10"/>
                    <a:gd name="T38" fmla="*/ 0 w 5"/>
                    <a:gd name="T39" fmla="*/ 7 h 10"/>
                    <a:gd name="T40" fmla="*/ 0 w 5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5"/>
                    <a:gd name="T64" fmla="*/ 0 h 10"/>
                    <a:gd name="T65" fmla="*/ 5 w 5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5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2"/>
                      </a:lnTo>
                      <a:lnTo>
                        <a:pt x="3" y="3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3" y="8"/>
                      </a:lnTo>
                      <a:lnTo>
                        <a:pt x="3" y="10"/>
                      </a:lnTo>
                      <a:lnTo>
                        <a:pt x="1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64" name="Freeform 29"/>
                <p:cNvSpPr>
                  <a:spLocks/>
                </p:cNvSpPr>
                <p:nvPr/>
              </p:nvSpPr>
              <p:spPr bwMode="auto">
                <a:xfrm>
                  <a:off x="4590" y="3632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2 w 8"/>
                    <a:gd name="T3" fmla="*/ 3 h 10"/>
                    <a:gd name="T4" fmla="*/ 2 w 8"/>
                    <a:gd name="T5" fmla="*/ 0 h 10"/>
                    <a:gd name="T6" fmla="*/ 3 w 8"/>
                    <a:gd name="T7" fmla="*/ 0 h 10"/>
                    <a:gd name="T8" fmla="*/ 5 w 8"/>
                    <a:gd name="T9" fmla="*/ 0 h 10"/>
                    <a:gd name="T10" fmla="*/ 5 w 8"/>
                    <a:gd name="T11" fmla="*/ 0 h 10"/>
                    <a:gd name="T12" fmla="*/ 7 w 8"/>
                    <a:gd name="T13" fmla="*/ 0 h 10"/>
                    <a:gd name="T14" fmla="*/ 8 w 8"/>
                    <a:gd name="T15" fmla="*/ 3 h 10"/>
                    <a:gd name="T16" fmla="*/ 8 w 8"/>
                    <a:gd name="T17" fmla="*/ 5 h 10"/>
                    <a:gd name="T18" fmla="*/ 8 w 8"/>
                    <a:gd name="T19" fmla="*/ 7 h 10"/>
                    <a:gd name="T20" fmla="*/ 7 w 8"/>
                    <a:gd name="T21" fmla="*/ 8 h 10"/>
                    <a:gd name="T22" fmla="*/ 5 w 8"/>
                    <a:gd name="T23" fmla="*/ 10 h 10"/>
                    <a:gd name="T24" fmla="*/ 5 w 8"/>
                    <a:gd name="T25" fmla="*/ 10 h 10"/>
                    <a:gd name="T26" fmla="*/ 3 w 8"/>
                    <a:gd name="T27" fmla="*/ 10 h 10"/>
                    <a:gd name="T28" fmla="*/ 2 w 8"/>
                    <a:gd name="T29" fmla="*/ 8 h 10"/>
                    <a:gd name="T30" fmla="*/ 2 w 8"/>
                    <a:gd name="T31" fmla="*/ 7 h 10"/>
                    <a:gd name="T32" fmla="*/ 0 w 8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10"/>
                    <a:gd name="T53" fmla="*/ 8 w 8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10">
                      <a:moveTo>
                        <a:pt x="0" y="5"/>
                      </a:moveTo>
                      <a:lnTo>
                        <a:pt x="2" y="3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8" y="3"/>
                      </a:lnTo>
                      <a:lnTo>
                        <a:pt x="8" y="5"/>
                      </a:lnTo>
                      <a:lnTo>
                        <a:pt x="8" y="7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8"/>
                      </a:lnTo>
                      <a:lnTo>
                        <a:pt x="2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65" name="Freeform 30"/>
                <p:cNvSpPr>
                  <a:spLocks/>
                </p:cNvSpPr>
                <p:nvPr/>
              </p:nvSpPr>
              <p:spPr bwMode="auto">
                <a:xfrm>
                  <a:off x="4590" y="3632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5 h 10"/>
                    <a:gd name="T4" fmla="*/ 2 w 8"/>
                    <a:gd name="T5" fmla="*/ 3 h 10"/>
                    <a:gd name="T6" fmla="*/ 2 w 8"/>
                    <a:gd name="T7" fmla="*/ 0 h 10"/>
                    <a:gd name="T8" fmla="*/ 3 w 8"/>
                    <a:gd name="T9" fmla="*/ 0 h 10"/>
                    <a:gd name="T10" fmla="*/ 5 w 8"/>
                    <a:gd name="T11" fmla="*/ 0 h 10"/>
                    <a:gd name="T12" fmla="*/ 5 w 8"/>
                    <a:gd name="T13" fmla="*/ 0 h 10"/>
                    <a:gd name="T14" fmla="*/ 5 w 8"/>
                    <a:gd name="T15" fmla="*/ 0 h 10"/>
                    <a:gd name="T16" fmla="*/ 7 w 8"/>
                    <a:gd name="T17" fmla="*/ 0 h 10"/>
                    <a:gd name="T18" fmla="*/ 8 w 8"/>
                    <a:gd name="T19" fmla="*/ 3 h 10"/>
                    <a:gd name="T20" fmla="*/ 8 w 8"/>
                    <a:gd name="T21" fmla="*/ 5 h 10"/>
                    <a:gd name="T22" fmla="*/ 8 w 8"/>
                    <a:gd name="T23" fmla="*/ 5 h 10"/>
                    <a:gd name="T24" fmla="*/ 8 w 8"/>
                    <a:gd name="T25" fmla="*/ 7 h 10"/>
                    <a:gd name="T26" fmla="*/ 7 w 8"/>
                    <a:gd name="T27" fmla="*/ 8 h 10"/>
                    <a:gd name="T28" fmla="*/ 5 w 8"/>
                    <a:gd name="T29" fmla="*/ 10 h 10"/>
                    <a:gd name="T30" fmla="*/ 5 w 8"/>
                    <a:gd name="T31" fmla="*/ 10 h 10"/>
                    <a:gd name="T32" fmla="*/ 5 w 8"/>
                    <a:gd name="T33" fmla="*/ 10 h 10"/>
                    <a:gd name="T34" fmla="*/ 3 w 8"/>
                    <a:gd name="T35" fmla="*/ 10 h 10"/>
                    <a:gd name="T36" fmla="*/ 2 w 8"/>
                    <a:gd name="T37" fmla="*/ 8 h 10"/>
                    <a:gd name="T38" fmla="*/ 2 w 8"/>
                    <a:gd name="T39" fmla="*/ 7 h 10"/>
                    <a:gd name="T40" fmla="*/ 0 w 8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10"/>
                    <a:gd name="T65" fmla="*/ 8 w 8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2" y="3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8" y="3"/>
                      </a:lnTo>
                      <a:lnTo>
                        <a:pt x="8" y="5"/>
                      </a:lnTo>
                      <a:lnTo>
                        <a:pt x="8" y="7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8"/>
                      </a:lnTo>
                      <a:lnTo>
                        <a:pt x="2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66" name="Freeform 31"/>
                <p:cNvSpPr>
                  <a:spLocks/>
                </p:cNvSpPr>
                <p:nvPr/>
              </p:nvSpPr>
              <p:spPr bwMode="auto">
                <a:xfrm>
                  <a:off x="4582" y="3637"/>
                  <a:ext cx="6" cy="8"/>
                </a:xfrm>
                <a:custGeom>
                  <a:avLst/>
                  <a:gdLst>
                    <a:gd name="T0" fmla="*/ 0 w 6"/>
                    <a:gd name="T1" fmla="*/ 3 h 8"/>
                    <a:gd name="T2" fmla="*/ 0 w 6"/>
                    <a:gd name="T3" fmla="*/ 3 h 8"/>
                    <a:gd name="T4" fmla="*/ 0 w 6"/>
                    <a:gd name="T5" fmla="*/ 2 h 8"/>
                    <a:gd name="T6" fmla="*/ 1 w 6"/>
                    <a:gd name="T7" fmla="*/ 0 h 8"/>
                    <a:gd name="T8" fmla="*/ 3 w 6"/>
                    <a:gd name="T9" fmla="*/ 0 h 8"/>
                    <a:gd name="T10" fmla="*/ 5 w 6"/>
                    <a:gd name="T11" fmla="*/ 0 h 8"/>
                    <a:gd name="T12" fmla="*/ 5 w 6"/>
                    <a:gd name="T13" fmla="*/ 2 h 8"/>
                    <a:gd name="T14" fmla="*/ 6 w 6"/>
                    <a:gd name="T15" fmla="*/ 3 h 8"/>
                    <a:gd name="T16" fmla="*/ 6 w 6"/>
                    <a:gd name="T17" fmla="*/ 3 h 8"/>
                    <a:gd name="T18" fmla="*/ 6 w 6"/>
                    <a:gd name="T19" fmla="*/ 5 h 8"/>
                    <a:gd name="T20" fmla="*/ 5 w 6"/>
                    <a:gd name="T21" fmla="*/ 7 h 8"/>
                    <a:gd name="T22" fmla="*/ 5 w 6"/>
                    <a:gd name="T23" fmla="*/ 7 h 8"/>
                    <a:gd name="T24" fmla="*/ 3 w 6"/>
                    <a:gd name="T25" fmla="*/ 8 h 8"/>
                    <a:gd name="T26" fmla="*/ 1 w 6"/>
                    <a:gd name="T27" fmla="*/ 7 h 8"/>
                    <a:gd name="T28" fmla="*/ 0 w 6"/>
                    <a:gd name="T29" fmla="*/ 7 h 8"/>
                    <a:gd name="T30" fmla="*/ 0 w 6"/>
                    <a:gd name="T31" fmla="*/ 5 h 8"/>
                    <a:gd name="T32" fmla="*/ 0 w 6"/>
                    <a:gd name="T33" fmla="*/ 3 h 8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6"/>
                    <a:gd name="T52" fmla="*/ 0 h 8"/>
                    <a:gd name="T53" fmla="*/ 6 w 6"/>
                    <a:gd name="T54" fmla="*/ 8 h 8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6" h="8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5" y="2"/>
                      </a:lnTo>
                      <a:lnTo>
                        <a:pt x="6" y="3"/>
                      </a:lnTo>
                      <a:lnTo>
                        <a:pt x="6" y="5"/>
                      </a:lnTo>
                      <a:lnTo>
                        <a:pt x="5" y="7"/>
                      </a:lnTo>
                      <a:lnTo>
                        <a:pt x="3" y="8"/>
                      </a:lnTo>
                      <a:lnTo>
                        <a:pt x="1" y="7"/>
                      </a:lnTo>
                      <a:lnTo>
                        <a:pt x="0" y="7"/>
                      </a:lnTo>
                      <a:lnTo>
                        <a:pt x="0" y="5"/>
                      </a:lnTo>
                      <a:lnTo>
                        <a:pt x="0" y="3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67" name="Freeform 32"/>
                <p:cNvSpPr>
                  <a:spLocks/>
                </p:cNvSpPr>
                <p:nvPr/>
              </p:nvSpPr>
              <p:spPr bwMode="auto">
                <a:xfrm>
                  <a:off x="4582" y="3637"/>
                  <a:ext cx="6" cy="8"/>
                </a:xfrm>
                <a:custGeom>
                  <a:avLst/>
                  <a:gdLst>
                    <a:gd name="T0" fmla="*/ 0 w 6"/>
                    <a:gd name="T1" fmla="*/ 3 h 8"/>
                    <a:gd name="T2" fmla="*/ 0 w 6"/>
                    <a:gd name="T3" fmla="*/ 3 h 8"/>
                    <a:gd name="T4" fmla="*/ 0 w 6"/>
                    <a:gd name="T5" fmla="*/ 3 h 8"/>
                    <a:gd name="T6" fmla="*/ 0 w 6"/>
                    <a:gd name="T7" fmla="*/ 2 h 8"/>
                    <a:gd name="T8" fmla="*/ 1 w 6"/>
                    <a:gd name="T9" fmla="*/ 0 h 8"/>
                    <a:gd name="T10" fmla="*/ 3 w 6"/>
                    <a:gd name="T11" fmla="*/ 0 h 8"/>
                    <a:gd name="T12" fmla="*/ 3 w 6"/>
                    <a:gd name="T13" fmla="*/ 0 h 8"/>
                    <a:gd name="T14" fmla="*/ 5 w 6"/>
                    <a:gd name="T15" fmla="*/ 0 h 8"/>
                    <a:gd name="T16" fmla="*/ 5 w 6"/>
                    <a:gd name="T17" fmla="*/ 2 h 8"/>
                    <a:gd name="T18" fmla="*/ 6 w 6"/>
                    <a:gd name="T19" fmla="*/ 3 h 8"/>
                    <a:gd name="T20" fmla="*/ 6 w 6"/>
                    <a:gd name="T21" fmla="*/ 3 h 8"/>
                    <a:gd name="T22" fmla="*/ 6 w 6"/>
                    <a:gd name="T23" fmla="*/ 3 h 8"/>
                    <a:gd name="T24" fmla="*/ 6 w 6"/>
                    <a:gd name="T25" fmla="*/ 5 h 8"/>
                    <a:gd name="T26" fmla="*/ 5 w 6"/>
                    <a:gd name="T27" fmla="*/ 7 h 8"/>
                    <a:gd name="T28" fmla="*/ 5 w 6"/>
                    <a:gd name="T29" fmla="*/ 7 h 8"/>
                    <a:gd name="T30" fmla="*/ 3 w 6"/>
                    <a:gd name="T31" fmla="*/ 8 h 8"/>
                    <a:gd name="T32" fmla="*/ 3 w 6"/>
                    <a:gd name="T33" fmla="*/ 8 h 8"/>
                    <a:gd name="T34" fmla="*/ 1 w 6"/>
                    <a:gd name="T35" fmla="*/ 7 h 8"/>
                    <a:gd name="T36" fmla="*/ 0 w 6"/>
                    <a:gd name="T37" fmla="*/ 7 h 8"/>
                    <a:gd name="T38" fmla="*/ 0 w 6"/>
                    <a:gd name="T39" fmla="*/ 5 h 8"/>
                    <a:gd name="T40" fmla="*/ 0 w 6"/>
                    <a:gd name="T41" fmla="*/ 3 h 8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6"/>
                    <a:gd name="T64" fmla="*/ 0 h 8"/>
                    <a:gd name="T65" fmla="*/ 6 w 6"/>
                    <a:gd name="T66" fmla="*/ 8 h 8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6" h="8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5" y="2"/>
                      </a:lnTo>
                      <a:lnTo>
                        <a:pt x="6" y="3"/>
                      </a:lnTo>
                      <a:lnTo>
                        <a:pt x="6" y="5"/>
                      </a:lnTo>
                      <a:lnTo>
                        <a:pt x="5" y="7"/>
                      </a:lnTo>
                      <a:lnTo>
                        <a:pt x="3" y="8"/>
                      </a:lnTo>
                      <a:lnTo>
                        <a:pt x="1" y="7"/>
                      </a:lnTo>
                      <a:lnTo>
                        <a:pt x="0" y="7"/>
                      </a:lnTo>
                      <a:lnTo>
                        <a:pt x="0" y="5"/>
                      </a:lnTo>
                      <a:lnTo>
                        <a:pt x="0" y="3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68" name="Freeform 33"/>
                <p:cNvSpPr>
                  <a:spLocks/>
                </p:cNvSpPr>
                <p:nvPr/>
              </p:nvSpPr>
              <p:spPr bwMode="auto">
                <a:xfrm>
                  <a:off x="4575" y="3644"/>
                  <a:ext cx="3" cy="5"/>
                </a:xfrm>
                <a:custGeom>
                  <a:avLst/>
                  <a:gdLst>
                    <a:gd name="T0" fmla="*/ 0 w 3"/>
                    <a:gd name="T1" fmla="*/ 1 h 5"/>
                    <a:gd name="T2" fmla="*/ 0 w 3"/>
                    <a:gd name="T3" fmla="*/ 1 h 5"/>
                    <a:gd name="T4" fmla="*/ 0 w 3"/>
                    <a:gd name="T5" fmla="*/ 0 h 5"/>
                    <a:gd name="T6" fmla="*/ 1 w 3"/>
                    <a:gd name="T7" fmla="*/ 0 h 5"/>
                    <a:gd name="T8" fmla="*/ 1 w 3"/>
                    <a:gd name="T9" fmla="*/ 0 h 5"/>
                    <a:gd name="T10" fmla="*/ 1 w 3"/>
                    <a:gd name="T11" fmla="*/ 0 h 5"/>
                    <a:gd name="T12" fmla="*/ 3 w 3"/>
                    <a:gd name="T13" fmla="*/ 0 h 5"/>
                    <a:gd name="T14" fmla="*/ 3 w 3"/>
                    <a:gd name="T15" fmla="*/ 1 h 5"/>
                    <a:gd name="T16" fmla="*/ 3 w 3"/>
                    <a:gd name="T17" fmla="*/ 1 h 5"/>
                    <a:gd name="T18" fmla="*/ 3 w 3"/>
                    <a:gd name="T19" fmla="*/ 3 h 5"/>
                    <a:gd name="T20" fmla="*/ 3 w 3"/>
                    <a:gd name="T21" fmla="*/ 5 h 5"/>
                    <a:gd name="T22" fmla="*/ 1 w 3"/>
                    <a:gd name="T23" fmla="*/ 5 h 5"/>
                    <a:gd name="T24" fmla="*/ 1 w 3"/>
                    <a:gd name="T25" fmla="*/ 5 h 5"/>
                    <a:gd name="T26" fmla="*/ 1 w 3"/>
                    <a:gd name="T27" fmla="*/ 5 h 5"/>
                    <a:gd name="T28" fmla="*/ 0 w 3"/>
                    <a:gd name="T29" fmla="*/ 5 h 5"/>
                    <a:gd name="T30" fmla="*/ 0 w 3"/>
                    <a:gd name="T31" fmla="*/ 3 h 5"/>
                    <a:gd name="T32" fmla="*/ 0 w 3"/>
                    <a:gd name="T33" fmla="*/ 1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3"/>
                    <a:gd name="T52" fmla="*/ 0 h 5"/>
                    <a:gd name="T53" fmla="*/ 3 w 3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3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3" y="1"/>
                      </a:lnTo>
                      <a:lnTo>
                        <a:pt x="3" y="3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69" name="Freeform 34"/>
                <p:cNvSpPr>
                  <a:spLocks/>
                </p:cNvSpPr>
                <p:nvPr/>
              </p:nvSpPr>
              <p:spPr bwMode="auto">
                <a:xfrm>
                  <a:off x="4575" y="3644"/>
                  <a:ext cx="3" cy="5"/>
                </a:xfrm>
                <a:custGeom>
                  <a:avLst/>
                  <a:gdLst>
                    <a:gd name="T0" fmla="*/ 0 w 3"/>
                    <a:gd name="T1" fmla="*/ 1 h 5"/>
                    <a:gd name="T2" fmla="*/ 0 w 3"/>
                    <a:gd name="T3" fmla="*/ 1 h 5"/>
                    <a:gd name="T4" fmla="*/ 0 w 3"/>
                    <a:gd name="T5" fmla="*/ 1 h 5"/>
                    <a:gd name="T6" fmla="*/ 0 w 3"/>
                    <a:gd name="T7" fmla="*/ 0 h 5"/>
                    <a:gd name="T8" fmla="*/ 1 w 3"/>
                    <a:gd name="T9" fmla="*/ 0 h 5"/>
                    <a:gd name="T10" fmla="*/ 1 w 3"/>
                    <a:gd name="T11" fmla="*/ 0 h 5"/>
                    <a:gd name="T12" fmla="*/ 1 w 3"/>
                    <a:gd name="T13" fmla="*/ 0 h 5"/>
                    <a:gd name="T14" fmla="*/ 1 w 3"/>
                    <a:gd name="T15" fmla="*/ 0 h 5"/>
                    <a:gd name="T16" fmla="*/ 3 w 3"/>
                    <a:gd name="T17" fmla="*/ 0 h 5"/>
                    <a:gd name="T18" fmla="*/ 3 w 3"/>
                    <a:gd name="T19" fmla="*/ 1 h 5"/>
                    <a:gd name="T20" fmla="*/ 3 w 3"/>
                    <a:gd name="T21" fmla="*/ 1 h 5"/>
                    <a:gd name="T22" fmla="*/ 3 w 3"/>
                    <a:gd name="T23" fmla="*/ 1 h 5"/>
                    <a:gd name="T24" fmla="*/ 3 w 3"/>
                    <a:gd name="T25" fmla="*/ 3 h 5"/>
                    <a:gd name="T26" fmla="*/ 3 w 3"/>
                    <a:gd name="T27" fmla="*/ 5 h 5"/>
                    <a:gd name="T28" fmla="*/ 1 w 3"/>
                    <a:gd name="T29" fmla="*/ 5 h 5"/>
                    <a:gd name="T30" fmla="*/ 1 w 3"/>
                    <a:gd name="T31" fmla="*/ 5 h 5"/>
                    <a:gd name="T32" fmla="*/ 1 w 3"/>
                    <a:gd name="T33" fmla="*/ 5 h 5"/>
                    <a:gd name="T34" fmla="*/ 1 w 3"/>
                    <a:gd name="T35" fmla="*/ 5 h 5"/>
                    <a:gd name="T36" fmla="*/ 0 w 3"/>
                    <a:gd name="T37" fmla="*/ 5 h 5"/>
                    <a:gd name="T38" fmla="*/ 0 w 3"/>
                    <a:gd name="T39" fmla="*/ 3 h 5"/>
                    <a:gd name="T40" fmla="*/ 0 w 3"/>
                    <a:gd name="T41" fmla="*/ 1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3"/>
                    <a:gd name="T64" fmla="*/ 0 h 5"/>
                    <a:gd name="T65" fmla="*/ 3 w 3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3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3" y="1"/>
                      </a:lnTo>
                      <a:lnTo>
                        <a:pt x="3" y="3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70" name="Freeform 35"/>
                <p:cNvSpPr>
                  <a:spLocks/>
                </p:cNvSpPr>
                <p:nvPr/>
              </p:nvSpPr>
              <p:spPr bwMode="auto">
                <a:xfrm>
                  <a:off x="4566" y="3649"/>
                  <a:ext cx="5" cy="5"/>
                </a:xfrm>
                <a:custGeom>
                  <a:avLst/>
                  <a:gdLst>
                    <a:gd name="T0" fmla="*/ 0 w 5"/>
                    <a:gd name="T1" fmla="*/ 3 h 5"/>
                    <a:gd name="T2" fmla="*/ 0 w 5"/>
                    <a:gd name="T3" fmla="*/ 1 h 5"/>
                    <a:gd name="T4" fmla="*/ 2 w 5"/>
                    <a:gd name="T5" fmla="*/ 0 h 5"/>
                    <a:gd name="T6" fmla="*/ 2 w 5"/>
                    <a:gd name="T7" fmla="*/ 0 h 5"/>
                    <a:gd name="T8" fmla="*/ 4 w 5"/>
                    <a:gd name="T9" fmla="*/ 0 h 5"/>
                    <a:gd name="T10" fmla="*/ 4 w 5"/>
                    <a:gd name="T11" fmla="*/ 0 h 5"/>
                    <a:gd name="T12" fmla="*/ 5 w 5"/>
                    <a:gd name="T13" fmla="*/ 0 h 5"/>
                    <a:gd name="T14" fmla="*/ 5 w 5"/>
                    <a:gd name="T15" fmla="*/ 1 h 5"/>
                    <a:gd name="T16" fmla="*/ 5 w 5"/>
                    <a:gd name="T17" fmla="*/ 3 h 5"/>
                    <a:gd name="T18" fmla="*/ 5 w 5"/>
                    <a:gd name="T19" fmla="*/ 3 h 5"/>
                    <a:gd name="T20" fmla="*/ 5 w 5"/>
                    <a:gd name="T21" fmla="*/ 5 h 5"/>
                    <a:gd name="T22" fmla="*/ 4 w 5"/>
                    <a:gd name="T23" fmla="*/ 5 h 5"/>
                    <a:gd name="T24" fmla="*/ 4 w 5"/>
                    <a:gd name="T25" fmla="*/ 5 h 5"/>
                    <a:gd name="T26" fmla="*/ 2 w 5"/>
                    <a:gd name="T27" fmla="*/ 5 h 5"/>
                    <a:gd name="T28" fmla="*/ 2 w 5"/>
                    <a:gd name="T29" fmla="*/ 5 h 5"/>
                    <a:gd name="T30" fmla="*/ 0 w 5"/>
                    <a:gd name="T31" fmla="*/ 3 h 5"/>
                    <a:gd name="T32" fmla="*/ 0 w 5"/>
                    <a:gd name="T33" fmla="*/ 3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5"/>
                    <a:gd name="T52" fmla="*/ 0 h 5"/>
                    <a:gd name="T53" fmla="*/ 5 w 5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5" h="5">
                      <a:moveTo>
                        <a:pt x="0" y="3"/>
                      </a:moveTo>
                      <a:lnTo>
                        <a:pt x="0" y="1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5" y="1"/>
                      </a:lnTo>
                      <a:lnTo>
                        <a:pt x="5" y="3"/>
                      </a:lnTo>
                      <a:lnTo>
                        <a:pt x="5" y="5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3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71" name="Freeform 36"/>
                <p:cNvSpPr>
                  <a:spLocks/>
                </p:cNvSpPr>
                <p:nvPr/>
              </p:nvSpPr>
              <p:spPr bwMode="auto">
                <a:xfrm>
                  <a:off x="4566" y="3649"/>
                  <a:ext cx="5" cy="5"/>
                </a:xfrm>
                <a:custGeom>
                  <a:avLst/>
                  <a:gdLst>
                    <a:gd name="T0" fmla="*/ 0 w 5"/>
                    <a:gd name="T1" fmla="*/ 3 h 5"/>
                    <a:gd name="T2" fmla="*/ 0 w 5"/>
                    <a:gd name="T3" fmla="*/ 3 h 5"/>
                    <a:gd name="T4" fmla="*/ 0 w 5"/>
                    <a:gd name="T5" fmla="*/ 1 h 5"/>
                    <a:gd name="T6" fmla="*/ 2 w 5"/>
                    <a:gd name="T7" fmla="*/ 0 h 5"/>
                    <a:gd name="T8" fmla="*/ 2 w 5"/>
                    <a:gd name="T9" fmla="*/ 0 h 5"/>
                    <a:gd name="T10" fmla="*/ 4 w 5"/>
                    <a:gd name="T11" fmla="*/ 0 h 5"/>
                    <a:gd name="T12" fmla="*/ 4 w 5"/>
                    <a:gd name="T13" fmla="*/ 0 h 5"/>
                    <a:gd name="T14" fmla="*/ 4 w 5"/>
                    <a:gd name="T15" fmla="*/ 0 h 5"/>
                    <a:gd name="T16" fmla="*/ 5 w 5"/>
                    <a:gd name="T17" fmla="*/ 0 h 5"/>
                    <a:gd name="T18" fmla="*/ 5 w 5"/>
                    <a:gd name="T19" fmla="*/ 1 h 5"/>
                    <a:gd name="T20" fmla="*/ 5 w 5"/>
                    <a:gd name="T21" fmla="*/ 3 h 5"/>
                    <a:gd name="T22" fmla="*/ 5 w 5"/>
                    <a:gd name="T23" fmla="*/ 3 h 5"/>
                    <a:gd name="T24" fmla="*/ 5 w 5"/>
                    <a:gd name="T25" fmla="*/ 3 h 5"/>
                    <a:gd name="T26" fmla="*/ 5 w 5"/>
                    <a:gd name="T27" fmla="*/ 5 h 5"/>
                    <a:gd name="T28" fmla="*/ 4 w 5"/>
                    <a:gd name="T29" fmla="*/ 5 h 5"/>
                    <a:gd name="T30" fmla="*/ 4 w 5"/>
                    <a:gd name="T31" fmla="*/ 5 h 5"/>
                    <a:gd name="T32" fmla="*/ 4 w 5"/>
                    <a:gd name="T33" fmla="*/ 5 h 5"/>
                    <a:gd name="T34" fmla="*/ 2 w 5"/>
                    <a:gd name="T35" fmla="*/ 5 h 5"/>
                    <a:gd name="T36" fmla="*/ 2 w 5"/>
                    <a:gd name="T37" fmla="*/ 5 h 5"/>
                    <a:gd name="T38" fmla="*/ 0 w 5"/>
                    <a:gd name="T39" fmla="*/ 3 h 5"/>
                    <a:gd name="T40" fmla="*/ 0 w 5"/>
                    <a:gd name="T41" fmla="*/ 3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5"/>
                    <a:gd name="T64" fmla="*/ 0 h 5"/>
                    <a:gd name="T65" fmla="*/ 5 w 5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5" h="5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5" y="0"/>
                      </a:lnTo>
                      <a:lnTo>
                        <a:pt x="5" y="1"/>
                      </a:lnTo>
                      <a:lnTo>
                        <a:pt x="5" y="3"/>
                      </a:lnTo>
                      <a:lnTo>
                        <a:pt x="5" y="5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3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72" name="Freeform 37"/>
                <p:cNvSpPr>
                  <a:spLocks/>
                </p:cNvSpPr>
                <p:nvPr/>
              </p:nvSpPr>
              <p:spPr bwMode="auto">
                <a:xfrm>
                  <a:off x="4560" y="3656"/>
                  <a:ext cx="5" cy="3"/>
                </a:xfrm>
                <a:custGeom>
                  <a:avLst/>
                  <a:gdLst>
                    <a:gd name="T0" fmla="*/ 0 w 5"/>
                    <a:gd name="T1" fmla="*/ 1 h 3"/>
                    <a:gd name="T2" fmla="*/ 0 w 5"/>
                    <a:gd name="T3" fmla="*/ 1 h 3"/>
                    <a:gd name="T4" fmla="*/ 0 w 5"/>
                    <a:gd name="T5" fmla="*/ 0 h 3"/>
                    <a:gd name="T6" fmla="*/ 1 w 5"/>
                    <a:gd name="T7" fmla="*/ 0 h 3"/>
                    <a:gd name="T8" fmla="*/ 1 w 5"/>
                    <a:gd name="T9" fmla="*/ 0 h 3"/>
                    <a:gd name="T10" fmla="*/ 3 w 5"/>
                    <a:gd name="T11" fmla="*/ 0 h 3"/>
                    <a:gd name="T12" fmla="*/ 3 w 5"/>
                    <a:gd name="T13" fmla="*/ 0 h 3"/>
                    <a:gd name="T14" fmla="*/ 5 w 5"/>
                    <a:gd name="T15" fmla="*/ 1 h 3"/>
                    <a:gd name="T16" fmla="*/ 5 w 5"/>
                    <a:gd name="T17" fmla="*/ 1 h 3"/>
                    <a:gd name="T18" fmla="*/ 5 w 5"/>
                    <a:gd name="T19" fmla="*/ 1 h 3"/>
                    <a:gd name="T20" fmla="*/ 3 w 5"/>
                    <a:gd name="T21" fmla="*/ 3 h 3"/>
                    <a:gd name="T22" fmla="*/ 3 w 5"/>
                    <a:gd name="T23" fmla="*/ 3 h 3"/>
                    <a:gd name="T24" fmla="*/ 1 w 5"/>
                    <a:gd name="T25" fmla="*/ 3 h 3"/>
                    <a:gd name="T26" fmla="*/ 1 w 5"/>
                    <a:gd name="T27" fmla="*/ 3 h 3"/>
                    <a:gd name="T28" fmla="*/ 0 w 5"/>
                    <a:gd name="T29" fmla="*/ 3 h 3"/>
                    <a:gd name="T30" fmla="*/ 0 w 5"/>
                    <a:gd name="T31" fmla="*/ 1 h 3"/>
                    <a:gd name="T32" fmla="*/ 0 w 5"/>
                    <a:gd name="T33" fmla="*/ 1 h 3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5"/>
                    <a:gd name="T52" fmla="*/ 0 h 3"/>
                    <a:gd name="T53" fmla="*/ 5 w 5"/>
                    <a:gd name="T54" fmla="*/ 3 h 3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5" h="3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1"/>
                      </a:lnTo>
                      <a:lnTo>
                        <a:pt x="3" y="3"/>
                      </a:lnTo>
                      <a:lnTo>
                        <a:pt x="1" y="3"/>
                      </a:lnTo>
                      <a:lnTo>
                        <a:pt x="0" y="3"/>
                      </a:lnTo>
                      <a:lnTo>
                        <a:pt x="0" y="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73" name="Freeform 38"/>
                <p:cNvSpPr>
                  <a:spLocks/>
                </p:cNvSpPr>
                <p:nvPr/>
              </p:nvSpPr>
              <p:spPr bwMode="auto">
                <a:xfrm>
                  <a:off x="4560" y="3656"/>
                  <a:ext cx="5" cy="3"/>
                </a:xfrm>
                <a:custGeom>
                  <a:avLst/>
                  <a:gdLst>
                    <a:gd name="T0" fmla="*/ 0 w 5"/>
                    <a:gd name="T1" fmla="*/ 1 h 3"/>
                    <a:gd name="T2" fmla="*/ 0 w 5"/>
                    <a:gd name="T3" fmla="*/ 1 h 3"/>
                    <a:gd name="T4" fmla="*/ 0 w 5"/>
                    <a:gd name="T5" fmla="*/ 1 h 3"/>
                    <a:gd name="T6" fmla="*/ 0 w 5"/>
                    <a:gd name="T7" fmla="*/ 0 h 3"/>
                    <a:gd name="T8" fmla="*/ 1 w 5"/>
                    <a:gd name="T9" fmla="*/ 0 h 3"/>
                    <a:gd name="T10" fmla="*/ 1 w 5"/>
                    <a:gd name="T11" fmla="*/ 0 h 3"/>
                    <a:gd name="T12" fmla="*/ 1 w 5"/>
                    <a:gd name="T13" fmla="*/ 0 h 3"/>
                    <a:gd name="T14" fmla="*/ 3 w 5"/>
                    <a:gd name="T15" fmla="*/ 0 h 3"/>
                    <a:gd name="T16" fmla="*/ 3 w 5"/>
                    <a:gd name="T17" fmla="*/ 0 h 3"/>
                    <a:gd name="T18" fmla="*/ 5 w 5"/>
                    <a:gd name="T19" fmla="*/ 1 h 3"/>
                    <a:gd name="T20" fmla="*/ 5 w 5"/>
                    <a:gd name="T21" fmla="*/ 1 h 3"/>
                    <a:gd name="T22" fmla="*/ 5 w 5"/>
                    <a:gd name="T23" fmla="*/ 1 h 3"/>
                    <a:gd name="T24" fmla="*/ 5 w 5"/>
                    <a:gd name="T25" fmla="*/ 1 h 3"/>
                    <a:gd name="T26" fmla="*/ 3 w 5"/>
                    <a:gd name="T27" fmla="*/ 3 h 3"/>
                    <a:gd name="T28" fmla="*/ 3 w 5"/>
                    <a:gd name="T29" fmla="*/ 3 h 3"/>
                    <a:gd name="T30" fmla="*/ 1 w 5"/>
                    <a:gd name="T31" fmla="*/ 3 h 3"/>
                    <a:gd name="T32" fmla="*/ 1 w 5"/>
                    <a:gd name="T33" fmla="*/ 3 h 3"/>
                    <a:gd name="T34" fmla="*/ 1 w 5"/>
                    <a:gd name="T35" fmla="*/ 3 h 3"/>
                    <a:gd name="T36" fmla="*/ 0 w 5"/>
                    <a:gd name="T37" fmla="*/ 3 h 3"/>
                    <a:gd name="T38" fmla="*/ 0 w 5"/>
                    <a:gd name="T39" fmla="*/ 1 h 3"/>
                    <a:gd name="T40" fmla="*/ 0 w 5"/>
                    <a:gd name="T41" fmla="*/ 1 h 3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5"/>
                    <a:gd name="T64" fmla="*/ 0 h 3"/>
                    <a:gd name="T65" fmla="*/ 5 w 5"/>
                    <a:gd name="T66" fmla="*/ 3 h 3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5" h="3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1"/>
                      </a:lnTo>
                      <a:lnTo>
                        <a:pt x="3" y="3"/>
                      </a:lnTo>
                      <a:lnTo>
                        <a:pt x="1" y="3"/>
                      </a:lnTo>
                      <a:lnTo>
                        <a:pt x="0" y="3"/>
                      </a:lnTo>
                      <a:lnTo>
                        <a:pt x="0" y="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74" name="Freeform 39"/>
                <p:cNvSpPr>
                  <a:spLocks/>
                </p:cNvSpPr>
                <p:nvPr/>
              </p:nvSpPr>
              <p:spPr bwMode="auto">
                <a:xfrm>
                  <a:off x="4664" y="3600"/>
                  <a:ext cx="4" cy="5"/>
                </a:xfrm>
                <a:custGeom>
                  <a:avLst/>
                  <a:gdLst>
                    <a:gd name="T0" fmla="*/ 0 w 4"/>
                    <a:gd name="T1" fmla="*/ 1 h 5"/>
                    <a:gd name="T2" fmla="*/ 0 w 4"/>
                    <a:gd name="T3" fmla="*/ 1 h 5"/>
                    <a:gd name="T4" fmla="*/ 0 w 4"/>
                    <a:gd name="T5" fmla="*/ 0 h 5"/>
                    <a:gd name="T6" fmla="*/ 2 w 4"/>
                    <a:gd name="T7" fmla="*/ 0 h 5"/>
                    <a:gd name="T8" fmla="*/ 2 w 4"/>
                    <a:gd name="T9" fmla="*/ 0 h 5"/>
                    <a:gd name="T10" fmla="*/ 2 w 4"/>
                    <a:gd name="T11" fmla="*/ 0 h 5"/>
                    <a:gd name="T12" fmla="*/ 4 w 4"/>
                    <a:gd name="T13" fmla="*/ 0 h 5"/>
                    <a:gd name="T14" fmla="*/ 4 w 4"/>
                    <a:gd name="T15" fmla="*/ 1 h 5"/>
                    <a:gd name="T16" fmla="*/ 4 w 4"/>
                    <a:gd name="T17" fmla="*/ 1 h 5"/>
                    <a:gd name="T18" fmla="*/ 4 w 4"/>
                    <a:gd name="T19" fmla="*/ 3 h 5"/>
                    <a:gd name="T20" fmla="*/ 4 w 4"/>
                    <a:gd name="T21" fmla="*/ 5 h 5"/>
                    <a:gd name="T22" fmla="*/ 2 w 4"/>
                    <a:gd name="T23" fmla="*/ 5 h 5"/>
                    <a:gd name="T24" fmla="*/ 2 w 4"/>
                    <a:gd name="T25" fmla="*/ 5 h 5"/>
                    <a:gd name="T26" fmla="*/ 2 w 4"/>
                    <a:gd name="T27" fmla="*/ 5 h 5"/>
                    <a:gd name="T28" fmla="*/ 0 w 4"/>
                    <a:gd name="T29" fmla="*/ 5 h 5"/>
                    <a:gd name="T30" fmla="*/ 0 w 4"/>
                    <a:gd name="T31" fmla="*/ 3 h 5"/>
                    <a:gd name="T32" fmla="*/ 0 w 4"/>
                    <a:gd name="T33" fmla="*/ 1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4"/>
                    <a:gd name="T52" fmla="*/ 0 h 5"/>
                    <a:gd name="T53" fmla="*/ 4 w 4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4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4" y="1"/>
                      </a:lnTo>
                      <a:lnTo>
                        <a:pt x="4" y="3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75" name="Freeform 40"/>
                <p:cNvSpPr>
                  <a:spLocks/>
                </p:cNvSpPr>
                <p:nvPr/>
              </p:nvSpPr>
              <p:spPr bwMode="auto">
                <a:xfrm>
                  <a:off x="4664" y="3600"/>
                  <a:ext cx="4" cy="5"/>
                </a:xfrm>
                <a:custGeom>
                  <a:avLst/>
                  <a:gdLst>
                    <a:gd name="T0" fmla="*/ 0 w 4"/>
                    <a:gd name="T1" fmla="*/ 1 h 5"/>
                    <a:gd name="T2" fmla="*/ 0 w 4"/>
                    <a:gd name="T3" fmla="*/ 1 h 5"/>
                    <a:gd name="T4" fmla="*/ 0 w 4"/>
                    <a:gd name="T5" fmla="*/ 1 h 5"/>
                    <a:gd name="T6" fmla="*/ 0 w 4"/>
                    <a:gd name="T7" fmla="*/ 0 h 5"/>
                    <a:gd name="T8" fmla="*/ 2 w 4"/>
                    <a:gd name="T9" fmla="*/ 0 h 5"/>
                    <a:gd name="T10" fmla="*/ 2 w 4"/>
                    <a:gd name="T11" fmla="*/ 0 h 5"/>
                    <a:gd name="T12" fmla="*/ 2 w 4"/>
                    <a:gd name="T13" fmla="*/ 0 h 5"/>
                    <a:gd name="T14" fmla="*/ 2 w 4"/>
                    <a:gd name="T15" fmla="*/ 0 h 5"/>
                    <a:gd name="T16" fmla="*/ 4 w 4"/>
                    <a:gd name="T17" fmla="*/ 0 h 5"/>
                    <a:gd name="T18" fmla="*/ 4 w 4"/>
                    <a:gd name="T19" fmla="*/ 1 h 5"/>
                    <a:gd name="T20" fmla="*/ 4 w 4"/>
                    <a:gd name="T21" fmla="*/ 1 h 5"/>
                    <a:gd name="T22" fmla="*/ 4 w 4"/>
                    <a:gd name="T23" fmla="*/ 1 h 5"/>
                    <a:gd name="T24" fmla="*/ 4 w 4"/>
                    <a:gd name="T25" fmla="*/ 3 h 5"/>
                    <a:gd name="T26" fmla="*/ 4 w 4"/>
                    <a:gd name="T27" fmla="*/ 5 h 5"/>
                    <a:gd name="T28" fmla="*/ 2 w 4"/>
                    <a:gd name="T29" fmla="*/ 5 h 5"/>
                    <a:gd name="T30" fmla="*/ 2 w 4"/>
                    <a:gd name="T31" fmla="*/ 5 h 5"/>
                    <a:gd name="T32" fmla="*/ 2 w 4"/>
                    <a:gd name="T33" fmla="*/ 5 h 5"/>
                    <a:gd name="T34" fmla="*/ 2 w 4"/>
                    <a:gd name="T35" fmla="*/ 5 h 5"/>
                    <a:gd name="T36" fmla="*/ 0 w 4"/>
                    <a:gd name="T37" fmla="*/ 5 h 5"/>
                    <a:gd name="T38" fmla="*/ 0 w 4"/>
                    <a:gd name="T39" fmla="*/ 3 h 5"/>
                    <a:gd name="T40" fmla="*/ 0 w 4"/>
                    <a:gd name="T41" fmla="*/ 1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4"/>
                    <a:gd name="T64" fmla="*/ 0 h 5"/>
                    <a:gd name="T65" fmla="*/ 4 w 4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4" h="5">
                      <a:moveTo>
                        <a:pt x="0" y="1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4" y="1"/>
                      </a:lnTo>
                      <a:lnTo>
                        <a:pt x="4" y="3"/>
                      </a:lnTo>
                      <a:lnTo>
                        <a:pt x="4" y="5"/>
                      </a:lnTo>
                      <a:lnTo>
                        <a:pt x="2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76" name="Freeform 41"/>
                <p:cNvSpPr>
                  <a:spLocks/>
                </p:cNvSpPr>
                <p:nvPr/>
              </p:nvSpPr>
              <p:spPr bwMode="auto">
                <a:xfrm>
                  <a:off x="4653" y="3608"/>
                  <a:ext cx="8" cy="7"/>
                </a:xfrm>
                <a:custGeom>
                  <a:avLst/>
                  <a:gdLst>
                    <a:gd name="T0" fmla="*/ 0 w 8"/>
                    <a:gd name="T1" fmla="*/ 4 h 7"/>
                    <a:gd name="T2" fmla="*/ 0 w 8"/>
                    <a:gd name="T3" fmla="*/ 2 h 7"/>
                    <a:gd name="T4" fmla="*/ 1 w 8"/>
                    <a:gd name="T5" fmla="*/ 2 h 7"/>
                    <a:gd name="T6" fmla="*/ 1 w 8"/>
                    <a:gd name="T7" fmla="*/ 0 h 7"/>
                    <a:gd name="T8" fmla="*/ 3 w 8"/>
                    <a:gd name="T9" fmla="*/ 0 h 7"/>
                    <a:gd name="T10" fmla="*/ 5 w 8"/>
                    <a:gd name="T11" fmla="*/ 0 h 7"/>
                    <a:gd name="T12" fmla="*/ 6 w 8"/>
                    <a:gd name="T13" fmla="*/ 2 h 7"/>
                    <a:gd name="T14" fmla="*/ 6 w 8"/>
                    <a:gd name="T15" fmla="*/ 2 h 7"/>
                    <a:gd name="T16" fmla="*/ 8 w 8"/>
                    <a:gd name="T17" fmla="*/ 4 h 7"/>
                    <a:gd name="T18" fmla="*/ 6 w 8"/>
                    <a:gd name="T19" fmla="*/ 5 h 7"/>
                    <a:gd name="T20" fmla="*/ 6 w 8"/>
                    <a:gd name="T21" fmla="*/ 5 h 7"/>
                    <a:gd name="T22" fmla="*/ 5 w 8"/>
                    <a:gd name="T23" fmla="*/ 5 h 7"/>
                    <a:gd name="T24" fmla="*/ 3 w 8"/>
                    <a:gd name="T25" fmla="*/ 7 h 7"/>
                    <a:gd name="T26" fmla="*/ 1 w 8"/>
                    <a:gd name="T27" fmla="*/ 5 h 7"/>
                    <a:gd name="T28" fmla="*/ 1 w 8"/>
                    <a:gd name="T29" fmla="*/ 5 h 7"/>
                    <a:gd name="T30" fmla="*/ 0 w 8"/>
                    <a:gd name="T31" fmla="*/ 5 h 7"/>
                    <a:gd name="T32" fmla="*/ 0 w 8"/>
                    <a:gd name="T33" fmla="*/ 4 h 7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7"/>
                    <a:gd name="T53" fmla="*/ 8 w 8"/>
                    <a:gd name="T54" fmla="*/ 7 h 7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7">
                      <a:moveTo>
                        <a:pt x="0" y="4"/>
                      </a:move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6" y="2"/>
                      </a:lnTo>
                      <a:lnTo>
                        <a:pt x="8" y="4"/>
                      </a:lnTo>
                      <a:lnTo>
                        <a:pt x="6" y="5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4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77" name="Freeform 42"/>
                <p:cNvSpPr>
                  <a:spLocks/>
                </p:cNvSpPr>
                <p:nvPr/>
              </p:nvSpPr>
              <p:spPr bwMode="auto">
                <a:xfrm>
                  <a:off x="4653" y="3608"/>
                  <a:ext cx="8" cy="7"/>
                </a:xfrm>
                <a:custGeom>
                  <a:avLst/>
                  <a:gdLst>
                    <a:gd name="T0" fmla="*/ 0 w 8"/>
                    <a:gd name="T1" fmla="*/ 4 h 7"/>
                    <a:gd name="T2" fmla="*/ 0 w 8"/>
                    <a:gd name="T3" fmla="*/ 4 h 7"/>
                    <a:gd name="T4" fmla="*/ 0 w 8"/>
                    <a:gd name="T5" fmla="*/ 2 h 7"/>
                    <a:gd name="T6" fmla="*/ 1 w 8"/>
                    <a:gd name="T7" fmla="*/ 2 h 7"/>
                    <a:gd name="T8" fmla="*/ 1 w 8"/>
                    <a:gd name="T9" fmla="*/ 0 h 7"/>
                    <a:gd name="T10" fmla="*/ 3 w 8"/>
                    <a:gd name="T11" fmla="*/ 0 h 7"/>
                    <a:gd name="T12" fmla="*/ 3 w 8"/>
                    <a:gd name="T13" fmla="*/ 0 h 7"/>
                    <a:gd name="T14" fmla="*/ 5 w 8"/>
                    <a:gd name="T15" fmla="*/ 0 h 7"/>
                    <a:gd name="T16" fmla="*/ 6 w 8"/>
                    <a:gd name="T17" fmla="*/ 2 h 7"/>
                    <a:gd name="T18" fmla="*/ 6 w 8"/>
                    <a:gd name="T19" fmla="*/ 2 h 7"/>
                    <a:gd name="T20" fmla="*/ 8 w 8"/>
                    <a:gd name="T21" fmla="*/ 4 h 7"/>
                    <a:gd name="T22" fmla="*/ 8 w 8"/>
                    <a:gd name="T23" fmla="*/ 4 h 7"/>
                    <a:gd name="T24" fmla="*/ 6 w 8"/>
                    <a:gd name="T25" fmla="*/ 5 h 7"/>
                    <a:gd name="T26" fmla="*/ 6 w 8"/>
                    <a:gd name="T27" fmla="*/ 5 h 7"/>
                    <a:gd name="T28" fmla="*/ 5 w 8"/>
                    <a:gd name="T29" fmla="*/ 5 h 7"/>
                    <a:gd name="T30" fmla="*/ 3 w 8"/>
                    <a:gd name="T31" fmla="*/ 7 h 7"/>
                    <a:gd name="T32" fmla="*/ 3 w 8"/>
                    <a:gd name="T33" fmla="*/ 7 h 7"/>
                    <a:gd name="T34" fmla="*/ 1 w 8"/>
                    <a:gd name="T35" fmla="*/ 5 h 7"/>
                    <a:gd name="T36" fmla="*/ 1 w 8"/>
                    <a:gd name="T37" fmla="*/ 5 h 7"/>
                    <a:gd name="T38" fmla="*/ 0 w 8"/>
                    <a:gd name="T39" fmla="*/ 5 h 7"/>
                    <a:gd name="T40" fmla="*/ 0 w 8"/>
                    <a:gd name="T41" fmla="*/ 4 h 7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7"/>
                    <a:gd name="T65" fmla="*/ 8 w 8"/>
                    <a:gd name="T66" fmla="*/ 7 h 7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7">
                      <a:moveTo>
                        <a:pt x="0" y="4"/>
                      </a:moveTo>
                      <a:lnTo>
                        <a:pt x="0" y="4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6" y="2"/>
                      </a:lnTo>
                      <a:lnTo>
                        <a:pt x="8" y="4"/>
                      </a:lnTo>
                      <a:lnTo>
                        <a:pt x="6" y="5"/>
                      </a:lnTo>
                      <a:lnTo>
                        <a:pt x="5" y="5"/>
                      </a:lnTo>
                      <a:lnTo>
                        <a:pt x="3" y="7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4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78" name="Freeform 43"/>
                <p:cNvSpPr>
                  <a:spLocks/>
                </p:cNvSpPr>
                <p:nvPr/>
              </p:nvSpPr>
              <p:spPr bwMode="auto">
                <a:xfrm>
                  <a:off x="4626" y="3627"/>
                  <a:ext cx="8" cy="5"/>
                </a:xfrm>
                <a:custGeom>
                  <a:avLst/>
                  <a:gdLst>
                    <a:gd name="T0" fmla="*/ 0 w 8"/>
                    <a:gd name="T1" fmla="*/ 3 h 5"/>
                    <a:gd name="T2" fmla="*/ 0 w 8"/>
                    <a:gd name="T3" fmla="*/ 1 h 5"/>
                    <a:gd name="T4" fmla="*/ 0 w 8"/>
                    <a:gd name="T5" fmla="*/ 0 h 5"/>
                    <a:gd name="T6" fmla="*/ 1 w 8"/>
                    <a:gd name="T7" fmla="*/ 0 h 5"/>
                    <a:gd name="T8" fmla="*/ 3 w 8"/>
                    <a:gd name="T9" fmla="*/ 0 h 5"/>
                    <a:gd name="T10" fmla="*/ 6 w 8"/>
                    <a:gd name="T11" fmla="*/ 0 h 5"/>
                    <a:gd name="T12" fmla="*/ 6 w 8"/>
                    <a:gd name="T13" fmla="*/ 0 h 5"/>
                    <a:gd name="T14" fmla="*/ 8 w 8"/>
                    <a:gd name="T15" fmla="*/ 1 h 5"/>
                    <a:gd name="T16" fmla="*/ 8 w 8"/>
                    <a:gd name="T17" fmla="*/ 3 h 5"/>
                    <a:gd name="T18" fmla="*/ 8 w 8"/>
                    <a:gd name="T19" fmla="*/ 3 h 5"/>
                    <a:gd name="T20" fmla="*/ 6 w 8"/>
                    <a:gd name="T21" fmla="*/ 5 h 5"/>
                    <a:gd name="T22" fmla="*/ 6 w 8"/>
                    <a:gd name="T23" fmla="*/ 5 h 5"/>
                    <a:gd name="T24" fmla="*/ 3 w 8"/>
                    <a:gd name="T25" fmla="*/ 5 h 5"/>
                    <a:gd name="T26" fmla="*/ 1 w 8"/>
                    <a:gd name="T27" fmla="*/ 5 h 5"/>
                    <a:gd name="T28" fmla="*/ 0 w 8"/>
                    <a:gd name="T29" fmla="*/ 5 h 5"/>
                    <a:gd name="T30" fmla="*/ 0 w 8"/>
                    <a:gd name="T31" fmla="*/ 3 h 5"/>
                    <a:gd name="T32" fmla="*/ 0 w 8"/>
                    <a:gd name="T33" fmla="*/ 3 h 5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5"/>
                    <a:gd name="T53" fmla="*/ 8 w 8"/>
                    <a:gd name="T54" fmla="*/ 5 h 5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5">
                      <a:moveTo>
                        <a:pt x="0" y="3"/>
                      </a:move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6" y="0"/>
                      </a:lnTo>
                      <a:lnTo>
                        <a:pt x="8" y="1"/>
                      </a:lnTo>
                      <a:lnTo>
                        <a:pt x="8" y="3"/>
                      </a:lnTo>
                      <a:lnTo>
                        <a:pt x="6" y="5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79" name="Freeform 44"/>
                <p:cNvSpPr>
                  <a:spLocks/>
                </p:cNvSpPr>
                <p:nvPr/>
              </p:nvSpPr>
              <p:spPr bwMode="auto">
                <a:xfrm>
                  <a:off x="4626" y="3627"/>
                  <a:ext cx="8" cy="5"/>
                </a:xfrm>
                <a:custGeom>
                  <a:avLst/>
                  <a:gdLst>
                    <a:gd name="T0" fmla="*/ 0 w 8"/>
                    <a:gd name="T1" fmla="*/ 3 h 5"/>
                    <a:gd name="T2" fmla="*/ 0 w 8"/>
                    <a:gd name="T3" fmla="*/ 3 h 5"/>
                    <a:gd name="T4" fmla="*/ 0 w 8"/>
                    <a:gd name="T5" fmla="*/ 1 h 5"/>
                    <a:gd name="T6" fmla="*/ 0 w 8"/>
                    <a:gd name="T7" fmla="*/ 0 h 5"/>
                    <a:gd name="T8" fmla="*/ 1 w 8"/>
                    <a:gd name="T9" fmla="*/ 0 h 5"/>
                    <a:gd name="T10" fmla="*/ 3 w 8"/>
                    <a:gd name="T11" fmla="*/ 0 h 5"/>
                    <a:gd name="T12" fmla="*/ 3 w 8"/>
                    <a:gd name="T13" fmla="*/ 0 h 5"/>
                    <a:gd name="T14" fmla="*/ 6 w 8"/>
                    <a:gd name="T15" fmla="*/ 0 h 5"/>
                    <a:gd name="T16" fmla="*/ 6 w 8"/>
                    <a:gd name="T17" fmla="*/ 0 h 5"/>
                    <a:gd name="T18" fmla="*/ 8 w 8"/>
                    <a:gd name="T19" fmla="*/ 1 h 5"/>
                    <a:gd name="T20" fmla="*/ 8 w 8"/>
                    <a:gd name="T21" fmla="*/ 3 h 5"/>
                    <a:gd name="T22" fmla="*/ 8 w 8"/>
                    <a:gd name="T23" fmla="*/ 3 h 5"/>
                    <a:gd name="T24" fmla="*/ 8 w 8"/>
                    <a:gd name="T25" fmla="*/ 3 h 5"/>
                    <a:gd name="T26" fmla="*/ 6 w 8"/>
                    <a:gd name="T27" fmla="*/ 5 h 5"/>
                    <a:gd name="T28" fmla="*/ 6 w 8"/>
                    <a:gd name="T29" fmla="*/ 5 h 5"/>
                    <a:gd name="T30" fmla="*/ 3 w 8"/>
                    <a:gd name="T31" fmla="*/ 5 h 5"/>
                    <a:gd name="T32" fmla="*/ 3 w 8"/>
                    <a:gd name="T33" fmla="*/ 5 h 5"/>
                    <a:gd name="T34" fmla="*/ 1 w 8"/>
                    <a:gd name="T35" fmla="*/ 5 h 5"/>
                    <a:gd name="T36" fmla="*/ 0 w 8"/>
                    <a:gd name="T37" fmla="*/ 5 h 5"/>
                    <a:gd name="T38" fmla="*/ 0 w 8"/>
                    <a:gd name="T39" fmla="*/ 3 h 5"/>
                    <a:gd name="T40" fmla="*/ 0 w 8"/>
                    <a:gd name="T41" fmla="*/ 3 h 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5"/>
                    <a:gd name="T65" fmla="*/ 8 w 8"/>
                    <a:gd name="T66" fmla="*/ 5 h 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5">
                      <a:moveTo>
                        <a:pt x="0" y="3"/>
                      </a:move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0" y="0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6" y="0"/>
                      </a:lnTo>
                      <a:lnTo>
                        <a:pt x="8" y="1"/>
                      </a:lnTo>
                      <a:lnTo>
                        <a:pt x="8" y="3"/>
                      </a:lnTo>
                      <a:lnTo>
                        <a:pt x="6" y="5"/>
                      </a:lnTo>
                      <a:lnTo>
                        <a:pt x="3" y="5"/>
                      </a:lnTo>
                      <a:lnTo>
                        <a:pt x="1" y="5"/>
                      </a:lnTo>
                      <a:lnTo>
                        <a:pt x="0" y="5"/>
                      </a:lnTo>
                      <a:lnTo>
                        <a:pt x="0" y="3"/>
                      </a:lnTo>
                    </a:path>
                  </a:pathLst>
                </a:custGeom>
                <a:solidFill>
                  <a:srgbClr val="3366CC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</p:grpSp>
          <p:sp>
            <p:nvSpPr>
              <p:cNvPr id="1247" name="Freeform 45"/>
              <p:cNvSpPr>
                <a:spLocks/>
              </p:cNvSpPr>
              <p:nvPr/>
            </p:nvSpPr>
            <p:spPr bwMode="auto">
              <a:xfrm>
                <a:off x="3079" y="1947"/>
                <a:ext cx="384" cy="676"/>
              </a:xfrm>
              <a:custGeom>
                <a:avLst/>
                <a:gdLst>
                  <a:gd name="T0" fmla="*/ 192 w 395"/>
                  <a:gd name="T1" fmla="*/ 439 h 697"/>
                  <a:gd name="T2" fmla="*/ 218 w 395"/>
                  <a:gd name="T3" fmla="*/ 444 h 697"/>
                  <a:gd name="T4" fmla="*/ 212 w 395"/>
                  <a:gd name="T5" fmla="*/ 429 h 697"/>
                  <a:gd name="T6" fmla="*/ 227 w 395"/>
                  <a:gd name="T7" fmla="*/ 415 h 697"/>
                  <a:gd name="T8" fmla="*/ 238 w 395"/>
                  <a:gd name="T9" fmla="*/ 406 h 697"/>
                  <a:gd name="T10" fmla="*/ 235 w 395"/>
                  <a:gd name="T11" fmla="*/ 393 h 697"/>
                  <a:gd name="T12" fmla="*/ 240 w 395"/>
                  <a:gd name="T13" fmla="*/ 386 h 697"/>
                  <a:gd name="T14" fmla="*/ 238 w 395"/>
                  <a:gd name="T15" fmla="*/ 370 h 697"/>
                  <a:gd name="T16" fmla="*/ 242 w 395"/>
                  <a:gd name="T17" fmla="*/ 359 h 697"/>
                  <a:gd name="T18" fmla="*/ 244 w 395"/>
                  <a:gd name="T19" fmla="*/ 345 h 697"/>
                  <a:gd name="T20" fmla="*/ 260 w 395"/>
                  <a:gd name="T21" fmla="*/ 318 h 697"/>
                  <a:gd name="T22" fmla="*/ 265 w 395"/>
                  <a:gd name="T23" fmla="*/ 308 h 697"/>
                  <a:gd name="T24" fmla="*/ 258 w 395"/>
                  <a:gd name="T25" fmla="*/ 279 h 697"/>
                  <a:gd name="T26" fmla="*/ 258 w 395"/>
                  <a:gd name="T27" fmla="*/ 254 h 697"/>
                  <a:gd name="T28" fmla="*/ 257 w 395"/>
                  <a:gd name="T29" fmla="*/ 230 h 697"/>
                  <a:gd name="T30" fmla="*/ 254 w 395"/>
                  <a:gd name="T31" fmla="*/ 185 h 697"/>
                  <a:gd name="T32" fmla="*/ 249 w 395"/>
                  <a:gd name="T33" fmla="*/ 131 h 697"/>
                  <a:gd name="T34" fmla="*/ 244 w 395"/>
                  <a:gd name="T35" fmla="*/ 86 h 697"/>
                  <a:gd name="T36" fmla="*/ 242 w 395"/>
                  <a:gd name="T37" fmla="*/ 63 h 697"/>
                  <a:gd name="T38" fmla="*/ 233 w 395"/>
                  <a:gd name="T39" fmla="*/ 45 h 697"/>
                  <a:gd name="T40" fmla="*/ 230 w 395"/>
                  <a:gd name="T41" fmla="*/ 37 h 697"/>
                  <a:gd name="T42" fmla="*/ 219 w 395"/>
                  <a:gd name="T43" fmla="*/ 16 h 697"/>
                  <a:gd name="T44" fmla="*/ 45 w 395"/>
                  <a:gd name="T45" fmla="*/ 16 h 697"/>
                  <a:gd name="T46" fmla="*/ 49 w 395"/>
                  <a:gd name="T47" fmla="*/ 16 h 697"/>
                  <a:gd name="T48" fmla="*/ 61 w 395"/>
                  <a:gd name="T49" fmla="*/ 31 h 697"/>
                  <a:gd name="T50" fmla="*/ 68 w 395"/>
                  <a:gd name="T51" fmla="*/ 39 h 697"/>
                  <a:gd name="T52" fmla="*/ 77 w 395"/>
                  <a:gd name="T53" fmla="*/ 55 h 697"/>
                  <a:gd name="T54" fmla="*/ 67 w 395"/>
                  <a:gd name="T55" fmla="*/ 72 h 697"/>
                  <a:gd name="T56" fmla="*/ 66 w 395"/>
                  <a:gd name="T57" fmla="*/ 88 h 697"/>
                  <a:gd name="T58" fmla="*/ 51 w 395"/>
                  <a:gd name="T59" fmla="*/ 93 h 697"/>
                  <a:gd name="T60" fmla="*/ 47 w 395"/>
                  <a:gd name="T61" fmla="*/ 98 h 697"/>
                  <a:gd name="T62" fmla="*/ 20 w 395"/>
                  <a:gd name="T63" fmla="*/ 107 h 697"/>
                  <a:gd name="T64" fmla="*/ 34 w 395"/>
                  <a:gd name="T65" fmla="*/ 133 h 697"/>
                  <a:gd name="T66" fmla="*/ 27 w 395"/>
                  <a:gd name="T67" fmla="*/ 147 h 697"/>
                  <a:gd name="T68" fmla="*/ 22 w 395"/>
                  <a:gd name="T69" fmla="*/ 157 h 697"/>
                  <a:gd name="T70" fmla="*/ 18 w 395"/>
                  <a:gd name="T71" fmla="*/ 164 h 697"/>
                  <a:gd name="T72" fmla="*/ 9 w 395"/>
                  <a:gd name="T73" fmla="*/ 172 h 697"/>
                  <a:gd name="T74" fmla="*/ 14 w 395"/>
                  <a:gd name="T75" fmla="*/ 180 h 697"/>
                  <a:gd name="T76" fmla="*/ 7 w 395"/>
                  <a:gd name="T77" fmla="*/ 190 h 697"/>
                  <a:gd name="T78" fmla="*/ 2 w 395"/>
                  <a:gd name="T79" fmla="*/ 198 h 697"/>
                  <a:gd name="T80" fmla="*/ 7 w 395"/>
                  <a:gd name="T81" fmla="*/ 229 h 697"/>
                  <a:gd name="T82" fmla="*/ 42 w 395"/>
                  <a:gd name="T83" fmla="*/ 268 h 697"/>
                  <a:gd name="T84" fmla="*/ 54 w 395"/>
                  <a:gd name="T85" fmla="*/ 280 h 697"/>
                  <a:gd name="T86" fmla="*/ 63 w 395"/>
                  <a:gd name="T87" fmla="*/ 308 h 697"/>
                  <a:gd name="T88" fmla="*/ 79 w 395"/>
                  <a:gd name="T89" fmla="*/ 301 h 697"/>
                  <a:gd name="T90" fmla="*/ 95 w 395"/>
                  <a:gd name="T91" fmla="*/ 314 h 697"/>
                  <a:gd name="T92" fmla="*/ 87 w 395"/>
                  <a:gd name="T93" fmla="*/ 340 h 697"/>
                  <a:gd name="T94" fmla="*/ 84 w 395"/>
                  <a:gd name="T95" fmla="*/ 356 h 697"/>
                  <a:gd name="T96" fmla="*/ 108 w 395"/>
                  <a:gd name="T97" fmla="*/ 378 h 697"/>
                  <a:gd name="T98" fmla="*/ 113 w 395"/>
                  <a:gd name="T99" fmla="*/ 380 h 697"/>
                  <a:gd name="T100" fmla="*/ 149 w 395"/>
                  <a:gd name="T101" fmla="*/ 422 h 697"/>
                  <a:gd name="T102" fmla="*/ 159 w 395"/>
                  <a:gd name="T103" fmla="*/ 455 h 697"/>
                  <a:gd name="T104" fmla="*/ 162 w 395"/>
                  <a:gd name="T105" fmla="*/ 448 h 697"/>
                  <a:gd name="T106" fmla="*/ 170 w 395"/>
                  <a:gd name="T107" fmla="*/ 444 h 697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395"/>
                  <a:gd name="T163" fmla="*/ 0 h 697"/>
                  <a:gd name="T164" fmla="*/ 395 w 395"/>
                  <a:gd name="T165" fmla="*/ 697 h 697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395" h="697">
                    <a:moveTo>
                      <a:pt x="258" y="678"/>
                    </a:moveTo>
                    <a:lnTo>
                      <a:pt x="264" y="672"/>
                    </a:lnTo>
                    <a:lnTo>
                      <a:pt x="269" y="668"/>
                    </a:lnTo>
                    <a:lnTo>
                      <a:pt x="274" y="668"/>
                    </a:lnTo>
                    <a:lnTo>
                      <a:pt x="280" y="668"/>
                    </a:lnTo>
                    <a:lnTo>
                      <a:pt x="285" y="672"/>
                    </a:lnTo>
                    <a:lnTo>
                      <a:pt x="288" y="673"/>
                    </a:lnTo>
                    <a:lnTo>
                      <a:pt x="291" y="677"/>
                    </a:lnTo>
                    <a:lnTo>
                      <a:pt x="295" y="678"/>
                    </a:lnTo>
                    <a:lnTo>
                      <a:pt x="308" y="683"/>
                    </a:lnTo>
                    <a:lnTo>
                      <a:pt x="318" y="685"/>
                    </a:lnTo>
                    <a:lnTo>
                      <a:pt x="324" y="683"/>
                    </a:lnTo>
                    <a:lnTo>
                      <a:pt x="325" y="680"/>
                    </a:lnTo>
                    <a:lnTo>
                      <a:pt x="324" y="677"/>
                    </a:lnTo>
                    <a:lnTo>
                      <a:pt x="324" y="673"/>
                    </a:lnTo>
                    <a:lnTo>
                      <a:pt x="320" y="670"/>
                    </a:lnTo>
                    <a:lnTo>
                      <a:pt x="320" y="668"/>
                    </a:lnTo>
                    <a:lnTo>
                      <a:pt x="315" y="660"/>
                    </a:lnTo>
                    <a:lnTo>
                      <a:pt x="315" y="651"/>
                    </a:lnTo>
                    <a:lnTo>
                      <a:pt x="317" y="646"/>
                    </a:lnTo>
                    <a:lnTo>
                      <a:pt x="322" y="641"/>
                    </a:lnTo>
                    <a:lnTo>
                      <a:pt x="327" y="639"/>
                    </a:lnTo>
                    <a:lnTo>
                      <a:pt x="332" y="636"/>
                    </a:lnTo>
                    <a:lnTo>
                      <a:pt x="337" y="636"/>
                    </a:lnTo>
                    <a:lnTo>
                      <a:pt x="339" y="636"/>
                    </a:lnTo>
                    <a:lnTo>
                      <a:pt x="347" y="634"/>
                    </a:lnTo>
                    <a:lnTo>
                      <a:pt x="354" y="633"/>
                    </a:lnTo>
                    <a:lnTo>
                      <a:pt x="356" y="631"/>
                    </a:lnTo>
                    <a:lnTo>
                      <a:pt x="356" y="628"/>
                    </a:lnTo>
                    <a:lnTo>
                      <a:pt x="354" y="624"/>
                    </a:lnTo>
                    <a:lnTo>
                      <a:pt x="354" y="622"/>
                    </a:lnTo>
                    <a:lnTo>
                      <a:pt x="352" y="621"/>
                    </a:lnTo>
                    <a:lnTo>
                      <a:pt x="351" y="619"/>
                    </a:lnTo>
                    <a:lnTo>
                      <a:pt x="347" y="614"/>
                    </a:lnTo>
                    <a:lnTo>
                      <a:pt x="349" y="606"/>
                    </a:lnTo>
                    <a:lnTo>
                      <a:pt x="349" y="604"/>
                    </a:lnTo>
                    <a:lnTo>
                      <a:pt x="351" y="602"/>
                    </a:lnTo>
                    <a:lnTo>
                      <a:pt x="352" y="600"/>
                    </a:lnTo>
                    <a:lnTo>
                      <a:pt x="354" y="597"/>
                    </a:lnTo>
                    <a:lnTo>
                      <a:pt x="354" y="595"/>
                    </a:lnTo>
                    <a:lnTo>
                      <a:pt x="356" y="594"/>
                    </a:lnTo>
                    <a:lnTo>
                      <a:pt x="356" y="592"/>
                    </a:lnTo>
                    <a:lnTo>
                      <a:pt x="356" y="590"/>
                    </a:lnTo>
                    <a:lnTo>
                      <a:pt x="352" y="585"/>
                    </a:lnTo>
                    <a:lnTo>
                      <a:pt x="351" y="580"/>
                    </a:lnTo>
                    <a:lnTo>
                      <a:pt x="351" y="575"/>
                    </a:lnTo>
                    <a:lnTo>
                      <a:pt x="351" y="572"/>
                    </a:lnTo>
                    <a:lnTo>
                      <a:pt x="354" y="568"/>
                    </a:lnTo>
                    <a:lnTo>
                      <a:pt x="356" y="567"/>
                    </a:lnTo>
                    <a:lnTo>
                      <a:pt x="356" y="565"/>
                    </a:lnTo>
                    <a:lnTo>
                      <a:pt x="357" y="565"/>
                    </a:lnTo>
                    <a:lnTo>
                      <a:pt x="359" y="555"/>
                    </a:lnTo>
                    <a:lnTo>
                      <a:pt x="359" y="553"/>
                    </a:lnTo>
                    <a:lnTo>
                      <a:pt x="359" y="551"/>
                    </a:lnTo>
                    <a:lnTo>
                      <a:pt x="359" y="548"/>
                    </a:lnTo>
                    <a:lnTo>
                      <a:pt x="361" y="543"/>
                    </a:lnTo>
                    <a:lnTo>
                      <a:pt x="361" y="540"/>
                    </a:lnTo>
                    <a:lnTo>
                      <a:pt x="362" y="536"/>
                    </a:lnTo>
                    <a:lnTo>
                      <a:pt x="362" y="533"/>
                    </a:lnTo>
                    <a:lnTo>
                      <a:pt x="362" y="531"/>
                    </a:lnTo>
                    <a:lnTo>
                      <a:pt x="369" y="526"/>
                    </a:lnTo>
                    <a:lnTo>
                      <a:pt x="374" y="518"/>
                    </a:lnTo>
                    <a:lnTo>
                      <a:pt x="378" y="509"/>
                    </a:lnTo>
                    <a:lnTo>
                      <a:pt x="381" y="502"/>
                    </a:lnTo>
                    <a:lnTo>
                      <a:pt x="384" y="494"/>
                    </a:lnTo>
                    <a:lnTo>
                      <a:pt x="386" y="489"/>
                    </a:lnTo>
                    <a:lnTo>
                      <a:pt x="388" y="484"/>
                    </a:lnTo>
                    <a:lnTo>
                      <a:pt x="388" y="482"/>
                    </a:lnTo>
                    <a:lnTo>
                      <a:pt x="390" y="479"/>
                    </a:lnTo>
                    <a:lnTo>
                      <a:pt x="391" y="475"/>
                    </a:lnTo>
                    <a:lnTo>
                      <a:pt x="393" y="474"/>
                    </a:lnTo>
                    <a:lnTo>
                      <a:pt x="395" y="463"/>
                    </a:lnTo>
                    <a:lnTo>
                      <a:pt x="395" y="455"/>
                    </a:lnTo>
                    <a:lnTo>
                      <a:pt x="393" y="446"/>
                    </a:lnTo>
                    <a:lnTo>
                      <a:pt x="390" y="440"/>
                    </a:lnTo>
                    <a:lnTo>
                      <a:pt x="388" y="433"/>
                    </a:lnTo>
                    <a:lnTo>
                      <a:pt x="384" y="428"/>
                    </a:lnTo>
                    <a:lnTo>
                      <a:pt x="383" y="424"/>
                    </a:lnTo>
                    <a:lnTo>
                      <a:pt x="381" y="423"/>
                    </a:lnTo>
                    <a:lnTo>
                      <a:pt x="381" y="419"/>
                    </a:lnTo>
                    <a:lnTo>
                      <a:pt x="381" y="396"/>
                    </a:lnTo>
                    <a:lnTo>
                      <a:pt x="384" y="391"/>
                    </a:lnTo>
                    <a:lnTo>
                      <a:pt x="384" y="389"/>
                    </a:lnTo>
                    <a:lnTo>
                      <a:pt x="384" y="387"/>
                    </a:lnTo>
                    <a:lnTo>
                      <a:pt x="384" y="382"/>
                    </a:lnTo>
                    <a:lnTo>
                      <a:pt x="383" y="377"/>
                    </a:lnTo>
                    <a:lnTo>
                      <a:pt x="383" y="370"/>
                    </a:lnTo>
                    <a:lnTo>
                      <a:pt x="383" y="362"/>
                    </a:lnTo>
                    <a:lnTo>
                      <a:pt x="381" y="353"/>
                    </a:lnTo>
                    <a:lnTo>
                      <a:pt x="381" y="343"/>
                    </a:lnTo>
                    <a:lnTo>
                      <a:pt x="379" y="333"/>
                    </a:lnTo>
                    <a:lnTo>
                      <a:pt x="379" y="321"/>
                    </a:lnTo>
                    <a:lnTo>
                      <a:pt x="378" y="309"/>
                    </a:lnTo>
                    <a:lnTo>
                      <a:pt x="376" y="296"/>
                    </a:lnTo>
                    <a:lnTo>
                      <a:pt x="376" y="284"/>
                    </a:lnTo>
                    <a:lnTo>
                      <a:pt x="374" y="270"/>
                    </a:lnTo>
                    <a:lnTo>
                      <a:pt x="373" y="257"/>
                    </a:lnTo>
                    <a:lnTo>
                      <a:pt x="373" y="243"/>
                    </a:lnTo>
                    <a:lnTo>
                      <a:pt x="371" y="228"/>
                    </a:lnTo>
                    <a:lnTo>
                      <a:pt x="369" y="215"/>
                    </a:lnTo>
                    <a:lnTo>
                      <a:pt x="369" y="201"/>
                    </a:lnTo>
                    <a:lnTo>
                      <a:pt x="368" y="189"/>
                    </a:lnTo>
                    <a:lnTo>
                      <a:pt x="366" y="176"/>
                    </a:lnTo>
                    <a:lnTo>
                      <a:pt x="366" y="164"/>
                    </a:lnTo>
                    <a:lnTo>
                      <a:pt x="364" y="152"/>
                    </a:lnTo>
                    <a:lnTo>
                      <a:pt x="364" y="142"/>
                    </a:lnTo>
                    <a:lnTo>
                      <a:pt x="362" y="132"/>
                    </a:lnTo>
                    <a:lnTo>
                      <a:pt x="362" y="122"/>
                    </a:lnTo>
                    <a:lnTo>
                      <a:pt x="361" y="115"/>
                    </a:lnTo>
                    <a:lnTo>
                      <a:pt x="361" y="108"/>
                    </a:lnTo>
                    <a:lnTo>
                      <a:pt x="361" y="103"/>
                    </a:lnTo>
                    <a:lnTo>
                      <a:pt x="359" y="98"/>
                    </a:lnTo>
                    <a:lnTo>
                      <a:pt x="359" y="96"/>
                    </a:lnTo>
                    <a:lnTo>
                      <a:pt x="359" y="94"/>
                    </a:lnTo>
                    <a:lnTo>
                      <a:pt x="354" y="89"/>
                    </a:lnTo>
                    <a:lnTo>
                      <a:pt x="351" y="84"/>
                    </a:lnTo>
                    <a:lnTo>
                      <a:pt x="349" y="79"/>
                    </a:lnTo>
                    <a:lnTo>
                      <a:pt x="347" y="74"/>
                    </a:lnTo>
                    <a:lnTo>
                      <a:pt x="346" y="69"/>
                    </a:lnTo>
                    <a:lnTo>
                      <a:pt x="346" y="66"/>
                    </a:lnTo>
                    <a:lnTo>
                      <a:pt x="346" y="64"/>
                    </a:lnTo>
                    <a:lnTo>
                      <a:pt x="346" y="62"/>
                    </a:lnTo>
                    <a:lnTo>
                      <a:pt x="344" y="61"/>
                    </a:lnTo>
                    <a:lnTo>
                      <a:pt x="344" y="57"/>
                    </a:lnTo>
                    <a:lnTo>
                      <a:pt x="342" y="54"/>
                    </a:lnTo>
                    <a:lnTo>
                      <a:pt x="342" y="52"/>
                    </a:lnTo>
                    <a:lnTo>
                      <a:pt x="334" y="47"/>
                    </a:lnTo>
                    <a:lnTo>
                      <a:pt x="329" y="42"/>
                    </a:lnTo>
                    <a:lnTo>
                      <a:pt x="325" y="37"/>
                    </a:lnTo>
                    <a:lnTo>
                      <a:pt x="325" y="30"/>
                    </a:lnTo>
                    <a:lnTo>
                      <a:pt x="325" y="25"/>
                    </a:lnTo>
                    <a:lnTo>
                      <a:pt x="325" y="22"/>
                    </a:lnTo>
                    <a:lnTo>
                      <a:pt x="325" y="18"/>
                    </a:lnTo>
                    <a:lnTo>
                      <a:pt x="325" y="0"/>
                    </a:lnTo>
                    <a:lnTo>
                      <a:pt x="325" y="1"/>
                    </a:lnTo>
                    <a:lnTo>
                      <a:pt x="66" y="20"/>
                    </a:lnTo>
                    <a:lnTo>
                      <a:pt x="66" y="22"/>
                    </a:lnTo>
                    <a:lnTo>
                      <a:pt x="66" y="23"/>
                    </a:lnTo>
                    <a:lnTo>
                      <a:pt x="68" y="25"/>
                    </a:lnTo>
                    <a:lnTo>
                      <a:pt x="71" y="27"/>
                    </a:lnTo>
                    <a:lnTo>
                      <a:pt x="73" y="28"/>
                    </a:lnTo>
                    <a:lnTo>
                      <a:pt x="78" y="30"/>
                    </a:lnTo>
                    <a:lnTo>
                      <a:pt x="82" y="34"/>
                    </a:lnTo>
                    <a:lnTo>
                      <a:pt x="87" y="37"/>
                    </a:lnTo>
                    <a:lnTo>
                      <a:pt x="90" y="40"/>
                    </a:lnTo>
                    <a:lnTo>
                      <a:pt x="90" y="44"/>
                    </a:lnTo>
                    <a:lnTo>
                      <a:pt x="90" y="45"/>
                    </a:lnTo>
                    <a:lnTo>
                      <a:pt x="90" y="47"/>
                    </a:lnTo>
                    <a:lnTo>
                      <a:pt x="88" y="49"/>
                    </a:lnTo>
                    <a:lnTo>
                      <a:pt x="88" y="50"/>
                    </a:lnTo>
                    <a:lnTo>
                      <a:pt x="98" y="57"/>
                    </a:lnTo>
                    <a:lnTo>
                      <a:pt x="100" y="57"/>
                    </a:lnTo>
                    <a:lnTo>
                      <a:pt x="102" y="59"/>
                    </a:lnTo>
                    <a:lnTo>
                      <a:pt x="105" y="61"/>
                    </a:lnTo>
                    <a:lnTo>
                      <a:pt x="110" y="64"/>
                    </a:lnTo>
                    <a:lnTo>
                      <a:pt x="112" y="69"/>
                    </a:lnTo>
                    <a:lnTo>
                      <a:pt x="114" y="76"/>
                    </a:lnTo>
                    <a:lnTo>
                      <a:pt x="114" y="84"/>
                    </a:lnTo>
                    <a:lnTo>
                      <a:pt x="112" y="96"/>
                    </a:lnTo>
                    <a:lnTo>
                      <a:pt x="109" y="105"/>
                    </a:lnTo>
                    <a:lnTo>
                      <a:pt x="105" y="108"/>
                    </a:lnTo>
                    <a:lnTo>
                      <a:pt x="102" y="110"/>
                    </a:lnTo>
                    <a:lnTo>
                      <a:pt x="100" y="108"/>
                    </a:lnTo>
                    <a:lnTo>
                      <a:pt x="98" y="110"/>
                    </a:lnTo>
                    <a:lnTo>
                      <a:pt x="98" y="111"/>
                    </a:lnTo>
                    <a:lnTo>
                      <a:pt x="97" y="120"/>
                    </a:lnTo>
                    <a:lnTo>
                      <a:pt x="97" y="133"/>
                    </a:lnTo>
                    <a:lnTo>
                      <a:pt x="97" y="135"/>
                    </a:lnTo>
                    <a:lnTo>
                      <a:pt x="95" y="137"/>
                    </a:lnTo>
                    <a:lnTo>
                      <a:pt x="93" y="138"/>
                    </a:lnTo>
                    <a:lnTo>
                      <a:pt x="90" y="140"/>
                    </a:lnTo>
                    <a:lnTo>
                      <a:pt x="87" y="142"/>
                    </a:lnTo>
                    <a:lnTo>
                      <a:pt x="80" y="142"/>
                    </a:lnTo>
                    <a:lnTo>
                      <a:pt x="78" y="142"/>
                    </a:lnTo>
                    <a:lnTo>
                      <a:pt x="78" y="144"/>
                    </a:lnTo>
                    <a:lnTo>
                      <a:pt x="78" y="145"/>
                    </a:lnTo>
                    <a:lnTo>
                      <a:pt x="76" y="147"/>
                    </a:lnTo>
                    <a:lnTo>
                      <a:pt x="75" y="149"/>
                    </a:lnTo>
                    <a:lnTo>
                      <a:pt x="70" y="150"/>
                    </a:lnTo>
                    <a:lnTo>
                      <a:pt x="63" y="152"/>
                    </a:lnTo>
                    <a:lnTo>
                      <a:pt x="56" y="152"/>
                    </a:lnTo>
                    <a:lnTo>
                      <a:pt x="49" y="154"/>
                    </a:lnTo>
                    <a:lnTo>
                      <a:pt x="43" y="157"/>
                    </a:lnTo>
                    <a:lnTo>
                      <a:pt x="38" y="160"/>
                    </a:lnTo>
                    <a:lnTo>
                      <a:pt x="34" y="164"/>
                    </a:lnTo>
                    <a:lnTo>
                      <a:pt x="34" y="171"/>
                    </a:lnTo>
                    <a:lnTo>
                      <a:pt x="34" y="177"/>
                    </a:lnTo>
                    <a:lnTo>
                      <a:pt x="38" y="186"/>
                    </a:lnTo>
                    <a:lnTo>
                      <a:pt x="41" y="194"/>
                    </a:lnTo>
                    <a:lnTo>
                      <a:pt x="46" y="199"/>
                    </a:lnTo>
                    <a:lnTo>
                      <a:pt x="48" y="204"/>
                    </a:lnTo>
                    <a:lnTo>
                      <a:pt x="49" y="208"/>
                    </a:lnTo>
                    <a:lnTo>
                      <a:pt x="51" y="213"/>
                    </a:lnTo>
                    <a:lnTo>
                      <a:pt x="49" y="216"/>
                    </a:lnTo>
                    <a:lnTo>
                      <a:pt x="46" y="220"/>
                    </a:lnTo>
                    <a:lnTo>
                      <a:pt x="41" y="226"/>
                    </a:lnTo>
                    <a:lnTo>
                      <a:pt x="41" y="230"/>
                    </a:lnTo>
                    <a:lnTo>
                      <a:pt x="39" y="232"/>
                    </a:lnTo>
                    <a:lnTo>
                      <a:pt x="38" y="235"/>
                    </a:lnTo>
                    <a:lnTo>
                      <a:pt x="38" y="237"/>
                    </a:lnTo>
                    <a:lnTo>
                      <a:pt x="36" y="238"/>
                    </a:lnTo>
                    <a:lnTo>
                      <a:pt x="36" y="240"/>
                    </a:lnTo>
                    <a:lnTo>
                      <a:pt x="36" y="242"/>
                    </a:lnTo>
                    <a:lnTo>
                      <a:pt x="34" y="243"/>
                    </a:lnTo>
                    <a:lnTo>
                      <a:pt x="34" y="247"/>
                    </a:lnTo>
                    <a:lnTo>
                      <a:pt x="34" y="248"/>
                    </a:lnTo>
                    <a:lnTo>
                      <a:pt x="32" y="252"/>
                    </a:lnTo>
                    <a:lnTo>
                      <a:pt x="29" y="254"/>
                    </a:lnTo>
                    <a:lnTo>
                      <a:pt x="24" y="255"/>
                    </a:lnTo>
                    <a:lnTo>
                      <a:pt x="19" y="257"/>
                    </a:lnTo>
                    <a:lnTo>
                      <a:pt x="14" y="259"/>
                    </a:lnTo>
                    <a:lnTo>
                      <a:pt x="10" y="260"/>
                    </a:lnTo>
                    <a:lnTo>
                      <a:pt x="9" y="264"/>
                    </a:lnTo>
                    <a:lnTo>
                      <a:pt x="9" y="267"/>
                    </a:lnTo>
                    <a:lnTo>
                      <a:pt x="9" y="270"/>
                    </a:lnTo>
                    <a:lnTo>
                      <a:pt x="10" y="272"/>
                    </a:lnTo>
                    <a:lnTo>
                      <a:pt x="12" y="276"/>
                    </a:lnTo>
                    <a:lnTo>
                      <a:pt x="14" y="277"/>
                    </a:lnTo>
                    <a:lnTo>
                      <a:pt x="14" y="279"/>
                    </a:lnTo>
                    <a:lnTo>
                      <a:pt x="14" y="282"/>
                    </a:lnTo>
                    <a:lnTo>
                      <a:pt x="12" y="284"/>
                    </a:lnTo>
                    <a:lnTo>
                      <a:pt x="10" y="287"/>
                    </a:lnTo>
                    <a:lnTo>
                      <a:pt x="9" y="289"/>
                    </a:lnTo>
                    <a:lnTo>
                      <a:pt x="7" y="291"/>
                    </a:lnTo>
                    <a:lnTo>
                      <a:pt x="5" y="292"/>
                    </a:lnTo>
                    <a:lnTo>
                      <a:pt x="4" y="294"/>
                    </a:lnTo>
                    <a:lnTo>
                      <a:pt x="4" y="296"/>
                    </a:lnTo>
                    <a:lnTo>
                      <a:pt x="4" y="299"/>
                    </a:lnTo>
                    <a:lnTo>
                      <a:pt x="2" y="304"/>
                    </a:lnTo>
                    <a:lnTo>
                      <a:pt x="2" y="309"/>
                    </a:lnTo>
                    <a:lnTo>
                      <a:pt x="0" y="316"/>
                    </a:lnTo>
                    <a:lnTo>
                      <a:pt x="2" y="325"/>
                    </a:lnTo>
                    <a:lnTo>
                      <a:pt x="2" y="333"/>
                    </a:lnTo>
                    <a:lnTo>
                      <a:pt x="4" y="342"/>
                    </a:lnTo>
                    <a:lnTo>
                      <a:pt x="7" y="352"/>
                    </a:lnTo>
                    <a:lnTo>
                      <a:pt x="12" y="360"/>
                    </a:lnTo>
                    <a:lnTo>
                      <a:pt x="17" y="370"/>
                    </a:lnTo>
                    <a:lnTo>
                      <a:pt x="26" y="380"/>
                    </a:lnTo>
                    <a:lnTo>
                      <a:pt x="34" y="391"/>
                    </a:lnTo>
                    <a:lnTo>
                      <a:pt x="46" y="401"/>
                    </a:lnTo>
                    <a:lnTo>
                      <a:pt x="60" y="411"/>
                    </a:lnTo>
                    <a:lnTo>
                      <a:pt x="63" y="413"/>
                    </a:lnTo>
                    <a:lnTo>
                      <a:pt x="68" y="414"/>
                    </a:lnTo>
                    <a:lnTo>
                      <a:pt x="71" y="416"/>
                    </a:lnTo>
                    <a:lnTo>
                      <a:pt x="75" y="419"/>
                    </a:lnTo>
                    <a:lnTo>
                      <a:pt x="78" y="423"/>
                    </a:lnTo>
                    <a:lnTo>
                      <a:pt x="82" y="430"/>
                    </a:lnTo>
                    <a:lnTo>
                      <a:pt x="83" y="440"/>
                    </a:lnTo>
                    <a:lnTo>
                      <a:pt x="85" y="453"/>
                    </a:lnTo>
                    <a:lnTo>
                      <a:pt x="85" y="462"/>
                    </a:lnTo>
                    <a:lnTo>
                      <a:pt x="88" y="468"/>
                    </a:lnTo>
                    <a:lnTo>
                      <a:pt x="90" y="472"/>
                    </a:lnTo>
                    <a:lnTo>
                      <a:pt x="93" y="474"/>
                    </a:lnTo>
                    <a:lnTo>
                      <a:pt x="97" y="474"/>
                    </a:lnTo>
                    <a:lnTo>
                      <a:pt x="102" y="470"/>
                    </a:lnTo>
                    <a:lnTo>
                      <a:pt x="105" y="467"/>
                    </a:lnTo>
                    <a:lnTo>
                      <a:pt x="109" y="463"/>
                    </a:lnTo>
                    <a:lnTo>
                      <a:pt x="112" y="462"/>
                    </a:lnTo>
                    <a:lnTo>
                      <a:pt x="117" y="462"/>
                    </a:lnTo>
                    <a:lnTo>
                      <a:pt x="122" y="463"/>
                    </a:lnTo>
                    <a:lnTo>
                      <a:pt x="129" y="467"/>
                    </a:lnTo>
                    <a:lnTo>
                      <a:pt x="134" y="470"/>
                    </a:lnTo>
                    <a:lnTo>
                      <a:pt x="137" y="475"/>
                    </a:lnTo>
                    <a:lnTo>
                      <a:pt x="141" y="479"/>
                    </a:lnTo>
                    <a:lnTo>
                      <a:pt x="141" y="482"/>
                    </a:lnTo>
                    <a:lnTo>
                      <a:pt x="141" y="485"/>
                    </a:lnTo>
                    <a:lnTo>
                      <a:pt x="137" y="492"/>
                    </a:lnTo>
                    <a:lnTo>
                      <a:pt x="136" y="499"/>
                    </a:lnTo>
                    <a:lnTo>
                      <a:pt x="134" y="507"/>
                    </a:lnTo>
                    <a:lnTo>
                      <a:pt x="132" y="516"/>
                    </a:lnTo>
                    <a:lnTo>
                      <a:pt x="131" y="523"/>
                    </a:lnTo>
                    <a:lnTo>
                      <a:pt x="129" y="526"/>
                    </a:lnTo>
                    <a:lnTo>
                      <a:pt x="129" y="528"/>
                    </a:lnTo>
                    <a:lnTo>
                      <a:pt x="127" y="529"/>
                    </a:lnTo>
                    <a:lnTo>
                      <a:pt x="126" y="533"/>
                    </a:lnTo>
                    <a:lnTo>
                      <a:pt x="124" y="540"/>
                    </a:lnTo>
                    <a:lnTo>
                      <a:pt x="124" y="546"/>
                    </a:lnTo>
                    <a:lnTo>
                      <a:pt x="126" y="553"/>
                    </a:lnTo>
                    <a:lnTo>
                      <a:pt x="129" y="562"/>
                    </a:lnTo>
                    <a:lnTo>
                      <a:pt x="139" y="570"/>
                    </a:lnTo>
                    <a:lnTo>
                      <a:pt x="153" y="577"/>
                    </a:lnTo>
                    <a:lnTo>
                      <a:pt x="156" y="578"/>
                    </a:lnTo>
                    <a:lnTo>
                      <a:pt x="159" y="580"/>
                    </a:lnTo>
                    <a:lnTo>
                      <a:pt x="163" y="582"/>
                    </a:lnTo>
                    <a:lnTo>
                      <a:pt x="164" y="584"/>
                    </a:lnTo>
                    <a:lnTo>
                      <a:pt x="166" y="585"/>
                    </a:lnTo>
                    <a:lnTo>
                      <a:pt x="166" y="594"/>
                    </a:lnTo>
                    <a:lnTo>
                      <a:pt x="183" y="594"/>
                    </a:lnTo>
                    <a:lnTo>
                      <a:pt x="198" y="609"/>
                    </a:lnTo>
                    <a:lnTo>
                      <a:pt x="214" y="614"/>
                    </a:lnTo>
                    <a:lnTo>
                      <a:pt x="215" y="636"/>
                    </a:lnTo>
                    <a:lnTo>
                      <a:pt x="222" y="648"/>
                    </a:lnTo>
                    <a:lnTo>
                      <a:pt x="217" y="665"/>
                    </a:lnTo>
                    <a:lnTo>
                      <a:pt x="217" y="673"/>
                    </a:lnTo>
                    <a:lnTo>
                      <a:pt x="227" y="683"/>
                    </a:lnTo>
                    <a:lnTo>
                      <a:pt x="230" y="692"/>
                    </a:lnTo>
                    <a:lnTo>
                      <a:pt x="237" y="697"/>
                    </a:lnTo>
                    <a:lnTo>
                      <a:pt x="237" y="694"/>
                    </a:lnTo>
                    <a:lnTo>
                      <a:pt x="237" y="690"/>
                    </a:lnTo>
                    <a:lnTo>
                      <a:pt x="237" y="687"/>
                    </a:lnTo>
                    <a:lnTo>
                      <a:pt x="237" y="685"/>
                    </a:lnTo>
                    <a:lnTo>
                      <a:pt x="239" y="685"/>
                    </a:lnTo>
                    <a:lnTo>
                      <a:pt x="242" y="687"/>
                    </a:lnTo>
                    <a:lnTo>
                      <a:pt x="244" y="692"/>
                    </a:lnTo>
                    <a:lnTo>
                      <a:pt x="246" y="692"/>
                    </a:lnTo>
                    <a:lnTo>
                      <a:pt x="246" y="690"/>
                    </a:lnTo>
                    <a:lnTo>
                      <a:pt x="247" y="688"/>
                    </a:lnTo>
                    <a:lnTo>
                      <a:pt x="251" y="685"/>
                    </a:lnTo>
                    <a:lnTo>
                      <a:pt x="252" y="683"/>
                    </a:lnTo>
                    <a:lnTo>
                      <a:pt x="256" y="682"/>
                    </a:lnTo>
                    <a:lnTo>
                      <a:pt x="258" y="680"/>
                    </a:lnTo>
                    <a:lnTo>
                      <a:pt x="258" y="678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48" name="Freeform 46"/>
              <p:cNvSpPr>
                <a:spLocks/>
              </p:cNvSpPr>
              <p:nvPr/>
            </p:nvSpPr>
            <p:spPr bwMode="auto">
              <a:xfrm>
                <a:off x="2691" y="2198"/>
                <a:ext cx="644" cy="564"/>
              </a:xfrm>
              <a:custGeom>
                <a:avLst/>
                <a:gdLst>
                  <a:gd name="T0" fmla="*/ 79 w 662"/>
                  <a:gd name="T1" fmla="*/ 448 h 570"/>
                  <a:gd name="T2" fmla="*/ 79 w 662"/>
                  <a:gd name="T3" fmla="*/ 427 h 570"/>
                  <a:gd name="T4" fmla="*/ 79 w 662"/>
                  <a:gd name="T5" fmla="*/ 409 h 570"/>
                  <a:gd name="T6" fmla="*/ 79 w 662"/>
                  <a:gd name="T7" fmla="*/ 399 h 570"/>
                  <a:gd name="T8" fmla="*/ 57 w 662"/>
                  <a:gd name="T9" fmla="*/ 146 h 570"/>
                  <a:gd name="T10" fmla="*/ 46 w 662"/>
                  <a:gd name="T11" fmla="*/ 123 h 570"/>
                  <a:gd name="T12" fmla="*/ 55 w 662"/>
                  <a:gd name="T13" fmla="*/ 91 h 570"/>
                  <a:gd name="T14" fmla="*/ 50 w 662"/>
                  <a:gd name="T15" fmla="*/ 86 h 570"/>
                  <a:gd name="T16" fmla="*/ 23 w 662"/>
                  <a:gd name="T17" fmla="*/ 69 h 570"/>
                  <a:gd name="T18" fmla="*/ 10 w 662"/>
                  <a:gd name="T19" fmla="*/ 32 h 570"/>
                  <a:gd name="T20" fmla="*/ 5 w 662"/>
                  <a:gd name="T21" fmla="*/ 22 h 570"/>
                  <a:gd name="T22" fmla="*/ 0 w 662"/>
                  <a:gd name="T23" fmla="*/ 10 h 570"/>
                  <a:gd name="T24" fmla="*/ 263 w 662"/>
                  <a:gd name="T25" fmla="*/ 10 h 570"/>
                  <a:gd name="T26" fmla="*/ 273 w 662"/>
                  <a:gd name="T27" fmla="*/ 28 h 570"/>
                  <a:gd name="T28" fmla="*/ 273 w 662"/>
                  <a:gd name="T29" fmla="*/ 32 h 570"/>
                  <a:gd name="T30" fmla="*/ 271 w 662"/>
                  <a:gd name="T31" fmla="*/ 47 h 570"/>
                  <a:gd name="T32" fmla="*/ 276 w 662"/>
                  <a:gd name="T33" fmla="*/ 74 h 570"/>
                  <a:gd name="T34" fmla="*/ 295 w 662"/>
                  <a:gd name="T35" fmla="*/ 113 h 570"/>
                  <a:gd name="T36" fmla="*/ 318 w 662"/>
                  <a:gd name="T37" fmla="*/ 132 h 570"/>
                  <a:gd name="T38" fmla="*/ 328 w 662"/>
                  <a:gd name="T39" fmla="*/ 140 h 570"/>
                  <a:gd name="T40" fmla="*/ 331 w 662"/>
                  <a:gd name="T41" fmla="*/ 176 h 570"/>
                  <a:gd name="T42" fmla="*/ 340 w 662"/>
                  <a:gd name="T43" fmla="*/ 178 h 570"/>
                  <a:gd name="T44" fmla="*/ 350 w 662"/>
                  <a:gd name="T45" fmla="*/ 170 h 570"/>
                  <a:gd name="T46" fmla="*/ 365 w 662"/>
                  <a:gd name="T47" fmla="*/ 183 h 570"/>
                  <a:gd name="T48" fmla="*/ 365 w 662"/>
                  <a:gd name="T49" fmla="*/ 200 h 570"/>
                  <a:gd name="T50" fmla="*/ 360 w 662"/>
                  <a:gd name="T51" fmla="*/ 223 h 570"/>
                  <a:gd name="T52" fmla="*/ 357 w 662"/>
                  <a:gd name="T53" fmla="*/ 230 h 570"/>
                  <a:gd name="T54" fmla="*/ 358 w 662"/>
                  <a:gd name="T55" fmla="*/ 256 h 570"/>
                  <a:gd name="T56" fmla="*/ 378 w 662"/>
                  <a:gd name="T57" fmla="*/ 274 h 570"/>
                  <a:gd name="T58" fmla="*/ 384 w 662"/>
                  <a:gd name="T59" fmla="*/ 279 h 570"/>
                  <a:gd name="T60" fmla="*/ 396 w 662"/>
                  <a:gd name="T61" fmla="*/ 288 h 570"/>
                  <a:gd name="T62" fmla="*/ 422 w 662"/>
                  <a:gd name="T63" fmla="*/ 329 h 570"/>
                  <a:gd name="T64" fmla="*/ 428 w 662"/>
                  <a:gd name="T65" fmla="*/ 371 h 570"/>
                  <a:gd name="T66" fmla="*/ 433 w 662"/>
                  <a:gd name="T67" fmla="*/ 370 h 570"/>
                  <a:gd name="T68" fmla="*/ 435 w 662"/>
                  <a:gd name="T69" fmla="*/ 367 h 570"/>
                  <a:gd name="T70" fmla="*/ 443 w 662"/>
                  <a:gd name="T71" fmla="*/ 377 h 570"/>
                  <a:gd name="T72" fmla="*/ 447 w 662"/>
                  <a:gd name="T73" fmla="*/ 419 h 570"/>
                  <a:gd name="T74" fmla="*/ 419 w 662"/>
                  <a:gd name="T75" fmla="*/ 459 h 570"/>
                  <a:gd name="T76" fmla="*/ 411 w 662"/>
                  <a:gd name="T77" fmla="*/ 461 h 570"/>
                  <a:gd name="T78" fmla="*/ 421 w 662"/>
                  <a:gd name="T79" fmla="*/ 471 h 570"/>
                  <a:gd name="T80" fmla="*/ 421 w 662"/>
                  <a:gd name="T81" fmla="*/ 475 h 570"/>
                  <a:gd name="T82" fmla="*/ 411 w 662"/>
                  <a:gd name="T83" fmla="*/ 489 h 570"/>
                  <a:gd name="T84" fmla="*/ 370 w 662"/>
                  <a:gd name="T85" fmla="*/ 485 h 570"/>
                  <a:gd name="T86" fmla="*/ 378 w 662"/>
                  <a:gd name="T87" fmla="*/ 465 h 570"/>
                  <a:gd name="T88" fmla="*/ 386 w 662"/>
                  <a:gd name="T89" fmla="*/ 448 h 570"/>
                  <a:gd name="T90" fmla="*/ 376 w 662"/>
                  <a:gd name="T91" fmla="*/ 434 h 570"/>
                  <a:gd name="T92" fmla="*/ 365 w 662"/>
                  <a:gd name="T93" fmla="*/ 436 h 570"/>
                  <a:gd name="T94" fmla="*/ 337 w 662"/>
                  <a:gd name="T95" fmla="*/ 437 h 570"/>
                  <a:gd name="T96" fmla="*/ 294 w 662"/>
                  <a:gd name="T97" fmla="*/ 441 h 570"/>
                  <a:gd name="T98" fmla="*/ 241 w 662"/>
                  <a:gd name="T99" fmla="*/ 444 h 570"/>
                  <a:gd name="T100" fmla="*/ 188 w 662"/>
                  <a:gd name="T101" fmla="*/ 448 h 570"/>
                  <a:gd name="T102" fmla="*/ 140 w 662"/>
                  <a:gd name="T103" fmla="*/ 451 h 570"/>
                  <a:gd name="T104" fmla="*/ 101 w 662"/>
                  <a:gd name="T105" fmla="*/ 452 h 570"/>
                  <a:gd name="T106" fmla="*/ 81 w 662"/>
                  <a:gd name="T107" fmla="*/ 453 h 570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662"/>
                  <a:gd name="T163" fmla="*/ 0 h 570"/>
                  <a:gd name="T164" fmla="*/ 662 w 662"/>
                  <a:gd name="T165" fmla="*/ 570 h 570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662" h="570">
                    <a:moveTo>
                      <a:pt x="117" y="524"/>
                    </a:moveTo>
                    <a:lnTo>
                      <a:pt x="117" y="523"/>
                    </a:lnTo>
                    <a:lnTo>
                      <a:pt x="115" y="521"/>
                    </a:lnTo>
                    <a:lnTo>
                      <a:pt x="115" y="518"/>
                    </a:lnTo>
                    <a:lnTo>
                      <a:pt x="115" y="514"/>
                    </a:lnTo>
                    <a:lnTo>
                      <a:pt x="115" y="509"/>
                    </a:lnTo>
                    <a:lnTo>
                      <a:pt x="115" y="504"/>
                    </a:lnTo>
                    <a:lnTo>
                      <a:pt x="115" y="497"/>
                    </a:lnTo>
                    <a:lnTo>
                      <a:pt x="115" y="492"/>
                    </a:lnTo>
                    <a:lnTo>
                      <a:pt x="115" y="487"/>
                    </a:lnTo>
                    <a:lnTo>
                      <a:pt x="115" y="480"/>
                    </a:lnTo>
                    <a:lnTo>
                      <a:pt x="115" y="475"/>
                    </a:lnTo>
                    <a:lnTo>
                      <a:pt x="115" y="470"/>
                    </a:lnTo>
                    <a:lnTo>
                      <a:pt x="115" y="467"/>
                    </a:lnTo>
                    <a:lnTo>
                      <a:pt x="115" y="463"/>
                    </a:lnTo>
                    <a:lnTo>
                      <a:pt x="115" y="462"/>
                    </a:lnTo>
                    <a:lnTo>
                      <a:pt x="115" y="460"/>
                    </a:lnTo>
                    <a:lnTo>
                      <a:pt x="113" y="188"/>
                    </a:lnTo>
                    <a:lnTo>
                      <a:pt x="96" y="188"/>
                    </a:lnTo>
                    <a:lnTo>
                      <a:pt x="85" y="174"/>
                    </a:lnTo>
                    <a:lnTo>
                      <a:pt x="83" y="162"/>
                    </a:lnTo>
                    <a:lnTo>
                      <a:pt x="79" y="155"/>
                    </a:lnTo>
                    <a:lnTo>
                      <a:pt x="66" y="145"/>
                    </a:lnTo>
                    <a:lnTo>
                      <a:pt x="66" y="137"/>
                    </a:lnTo>
                    <a:lnTo>
                      <a:pt x="79" y="118"/>
                    </a:lnTo>
                    <a:lnTo>
                      <a:pt x="83" y="113"/>
                    </a:lnTo>
                    <a:lnTo>
                      <a:pt x="85" y="108"/>
                    </a:lnTo>
                    <a:lnTo>
                      <a:pt x="83" y="105"/>
                    </a:lnTo>
                    <a:lnTo>
                      <a:pt x="81" y="103"/>
                    </a:lnTo>
                    <a:lnTo>
                      <a:pt x="78" y="101"/>
                    </a:lnTo>
                    <a:lnTo>
                      <a:pt x="74" y="100"/>
                    </a:lnTo>
                    <a:lnTo>
                      <a:pt x="73" y="100"/>
                    </a:lnTo>
                    <a:lnTo>
                      <a:pt x="71" y="98"/>
                    </a:lnTo>
                    <a:lnTo>
                      <a:pt x="61" y="100"/>
                    </a:lnTo>
                    <a:lnTo>
                      <a:pt x="49" y="89"/>
                    </a:lnTo>
                    <a:lnTo>
                      <a:pt x="37" y="83"/>
                    </a:lnTo>
                    <a:lnTo>
                      <a:pt x="39" y="84"/>
                    </a:lnTo>
                    <a:lnTo>
                      <a:pt x="27" y="56"/>
                    </a:lnTo>
                    <a:lnTo>
                      <a:pt x="13" y="44"/>
                    </a:lnTo>
                    <a:lnTo>
                      <a:pt x="10" y="32"/>
                    </a:lnTo>
                    <a:lnTo>
                      <a:pt x="10" y="30"/>
                    </a:lnTo>
                    <a:lnTo>
                      <a:pt x="8" y="28"/>
                    </a:lnTo>
                    <a:lnTo>
                      <a:pt x="7" y="25"/>
                    </a:lnTo>
                    <a:lnTo>
                      <a:pt x="5" y="22"/>
                    </a:lnTo>
                    <a:lnTo>
                      <a:pt x="3" y="17"/>
                    </a:lnTo>
                    <a:lnTo>
                      <a:pt x="2" y="13"/>
                    </a:lnTo>
                    <a:lnTo>
                      <a:pt x="0" y="10"/>
                    </a:lnTo>
                    <a:lnTo>
                      <a:pt x="379" y="0"/>
                    </a:lnTo>
                    <a:lnTo>
                      <a:pt x="381" y="1"/>
                    </a:lnTo>
                    <a:lnTo>
                      <a:pt x="382" y="5"/>
                    </a:lnTo>
                    <a:lnTo>
                      <a:pt x="387" y="10"/>
                    </a:lnTo>
                    <a:lnTo>
                      <a:pt x="391" y="15"/>
                    </a:lnTo>
                    <a:lnTo>
                      <a:pt x="396" y="20"/>
                    </a:lnTo>
                    <a:lnTo>
                      <a:pt x="401" y="25"/>
                    </a:lnTo>
                    <a:lnTo>
                      <a:pt x="403" y="28"/>
                    </a:lnTo>
                    <a:lnTo>
                      <a:pt x="404" y="28"/>
                    </a:lnTo>
                    <a:lnTo>
                      <a:pt x="403" y="30"/>
                    </a:lnTo>
                    <a:lnTo>
                      <a:pt x="403" y="32"/>
                    </a:lnTo>
                    <a:lnTo>
                      <a:pt x="403" y="35"/>
                    </a:lnTo>
                    <a:lnTo>
                      <a:pt x="401" y="40"/>
                    </a:lnTo>
                    <a:lnTo>
                      <a:pt x="401" y="45"/>
                    </a:lnTo>
                    <a:lnTo>
                      <a:pt x="399" y="52"/>
                    </a:lnTo>
                    <a:lnTo>
                      <a:pt x="401" y="61"/>
                    </a:lnTo>
                    <a:lnTo>
                      <a:pt x="401" y="69"/>
                    </a:lnTo>
                    <a:lnTo>
                      <a:pt x="403" y="78"/>
                    </a:lnTo>
                    <a:lnTo>
                      <a:pt x="406" y="88"/>
                    </a:lnTo>
                    <a:lnTo>
                      <a:pt x="411" y="96"/>
                    </a:lnTo>
                    <a:lnTo>
                      <a:pt x="416" y="106"/>
                    </a:lnTo>
                    <a:lnTo>
                      <a:pt x="425" y="116"/>
                    </a:lnTo>
                    <a:lnTo>
                      <a:pt x="433" y="127"/>
                    </a:lnTo>
                    <a:lnTo>
                      <a:pt x="445" y="137"/>
                    </a:lnTo>
                    <a:lnTo>
                      <a:pt x="459" y="147"/>
                    </a:lnTo>
                    <a:lnTo>
                      <a:pt x="462" y="149"/>
                    </a:lnTo>
                    <a:lnTo>
                      <a:pt x="467" y="150"/>
                    </a:lnTo>
                    <a:lnTo>
                      <a:pt x="470" y="152"/>
                    </a:lnTo>
                    <a:lnTo>
                      <a:pt x="474" y="155"/>
                    </a:lnTo>
                    <a:lnTo>
                      <a:pt x="477" y="159"/>
                    </a:lnTo>
                    <a:lnTo>
                      <a:pt x="481" y="166"/>
                    </a:lnTo>
                    <a:lnTo>
                      <a:pt x="482" y="176"/>
                    </a:lnTo>
                    <a:lnTo>
                      <a:pt x="484" y="189"/>
                    </a:lnTo>
                    <a:lnTo>
                      <a:pt x="484" y="198"/>
                    </a:lnTo>
                    <a:lnTo>
                      <a:pt x="487" y="204"/>
                    </a:lnTo>
                    <a:lnTo>
                      <a:pt x="489" y="208"/>
                    </a:lnTo>
                    <a:lnTo>
                      <a:pt x="492" y="210"/>
                    </a:lnTo>
                    <a:lnTo>
                      <a:pt x="496" y="210"/>
                    </a:lnTo>
                    <a:lnTo>
                      <a:pt x="501" y="206"/>
                    </a:lnTo>
                    <a:lnTo>
                      <a:pt x="504" y="203"/>
                    </a:lnTo>
                    <a:lnTo>
                      <a:pt x="508" y="199"/>
                    </a:lnTo>
                    <a:lnTo>
                      <a:pt x="511" y="198"/>
                    </a:lnTo>
                    <a:lnTo>
                      <a:pt x="516" y="198"/>
                    </a:lnTo>
                    <a:lnTo>
                      <a:pt x="521" y="199"/>
                    </a:lnTo>
                    <a:lnTo>
                      <a:pt x="528" y="203"/>
                    </a:lnTo>
                    <a:lnTo>
                      <a:pt x="533" y="206"/>
                    </a:lnTo>
                    <a:lnTo>
                      <a:pt x="536" y="211"/>
                    </a:lnTo>
                    <a:lnTo>
                      <a:pt x="540" y="215"/>
                    </a:lnTo>
                    <a:lnTo>
                      <a:pt x="540" y="218"/>
                    </a:lnTo>
                    <a:lnTo>
                      <a:pt x="540" y="221"/>
                    </a:lnTo>
                    <a:lnTo>
                      <a:pt x="536" y="228"/>
                    </a:lnTo>
                    <a:lnTo>
                      <a:pt x="535" y="235"/>
                    </a:lnTo>
                    <a:lnTo>
                      <a:pt x="533" y="243"/>
                    </a:lnTo>
                    <a:lnTo>
                      <a:pt x="531" y="252"/>
                    </a:lnTo>
                    <a:lnTo>
                      <a:pt x="530" y="259"/>
                    </a:lnTo>
                    <a:lnTo>
                      <a:pt x="528" y="262"/>
                    </a:lnTo>
                    <a:lnTo>
                      <a:pt x="528" y="264"/>
                    </a:lnTo>
                    <a:lnTo>
                      <a:pt x="526" y="265"/>
                    </a:lnTo>
                    <a:lnTo>
                      <a:pt x="525" y="269"/>
                    </a:lnTo>
                    <a:lnTo>
                      <a:pt x="523" y="276"/>
                    </a:lnTo>
                    <a:lnTo>
                      <a:pt x="523" y="282"/>
                    </a:lnTo>
                    <a:lnTo>
                      <a:pt x="525" y="289"/>
                    </a:lnTo>
                    <a:lnTo>
                      <a:pt x="528" y="298"/>
                    </a:lnTo>
                    <a:lnTo>
                      <a:pt x="538" y="306"/>
                    </a:lnTo>
                    <a:lnTo>
                      <a:pt x="552" y="313"/>
                    </a:lnTo>
                    <a:lnTo>
                      <a:pt x="555" y="314"/>
                    </a:lnTo>
                    <a:lnTo>
                      <a:pt x="558" y="316"/>
                    </a:lnTo>
                    <a:lnTo>
                      <a:pt x="562" y="318"/>
                    </a:lnTo>
                    <a:lnTo>
                      <a:pt x="563" y="320"/>
                    </a:lnTo>
                    <a:lnTo>
                      <a:pt x="565" y="321"/>
                    </a:lnTo>
                    <a:lnTo>
                      <a:pt x="565" y="330"/>
                    </a:lnTo>
                    <a:lnTo>
                      <a:pt x="582" y="330"/>
                    </a:lnTo>
                    <a:lnTo>
                      <a:pt x="597" y="345"/>
                    </a:lnTo>
                    <a:lnTo>
                      <a:pt x="613" y="350"/>
                    </a:lnTo>
                    <a:lnTo>
                      <a:pt x="614" y="372"/>
                    </a:lnTo>
                    <a:lnTo>
                      <a:pt x="621" y="384"/>
                    </a:lnTo>
                    <a:lnTo>
                      <a:pt x="616" y="401"/>
                    </a:lnTo>
                    <a:lnTo>
                      <a:pt x="616" y="409"/>
                    </a:lnTo>
                    <a:lnTo>
                      <a:pt x="626" y="419"/>
                    </a:lnTo>
                    <a:lnTo>
                      <a:pt x="629" y="428"/>
                    </a:lnTo>
                    <a:lnTo>
                      <a:pt x="636" y="433"/>
                    </a:lnTo>
                    <a:lnTo>
                      <a:pt x="636" y="430"/>
                    </a:lnTo>
                    <a:lnTo>
                      <a:pt x="636" y="426"/>
                    </a:lnTo>
                    <a:lnTo>
                      <a:pt x="636" y="423"/>
                    </a:lnTo>
                    <a:lnTo>
                      <a:pt x="636" y="421"/>
                    </a:lnTo>
                    <a:lnTo>
                      <a:pt x="638" y="421"/>
                    </a:lnTo>
                    <a:lnTo>
                      <a:pt x="641" y="423"/>
                    </a:lnTo>
                    <a:lnTo>
                      <a:pt x="643" y="428"/>
                    </a:lnTo>
                    <a:lnTo>
                      <a:pt x="645" y="430"/>
                    </a:lnTo>
                    <a:lnTo>
                      <a:pt x="648" y="433"/>
                    </a:lnTo>
                    <a:lnTo>
                      <a:pt x="651" y="435"/>
                    </a:lnTo>
                    <a:lnTo>
                      <a:pt x="653" y="436"/>
                    </a:lnTo>
                    <a:lnTo>
                      <a:pt x="662" y="443"/>
                    </a:lnTo>
                    <a:lnTo>
                      <a:pt x="657" y="452"/>
                    </a:lnTo>
                    <a:lnTo>
                      <a:pt x="657" y="487"/>
                    </a:lnTo>
                    <a:lnTo>
                      <a:pt x="638" y="489"/>
                    </a:lnTo>
                    <a:lnTo>
                      <a:pt x="619" y="502"/>
                    </a:lnTo>
                    <a:lnTo>
                      <a:pt x="618" y="531"/>
                    </a:lnTo>
                    <a:lnTo>
                      <a:pt x="616" y="531"/>
                    </a:lnTo>
                    <a:lnTo>
                      <a:pt x="614" y="531"/>
                    </a:lnTo>
                    <a:lnTo>
                      <a:pt x="613" y="531"/>
                    </a:lnTo>
                    <a:lnTo>
                      <a:pt x="609" y="531"/>
                    </a:lnTo>
                    <a:lnTo>
                      <a:pt x="607" y="533"/>
                    </a:lnTo>
                    <a:lnTo>
                      <a:pt x="607" y="534"/>
                    </a:lnTo>
                    <a:lnTo>
                      <a:pt x="609" y="538"/>
                    </a:lnTo>
                    <a:lnTo>
                      <a:pt x="613" y="541"/>
                    </a:lnTo>
                    <a:lnTo>
                      <a:pt x="618" y="545"/>
                    </a:lnTo>
                    <a:lnTo>
                      <a:pt x="619" y="548"/>
                    </a:lnTo>
                    <a:lnTo>
                      <a:pt x="619" y="550"/>
                    </a:lnTo>
                    <a:lnTo>
                      <a:pt x="618" y="550"/>
                    </a:lnTo>
                    <a:lnTo>
                      <a:pt x="616" y="550"/>
                    </a:lnTo>
                    <a:lnTo>
                      <a:pt x="606" y="567"/>
                    </a:lnTo>
                    <a:lnTo>
                      <a:pt x="541" y="570"/>
                    </a:lnTo>
                    <a:lnTo>
                      <a:pt x="541" y="568"/>
                    </a:lnTo>
                    <a:lnTo>
                      <a:pt x="543" y="565"/>
                    </a:lnTo>
                    <a:lnTo>
                      <a:pt x="545" y="562"/>
                    </a:lnTo>
                    <a:lnTo>
                      <a:pt x="547" y="555"/>
                    </a:lnTo>
                    <a:lnTo>
                      <a:pt x="550" y="550"/>
                    </a:lnTo>
                    <a:lnTo>
                      <a:pt x="553" y="543"/>
                    </a:lnTo>
                    <a:lnTo>
                      <a:pt x="557" y="538"/>
                    </a:lnTo>
                    <a:lnTo>
                      <a:pt x="563" y="533"/>
                    </a:lnTo>
                    <a:lnTo>
                      <a:pt x="567" y="528"/>
                    </a:lnTo>
                    <a:lnTo>
                      <a:pt x="569" y="523"/>
                    </a:lnTo>
                    <a:lnTo>
                      <a:pt x="567" y="518"/>
                    </a:lnTo>
                    <a:lnTo>
                      <a:pt x="563" y="512"/>
                    </a:lnTo>
                    <a:lnTo>
                      <a:pt x="560" y="509"/>
                    </a:lnTo>
                    <a:lnTo>
                      <a:pt x="555" y="506"/>
                    </a:lnTo>
                    <a:lnTo>
                      <a:pt x="552" y="504"/>
                    </a:lnTo>
                    <a:lnTo>
                      <a:pt x="548" y="504"/>
                    </a:lnTo>
                    <a:lnTo>
                      <a:pt x="547" y="506"/>
                    </a:lnTo>
                    <a:lnTo>
                      <a:pt x="543" y="506"/>
                    </a:lnTo>
                    <a:lnTo>
                      <a:pt x="536" y="506"/>
                    </a:lnTo>
                    <a:lnTo>
                      <a:pt x="528" y="506"/>
                    </a:lnTo>
                    <a:lnTo>
                      <a:pt x="519" y="507"/>
                    </a:lnTo>
                    <a:lnTo>
                      <a:pt x="508" y="507"/>
                    </a:lnTo>
                    <a:lnTo>
                      <a:pt x="494" y="507"/>
                    </a:lnTo>
                    <a:lnTo>
                      <a:pt x="481" y="509"/>
                    </a:lnTo>
                    <a:lnTo>
                      <a:pt x="465" y="509"/>
                    </a:lnTo>
                    <a:lnTo>
                      <a:pt x="448" y="511"/>
                    </a:lnTo>
                    <a:lnTo>
                      <a:pt x="431" y="511"/>
                    </a:lnTo>
                    <a:lnTo>
                      <a:pt x="413" y="511"/>
                    </a:lnTo>
                    <a:lnTo>
                      <a:pt x="394" y="512"/>
                    </a:lnTo>
                    <a:lnTo>
                      <a:pt x="376" y="512"/>
                    </a:lnTo>
                    <a:lnTo>
                      <a:pt x="355" y="514"/>
                    </a:lnTo>
                    <a:lnTo>
                      <a:pt x="337" y="514"/>
                    </a:lnTo>
                    <a:lnTo>
                      <a:pt x="316" y="516"/>
                    </a:lnTo>
                    <a:lnTo>
                      <a:pt x="296" y="516"/>
                    </a:lnTo>
                    <a:lnTo>
                      <a:pt x="277" y="518"/>
                    </a:lnTo>
                    <a:lnTo>
                      <a:pt x="259" y="518"/>
                    </a:lnTo>
                    <a:lnTo>
                      <a:pt x="240" y="519"/>
                    </a:lnTo>
                    <a:lnTo>
                      <a:pt x="222" y="519"/>
                    </a:lnTo>
                    <a:lnTo>
                      <a:pt x="205" y="521"/>
                    </a:lnTo>
                    <a:lnTo>
                      <a:pt x="189" y="521"/>
                    </a:lnTo>
                    <a:lnTo>
                      <a:pt x="174" y="521"/>
                    </a:lnTo>
                    <a:lnTo>
                      <a:pt x="162" y="523"/>
                    </a:lnTo>
                    <a:lnTo>
                      <a:pt x="149" y="523"/>
                    </a:lnTo>
                    <a:lnTo>
                      <a:pt x="139" y="523"/>
                    </a:lnTo>
                    <a:lnTo>
                      <a:pt x="130" y="523"/>
                    </a:lnTo>
                    <a:lnTo>
                      <a:pt x="123" y="523"/>
                    </a:lnTo>
                    <a:lnTo>
                      <a:pt x="118" y="524"/>
                    </a:lnTo>
                    <a:lnTo>
                      <a:pt x="117" y="524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grpSp>
            <p:nvGrpSpPr>
              <p:cNvPr id="1249" name="Group 47"/>
              <p:cNvGrpSpPr>
                <a:grpSpLocks/>
              </p:cNvGrpSpPr>
              <p:nvPr/>
            </p:nvGrpSpPr>
            <p:grpSpPr bwMode="auto">
              <a:xfrm>
                <a:off x="4042" y="1840"/>
                <a:ext cx="558" cy="359"/>
                <a:chOff x="4341" y="1400"/>
                <a:chExt cx="574" cy="370"/>
              </a:xfrm>
            </p:grpSpPr>
            <p:sp>
              <p:nvSpPr>
                <p:cNvPr id="1250" name="Freeform 48"/>
                <p:cNvSpPr>
                  <a:spLocks/>
                </p:cNvSpPr>
                <p:nvPr/>
              </p:nvSpPr>
              <p:spPr bwMode="auto">
                <a:xfrm>
                  <a:off x="4341" y="1400"/>
                  <a:ext cx="574" cy="370"/>
                </a:xfrm>
                <a:custGeom>
                  <a:avLst/>
                  <a:gdLst>
                    <a:gd name="T0" fmla="*/ 491 w 574"/>
                    <a:gd name="T1" fmla="*/ 287 h 370"/>
                    <a:gd name="T2" fmla="*/ 501 w 574"/>
                    <a:gd name="T3" fmla="*/ 269 h 370"/>
                    <a:gd name="T4" fmla="*/ 518 w 574"/>
                    <a:gd name="T5" fmla="*/ 265 h 370"/>
                    <a:gd name="T6" fmla="*/ 523 w 574"/>
                    <a:gd name="T7" fmla="*/ 265 h 370"/>
                    <a:gd name="T8" fmla="*/ 535 w 574"/>
                    <a:gd name="T9" fmla="*/ 257 h 370"/>
                    <a:gd name="T10" fmla="*/ 545 w 574"/>
                    <a:gd name="T11" fmla="*/ 248 h 370"/>
                    <a:gd name="T12" fmla="*/ 550 w 574"/>
                    <a:gd name="T13" fmla="*/ 238 h 370"/>
                    <a:gd name="T14" fmla="*/ 560 w 574"/>
                    <a:gd name="T15" fmla="*/ 225 h 370"/>
                    <a:gd name="T16" fmla="*/ 569 w 574"/>
                    <a:gd name="T17" fmla="*/ 218 h 370"/>
                    <a:gd name="T18" fmla="*/ 574 w 574"/>
                    <a:gd name="T19" fmla="*/ 211 h 370"/>
                    <a:gd name="T20" fmla="*/ 571 w 574"/>
                    <a:gd name="T21" fmla="*/ 204 h 370"/>
                    <a:gd name="T22" fmla="*/ 567 w 574"/>
                    <a:gd name="T23" fmla="*/ 201 h 370"/>
                    <a:gd name="T24" fmla="*/ 554 w 574"/>
                    <a:gd name="T25" fmla="*/ 189 h 370"/>
                    <a:gd name="T26" fmla="*/ 537 w 574"/>
                    <a:gd name="T27" fmla="*/ 176 h 370"/>
                    <a:gd name="T28" fmla="*/ 520 w 574"/>
                    <a:gd name="T29" fmla="*/ 162 h 370"/>
                    <a:gd name="T30" fmla="*/ 520 w 574"/>
                    <a:gd name="T31" fmla="*/ 144 h 370"/>
                    <a:gd name="T32" fmla="*/ 525 w 574"/>
                    <a:gd name="T33" fmla="*/ 135 h 370"/>
                    <a:gd name="T34" fmla="*/ 538 w 574"/>
                    <a:gd name="T35" fmla="*/ 71 h 370"/>
                    <a:gd name="T36" fmla="*/ 525 w 574"/>
                    <a:gd name="T37" fmla="*/ 56 h 370"/>
                    <a:gd name="T38" fmla="*/ 520 w 574"/>
                    <a:gd name="T39" fmla="*/ 54 h 370"/>
                    <a:gd name="T40" fmla="*/ 511 w 574"/>
                    <a:gd name="T41" fmla="*/ 44 h 370"/>
                    <a:gd name="T42" fmla="*/ 503 w 574"/>
                    <a:gd name="T43" fmla="*/ 30 h 370"/>
                    <a:gd name="T44" fmla="*/ 501 w 574"/>
                    <a:gd name="T45" fmla="*/ 22 h 370"/>
                    <a:gd name="T46" fmla="*/ 493 w 574"/>
                    <a:gd name="T47" fmla="*/ 15 h 370"/>
                    <a:gd name="T48" fmla="*/ 483 w 574"/>
                    <a:gd name="T49" fmla="*/ 12 h 370"/>
                    <a:gd name="T50" fmla="*/ 476 w 574"/>
                    <a:gd name="T51" fmla="*/ 1 h 370"/>
                    <a:gd name="T52" fmla="*/ 459 w 574"/>
                    <a:gd name="T53" fmla="*/ 0 h 370"/>
                    <a:gd name="T54" fmla="*/ 449 w 574"/>
                    <a:gd name="T55" fmla="*/ 3 h 370"/>
                    <a:gd name="T56" fmla="*/ 422 w 574"/>
                    <a:gd name="T57" fmla="*/ 8 h 370"/>
                    <a:gd name="T58" fmla="*/ 383 w 574"/>
                    <a:gd name="T59" fmla="*/ 15 h 370"/>
                    <a:gd name="T60" fmla="*/ 335 w 574"/>
                    <a:gd name="T61" fmla="*/ 25 h 370"/>
                    <a:gd name="T62" fmla="*/ 283 w 574"/>
                    <a:gd name="T63" fmla="*/ 35 h 370"/>
                    <a:gd name="T64" fmla="*/ 230 w 574"/>
                    <a:gd name="T65" fmla="*/ 45 h 370"/>
                    <a:gd name="T66" fmla="*/ 178 w 574"/>
                    <a:gd name="T67" fmla="*/ 56 h 370"/>
                    <a:gd name="T68" fmla="*/ 134 w 574"/>
                    <a:gd name="T69" fmla="*/ 64 h 370"/>
                    <a:gd name="T70" fmla="*/ 98 w 574"/>
                    <a:gd name="T71" fmla="*/ 71 h 370"/>
                    <a:gd name="T72" fmla="*/ 78 w 574"/>
                    <a:gd name="T73" fmla="*/ 74 h 370"/>
                    <a:gd name="T74" fmla="*/ 66 w 574"/>
                    <a:gd name="T75" fmla="*/ 44 h 370"/>
                    <a:gd name="T76" fmla="*/ 49 w 574"/>
                    <a:gd name="T77" fmla="*/ 56 h 370"/>
                    <a:gd name="T78" fmla="*/ 34 w 574"/>
                    <a:gd name="T79" fmla="*/ 67 h 370"/>
                    <a:gd name="T80" fmla="*/ 21 w 574"/>
                    <a:gd name="T81" fmla="*/ 78 h 370"/>
                    <a:gd name="T82" fmla="*/ 9 w 574"/>
                    <a:gd name="T83" fmla="*/ 86 h 370"/>
                    <a:gd name="T84" fmla="*/ 2 w 574"/>
                    <a:gd name="T85" fmla="*/ 91 h 370"/>
                    <a:gd name="T86" fmla="*/ 32 w 574"/>
                    <a:gd name="T87" fmla="*/ 259 h 370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w 574"/>
                    <a:gd name="T133" fmla="*/ 0 h 370"/>
                    <a:gd name="T134" fmla="*/ 574 w 574"/>
                    <a:gd name="T135" fmla="*/ 370 h 370"/>
                  </a:gdLst>
                  <a:ahLst/>
                  <a:cxnLst>
                    <a:cxn ang="T88">
                      <a:pos x="T0" y="T1"/>
                    </a:cxn>
                    <a:cxn ang="T89">
                      <a:pos x="T2" y="T3"/>
                    </a:cxn>
                    <a:cxn ang="T90">
                      <a:pos x="T4" y="T5"/>
                    </a:cxn>
                    <a:cxn ang="T91">
                      <a:pos x="T6" y="T7"/>
                    </a:cxn>
                    <a:cxn ang="T92">
                      <a:pos x="T8" y="T9"/>
                    </a:cxn>
                    <a:cxn ang="T93">
                      <a:pos x="T10" y="T11"/>
                    </a:cxn>
                    <a:cxn ang="T94">
                      <a:pos x="T12" y="T13"/>
                    </a:cxn>
                    <a:cxn ang="T95">
                      <a:pos x="T14" y="T15"/>
                    </a:cxn>
                    <a:cxn ang="T96">
                      <a:pos x="T16" y="T17"/>
                    </a:cxn>
                    <a:cxn ang="T97">
                      <a:pos x="T18" y="T19"/>
                    </a:cxn>
                    <a:cxn ang="T98">
                      <a:pos x="T20" y="T21"/>
                    </a:cxn>
                    <a:cxn ang="T99">
                      <a:pos x="T22" y="T23"/>
                    </a:cxn>
                    <a:cxn ang="T100">
                      <a:pos x="T24" y="T25"/>
                    </a:cxn>
                    <a:cxn ang="T101">
                      <a:pos x="T26" y="T27"/>
                    </a:cxn>
                    <a:cxn ang="T102">
                      <a:pos x="T28" y="T29"/>
                    </a:cxn>
                    <a:cxn ang="T103">
                      <a:pos x="T30" y="T31"/>
                    </a:cxn>
                    <a:cxn ang="T104">
                      <a:pos x="T32" y="T33"/>
                    </a:cxn>
                    <a:cxn ang="T105">
                      <a:pos x="T34" y="T35"/>
                    </a:cxn>
                    <a:cxn ang="T106">
                      <a:pos x="T36" y="T37"/>
                    </a:cxn>
                    <a:cxn ang="T107">
                      <a:pos x="T38" y="T39"/>
                    </a:cxn>
                    <a:cxn ang="T108">
                      <a:pos x="T40" y="T41"/>
                    </a:cxn>
                    <a:cxn ang="T109">
                      <a:pos x="T42" y="T43"/>
                    </a:cxn>
                    <a:cxn ang="T110">
                      <a:pos x="T44" y="T45"/>
                    </a:cxn>
                    <a:cxn ang="T111">
                      <a:pos x="T46" y="T47"/>
                    </a:cxn>
                    <a:cxn ang="T112">
                      <a:pos x="T48" y="T49"/>
                    </a:cxn>
                    <a:cxn ang="T113">
                      <a:pos x="T50" y="T51"/>
                    </a:cxn>
                    <a:cxn ang="T114">
                      <a:pos x="T52" y="T53"/>
                    </a:cxn>
                    <a:cxn ang="T115">
                      <a:pos x="T54" y="T55"/>
                    </a:cxn>
                    <a:cxn ang="T116">
                      <a:pos x="T56" y="T57"/>
                    </a:cxn>
                    <a:cxn ang="T117">
                      <a:pos x="T58" y="T59"/>
                    </a:cxn>
                    <a:cxn ang="T118">
                      <a:pos x="T60" y="T61"/>
                    </a:cxn>
                    <a:cxn ang="T119">
                      <a:pos x="T62" y="T63"/>
                    </a:cxn>
                    <a:cxn ang="T120">
                      <a:pos x="T64" y="T65"/>
                    </a:cxn>
                    <a:cxn ang="T121">
                      <a:pos x="T66" y="T67"/>
                    </a:cxn>
                    <a:cxn ang="T122">
                      <a:pos x="T68" y="T69"/>
                    </a:cxn>
                    <a:cxn ang="T123">
                      <a:pos x="T70" y="T71"/>
                    </a:cxn>
                    <a:cxn ang="T124">
                      <a:pos x="T72" y="T73"/>
                    </a:cxn>
                    <a:cxn ang="T125">
                      <a:pos x="T74" y="T75"/>
                    </a:cxn>
                    <a:cxn ang="T126">
                      <a:pos x="T76" y="T77"/>
                    </a:cxn>
                    <a:cxn ang="T127">
                      <a:pos x="T78" y="T79"/>
                    </a:cxn>
                    <a:cxn ang="T128">
                      <a:pos x="T80" y="T81"/>
                    </a:cxn>
                    <a:cxn ang="T129">
                      <a:pos x="T82" y="T83"/>
                    </a:cxn>
                    <a:cxn ang="T130">
                      <a:pos x="T84" y="T85"/>
                    </a:cxn>
                    <a:cxn ang="T131">
                      <a:pos x="T86" y="T87"/>
                    </a:cxn>
                  </a:cxnLst>
                  <a:rect l="T132" t="T133" r="T134" b="T135"/>
                  <a:pathLst>
                    <a:path w="574" h="370">
                      <a:moveTo>
                        <a:pt x="51" y="370"/>
                      </a:moveTo>
                      <a:lnTo>
                        <a:pt x="146" y="352"/>
                      </a:lnTo>
                      <a:lnTo>
                        <a:pt x="491" y="287"/>
                      </a:lnTo>
                      <a:lnTo>
                        <a:pt x="493" y="277"/>
                      </a:lnTo>
                      <a:lnTo>
                        <a:pt x="496" y="272"/>
                      </a:lnTo>
                      <a:lnTo>
                        <a:pt x="501" y="269"/>
                      </a:lnTo>
                      <a:lnTo>
                        <a:pt x="506" y="265"/>
                      </a:lnTo>
                      <a:lnTo>
                        <a:pt x="513" y="265"/>
                      </a:lnTo>
                      <a:lnTo>
                        <a:pt x="518" y="265"/>
                      </a:lnTo>
                      <a:lnTo>
                        <a:pt x="521" y="265"/>
                      </a:lnTo>
                      <a:lnTo>
                        <a:pt x="523" y="267"/>
                      </a:lnTo>
                      <a:lnTo>
                        <a:pt x="523" y="265"/>
                      </a:lnTo>
                      <a:lnTo>
                        <a:pt x="527" y="264"/>
                      </a:lnTo>
                      <a:lnTo>
                        <a:pt x="530" y="260"/>
                      </a:lnTo>
                      <a:lnTo>
                        <a:pt x="535" y="257"/>
                      </a:lnTo>
                      <a:lnTo>
                        <a:pt x="538" y="254"/>
                      </a:lnTo>
                      <a:lnTo>
                        <a:pt x="543" y="252"/>
                      </a:lnTo>
                      <a:lnTo>
                        <a:pt x="545" y="248"/>
                      </a:lnTo>
                      <a:lnTo>
                        <a:pt x="547" y="248"/>
                      </a:lnTo>
                      <a:lnTo>
                        <a:pt x="547" y="243"/>
                      </a:lnTo>
                      <a:lnTo>
                        <a:pt x="550" y="238"/>
                      </a:lnTo>
                      <a:lnTo>
                        <a:pt x="554" y="233"/>
                      </a:lnTo>
                      <a:lnTo>
                        <a:pt x="557" y="228"/>
                      </a:lnTo>
                      <a:lnTo>
                        <a:pt x="560" y="225"/>
                      </a:lnTo>
                      <a:lnTo>
                        <a:pt x="564" y="221"/>
                      </a:lnTo>
                      <a:lnTo>
                        <a:pt x="567" y="220"/>
                      </a:lnTo>
                      <a:lnTo>
                        <a:pt x="569" y="218"/>
                      </a:lnTo>
                      <a:lnTo>
                        <a:pt x="572" y="216"/>
                      </a:lnTo>
                      <a:lnTo>
                        <a:pt x="574" y="213"/>
                      </a:lnTo>
                      <a:lnTo>
                        <a:pt x="574" y="211"/>
                      </a:lnTo>
                      <a:lnTo>
                        <a:pt x="574" y="208"/>
                      </a:lnTo>
                      <a:lnTo>
                        <a:pt x="572" y="206"/>
                      </a:lnTo>
                      <a:lnTo>
                        <a:pt x="571" y="204"/>
                      </a:lnTo>
                      <a:lnTo>
                        <a:pt x="571" y="203"/>
                      </a:lnTo>
                      <a:lnTo>
                        <a:pt x="569" y="203"/>
                      </a:lnTo>
                      <a:lnTo>
                        <a:pt x="567" y="201"/>
                      </a:lnTo>
                      <a:lnTo>
                        <a:pt x="564" y="199"/>
                      </a:lnTo>
                      <a:lnTo>
                        <a:pt x="559" y="194"/>
                      </a:lnTo>
                      <a:lnTo>
                        <a:pt x="554" y="189"/>
                      </a:lnTo>
                      <a:lnTo>
                        <a:pt x="547" y="184"/>
                      </a:lnTo>
                      <a:lnTo>
                        <a:pt x="542" y="179"/>
                      </a:lnTo>
                      <a:lnTo>
                        <a:pt x="537" y="176"/>
                      </a:lnTo>
                      <a:lnTo>
                        <a:pt x="535" y="174"/>
                      </a:lnTo>
                      <a:lnTo>
                        <a:pt x="525" y="169"/>
                      </a:lnTo>
                      <a:lnTo>
                        <a:pt x="520" y="162"/>
                      </a:lnTo>
                      <a:lnTo>
                        <a:pt x="518" y="155"/>
                      </a:lnTo>
                      <a:lnTo>
                        <a:pt x="518" y="149"/>
                      </a:lnTo>
                      <a:lnTo>
                        <a:pt x="520" y="144"/>
                      </a:lnTo>
                      <a:lnTo>
                        <a:pt x="521" y="138"/>
                      </a:lnTo>
                      <a:lnTo>
                        <a:pt x="523" y="135"/>
                      </a:lnTo>
                      <a:lnTo>
                        <a:pt x="525" y="135"/>
                      </a:lnTo>
                      <a:lnTo>
                        <a:pt x="515" y="118"/>
                      </a:lnTo>
                      <a:lnTo>
                        <a:pt x="532" y="93"/>
                      </a:lnTo>
                      <a:lnTo>
                        <a:pt x="538" y="71"/>
                      </a:lnTo>
                      <a:lnTo>
                        <a:pt x="543" y="62"/>
                      </a:lnTo>
                      <a:lnTo>
                        <a:pt x="525" y="56"/>
                      </a:lnTo>
                      <a:lnTo>
                        <a:pt x="523" y="56"/>
                      </a:lnTo>
                      <a:lnTo>
                        <a:pt x="520" y="54"/>
                      </a:lnTo>
                      <a:lnTo>
                        <a:pt x="518" y="50"/>
                      </a:lnTo>
                      <a:lnTo>
                        <a:pt x="515" y="47"/>
                      </a:lnTo>
                      <a:lnTo>
                        <a:pt x="511" y="44"/>
                      </a:lnTo>
                      <a:lnTo>
                        <a:pt x="508" y="39"/>
                      </a:lnTo>
                      <a:lnTo>
                        <a:pt x="505" y="32"/>
                      </a:lnTo>
                      <a:lnTo>
                        <a:pt x="503" y="30"/>
                      </a:lnTo>
                      <a:lnTo>
                        <a:pt x="503" y="28"/>
                      </a:lnTo>
                      <a:lnTo>
                        <a:pt x="503" y="25"/>
                      </a:lnTo>
                      <a:lnTo>
                        <a:pt x="501" y="22"/>
                      </a:lnTo>
                      <a:lnTo>
                        <a:pt x="499" y="20"/>
                      </a:lnTo>
                      <a:lnTo>
                        <a:pt x="496" y="17"/>
                      </a:lnTo>
                      <a:lnTo>
                        <a:pt x="493" y="15"/>
                      </a:lnTo>
                      <a:lnTo>
                        <a:pt x="486" y="15"/>
                      </a:lnTo>
                      <a:lnTo>
                        <a:pt x="484" y="13"/>
                      </a:lnTo>
                      <a:lnTo>
                        <a:pt x="483" y="12"/>
                      </a:lnTo>
                      <a:lnTo>
                        <a:pt x="481" y="8"/>
                      </a:lnTo>
                      <a:lnTo>
                        <a:pt x="479" y="5"/>
                      </a:lnTo>
                      <a:lnTo>
                        <a:pt x="476" y="1"/>
                      </a:lnTo>
                      <a:lnTo>
                        <a:pt x="471" y="0"/>
                      </a:lnTo>
                      <a:lnTo>
                        <a:pt x="466" y="0"/>
                      </a:lnTo>
                      <a:lnTo>
                        <a:pt x="459" y="0"/>
                      </a:lnTo>
                      <a:lnTo>
                        <a:pt x="457" y="0"/>
                      </a:lnTo>
                      <a:lnTo>
                        <a:pt x="454" y="1"/>
                      </a:lnTo>
                      <a:lnTo>
                        <a:pt x="449" y="3"/>
                      </a:lnTo>
                      <a:lnTo>
                        <a:pt x="442" y="3"/>
                      </a:lnTo>
                      <a:lnTo>
                        <a:pt x="432" y="5"/>
                      </a:lnTo>
                      <a:lnTo>
                        <a:pt x="422" y="8"/>
                      </a:lnTo>
                      <a:lnTo>
                        <a:pt x="410" y="10"/>
                      </a:lnTo>
                      <a:lnTo>
                        <a:pt x="398" y="12"/>
                      </a:lnTo>
                      <a:lnTo>
                        <a:pt x="383" y="15"/>
                      </a:lnTo>
                      <a:lnTo>
                        <a:pt x="367" y="18"/>
                      </a:lnTo>
                      <a:lnTo>
                        <a:pt x="352" y="22"/>
                      </a:lnTo>
                      <a:lnTo>
                        <a:pt x="335" y="25"/>
                      </a:lnTo>
                      <a:lnTo>
                        <a:pt x="318" y="28"/>
                      </a:lnTo>
                      <a:lnTo>
                        <a:pt x="301" y="32"/>
                      </a:lnTo>
                      <a:lnTo>
                        <a:pt x="283" y="35"/>
                      </a:lnTo>
                      <a:lnTo>
                        <a:pt x="266" y="39"/>
                      </a:lnTo>
                      <a:lnTo>
                        <a:pt x="247" y="42"/>
                      </a:lnTo>
                      <a:lnTo>
                        <a:pt x="230" y="45"/>
                      </a:lnTo>
                      <a:lnTo>
                        <a:pt x="212" y="49"/>
                      </a:lnTo>
                      <a:lnTo>
                        <a:pt x="195" y="52"/>
                      </a:lnTo>
                      <a:lnTo>
                        <a:pt x="178" y="56"/>
                      </a:lnTo>
                      <a:lnTo>
                        <a:pt x="163" y="59"/>
                      </a:lnTo>
                      <a:lnTo>
                        <a:pt x="147" y="61"/>
                      </a:lnTo>
                      <a:lnTo>
                        <a:pt x="134" y="64"/>
                      </a:lnTo>
                      <a:lnTo>
                        <a:pt x="120" y="66"/>
                      </a:lnTo>
                      <a:lnTo>
                        <a:pt x="109" y="69"/>
                      </a:lnTo>
                      <a:lnTo>
                        <a:pt x="98" y="71"/>
                      </a:lnTo>
                      <a:lnTo>
                        <a:pt x="90" y="72"/>
                      </a:lnTo>
                      <a:lnTo>
                        <a:pt x="83" y="74"/>
                      </a:lnTo>
                      <a:lnTo>
                        <a:pt x="78" y="74"/>
                      </a:lnTo>
                      <a:lnTo>
                        <a:pt x="75" y="74"/>
                      </a:lnTo>
                      <a:lnTo>
                        <a:pt x="75" y="76"/>
                      </a:lnTo>
                      <a:lnTo>
                        <a:pt x="66" y="44"/>
                      </a:lnTo>
                      <a:lnTo>
                        <a:pt x="61" y="47"/>
                      </a:lnTo>
                      <a:lnTo>
                        <a:pt x="56" y="52"/>
                      </a:lnTo>
                      <a:lnTo>
                        <a:pt x="49" y="56"/>
                      </a:lnTo>
                      <a:lnTo>
                        <a:pt x="44" y="59"/>
                      </a:lnTo>
                      <a:lnTo>
                        <a:pt x="39" y="64"/>
                      </a:lnTo>
                      <a:lnTo>
                        <a:pt x="34" y="67"/>
                      </a:lnTo>
                      <a:lnTo>
                        <a:pt x="29" y="71"/>
                      </a:lnTo>
                      <a:lnTo>
                        <a:pt x="26" y="74"/>
                      </a:lnTo>
                      <a:lnTo>
                        <a:pt x="21" y="78"/>
                      </a:lnTo>
                      <a:lnTo>
                        <a:pt x="15" y="81"/>
                      </a:lnTo>
                      <a:lnTo>
                        <a:pt x="12" y="84"/>
                      </a:lnTo>
                      <a:lnTo>
                        <a:pt x="9" y="86"/>
                      </a:lnTo>
                      <a:lnTo>
                        <a:pt x="7" y="89"/>
                      </a:lnTo>
                      <a:lnTo>
                        <a:pt x="4" y="91"/>
                      </a:lnTo>
                      <a:lnTo>
                        <a:pt x="2" y="91"/>
                      </a:lnTo>
                      <a:lnTo>
                        <a:pt x="2" y="93"/>
                      </a:lnTo>
                      <a:lnTo>
                        <a:pt x="0" y="93"/>
                      </a:lnTo>
                      <a:lnTo>
                        <a:pt x="32" y="259"/>
                      </a:lnTo>
                      <a:lnTo>
                        <a:pt x="51" y="370"/>
                      </a:lnTo>
                      <a:close/>
                    </a:path>
                  </a:pathLst>
                </a:custGeom>
                <a:solidFill>
                  <a:srgbClr val="3366CC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  <p:sp>
              <p:nvSpPr>
                <p:cNvPr id="1251" name="Freeform 49"/>
                <p:cNvSpPr>
                  <a:spLocks/>
                </p:cNvSpPr>
                <p:nvPr/>
              </p:nvSpPr>
              <p:spPr bwMode="auto">
                <a:xfrm>
                  <a:off x="4341" y="1400"/>
                  <a:ext cx="574" cy="370"/>
                </a:xfrm>
                <a:custGeom>
                  <a:avLst/>
                  <a:gdLst>
                    <a:gd name="T0" fmla="*/ 491 w 574"/>
                    <a:gd name="T1" fmla="*/ 287 h 370"/>
                    <a:gd name="T2" fmla="*/ 496 w 574"/>
                    <a:gd name="T3" fmla="*/ 272 h 370"/>
                    <a:gd name="T4" fmla="*/ 513 w 574"/>
                    <a:gd name="T5" fmla="*/ 265 h 370"/>
                    <a:gd name="T6" fmla="*/ 523 w 574"/>
                    <a:gd name="T7" fmla="*/ 267 h 370"/>
                    <a:gd name="T8" fmla="*/ 527 w 574"/>
                    <a:gd name="T9" fmla="*/ 264 h 370"/>
                    <a:gd name="T10" fmla="*/ 538 w 574"/>
                    <a:gd name="T11" fmla="*/ 254 h 370"/>
                    <a:gd name="T12" fmla="*/ 547 w 574"/>
                    <a:gd name="T13" fmla="*/ 248 h 370"/>
                    <a:gd name="T14" fmla="*/ 550 w 574"/>
                    <a:gd name="T15" fmla="*/ 238 h 370"/>
                    <a:gd name="T16" fmla="*/ 560 w 574"/>
                    <a:gd name="T17" fmla="*/ 225 h 370"/>
                    <a:gd name="T18" fmla="*/ 569 w 574"/>
                    <a:gd name="T19" fmla="*/ 218 h 370"/>
                    <a:gd name="T20" fmla="*/ 574 w 574"/>
                    <a:gd name="T21" fmla="*/ 213 h 370"/>
                    <a:gd name="T22" fmla="*/ 572 w 574"/>
                    <a:gd name="T23" fmla="*/ 206 h 370"/>
                    <a:gd name="T24" fmla="*/ 569 w 574"/>
                    <a:gd name="T25" fmla="*/ 203 h 370"/>
                    <a:gd name="T26" fmla="*/ 564 w 574"/>
                    <a:gd name="T27" fmla="*/ 199 h 370"/>
                    <a:gd name="T28" fmla="*/ 547 w 574"/>
                    <a:gd name="T29" fmla="*/ 184 h 370"/>
                    <a:gd name="T30" fmla="*/ 535 w 574"/>
                    <a:gd name="T31" fmla="*/ 174 h 370"/>
                    <a:gd name="T32" fmla="*/ 520 w 574"/>
                    <a:gd name="T33" fmla="*/ 162 h 370"/>
                    <a:gd name="T34" fmla="*/ 520 w 574"/>
                    <a:gd name="T35" fmla="*/ 144 h 370"/>
                    <a:gd name="T36" fmla="*/ 525 w 574"/>
                    <a:gd name="T37" fmla="*/ 135 h 370"/>
                    <a:gd name="T38" fmla="*/ 538 w 574"/>
                    <a:gd name="T39" fmla="*/ 71 h 370"/>
                    <a:gd name="T40" fmla="*/ 525 w 574"/>
                    <a:gd name="T41" fmla="*/ 56 h 370"/>
                    <a:gd name="T42" fmla="*/ 523 w 574"/>
                    <a:gd name="T43" fmla="*/ 56 h 370"/>
                    <a:gd name="T44" fmla="*/ 515 w 574"/>
                    <a:gd name="T45" fmla="*/ 47 h 370"/>
                    <a:gd name="T46" fmla="*/ 505 w 574"/>
                    <a:gd name="T47" fmla="*/ 32 h 370"/>
                    <a:gd name="T48" fmla="*/ 503 w 574"/>
                    <a:gd name="T49" fmla="*/ 28 h 370"/>
                    <a:gd name="T50" fmla="*/ 499 w 574"/>
                    <a:gd name="T51" fmla="*/ 20 h 370"/>
                    <a:gd name="T52" fmla="*/ 486 w 574"/>
                    <a:gd name="T53" fmla="*/ 15 h 370"/>
                    <a:gd name="T54" fmla="*/ 483 w 574"/>
                    <a:gd name="T55" fmla="*/ 12 h 370"/>
                    <a:gd name="T56" fmla="*/ 476 w 574"/>
                    <a:gd name="T57" fmla="*/ 1 h 370"/>
                    <a:gd name="T58" fmla="*/ 459 w 574"/>
                    <a:gd name="T59" fmla="*/ 0 h 370"/>
                    <a:gd name="T60" fmla="*/ 454 w 574"/>
                    <a:gd name="T61" fmla="*/ 1 h 370"/>
                    <a:gd name="T62" fmla="*/ 432 w 574"/>
                    <a:gd name="T63" fmla="*/ 5 h 370"/>
                    <a:gd name="T64" fmla="*/ 398 w 574"/>
                    <a:gd name="T65" fmla="*/ 12 h 370"/>
                    <a:gd name="T66" fmla="*/ 352 w 574"/>
                    <a:gd name="T67" fmla="*/ 22 h 370"/>
                    <a:gd name="T68" fmla="*/ 301 w 574"/>
                    <a:gd name="T69" fmla="*/ 32 h 370"/>
                    <a:gd name="T70" fmla="*/ 247 w 574"/>
                    <a:gd name="T71" fmla="*/ 42 h 370"/>
                    <a:gd name="T72" fmla="*/ 195 w 574"/>
                    <a:gd name="T73" fmla="*/ 52 h 370"/>
                    <a:gd name="T74" fmla="*/ 147 w 574"/>
                    <a:gd name="T75" fmla="*/ 61 h 370"/>
                    <a:gd name="T76" fmla="*/ 109 w 574"/>
                    <a:gd name="T77" fmla="*/ 69 h 370"/>
                    <a:gd name="T78" fmla="*/ 83 w 574"/>
                    <a:gd name="T79" fmla="*/ 74 h 370"/>
                    <a:gd name="T80" fmla="*/ 75 w 574"/>
                    <a:gd name="T81" fmla="*/ 76 h 370"/>
                    <a:gd name="T82" fmla="*/ 61 w 574"/>
                    <a:gd name="T83" fmla="*/ 47 h 370"/>
                    <a:gd name="T84" fmla="*/ 44 w 574"/>
                    <a:gd name="T85" fmla="*/ 59 h 370"/>
                    <a:gd name="T86" fmla="*/ 29 w 574"/>
                    <a:gd name="T87" fmla="*/ 71 h 370"/>
                    <a:gd name="T88" fmla="*/ 15 w 574"/>
                    <a:gd name="T89" fmla="*/ 81 h 370"/>
                    <a:gd name="T90" fmla="*/ 7 w 574"/>
                    <a:gd name="T91" fmla="*/ 89 h 370"/>
                    <a:gd name="T92" fmla="*/ 2 w 574"/>
                    <a:gd name="T93" fmla="*/ 93 h 370"/>
                    <a:gd name="T94" fmla="*/ 51 w 574"/>
                    <a:gd name="T95" fmla="*/ 370 h 370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w 574"/>
                    <a:gd name="T145" fmla="*/ 0 h 370"/>
                    <a:gd name="T146" fmla="*/ 574 w 574"/>
                    <a:gd name="T147" fmla="*/ 370 h 370"/>
                  </a:gdLst>
                  <a:ahLst/>
                  <a:cxnLst>
                    <a:cxn ang="T96">
                      <a:pos x="T0" y="T1"/>
                    </a:cxn>
                    <a:cxn ang="T97">
                      <a:pos x="T2" y="T3"/>
                    </a:cxn>
                    <a:cxn ang="T98">
                      <a:pos x="T4" y="T5"/>
                    </a:cxn>
                    <a:cxn ang="T99">
                      <a:pos x="T6" y="T7"/>
                    </a:cxn>
                    <a:cxn ang="T100">
                      <a:pos x="T8" y="T9"/>
                    </a:cxn>
                    <a:cxn ang="T101">
                      <a:pos x="T10" y="T11"/>
                    </a:cxn>
                    <a:cxn ang="T102">
                      <a:pos x="T12" y="T13"/>
                    </a:cxn>
                    <a:cxn ang="T103">
                      <a:pos x="T14" y="T15"/>
                    </a:cxn>
                    <a:cxn ang="T104">
                      <a:pos x="T16" y="T17"/>
                    </a:cxn>
                    <a:cxn ang="T105">
                      <a:pos x="T18" y="T19"/>
                    </a:cxn>
                    <a:cxn ang="T106">
                      <a:pos x="T20" y="T21"/>
                    </a:cxn>
                    <a:cxn ang="T107">
                      <a:pos x="T22" y="T23"/>
                    </a:cxn>
                    <a:cxn ang="T108">
                      <a:pos x="T24" y="T25"/>
                    </a:cxn>
                    <a:cxn ang="T109">
                      <a:pos x="T26" y="T27"/>
                    </a:cxn>
                    <a:cxn ang="T110">
                      <a:pos x="T28" y="T29"/>
                    </a:cxn>
                    <a:cxn ang="T111">
                      <a:pos x="T30" y="T31"/>
                    </a:cxn>
                    <a:cxn ang="T112">
                      <a:pos x="T32" y="T33"/>
                    </a:cxn>
                    <a:cxn ang="T113">
                      <a:pos x="T34" y="T35"/>
                    </a:cxn>
                    <a:cxn ang="T114">
                      <a:pos x="T36" y="T37"/>
                    </a:cxn>
                    <a:cxn ang="T115">
                      <a:pos x="T38" y="T39"/>
                    </a:cxn>
                    <a:cxn ang="T116">
                      <a:pos x="T40" y="T41"/>
                    </a:cxn>
                    <a:cxn ang="T117">
                      <a:pos x="T42" y="T43"/>
                    </a:cxn>
                    <a:cxn ang="T118">
                      <a:pos x="T44" y="T45"/>
                    </a:cxn>
                    <a:cxn ang="T119">
                      <a:pos x="T46" y="T47"/>
                    </a:cxn>
                    <a:cxn ang="T120">
                      <a:pos x="T48" y="T49"/>
                    </a:cxn>
                    <a:cxn ang="T121">
                      <a:pos x="T50" y="T51"/>
                    </a:cxn>
                    <a:cxn ang="T122">
                      <a:pos x="T52" y="T53"/>
                    </a:cxn>
                    <a:cxn ang="T123">
                      <a:pos x="T54" y="T55"/>
                    </a:cxn>
                    <a:cxn ang="T124">
                      <a:pos x="T56" y="T57"/>
                    </a:cxn>
                    <a:cxn ang="T125">
                      <a:pos x="T58" y="T59"/>
                    </a:cxn>
                    <a:cxn ang="T126">
                      <a:pos x="T60" y="T61"/>
                    </a:cxn>
                    <a:cxn ang="T127">
                      <a:pos x="T62" y="T63"/>
                    </a:cxn>
                    <a:cxn ang="T128">
                      <a:pos x="T64" y="T65"/>
                    </a:cxn>
                    <a:cxn ang="T129">
                      <a:pos x="T66" y="T67"/>
                    </a:cxn>
                    <a:cxn ang="T130">
                      <a:pos x="T68" y="T69"/>
                    </a:cxn>
                    <a:cxn ang="T131">
                      <a:pos x="T70" y="T71"/>
                    </a:cxn>
                    <a:cxn ang="T132">
                      <a:pos x="T72" y="T73"/>
                    </a:cxn>
                    <a:cxn ang="T133">
                      <a:pos x="T74" y="T75"/>
                    </a:cxn>
                    <a:cxn ang="T134">
                      <a:pos x="T76" y="T77"/>
                    </a:cxn>
                    <a:cxn ang="T135">
                      <a:pos x="T78" y="T79"/>
                    </a:cxn>
                    <a:cxn ang="T136">
                      <a:pos x="T80" y="T81"/>
                    </a:cxn>
                    <a:cxn ang="T137">
                      <a:pos x="T82" y="T83"/>
                    </a:cxn>
                    <a:cxn ang="T138">
                      <a:pos x="T84" y="T85"/>
                    </a:cxn>
                    <a:cxn ang="T139">
                      <a:pos x="T86" y="T87"/>
                    </a:cxn>
                    <a:cxn ang="T140">
                      <a:pos x="T88" y="T89"/>
                    </a:cxn>
                    <a:cxn ang="T141">
                      <a:pos x="T90" y="T91"/>
                    </a:cxn>
                    <a:cxn ang="T142">
                      <a:pos x="T92" y="T93"/>
                    </a:cxn>
                    <a:cxn ang="T143">
                      <a:pos x="T94" y="T95"/>
                    </a:cxn>
                  </a:cxnLst>
                  <a:rect l="T144" t="T145" r="T146" b="T147"/>
                  <a:pathLst>
                    <a:path w="574" h="370">
                      <a:moveTo>
                        <a:pt x="51" y="370"/>
                      </a:moveTo>
                      <a:lnTo>
                        <a:pt x="146" y="352"/>
                      </a:lnTo>
                      <a:lnTo>
                        <a:pt x="491" y="287"/>
                      </a:lnTo>
                      <a:lnTo>
                        <a:pt x="493" y="277"/>
                      </a:lnTo>
                      <a:lnTo>
                        <a:pt x="496" y="272"/>
                      </a:lnTo>
                      <a:lnTo>
                        <a:pt x="501" y="269"/>
                      </a:lnTo>
                      <a:lnTo>
                        <a:pt x="506" y="265"/>
                      </a:lnTo>
                      <a:lnTo>
                        <a:pt x="513" y="265"/>
                      </a:lnTo>
                      <a:lnTo>
                        <a:pt x="518" y="265"/>
                      </a:lnTo>
                      <a:lnTo>
                        <a:pt x="521" y="265"/>
                      </a:lnTo>
                      <a:lnTo>
                        <a:pt x="523" y="267"/>
                      </a:lnTo>
                      <a:lnTo>
                        <a:pt x="523" y="265"/>
                      </a:lnTo>
                      <a:lnTo>
                        <a:pt x="527" y="264"/>
                      </a:lnTo>
                      <a:lnTo>
                        <a:pt x="530" y="260"/>
                      </a:lnTo>
                      <a:lnTo>
                        <a:pt x="535" y="257"/>
                      </a:lnTo>
                      <a:lnTo>
                        <a:pt x="538" y="254"/>
                      </a:lnTo>
                      <a:lnTo>
                        <a:pt x="543" y="252"/>
                      </a:lnTo>
                      <a:lnTo>
                        <a:pt x="545" y="248"/>
                      </a:lnTo>
                      <a:lnTo>
                        <a:pt x="547" y="248"/>
                      </a:lnTo>
                      <a:lnTo>
                        <a:pt x="547" y="243"/>
                      </a:lnTo>
                      <a:lnTo>
                        <a:pt x="550" y="238"/>
                      </a:lnTo>
                      <a:lnTo>
                        <a:pt x="554" y="233"/>
                      </a:lnTo>
                      <a:lnTo>
                        <a:pt x="557" y="228"/>
                      </a:lnTo>
                      <a:lnTo>
                        <a:pt x="560" y="225"/>
                      </a:lnTo>
                      <a:lnTo>
                        <a:pt x="564" y="221"/>
                      </a:lnTo>
                      <a:lnTo>
                        <a:pt x="567" y="220"/>
                      </a:lnTo>
                      <a:lnTo>
                        <a:pt x="569" y="218"/>
                      </a:lnTo>
                      <a:lnTo>
                        <a:pt x="572" y="216"/>
                      </a:lnTo>
                      <a:lnTo>
                        <a:pt x="574" y="213"/>
                      </a:lnTo>
                      <a:lnTo>
                        <a:pt x="574" y="211"/>
                      </a:lnTo>
                      <a:lnTo>
                        <a:pt x="574" y="208"/>
                      </a:lnTo>
                      <a:lnTo>
                        <a:pt x="572" y="206"/>
                      </a:lnTo>
                      <a:lnTo>
                        <a:pt x="571" y="204"/>
                      </a:lnTo>
                      <a:lnTo>
                        <a:pt x="571" y="203"/>
                      </a:lnTo>
                      <a:lnTo>
                        <a:pt x="569" y="203"/>
                      </a:lnTo>
                      <a:lnTo>
                        <a:pt x="567" y="201"/>
                      </a:lnTo>
                      <a:lnTo>
                        <a:pt x="564" y="199"/>
                      </a:lnTo>
                      <a:lnTo>
                        <a:pt x="559" y="194"/>
                      </a:lnTo>
                      <a:lnTo>
                        <a:pt x="554" y="189"/>
                      </a:lnTo>
                      <a:lnTo>
                        <a:pt x="547" y="184"/>
                      </a:lnTo>
                      <a:lnTo>
                        <a:pt x="542" y="179"/>
                      </a:lnTo>
                      <a:lnTo>
                        <a:pt x="537" y="176"/>
                      </a:lnTo>
                      <a:lnTo>
                        <a:pt x="535" y="174"/>
                      </a:lnTo>
                      <a:lnTo>
                        <a:pt x="525" y="169"/>
                      </a:lnTo>
                      <a:lnTo>
                        <a:pt x="520" y="162"/>
                      </a:lnTo>
                      <a:lnTo>
                        <a:pt x="518" y="155"/>
                      </a:lnTo>
                      <a:lnTo>
                        <a:pt x="518" y="149"/>
                      </a:lnTo>
                      <a:lnTo>
                        <a:pt x="520" y="144"/>
                      </a:lnTo>
                      <a:lnTo>
                        <a:pt x="521" y="138"/>
                      </a:lnTo>
                      <a:lnTo>
                        <a:pt x="523" y="135"/>
                      </a:lnTo>
                      <a:lnTo>
                        <a:pt x="525" y="135"/>
                      </a:lnTo>
                      <a:lnTo>
                        <a:pt x="515" y="118"/>
                      </a:lnTo>
                      <a:lnTo>
                        <a:pt x="532" y="93"/>
                      </a:lnTo>
                      <a:lnTo>
                        <a:pt x="538" y="71"/>
                      </a:lnTo>
                      <a:lnTo>
                        <a:pt x="543" y="62"/>
                      </a:lnTo>
                      <a:lnTo>
                        <a:pt x="525" y="56"/>
                      </a:lnTo>
                      <a:lnTo>
                        <a:pt x="523" y="56"/>
                      </a:lnTo>
                      <a:lnTo>
                        <a:pt x="520" y="54"/>
                      </a:lnTo>
                      <a:lnTo>
                        <a:pt x="518" y="50"/>
                      </a:lnTo>
                      <a:lnTo>
                        <a:pt x="515" y="47"/>
                      </a:lnTo>
                      <a:lnTo>
                        <a:pt x="511" y="44"/>
                      </a:lnTo>
                      <a:lnTo>
                        <a:pt x="508" y="39"/>
                      </a:lnTo>
                      <a:lnTo>
                        <a:pt x="505" y="32"/>
                      </a:lnTo>
                      <a:lnTo>
                        <a:pt x="503" y="30"/>
                      </a:lnTo>
                      <a:lnTo>
                        <a:pt x="503" y="28"/>
                      </a:lnTo>
                      <a:lnTo>
                        <a:pt x="503" y="25"/>
                      </a:lnTo>
                      <a:lnTo>
                        <a:pt x="501" y="22"/>
                      </a:lnTo>
                      <a:lnTo>
                        <a:pt x="499" y="20"/>
                      </a:lnTo>
                      <a:lnTo>
                        <a:pt x="496" y="17"/>
                      </a:lnTo>
                      <a:lnTo>
                        <a:pt x="493" y="15"/>
                      </a:lnTo>
                      <a:lnTo>
                        <a:pt x="486" y="15"/>
                      </a:lnTo>
                      <a:lnTo>
                        <a:pt x="484" y="13"/>
                      </a:lnTo>
                      <a:lnTo>
                        <a:pt x="483" y="12"/>
                      </a:lnTo>
                      <a:lnTo>
                        <a:pt x="481" y="8"/>
                      </a:lnTo>
                      <a:lnTo>
                        <a:pt x="479" y="5"/>
                      </a:lnTo>
                      <a:lnTo>
                        <a:pt x="476" y="1"/>
                      </a:lnTo>
                      <a:lnTo>
                        <a:pt x="471" y="0"/>
                      </a:lnTo>
                      <a:lnTo>
                        <a:pt x="466" y="0"/>
                      </a:lnTo>
                      <a:lnTo>
                        <a:pt x="459" y="0"/>
                      </a:lnTo>
                      <a:lnTo>
                        <a:pt x="457" y="0"/>
                      </a:lnTo>
                      <a:lnTo>
                        <a:pt x="454" y="1"/>
                      </a:lnTo>
                      <a:lnTo>
                        <a:pt x="449" y="3"/>
                      </a:lnTo>
                      <a:lnTo>
                        <a:pt x="442" y="3"/>
                      </a:lnTo>
                      <a:lnTo>
                        <a:pt x="432" y="5"/>
                      </a:lnTo>
                      <a:lnTo>
                        <a:pt x="422" y="8"/>
                      </a:lnTo>
                      <a:lnTo>
                        <a:pt x="410" y="10"/>
                      </a:lnTo>
                      <a:lnTo>
                        <a:pt x="398" y="12"/>
                      </a:lnTo>
                      <a:lnTo>
                        <a:pt x="383" y="15"/>
                      </a:lnTo>
                      <a:lnTo>
                        <a:pt x="367" y="18"/>
                      </a:lnTo>
                      <a:lnTo>
                        <a:pt x="352" y="22"/>
                      </a:lnTo>
                      <a:lnTo>
                        <a:pt x="335" y="25"/>
                      </a:lnTo>
                      <a:lnTo>
                        <a:pt x="318" y="28"/>
                      </a:lnTo>
                      <a:lnTo>
                        <a:pt x="301" y="32"/>
                      </a:lnTo>
                      <a:lnTo>
                        <a:pt x="283" y="35"/>
                      </a:lnTo>
                      <a:lnTo>
                        <a:pt x="266" y="39"/>
                      </a:lnTo>
                      <a:lnTo>
                        <a:pt x="247" y="42"/>
                      </a:lnTo>
                      <a:lnTo>
                        <a:pt x="230" y="45"/>
                      </a:lnTo>
                      <a:lnTo>
                        <a:pt x="212" y="49"/>
                      </a:lnTo>
                      <a:lnTo>
                        <a:pt x="195" y="52"/>
                      </a:lnTo>
                      <a:lnTo>
                        <a:pt x="178" y="56"/>
                      </a:lnTo>
                      <a:lnTo>
                        <a:pt x="163" y="59"/>
                      </a:lnTo>
                      <a:lnTo>
                        <a:pt x="147" y="61"/>
                      </a:lnTo>
                      <a:lnTo>
                        <a:pt x="134" y="64"/>
                      </a:lnTo>
                      <a:lnTo>
                        <a:pt x="120" y="66"/>
                      </a:lnTo>
                      <a:lnTo>
                        <a:pt x="109" y="69"/>
                      </a:lnTo>
                      <a:lnTo>
                        <a:pt x="98" y="71"/>
                      </a:lnTo>
                      <a:lnTo>
                        <a:pt x="90" y="72"/>
                      </a:lnTo>
                      <a:lnTo>
                        <a:pt x="83" y="74"/>
                      </a:lnTo>
                      <a:lnTo>
                        <a:pt x="78" y="74"/>
                      </a:lnTo>
                      <a:lnTo>
                        <a:pt x="75" y="74"/>
                      </a:lnTo>
                      <a:lnTo>
                        <a:pt x="75" y="76"/>
                      </a:lnTo>
                      <a:lnTo>
                        <a:pt x="66" y="44"/>
                      </a:lnTo>
                      <a:lnTo>
                        <a:pt x="61" y="47"/>
                      </a:lnTo>
                      <a:lnTo>
                        <a:pt x="56" y="52"/>
                      </a:lnTo>
                      <a:lnTo>
                        <a:pt x="49" y="56"/>
                      </a:lnTo>
                      <a:lnTo>
                        <a:pt x="44" y="59"/>
                      </a:lnTo>
                      <a:lnTo>
                        <a:pt x="39" y="64"/>
                      </a:lnTo>
                      <a:lnTo>
                        <a:pt x="34" y="67"/>
                      </a:lnTo>
                      <a:lnTo>
                        <a:pt x="29" y="71"/>
                      </a:lnTo>
                      <a:lnTo>
                        <a:pt x="26" y="74"/>
                      </a:lnTo>
                      <a:lnTo>
                        <a:pt x="21" y="78"/>
                      </a:lnTo>
                      <a:lnTo>
                        <a:pt x="15" y="81"/>
                      </a:lnTo>
                      <a:lnTo>
                        <a:pt x="12" y="84"/>
                      </a:lnTo>
                      <a:lnTo>
                        <a:pt x="9" y="86"/>
                      </a:lnTo>
                      <a:lnTo>
                        <a:pt x="7" y="89"/>
                      </a:lnTo>
                      <a:lnTo>
                        <a:pt x="4" y="91"/>
                      </a:lnTo>
                      <a:lnTo>
                        <a:pt x="2" y="91"/>
                      </a:lnTo>
                      <a:lnTo>
                        <a:pt x="2" y="93"/>
                      </a:lnTo>
                      <a:lnTo>
                        <a:pt x="0" y="93"/>
                      </a:lnTo>
                      <a:lnTo>
                        <a:pt x="32" y="259"/>
                      </a:lnTo>
                      <a:lnTo>
                        <a:pt x="51" y="370"/>
                      </a:lnTo>
                    </a:path>
                  </a:pathLst>
                </a:custGeom>
                <a:solidFill>
                  <a:srgbClr val="C0000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defTabSz="571486">
                    <a:defRPr/>
                  </a:pPr>
                  <a:endParaRPr lang="en-US" sz="1125" kern="0" dirty="0">
                    <a:solidFill>
                      <a:srgbClr val="FFFFFF"/>
                    </a:solidFill>
                    <a:latin typeface="Myriad Web Pro"/>
                  </a:endParaRPr>
                </a:p>
              </p:txBody>
            </p:sp>
          </p:grpSp>
        </p:grpSp>
        <p:sp>
          <p:nvSpPr>
            <p:cNvPr id="1106" name="Freeform 50"/>
            <p:cNvSpPr>
              <a:spLocks/>
            </p:cNvSpPr>
            <p:nvPr/>
          </p:nvSpPr>
          <p:spPr bwMode="auto">
            <a:xfrm>
              <a:off x="4658" y="1344"/>
              <a:ext cx="160" cy="309"/>
            </a:xfrm>
            <a:custGeom>
              <a:avLst/>
              <a:gdLst>
                <a:gd name="T0" fmla="*/ 47 w 165"/>
                <a:gd name="T1" fmla="*/ 211 h 318"/>
                <a:gd name="T2" fmla="*/ 44 w 165"/>
                <a:gd name="T3" fmla="*/ 199 h 318"/>
                <a:gd name="T4" fmla="*/ 42 w 165"/>
                <a:gd name="T5" fmla="*/ 183 h 318"/>
                <a:gd name="T6" fmla="*/ 39 w 165"/>
                <a:gd name="T7" fmla="*/ 167 h 318"/>
                <a:gd name="T8" fmla="*/ 38 w 165"/>
                <a:gd name="T9" fmla="*/ 154 h 318"/>
                <a:gd name="T10" fmla="*/ 35 w 165"/>
                <a:gd name="T11" fmla="*/ 145 h 318"/>
                <a:gd name="T12" fmla="*/ 29 w 165"/>
                <a:gd name="T13" fmla="*/ 141 h 318"/>
                <a:gd name="T14" fmla="*/ 24 w 165"/>
                <a:gd name="T15" fmla="*/ 145 h 318"/>
                <a:gd name="T16" fmla="*/ 16 w 165"/>
                <a:gd name="T17" fmla="*/ 111 h 318"/>
                <a:gd name="T18" fmla="*/ 0 w 165"/>
                <a:gd name="T19" fmla="*/ 26 h 318"/>
                <a:gd name="T20" fmla="*/ 103 w 165"/>
                <a:gd name="T21" fmla="*/ 10 h 318"/>
                <a:gd name="T22" fmla="*/ 103 w 165"/>
                <a:gd name="T23" fmla="*/ 15 h 318"/>
                <a:gd name="T24" fmla="*/ 103 w 165"/>
                <a:gd name="T25" fmla="*/ 17 h 318"/>
                <a:gd name="T26" fmla="*/ 100 w 165"/>
                <a:gd name="T27" fmla="*/ 21 h 318"/>
                <a:gd name="T28" fmla="*/ 103 w 165"/>
                <a:gd name="T29" fmla="*/ 26 h 318"/>
                <a:gd name="T30" fmla="*/ 106 w 165"/>
                <a:gd name="T31" fmla="*/ 37 h 318"/>
                <a:gd name="T32" fmla="*/ 107 w 165"/>
                <a:gd name="T33" fmla="*/ 43 h 318"/>
                <a:gd name="T34" fmla="*/ 103 w 165"/>
                <a:gd name="T35" fmla="*/ 51 h 318"/>
                <a:gd name="T36" fmla="*/ 94 w 165"/>
                <a:gd name="T37" fmla="*/ 63 h 318"/>
                <a:gd name="T38" fmla="*/ 94 w 165"/>
                <a:gd name="T39" fmla="*/ 64 h 318"/>
                <a:gd name="T40" fmla="*/ 88 w 165"/>
                <a:gd name="T41" fmla="*/ 68 h 318"/>
                <a:gd name="T42" fmla="*/ 89 w 165"/>
                <a:gd name="T43" fmla="*/ 73 h 318"/>
                <a:gd name="T44" fmla="*/ 89 w 165"/>
                <a:gd name="T45" fmla="*/ 83 h 318"/>
                <a:gd name="T46" fmla="*/ 89 w 165"/>
                <a:gd name="T47" fmla="*/ 93 h 318"/>
                <a:gd name="T48" fmla="*/ 88 w 165"/>
                <a:gd name="T49" fmla="*/ 108 h 318"/>
                <a:gd name="T50" fmla="*/ 85 w 165"/>
                <a:gd name="T51" fmla="*/ 115 h 318"/>
                <a:gd name="T52" fmla="*/ 85 w 165"/>
                <a:gd name="T53" fmla="*/ 122 h 318"/>
                <a:gd name="T54" fmla="*/ 83 w 165"/>
                <a:gd name="T55" fmla="*/ 127 h 318"/>
                <a:gd name="T56" fmla="*/ 81 w 165"/>
                <a:gd name="T57" fmla="*/ 139 h 318"/>
                <a:gd name="T58" fmla="*/ 85 w 165"/>
                <a:gd name="T59" fmla="*/ 153 h 318"/>
                <a:gd name="T60" fmla="*/ 85 w 165"/>
                <a:gd name="T61" fmla="*/ 157 h 318"/>
                <a:gd name="T62" fmla="*/ 85 w 165"/>
                <a:gd name="T63" fmla="*/ 164 h 318"/>
                <a:gd name="T64" fmla="*/ 85 w 165"/>
                <a:gd name="T65" fmla="*/ 167 h 318"/>
                <a:gd name="T66" fmla="*/ 88 w 165"/>
                <a:gd name="T67" fmla="*/ 173 h 318"/>
                <a:gd name="T68" fmla="*/ 88 w 165"/>
                <a:gd name="T69" fmla="*/ 180 h 318"/>
                <a:gd name="T70" fmla="*/ 85 w 165"/>
                <a:gd name="T71" fmla="*/ 184 h 318"/>
                <a:gd name="T72" fmla="*/ 85 w 165"/>
                <a:gd name="T73" fmla="*/ 193 h 318"/>
                <a:gd name="T74" fmla="*/ 92 w 165"/>
                <a:gd name="T75" fmla="*/ 201 h 318"/>
                <a:gd name="T76" fmla="*/ 87 w 165"/>
                <a:gd name="T77" fmla="*/ 203 h 318"/>
                <a:gd name="T78" fmla="*/ 78 w 165"/>
                <a:gd name="T79" fmla="*/ 205 h 318"/>
                <a:gd name="T80" fmla="*/ 66 w 165"/>
                <a:gd name="T81" fmla="*/ 208 h 318"/>
                <a:gd name="T82" fmla="*/ 54 w 165"/>
                <a:gd name="T83" fmla="*/ 211 h 318"/>
                <a:gd name="T84" fmla="*/ 47 w 165"/>
                <a:gd name="T85" fmla="*/ 211 h 318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165"/>
                <a:gd name="T130" fmla="*/ 0 h 318"/>
                <a:gd name="T131" fmla="*/ 165 w 165"/>
                <a:gd name="T132" fmla="*/ 318 h 318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165" h="318">
                  <a:moveTo>
                    <a:pt x="73" y="318"/>
                  </a:moveTo>
                  <a:lnTo>
                    <a:pt x="73" y="316"/>
                  </a:lnTo>
                  <a:lnTo>
                    <a:pt x="73" y="315"/>
                  </a:lnTo>
                  <a:lnTo>
                    <a:pt x="71" y="310"/>
                  </a:lnTo>
                  <a:lnTo>
                    <a:pt x="70" y="303"/>
                  </a:lnTo>
                  <a:lnTo>
                    <a:pt x="68" y="296"/>
                  </a:lnTo>
                  <a:lnTo>
                    <a:pt x="68" y="289"/>
                  </a:lnTo>
                  <a:lnTo>
                    <a:pt x="66" y="281"/>
                  </a:lnTo>
                  <a:lnTo>
                    <a:pt x="63" y="272"/>
                  </a:lnTo>
                  <a:lnTo>
                    <a:pt x="61" y="264"/>
                  </a:lnTo>
                  <a:lnTo>
                    <a:pt x="60" y="255"/>
                  </a:lnTo>
                  <a:lnTo>
                    <a:pt x="58" y="249"/>
                  </a:lnTo>
                  <a:lnTo>
                    <a:pt x="58" y="242"/>
                  </a:lnTo>
                  <a:lnTo>
                    <a:pt x="56" y="235"/>
                  </a:lnTo>
                  <a:lnTo>
                    <a:pt x="55" y="230"/>
                  </a:lnTo>
                  <a:lnTo>
                    <a:pt x="55" y="227"/>
                  </a:lnTo>
                  <a:lnTo>
                    <a:pt x="53" y="225"/>
                  </a:lnTo>
                  <a:lnTo>
                    <a:pt x="49" y="216"/>
                  </a:lnTo>
                  <a:lnTo>
                    <a:pt x="46" y="211"/>
                  </a:lnTo>
                  <a:lnTo>
                    <a:pt x="44" y="210"/>
                  </a:lnTo>
                  <a:lnTo>
                    <a:pt x="43" y="210"/>
                  </a:lnTo>
                  <a:lnTo>
                    <a:pt x="41" y="211"/>
                  </a:lnTo>
                  <a:lnTo>
                    <a:pt x="39" y="215"/>
                  </a:lnTo>
                  <a:lnTo>
                    <a:pt x="38" y="216"/>
                  </a:lnTo>
                  <a:lnTo>
                    <a:pt x="34" y="213"/>
                  </a:lnTo>
                  <a:lnTo>
                    <a:pt x="26" y="164"/>
                  </a:lnTo>
                  <a:lnTo>
                    <a:pt x="22" y="128"/>
                  </a:lnTo>
                  <a:lnTo>
                    <a:pt x="16" y="113"/>
                  </a:lnTo>
                  <a:lnTo>
                    <a:pt x="0" y="40"/>
                  </a:lnTo>
                  <a:lnTo>
                    <a:pt x="156" y="0"/>
                  </a:lnTo>
                  <a:lnTo>
                    <a:pt x="158" y="10"/>
                  </a:lnTo>
                  <a:lnTo>
                    <a:pt x="158" y="12"/>
                  </a:lnTo>
                  <a:lnTo>
                    <a:pt x="159" y="15"/>
                  </a:lnTo>
                  <a:lnTo>
                    <a:pt x="159" y="17"/>
                  </a:lnTo>
                  <a:lnTo>
                    <a:pt x="159" y="22"/>
                  </a:lnTo>
                  <a:lnTo>
                    <a:pt x="159" y="25"/>
                  </a:lnTo>
                  <a:lnTo>
                    <a:pt x="158" y="29"/>
                  </a:lnTo>
                  <a:lnTo>
                    <a:pt x="154" y="34"/>
                  </a:lnTo>
                  <a:lnTo>
                    <a:pt x="154" y="35"/>
                  </a:lnTo>
                  <a:lnTo>
                    <a:pt x="156" y="35"/>
                  </a:lnTo>
                  <a:lnTo>
                    <a:pt x="158" y="37"/>
                  </a:lnTo>
                  <a:lnTo>
                    <a:pt x="158" y="40"/>
                  </a:lnTo>
                  <a:lnTo>
                    <a:pt x="159" y="44"/>
                  </a:lnTo>
                  <a:lnTo>
                    <a:pt x="161" y="46"/>
                  </a:lnTo>
                  <a:lnTo>
                    <a:pt x="163" y="51"/>
                  </a:lnTo>
                  <a:lnTo>
                    <a:pt x="165" y="54"/>
                  </a:lnTo>
                  <a:lnTo>
                    <a:pt x="165" y="59"/>
                  </a:lnTo>
                  <a:lnTo>
                    <a:pt x="165" y="62"/>
                  </a:lnTo>
                  <a:lnTo>
                    <a:pt x="165" y="68"/>
                  </a:lnTo>
                  <a:lnTo>
                    <a:pt x="163" y="73"/>
                  </a:lnTo>
                  <a:lnTo>
                    <a:pt x="159" y="78"/>
                  </a:lnTo>
                  <a:lnTo>
                    <a:pt x="156" y="83"/>
                  </a:lnTo>
                  <a:lnTo>
                    <a:pt x="149" y="88"/>
                  </a:lnTo>
                  <a:lnTo>
                    <a:pt x="143" y="93"/>
                  </a:lnTo>
                  <a:lnTo>
                    <a:pt x="143" y="95"/>
                  </a:lnTo>
                  <a:lnTo>
                    <a:pt x="143" y="93"/>
                  </a:lnTo>
                  <a:lnTo>
                    <a:pt x="136" y="100"/>
                  </a:lnTo>
                  <a:lnTo>
                    <a:pt x="136" y="101"/>
                  </a:lnTo>
                  <a:lnTo>
                    <a:pt x="136" y="105"/>
                  </a:lnTo>
                  <a:lnTo>
                    <a:pt x="137" y="108"/>
                  </a:lnTo>
                  <a:lnTo>
                    <a:pt x="137" y="113"/>
                  </a:lnTo>
                  <a:lnTo>
                    <a:pt x="137" y="118"/>
                  </a:lnTo>
                  <a:lnTo>
                    <a:pt x="137" y="123"/>
                  </a:lnTo>
                  <a:lnTo>
                    <a:pt x="137" y="128"/>
                  </a:lnTo>
                  <a:lnTo>
                    <a:pt x="137" y="135"/>
                  </a:lnTo>
                  <a:lnTo>
                    <a:pt x="137" y="140"/>
                  </a:lnTo>
                  <a:lnTo>
                    <a:pt x="137" y="147"/>
                  </a:lnTo>
                  <a:lnTo>
                    <a:pt x="136" y="154"/>
                  </a:lnTo>
                  <a:lnTo>
                    <a:pt x="136" y="159"/>
                  </a:lnTo>
                  <a:lnTo>
                    <a:pt x="134" y="164"/>
                  </a:lnTo>
                  <a:lnTo>
                    <a:pt x="134" y="169"/>
                  </a:lnTo>
                  <a:lnTo>
                    <a:pt x="132" y="172"/>
                  </a:lnTo>
                  <a:lnTo>
                    <a:pt x="132" y="176"/>
                  </a:lnTo>
                  <a:lnTo>
                    <a:pt x="131" y="179"/>
                  </a:lnTo>
                  <a:lnTo>
                    <a:pt x="131" y="183"/>
                  </a:lnTo>
                  <a:lnTo>
                    <a:pt x="131" y="184"/>
                  </a:lnTo>
                  <a:lnTo>
                    <a:pt x="129" y="189"/>
                  </a:lnTo>
                  <a:lnTo>
                    <a:pt x="127" y="194"/>
                  </a:lnTo>
                  <a:lnTo>
                    <a:pt x="126" y="201"/>
                  </a:lnTo>
                  <a:lnTo>
                    <a:pt x="126" y="208"/>
                  </a:lnTo>
                  <a:lnTo>
                    <a:pt x="126" y="215"/>
                  </a:lnTo>
                  <a:lnTo>
                    <a:pt x="127" y="222"/>
                  </a:lnTo>
                  <a:lnTo>
                    <a:pt x="131" y="228"/>
                  </a:lnTo>
                  <a:lnTo>
                    <a:pt x="132" y="228"/>
                  </a:lnTo>
                  <a:lnTo>
                    <a:pt x="132" y="232"/>
                  </a:lnTo>
                  <a:lnTo>
                    <a:pt x="132" y="235"/>
                  </a:lnTo>
                  <a:lnTo>
                    <a:pt x="132" y="238"/>
                  </a:lnTo>
                  <a:lnTo>
                    <a:pt x="132" y="242"/>
                  </a:lnTo>
                  <a:lnTo>
                    <a:pt x="132" y="245"/>
                  </a:lnTo>
                  <a:lnTo>
                    <a:pt x="132" y="247"/>
                  </a:lnTo>
                  <a:lnTo>
                    <a:pt x="132" y="249"/>
                  </a:lnTo>
                  <a:lnTo>
                    <a:pt x="134" y="250"/>
                  </a:lnTo>
                  <a:lnTo>
                    <a:pt x="134" y="254"/>
                  </a:lnTo>
                  <a:lnTo>
                    <a:pt x="136" y="257"/>
                  </a:lnTo>
                  <a:lnTo>
                    <a:pt x="136" y="260"/>
                  </a:lnTo>
                  <a:lnTo>
                    <a:pt x="136" y="266"/>
                  </a:lnTo>
                  <a:lnTo>
                    <a:pt x="136" y="269"/>
                  </a:lnTo>
                  <a:lnTo>
                    <a:pt x="132" y="272"/>
                  </a:lnTo>
                  <a:lnTo>
                    <a:pt x="132" y="274"/>
                  </a:lnTo>
                  <a:lnTo>
                    <a:pt x="132" y="276"/>
                  </a:lnTo>
                  <a:lnTo>
                    <a:pt x="132" y="281"/>
                  </a:lnTo>
                  <a:lnTo>
                    <a:pt x="132" y="284"/>
                  </a:lnTo>
                  <a:lnTo>
                    <a:pt x="132" y="289"/>
                  </a:lnTo>
                  <a:lnTo>
                    <a:pt x="134" y="294"/>
                  </a:lnTo>
                  <a:lnTo>
                    <a:pt x="136" y="298"/>
                  </a:lnTo>
                  <a:lnTo>
                    <a:pt x="141" y="301"/>
                  </a:lnTo>
                  <a:lnTo>
                    <a:pt x="139" y="301"/>
                  </a:lnTo>
                  <a:lnTo>
                    <a:pt x="137" y="301"/>
                  </a:lnTo>
                  <a:lnTo>
                    <a:pt x="134" y="303"/>
                  </a:lnTo>
                  <a:lnTo>
                    <a:pt x="131" y="303"/>
                  </a:lnTo>
                  <a:lnTo>
                    <a:pt x="126" y="304"/>
                  </a:lnTo>
                  <a:lnTo>
                    <a:pt x="119" y="306"/>
                  </a:lnTo>
                  <a:lnTo>
                    <a:pt x="114" y="308"/>
                  </a:lnTo>
                  <a:lnTo>
                    <a:pt x="107" y="310"/>
                  </a:lnTo>
                  <a:lnTo>
                    <a:pt x="100" y="311"/>
                  </a:lnTo>
                  <a:lnTo>
                    <a:pt x="95" y="313"/>
                  </a:lnTo>
                  <a:lnTo>
                    <a:pt x="88" y="315"/>
                  </a:lnTo>
                  <a:lnTo>
                    <a:pt x="83" y="315"/>
                  </a:lnTo>
                  <a:lnTo>
                    <a:pt x="80" y="316"/>
                  </a:lnTo>
                  <a:lnTo>
                    <a:pt x="77" y="316"/>
                  </a:lnTo>
                  <a:lnTo>
                    <a:pt x="73" y="316"/>
                  </a:lnTo>
                  <a:lnTo>
                    <a:pt x="73" y="318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07" name="Freeform 51"/>
            <p:cNvSpPr>
              <a:spLocks/>
            </p:cNvSpPr>
            <p:nvPr/>
          </p:nvSpPr>
          <p:spPr bwMode="auto">
            <a:xfrm>
              <a:off x="192" y="1620"/>
              <a:ext cx="766" cy="1314"/>
            </a:xfrm>
            <a:custGeom>
              <a:avLst/>
              <a:gdLst>
                <a:gd name="T0" fmla="*/ 78 w 788"/>
                <a:gd name="T1" fmla="*/ 14 h 1354"/>
                <a:gd name="T2" fmla="*/ 134 w 788"/>
                <a:gd name="T3" fmla="*/ 23 h 1354"/>
                <a:gd name="T4" fmla="*/ 209 w 788"/>
                <a:gd name="T5" fmla="*/ 44 h 1354"/>
                <a:gd name="T6" fmla="*/ 292 w 788"/>
                <a:gd name="T7" fmla="*/ 65 h 1354"/>
                <a:gd name="T8" fmla="*/ 518 w 788"/>
                <a:gd name="T9" fmla="*/ 749 h 1354"/>
                <a:gd name="T10" fmla="*/ 507 w 788"/>
                <a:gd name="T11" fmla="*/ 786 h 1354"/>
                <a:gd name="T12" fmla="*/ 496 w 788"/>
                <a:gd name="T13" fmla="*/ 815 h 1354"/>
                <a:gd name="T14" fmla="*/ 482 w 788"/>
                <a:gd name="T15" fmla="*/ 837 h 1354"/>
                <a:gd name="T16" fmla="*/ 485 w 788"/>
                <a:gd name="T17" fmla="*/ 869 h 1354"/>
                <a:gd name="T18" fmla="*/ 467 w 788"/>
                <a:gd name="T19" fmla="*/ 890 h 1354"/>
                <a:gd name="T20" fmla="*/ 293 w 788"/>
                <a:gd name="T21" fmla="*/ 847 h 1354"/>
                <a:gd name="T22" fmla="*/ 300 w 788"/>
                <a:gd name="T23" fmla="*/ 834 h 1354"/>
                <a:gd name="T24" fmla="*/ 285 w 788"/>
                <a:gd name="T25" fmla="*/ 794 h 1354"/>
                <a:gd name="T26" fmla="*/ 256 w 788"/>
                <a:gd name="T27" fmla="*/ 758 h 1354"/>
                <a:gd name="T28" fmla="*/ 243 w 788"/>
                <a:gd name="T29" fmla="*/ 758 h 1354"/>
                <a:gd name="T30" fmla="*/ 236 w 788"/>
                <a:gd name="T31" fmla="*/ 749 h 1354"/>
                <a:gd name="T32" fmla="*/ 229 w 788"/>
                <a:gd name="T33" fmla="*/ 728 h 1354"/>
                <a:gd name="T34" fmla="*/ 202 w 788"/>
                <a:gd name="T35" fmla="*/ 720 h 1354"/>
                <a:gd name="T36" fmla="*/ 181 w 788"/>
                <a:gd name="T37" fmla="*/ 689 h 1354"/>
                <a:gd name="T38" fmla="*/ 162 w 788"/>
                <a:gd name="T39" fmla="*/ 679 h 1354"/>
                <a:gd name="T40" fmla="*/ 141 w 788"/>
                <a:gd name="T41" fmla="*/ 670 h 1354"/>
                <a:gd name="T42" fmla="*/ 113 w 788"/>
                <a:gd name="T43" fmla="*/ 660 h 1354"/>
                <a:gd name="T44" fmla="*/ 111 w 788"/>
                <a:gd name="T45" fmla="*/ 642 h 1354"/>
                <a:gd name="T46" fmla="*/ 117 w 788"/>
                <a:gd name="T47" fmla="*/ 606 h 1354"/>
                <a:gd name="T48" fmla="*/ 105 w 788"/>
                <a:gd name="T49" fmla="*/ 597 h 1354"/>
                <a:gd name="T50" fmla="*/ 110 w 788"/>
                <a:gd name="T51" fmla="*/ 581 h 1354"/>
                <a:gd name="T52" fmla="*/ 98 w 788"/>
                <a:gd name="T53" fmla="*/ 565 h 1354"/>
                <a:gd name="T54" fmla="*/ 75 w 788"/>
                <a:gd name="T55" fmla="*/ 515 h 1354"/>
                <a:gd name="T56" fmla="*/ 65 w 788"/>
                <a:gd name="T57" fmla="*/ 498 h 1354"/>
                <a:gd name="T58" fmla="*/ 62 w 788"/>
                <a:gd name="T59" fmla="*/ 490 h 1354"/>
                <a:gd name="T60" fmla="*/ 67 w 788"/>
                <a:gd name="T61" fmla="*/ 466 h 1354"/>
                <a:gd name="T62" fmla="*/ 79 w 788"/>
                <a:gd name="T63" fmla="*/ 443 h 1354"/>
                <a:gd name="T64" fmla="*/ 50 w 788"/>
                <a:gd name="T65" fmla="*/ 419 h 1354"/>
                <a:gd name="T66" fmla="*/ 50 w 788"/>
                <a:gd name="T67" fmla="*/ 405 h 1354"/>
                <a:gd name="T68" fmla="*/ 51 w 788"/>
                <a:gd name="T69" fmla="*/ 389 h 1354"/>
                <a:gd name="T70" fmla="*/ 56 w 788"/>
                <a:gd name="T71" fmla="*/ 365 h 1354"/>
                <a:gd name="T72" fmla="*/ 63 w 788"/>
                <a:gd name="T73" fmla="*/ 371 h 1354"/>
                <a:gd name="T74" fmla="*/ 69 w 788"/>
                <a:gd name="T75" fmla="*/ 389 h 1354"/>
                <a:gd name="T76" fmla="*/ 78 w 788"/>
                <a:gd name="T77" fmla="*/ 391 h 1354"/>
                <a:gd name="T78" fmla="*/ 75 w 788"/>
                <a:gd name="T79" fmla="*/ 378 h 1354"/>
                <a:gd name="T80" fmla="*/ 71 w 788"/>
                <a:gd name="T81" fmla="*/ 369 h 1354"/>
                <a:gd name="T82" fmla="*/ 71 w 788"/>
                <a:gd name="T83" fmla="*/ 350 h 1354"/>
                <a:gd name="T84" fmla="*/ 99 w 788"/>
                <a:gd name="T85" fmla="*/ 345 h 1354"/>
                <a:gd name="T86" fmla="*/ 75 w 788"/>
                <a:gd name="T87" fmla="*/ 339 h 1354"/>
                <a:gd name="T88" fmla="*/ 63 w 788"/>
                <a:gd name="T89" fmla="*/ 344 h 1354"/>
                <a:gd name="T90" fmla="*/ 44 w 788"/>
                <a:gd name="T91" fmla="*/ 346 h 1354"/>
                <a:gd name="T92" fmla="*/ 31 w 788"/>
                <a:gd name="T93" fmla="*/ 337 h 1354"/>
                <a:gd name="T94" fmla="*/ 36 w 788"/>
                <a:gd name="T95" fmla="*/ 304 h 1354"/>
                <a:gd name="T96" fmla="*/ 17 w 788"/>
                <a:gd name="T97" fmla="*/ 284 h 1354"/>
                <a:gd name="T98" fmla="*/ 17 w 788"/>
                <a:gd name="T99" fmla="*/ 263 h 1354"/>
                <a:gd name="T100" fmla="*/ 10 w 788"/>
                <a:gd name="T101" fmla="*/ 248 h 1354"/>
                <a:gd name="T102" fmla="*/ 17 w 788"/>
                <a:gd name="T103" fmla="*/ 230 h 1354"/>
                <a:gd name="T104" fmla="*/ 17 w 788"/>
                <a:gd name="T105" fmla="*/ 201 h 1354"/>
                <a:gd name="T106" fmla="*/ 17 w 788"/>
                <a:gd name="T107" fmla="*/ 176 h 1354"/>
                <a:gd name="T108" fmla="*/ 17 w 788"/>
                <a:gd name="T109" fmla="*/ 161 h 1354"/>
                <a:gd name="T110" fmla="*/ 13 w 788"/>
                <a:gd name="T111" fmla="*/ 151 h 1354"/>
                <a:gd name="T112" fmla="*/ 1 w 788"/>
                <a:gd name="T113" fmla="*/ 123 h 1354"/>
                <a:gd name="T114" fmla="*/ 30 w 788"/>
                <a:gd name="T115" fmla="*/ 86 h 1354"/>
                <a:gd name="T116" fmla="*/ 40 w 788"/>
                <a:gd name="T117" fmla="*/ 62 h 1354"/>
                <a:gd name="T118" fmla="*/ 48 w 788"/>
                <a:gd name="T119" fmla="*/ 32 h 1354"/>
                <a:gd name="T120" fmla="*/ 49 w 788"/>
                <a:gd name="T121" fmla="*/ 0 h 1354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w 788"/>
                <a:gd name="T184" fmla="*/ 0 h 1354"/>
                <a:gd name="T185" fmla="*/ 788 w 788"/>
                <a:gd name="T186" fmla="*/ 1354 h 1354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T183" t="T184" r="T185" b="T186"/>
              <a:pathLst>
                <a:path w="788" h="1354">
                  <a:moveTo>
                    <a:pt x="74" y="0"/>
                  </a:moveTo>
                  <a:lnTo>
                    <a:pt x="77" y="2"/>
                  </a:lnTo>
                  <a:lnTo>
                    <a:pt x="83" y="2"/>
                  </a:lnTo>
                  <a:lnTo>
                    <a:pt x="88" y="5"/>
                  </a:lnTo>
                  <a:lnTo>
                    <a:pt x="93" y="7"/>
                  </a:lnTo>
                  <a:lnTo>
                    <a:pt x="99" y="9"/>
                  </a:lnTo>
                  <a:lnTo>
                    <a:pt x="106" y="10"/>
                  </a:lnTo>
                  <a:lnTo>
                    <a:pt x="115" y="14"/>
                  </a:lnTo>
                  <a:lnTo>
                    <a:pt x="123" y="15"/>
                  </a:lnTo>
                  <a:lnTo>
                    <a:pt x="133" y="19"/>
                  </a:lnTo>
                  <a:lnTo>
                    <a:pt x="143" y="20"/>
                  </a:lnTo>
                  <a:lnTo>
                    <a:pt x="154" y="24"/>
                  </a:lnTo>
                  <a:lnTo>
                    <a:pt x="164" y="27"/>
                  </a:lnTo>
                  <a:lnTo>
                    <a:pt x="176" y="31"/>
                  </a:lnTo>
                  <a:lnTo>
                    <a:pt x="187" y="34"/>
                  </a:lnTo>
                  <a:lnTo>
                    <a:pt x="199" y="37"/>
                  </a:lnTo>
                  <a:lnTo>
                    <a:pt x="213" y="41"/>
                  </a:lnTo>
                  <a:lnTo>
                    <a:pt x="226" y="44"/>
                  </a:lnTo>
                  <a:lnTo>
                    <a:pt x="240" y="48"/>
                  </a:lnTo>
                  <a:lnTo>
                    <a:pt x="253" y="51"/>
                  </a:lnTo>
                  <a:lnTo>
                    <a:pt x="267" y="54"/>
                  </a:lnTo>
                  <a:lnTo>
                    <a:pt x="281" y="59"/>
                  </a:lnTo>
                  <a:lnTo>
                    <a:pt x="296" y="63"/>
                  </a:lnTo>
                  <a:lnTo>
                    <a:pt x="311" y="66"/>
                  </a:lnTo>
                  <a:lnTo>
                    <a:pt x="326" y="71"/>
                  </a:lnTo>
                  <a:lnTo>
                    <a:pt x="341" y="75"/>
                  </a:lnTo>
                  <a:lnTo>
                    <a:pt x="355" y="78"/>
                  </a:lnTo>
                  <a:lnTo>
                    <a:pt x="372" y="83"/>
                  </a:lnTo>
                  <a:lnTo>
                    <a:pt x="385" y="86"/>
                  </a:lnTo>
                  <a:lnTo>
                    <a:pt x="402" y="90"/>
                  </a:lnTo>
                  <a:lnTo>
                    <a:pt x="416" y="93"/>
                  </a:lnTo>
                  <a:lnTo>
                    <a:pt x="433" y="98"/>
                  </a:lnTo>
                  <a:lnTo>
                    <a:pt x="446" y="102"/>
                  </a:lnTo>
                  <a:lnTo>
                    <a:pt x="448" y="100"/>
                  </a:lnTo>
                  <a:lnTo>
                    <a:pt x="353" y="466"/>
                  </a:lnTo>
                  <a:lnTo>
                    <a:pt x="753" y="1070"/>
                  </a:lnTo>
                  <a:lnTo>
                    <a:pt x="756" y="1085"/>
                  </a:lnTo>
                  <a:lnTo>
                    <a:pt x="761" y="1098"/>
                  </a:lnTo>
                  <a:lnTo>
                    <a:pt x="773" y="1124"/>
                  </a:lnTo>
                  <a:lnTo>
                    <a:pt x="771" y="1142"/>
                  </a:lnTo>
                  <a:lnTo>
                    <a:pt x="788" y="1166"/>
                  </a:lnTo>
                  <a:lnTo>
                    <a:pt x="788" y="1175"/>
                  </a:lnTo>
                  <a:lnTo>
                    <a:pt x="781" y="1183"/>
                  </a:lnTo>
                  <a:lnTo>
                    <a:pt x="780" y="1185"/>
                  </a:lnTo>
                  <a:lnTo>
                    <a:pt x="775" y="1185"/>
                  </a:lnTo>
                  <a:lnTo>
                    <a:pt x="768" y="1186"/>
                  </a:lnTo>
                  <a:lnTo>
                    <a:pt x="761" y="1190"/>
                  </a:lnTo>
                  <a:lnTo>
                    <a:pt x="753" y="1195"/>
                  </a:lnTo>
                  <a:lnTo>
                    <a:pt x="746" y="1202"/>
                  </a:lnTo>
                  <a:lnTo>
                    <a:pt x="743" y="1210"/>
                  </a:lnTo>
                  <a:lnTo>
                    <a:pt x="741" y="1219"/>
                  </a:lnTo>
                  <a:lnTo>
                    <a:pt x="741" y="1220"/>
                  </a:lnTo>
                  <a:lnTo>
                    <a:pt x="741" y="1225"/>
                  </a:lnTo>
                  <a:lnTo>
                    <a:pt x="741" y="1230"/>
                  </a:lnTo>
                  <a:lnTo>
                    <a:pt x="739" y="1237"/>
                  </a:lnTo>
                  <a:lnTo>
                    <a:pt x="737" y="1244"/>
                  </a:lnTo>
                  <a:lnTo>
                    <a:pt x="736" y="1251"/>
                  </a:lnTo>
                  <a:lnTo>
                    <a:pt x="731" y="1256"/>
                  </a:lnTo>
                  <a:lnTo>
                    <a:pt x="726" y="1261"/>
                  </a:lnTo>
                  <a:lnTo>
                    <a:pt x="724" y="1263"/>
                  </a:lnTo>
                  <a:lnTo>
                    <a:pt x="722" y="1264"/>
                  </a:lnTo>
                  <a:lnTo>
                    <a:pt x="721" y="1266"/>
                  </a:lnTo>
                  <a:lnTo>
                    <a:pt x="717" y="1268"/>
                  </a:lnTo>
                  <a:lnTo>
                    <a:pt x="715" y="1271"/>
                  </a:lnTo>
                  <a:lnTo>
                    <a:pt x="712" y="1273"/>
                  </a:lnTo>
                  <a:lnTo>
                    <a:pt x="710" y="1274"/>
                  </a:lnTo>
                  <a:lnTo>
                    <a:pt x="707" y="1285"/>
                  </a:lnTo>
                  <a:lnTo>
                    <a:pt x="709" y="1296"/>
                  </a:lnTo>
                  <a:lnTo>
                    <a:pt x="704" y="1313"/>
                  </a:lnTo>
                  <a:lnTo>
                    <a:pt x="721" y="1322"/>
                  </a:lnTo>
                  <a:lnTo>
                    <a:pt x="722" y="1324"/>
                  </a:lnTo>
                  <a:lnTo>
                    <a:pt x="722" y="1327"/>
                  </a:lnTo>
                  <a:lnTo>
                    <a:pt x="722" y="1332"/>
                  </a:lnTo>
                  <a:lnTo>
                    <a:pt x="722" y="1337"/>
                  </a:lnTo>
                  <a:lnTo>
                    <a:pt x="721" y="1344"/>
                  </a:lnTo>
                  <a:lnTo>
                    <a:pt x="719" y="1349"/>
                  </a:lnTo>
                  <a:lnTo>
                    <a:pt x="714" y="1352"/>
                  </a:lnTo>
                  <a:lnTo>
                    <a:pt x="709" y="1354"/>
                  </a:lnTo>
                  <a:lnTo>
                    <a:pt x="693" y="1354"/>
                  </a:lnTo>
                  <a:lnTo>
                    <a:pt x="450" y="1325"/>
                  </a:lnTo>
                  <a:lnTo>
                    <a:pt x="445" y="1317"/>
                  </a:lnTo>
                  <a:lnTo>
                    <a:pt x="450" y="1317"/>
                  </a:lnTo>
                  <a:lnTo>
                    <a:pt x="450" y="1305"/>
                  </a:lnTo>
                  <a:lnTo>
                    <a:pt x="443" y="1300"/>
                  </a:lnTo>
                  <a:lnTo>
                    <a:pt x="436" y="1305"/>
                  </a:lnTo>
                  <a:lnTo>
                    <a:pt x="436" y="1290"/>
                  </a:lnTo>
                  <a:lnTo>
                    <a:pt x="436" y="1288"/>
                  </a:lnTo>
                  <a:lnTo>
                    <a:pt x="438" y="1286"/>
                  </a:lnTo>
                  <a:lnTo>
                    <a:pt x="440" y="1285"/>
                  </a:lnTo>
                  <a:lnTo>
                    <a:pt x="441" y="1283"/>
                  </a:lnTo>
                  <a:lnTo>
                    <a:pt x="441" y="1280"/>
                  </a:lnTo>
                  <a:lnTo>
                    <a:pt x="443" y="1276"/>
                  </a:lnTo>
                  <a:lnTo>
                    <a:pt x="445" y="1271"/>
                  </a:lnTo>
                  <a:lnTo>
                    <a:pt x="445" y="1266"/>
                  </a:lnTo>
                  <a:lnTo>
                    <a:pt x="445" y="1261"/>
                  </a:lnTo>
                  <a:lnTo>
                    <a:pt x="445" y="1254"/>
                  </a:lnTo>
                  <a:lnTo>
                    <a:pt x="441" y="1247"/>
                  </a:lnTo>
                  <a:lnTo>
                    <a:pt x="440" y="1239"/>
                  </a:lnTo>
                  <a:lnTo>
                    <a:pt x="436" y="1230"/>
                  </a:lnTo>
                  <a:lnTo>
                    <a:pt x="431" y="1222"/>
                  </a:lnTo>
                  <a:lnTo>
                    <a:pt x="424" y="1212"/>
                  </a:lnTo>
                  <a:lnTo>
                    <a:pt x="423" y="1210"/>
                  </a:lnTo>
                  <a:lnTo>
                    <a:pt x="421" y="1207"/>
                  </a:lnTo>
                  <a:lnTo>
                    <a:pt x="416" y="1203"/>
                  </a:lnTo>
                  <a:lnTo>
                    <a:pt x="413" y="1198"/>
                  </a:lnTo>
                  <a:lnTo>
                    <a:pt x="409" y="1193"/>
                  </a:lnTo>
                  <a:lnTo>
                    <a:pt x="406" y="1190"/>
                  </a:lnTo>
                  <a:lnTo>
                    <a:pt x="402" y="1186"/>
                  </a:lnTo>
                  <a:lnTo>
                    <a:pt x="401" y="1186"/>
                  </a:lnTo>
                  <a:lnTo>
                    <a:pt x="380" y="1153"/>
                  </a:lnTo>
                  <a:lnTo>
                    <a:pt x="379" y="1151"/>
                  </a:lnTo>
                  <a:lnTo>
                    <a:pt x="379" y="1149"/>
                  </a:lnTo>
                  <a:lnTo>
                    <a:pt x="375" y="1148"/>
                  </a:lnTo>
                  <a:lnTo>
                    <a:pt x="374" y="1148"/>
                  </a:lnTo>
                  <a:lnTo>
                    <a:pt x="370" y="1148"/>
                  </a:lnTo>
                  <a:lnTo>
                    <a:pt x="365" y="1149"/>
                  </a:lnTo>
                  <a:lnTo>
                    <a:pt x="360" y="1153"/>
                  </a:lnTo>
                  <a:lnTo>
                    <a:pt x="358" y="1153"/>
                  </a:lnTo>
                  <a:lnTo>
                    <a:pt x="357" y="1151"/>
                  </a:lnTo>
                  <a:lnTo>
                    <a:pt x="355" y="1149"/>
                  </a:lnTo>
                  <a:lnTo>
                    <a:pt x="353" y="1146"/>
                  </a:lnTo>
                  <a:lnTo>
                    <a:pt x="352" y="1144"/>
                  </a:lnTo>
                  <a:lnTo>
                    <a:pt x="350" y="1142"/>
                  </a:lnTo>
                  <a:lnTo>
                    <a:pt x="355" y="1136"/>
                  </a:lnTo>
                  <a:lnTo>
                    <a:pt x="355" y="1129"/>
                  </a:lnTo>
                  <a:lnTo>
                    <a:pt x="353" y="1126"/>
                  </a:lnTo>
                  <a:lnTo>
                    <a:pt x="353" y="1122"/>
                  </a:lnTo>
                  <a:lnTo>
                    <a:pt x="350" y="1117"/>
                  </a:lnTo>
                  <a:lnTo>
                    <a:pt x="347" y="1114"/>
                  </a:lnTo>
                  <a:lnTo>
                    <a:pt x="341" y="1109"/>
                  </a:lnTo>
                  <a:lnTo>
                    <a:pt x="335" y="1107"/>
                  </a:lnTo>
                  <a:lnTo>
                    <a:pt x="325" y="1105"/>
                  </a:lnTo>
                  <a:lnTo>
                    <a:pt x="323" y="1105"/>
                  </a:lnTo>
                  <a:lnTo>
                    <a:pt x="319" y="1105"/>
                  </a:lnTo>
                  <a:lnTo>
                    <a:pt x="314" y="1104"/>
                  </a:lnTo>
                  <a:lnTo>
                    <a:pt x="309" y="1100"/>
                  </a:lnTo>
                  <a:lnTo>
                    <a:pt x="301" y="1095"/>
                  </a:lnTo>
                  <a:lnTo>
                    <a:pt x="292" y="1087"/>
                  </a:lnTo>
                  <a:lnTo>
                    <a:pt x="281" y="1075"/>
                  </a:lnTo>
                  <a:lnTo>
                    <a:pt x="281" y="1073"/>
                  </a:lnTo>
                  <a:lnTo>
                    <a:pt x="281" y="1071"/>
                  </a:lnTo>
                  <a:lnTo>
                    <a:pt x="279" y="1066"/>
                  </a:lnTo>
                  <a:lnTo>
                    <a:pt x="277" y="1060"/>
                  </a:lnTo>
                  <a:lnTo>
                    <a:pt x="274" y="1054"/>
                  </a:lnTo>
                  <a:lnTo>
                    <a:pt x="269" y="1048"/>
                  </a:lnTo>
                  <a:lnTo>
                    <a:pt x="262" y="1041"/>
                  </a:lnTo>
                  <a:lnTo>
                    <a:pt x="253" y="1034"/>
                  </a:lnTo>
                  <a:lnTo>
                    <a:pt x="252" y="1034"/>
                  </a:lnTo>
                  <a:lnTo>
                    <a:pt x="250" y="1034"/>
                  </a:lnTo>
                  <a:lnTo>
                    <a:pt x="248" y="1034"/>
                  </a:lnTo>
                  <a:lnTo>
                    <a:pt x="245" y="1034"/>
                  </a:lnTo>
                  <a:lnTo>
                    <a:pt x="243" y="1034"/>
                  </a:lnTo>
                  <a:lnTo>
                    <a:pt x="242" y="1034"/>
                  </a:lnTo>
                  <a:lnTo>
                    <a:pt x="240" y="1034"/>
                  </a:lnTo>
                  <a:lnTo>
                    <a:pt x="233" y="1029"/>
                  </a:lnTo>
                  <a:lnTo>
                    <a:pt x="223" y="1029"/>
                  </a:lnTo>
                  <a:lnTo>
                    <a:pt x="221" y="1027"/>
                  </a:lnTo>
                  <a:lnTo>
                    <a:pt x="220" y="1026"/>
                  </a:lnTo>
                  <a:lnTo>
                    <a:pt x="216" y="1022"/>
                  </a:lnTo>
                  <a:lnTo>
                    <a:pt x="209" y="1019"/>
                  </a:lnTo>
                  <a:lnTo>
                    <a:pt x="203" y="1014"/>
                  </a:lnTo>
                  <a:lnTo>
                    <a:pt x="194" y="1012"/>
                  </a:lnTo>
                  <a:lnTo>
                    <a:pt x="182" y="1010"/>
                  </a:lnTo>
                  <a:lnTo>
                    <a:pt x="171" y="1010"/>
                  </a:lnTo>
                  <a:lnTo>
                    <a:pt x="169" y="1009"/>
                  </a:lnTo>
                  <a:lnTo>
                    <a:pt x="169" y="1007"/>
                  </a:lnTo>
                  <a:lnTo>
                    <a:pt x="167" y="1005"/>
                  </a:lnTo>
                  <a:lnTo>
                    <a:pt x="167" y="1004"/>
                  </a:lnTo>
                  <a:lnTo>
                    <a:pt x="165" y="1002"/>
                  </a:lnTo>
                  <a:lnTo>
                    <a:pt x="165" y="1000"/>
                  </a:lnTo>
                  <a:lnTo>
                    <a:pt x="160" y="994"/>
                  </a:lnTo>
                  <a:lnTo>
                    <a:pt x="155" y="994"/>
                  </a:lnTo>
                  <a:lnTo>
                    <a:pt x="155" y="985"/>
                  </a:lnTo>
                  <a:lnTo>
                    <a:pt x="164" y="977"/>
                  </a:lnTo>
                  <a:lnTo>
                    <a:pt x="162" y="965"/>
                  </a:lnTo>
                  <a:lnTo>
                    <a:pt x="169" y="958"/>
                  </a:lnTo>
                  <a:lnTo>
                    <a:pt x="165" y="944"/>
                  </a:lnTo>
                  <a:lnTo>
                    <a:pt x="165" y="943"/>
                  </a:lnTo>
                  <a:lnTo>
                    <a:pt x="169" y="939"/>
                  </a:lnTo>
                  <a:lnTo>
                    <a:pt x="171" y="933"/>
                  </a:lnTo>
                  <a:lnTo>
                    <a:pt x="172" y="928"/>
                  </a:lnTo>
                  <a:lnTo>
                    <a:pt x="174" y="921"/>
                  </a:lnTo>
                  <a:lnTo>
                    <a:pt x="172" y="917"/>
                  </a:lnTo>
                  <a:lnTo>
                    <a:pt x="169" y="914"/>
                  </a:lnTo>
                  <a:lnTo>
                    <a:pt x="162" y="916"/>
                  </a:lnTo>
                  <a:lnTo>
                    <a:pt x="160" y="914"/>
                  </a:lnTo>
                  <a:lnTo>
                    <a:pt x="159" y="912"/>
                  </a:lnTo>
                  <a:lnTo>
                    <a:pt x="157" y="911"/>
                  </a:lnTo>
                  <a:lnTo>
                    <a:pt x="155" y="909"/>
                  </a:lnTo>
                  <a:lnTo>
                    <a:pt x="154" y="907"/>
                  </a:lnTo>
                  <a:lnTo>
                    <a:pt x="154" y="906"/>
                  </a:lnTo>
                  <a:lnTo>
                    <a:pt x="152" y="906"/>
                  </a:lnTo>
                  <a:lnTo>
                    <a:pt x="154" y="904"/>
                  </a:lnTo>
                  <a:lnTo>
                    <a:pt x="155" y="900"/>
                  </a:lnTo>
                  <a:lnTo>
                    <a:pt x="157" y="895"/>
                  </a:lnTo>
                  <a:lnTo>
                    <a:pt x="160" y="890"/>
                  </a:lnTo>
                  <a:lnTo>
                    <a:pt x="162" y="885"/>
                  </a:lnTo>
                  <a:lnTo>
                    <a:pt x="160" y="880"/>
                  </a:lnTo>
                  <a:lnTo>
                    <a:pt x="159" y="877"/>
                  </a:lnTo>
                  <a:lnTo>
                    <a:pt x="154" y="875"/>
                  </a:lnTo>
                  <a:lnTo>
                    <a:pt x="150" y="872"/>
                  </a:lnTo>
                  <a:lnTo>
                    <a:pt x="149" y="868"/>
                  </a:lnTo>
                  <a:lnTo>
                    <a:pt x="147" y="863"/>
                  </a:lnTo>
                  <a:lnTo>
                    <a:pt x="145" y="860"/>
                  </a:lnTo>
                  <a:lnTo>
                    <a:pt x="143" y="855"/>
                  </a:lnTo>
                  <a:lnTo>
                    <a:pt x="142" y="853"/>
                  </a:lnTo>
                  <a:lnTo>
                    <a:pt x="142" y="851"/>
                  </a:lnTo>
                  <a:lnTo>
                    <a:pt x="130" y="840"/>
                  </a:lnTo>
                  <a:lnTo>
                    <a:pt x="128" y="823"/>
                  </a:lnTo>
                  <a:lnTo>
                    <a:pt x="120" y="804"/>
                  </a:lnTo>
                  <a:lnTo>
                    <a:pt x="118" y="796"/>
                  </a:lnTo>
                  <a:lnTo>
                    <a:pt x="111" y="785"/>
                  </a:lnTo>
                  <a:lnTo>
                    <a:pt x="113" y="785"/>
                  </a:lnTo>
                  <a:lnTo>
                    <a:pt x="113" y="784"/>
                  </a:lnTo>
                  <a:lnTo>
                    <a:pt x="113" y="782"/>
                  </a:lnTo>
                  <a:lnTo>
                    <a:pt x="113" y="779"/>
                  </a:lnTo>
                  <a:lnTo>
                    <a:pt x="110" y="775"/>
                  </a:lnTo>
                  <a:lnTo>
                    <a:pt x="108" y="770"/>
                  </a:lnTo>
                  <a:lnTo>
                    <a:pt x="103" y="765"/>
                  </a:lnTo>
                  <a:lnTo>
                    <a:pt x="96" y="758"/>
                  </a:lnTo>
                  <a:lnTo>
                    <a:pt x="94" y="757"/>
                  </a:lnTo>
                  <a:lnTo>
                    <a:pt x="93" y="755"/>
                  </a:lnTo>
                  <a:lnTo>
                    <a:pt x="93" y="753"/>
                  </a:lnTo>
                  <a:lnTo>
                    <a:pt x="93" y="752"/>
                  </a:lnTo>
                  <a:lnTo>
                    <a:pt x="91" y="748"/>
                  </a:lnTo>
                  <a:lnTo>
                    <a:pt x="91" y="746"/>
                  </a:lnTo>
                  <a:lnTo>
                    <a:pt x="91" y="745"/>
                  </a:lnTo>
                  <a:lnTo>
                    <a:pt x="96" y="740"/>
                  </a:lnTo>
                  <a:lnTo>
                    <a:pt x="93" y="721"/>
                  </a:lnTo>
                  <a:lnTo>
                    <a:pt x="98" y="718"/>
                  </a:lnTo>
                  <a:lnTo>
                    <a:pt x="94" y="713"/>
                  </a:lnTo>
                  <a:lnTo>
                    <a:pt x="99" y="708"/>
                  </a:lnTo>
                  <a:lnTo>
                    <a:pt x="99" y="709"/>
                  </a:lnTo>
                  <a:lnTo>
                    <a:pt x="99" y="711"/>
                  </a:lnTo>
                  <a:lnTo>
                    <a:pt x="101" y="713"/>
                  </a:lnTo>
                  <a:lnTo>
                    <a:pt x="105" y="713"/>
                  </a:lnTo>
                  <a:lnTo>
                    <a:pt x="108" y="709"/>
                  </a:lnTo>
                  <a:lnTo>
                    <a:pt x="113" y="704"/>
                  </a:lnTo>
                  <a:lnTo>
                    <a:pt x="115" y="696"/>
                  </a:lnTo>
                  <a:lnTo>
                    <a:pt x="116" y="687"/>
                  </a:lnTo>
                  <a:lnTo>
                    <a:pt x="118" y="680"/>
                  </a:lnTo>
                  <a:lnTo>
                    <a:pt x="116" y="674"/>
                  </a:lnTo>
                  <a:lnTo>
                    <a:pt x="113" y="669"/>
                  </a:lnTo>
                  <a:lnTo>
                    <a:pt x="108" y="667"/>
                  </a:lnTo>
                  <a:lnTo>
                    <a:pt x="106" y="667"/>
                  </a:lnTo>
                  <a:lnTo>
                    <a:pt x="108" y="667"/>
                  </a:lnTo>
                  <a:lnTo>
                    <a:pt x="96" y="665"/>
                  </a:lnTo>
                  <a:lnTo>
                    <a:pt x="76" y="638"/>
                  </a:lnTo>
                  <a:lnTo>
                    <a:pt x="76" y="631"/>
                  </a:lnTo>
                  <a:lnTo>
                    <a:pt x="76" y="630"/>
                  </a:lnTo>
                  <a:lnTo>
                    <a:pt x="74" y="628"/>
                  </a:lnTo>
                  <a:lnTo>
                    <a:pt x="74" y="626"/>
                  </a:lnTo>
                  <a:lnTo>
                    <a:pt x="74" y="623"/>
                  </a:lnTo>
                  <a:lnTo>
                    <a:pt x="74" y="620"/>
                  </a:lnTo>
                  <a:lnTo>
                    <a:pt x="76" y="616"/>
                  </a:lnTo>
                  <a:lnTo>
                    <a:pt x="77" y="611"/>
                  </a:lnTo>
                  <a:lnTo>
                    <a:pt x="77" y="609"/>
                  </a:lnTo>
                  <a:lnTo>
                    <a:pt x="77" y="608"/>
                  </a:lnTo>
                  <a:lnTo>
                    <a:pt x="77" y="604"/>
                  </a:lnTo>
                  <a:lnTo>
                    <a:pt x="77" y="601"/>
                  </a:lnTo>
                  <a:lnTo>
                    <a:pt x="77" y="598"/>
                  </a:lnTo>
                  <a:lnTo>
                    <a:pt x="77" y="594"/>
                  </a:lnTo>
                  <a:lnTo>
                    <a:pt x="77" y="592"/>
                  </a:lnTo>
                  <a:lnTo>
                    <a:pt x="77" y="591"/>
                  </a:lnTo>
                  <a:lnTo>
                    <a:pt x="76" y="586"/>
                  </a:lnTo>
                  <a:lnTo>
                    <a:pt x="76" y="577"/>
                  </a:lnTo>
                  <a:lnTo>
                    <a:pt x="79" y="572"/>
                  </a:lnTo>
                  <a:lnTo>
                    <a:pt x="83" y="559"/>
                  </a:lnTo>
                  <a:lnTo>
                    <a:pt x="83" y="557"/>
                  </a:lnTo>
                  <a:lnTo>
                    <a:pt x="84" y="555"/>
                  </a:lnTo>
                  <a:lnTo>
                    <a:pt x="86" y="554"/>
                  </a:lnTo>
                  <a:lnTo>
                    <a:pt x="88" y="554"/>
                  </a:lnTo>
                  <a:lnTo>
                    <a:pt x="89" y="554"/>
                  </a:lnTo>
                  <a:lnTo>
                    <a:pt x="91" y="555"/>
                  </a:lnTo>
                  <a:lnTo>
                    <a:pt x="93" y="560"/>
                  </a:lnTo>
                  <a:lnTo>
                    <a:pt x="93" y="562"/>
                  </a:lnTo>
                  <a:lnTo>
                    <a:pt x="93" y="564"/>
                  </a:lnTo>
                  <a:lnTo>
                    <a:pt x="93" y="565"/>
                  </a:lnTo>
                  <a:lnTo>
                    <a:pt x="91" y="569"/>
                  </a:lnTo>
                  <a:lnTo>
                    <a:pt x="91" y="570"/>
                  </a:lnTo>
                  <a:lnTo>
                    <a:pt x="89" y="574"/>
                  </a:lnTo>
                  <a:lnTo>
                    <a:pt x="89" y="576"/>
                  </a:lnTo>
                  <a:lnTo>
                    <a:pt x="91" y="579"/>
                  </a:lnTo>
                  <a:lnTo>
                    <a:pt x="99" y="587"/>
                  </a:lnTo>
                  <a:lnTo>
                    <a:pt x="101" y="592"/>
                  </a:lnTo>
                  <a:lnTo>
                    <a:pt x="113" y="606"/>
                  </a:lnTo>
                  <a:lnTo>
                    <a:pt x="115" y="608"/>
                  </a:lnTo>
                  <a:lnTo>
                    <a:pt x="116" y="608"/>
                  </a:lnTo>
                  <a:lnTo>
                    <a:pt x="120" y="606"/>
                  </a:lnTo>
                  <a:lnTo>
                    <a:pt x="118" y="601"/>
                  </a:lnTo>
                  <a:lnTo>
                    <a:pt x="116" y="599"/>
                  </a:lnTo>
                  <a:lnTo>
                    <a:pt x="115" y="596"/>
                  </a:lnTo>
                  <a:lnTo>
                    <a:pt x="113" y="594"/>
                  </a:lnTo>
                  <a:lnTo>
                    <a:pt x="111" y="591"/>
                  </a:lnTo>
                  <a:lnTo>
                    <a:pt x="110" y="587"/>
                  </a:lnTo>
                  <a:lnTo>
                    <a:pt x="110" y="582"/>
                  </a:lnTo>
                  <a:lnTo>
                    <a:pt x="110" y="579"/>
                  </a:lnTo>
                  <a:lnTo>
                    <a:pt x="110" y="577"/>
                  </a:lnTo>
                  <a:lnTo>
                    <a:pt x="110" y="574"/>
                  </a:lnTo>
                  <a:lnTo>
                    <a:pt x="110" y="572"/>
                  </a:lnTo>
                  <a:lnTo>
                    <a:pt x="108" y="570"/>
                  </a:lnTo>
                  <a:lnTo>
                    <a:pt x="106" y="569"/>
                  </a:lnTo>
                  <a:lnTo>
                    <a:pt x="105" y="565"/>
                  </a:lnTo>
                  <a:lnTo>
                    <a:pt x="105" y="564"/>
                  </a:lnTo>
                  <a:lnTo>
                    <a:pt x="105" y="562"/>
                  </a:lnTo>
                  <a:lnTo>
                    <a:pt x="105" y="560"/>
                  </a:lnTo>
                  <a:lnTo>
                    <a:pt x="105" y="559"/>
                  </a:lnTo>
                  <a:lnTo>
                    <a:pt x="105" y="557"/>
                  </a:lnTo>
                  <a:lnTo>
                    <a:pt x="105" y="555"/>
                  </a:lnTo>
                  <a:lnTo>
                    <a:pt x="99" y="543"/>
                  </a:lnTo>
                  <a:lnTo>
                    <a:pt x="99" y="535"/>
                  </a:lnTo>
                  <a:lnTo>
                    <a:pt x="105" y="533"/>
                  </a:lnTo>
                  <a:lnTo>
                    <a:pt x="118" y="528"/>
                  </a:lnTo>
                  <a:lnTo>
                    <a:pt x="121" y="530"/>
                  </a:lnTo>
                  <a:lnTo>
                    <a:pt x="125" y="533"/>
                  </a:lnTo>
                  <a:lnTo>
                    <a:pt x="143" y="537"/>
                  </a:lnTo>
                  <a:lnTo>
                    <a:pt x="149" y="537"/>
                  </a:lnTo>
                  <a:lnTo>
                    <a:pt x="155" y="542"/>
                  </a:lnTo>
                  <a:lnTo>
                    <a:pt x="147" y="532"/>
                  </a:lnTo>
                  <a:lnTo>
                    <a:pt x="147" y="525"/>
                  </a:lnTo>
                  <a:lnTo>
                    <a:pt x="137" y="525"/>
                  </a:lnTo>
                  <a:lnTo>
                    <a:pt x="130" y="528"/>
                  </a:lnTo>
                  <a:lnTo>
                    <a:pt x="123" y="528"/>
                  </a:lnTo>
                  <a:lnTo>
                    <a:pt x="120" y="525"/>
                  </a:lnTo>
                  <a:lnTo>
                    <a:pt x="118" y="523"/>
                  </a:lnTo>
                  <a:lnTo>
                    <a:pt x="116" y="521"/>
                  </a:lnTo>
                  <a:lnTo>
                    <a:pt x="113" y="518"/>
                  </a:lnTo>
                  <a:lnTo>
                    <a:pt x="110" y="516"/>
                  </a:lnTo>
                  <a:lnTo>
                    <a:pt x="106" y="513"/>
                  </a:lnTo>
                  <a:lnTo>
                    <a:pt x="103" y="513"/>
                  </a:lnTo>
                  <a:lnTo>
                    <a:pt x="98" y="515"/>
                  </a:lnTo>
                  <a:lnTo>
                    <a:pt x="96" y="518"/>
                  </a:lnTo>
                  <a:lnTo>
                    <a:pt x="94" y="520"/>
                  </a:lnTo>
                  <a:lnTo>
                    <a:pt x="93" y="521"/>
                  </a:lnTo>
                  <a:lnTo>
                    <a:pt x="93" y="523"/>
                  </a:lnTo>
                  <a:lnTo>
                    <a:pt x="93" y="545"/>
                  </a:lnTo>
                  <a:lnTo>
                    <a:pt x="89" y="548"/>
                  </a:lnTo>
                  <a:lnTo>
                    <a:pt x="83" y="547"/>
                  </a:lnTo>
                  <a:lnTo>
                    <a:pt x="76" y="537"/>
                  </a:lnTo>
                  <a:lnTo>
                    <a:pt x="72" y="533"/>
                  </a:lnTo>
                  <a:lnTo>
                    <a:pt x="66" y="533"/>
                  </a:lnTo>
                  <a:lnTo>
                    <a:pt x="66" y="532"/>
                  </a:lnTo>
                  <a:lnTo>
                    <a:pt x="64" y="528"/>
                  </a:lnTo>
                  <a:lnTo>
                    <a:pt x="62" y="525"/>
                  </a:lnTo>
                  <a:lnTo>
                    <a:pt x="61" y="521"/>
                  </a:lnTo>
                  <a:lnTo>
                    <a:pt x="57" y="516"/>
                  </a:lnTo>
                  <a:lnTo>
                    <a:pt x="54" y="513"/>
                  </a:lnTo>
                  <a:lnTo>
                    <a:pt x="50" y="513"/>
                  </a:lnTo>
                  <a:lnTo>
                    <a:pt x="45" y="513"/>
                  </a:lnTo>
                  <a:lnTo>
                    <a:pt x="45" y="511"/>
                  </a:lnTo>
                  <a:lnTo>
                    <a:pt x="52" y="503"/>
                  </a:lnTo>
                  <a:lnTo>
                    <a:pt x="55" y="498"/>
                  </a:lnTo>
                  <a:lnTo>
                    <a:pt x="54" y="491"/>
                  </a:lnTo>
                  <a:lnTo>
                    <a:pt x="57" y="484"/>
                  </a:lnTo>
                  <a:lnTo>
                    <a:pt x="49" y="474"/>
                  </a:lnTo>
                  <a:lnTo>
                    <a:pt x="50" y="462"/>
                  </a:lnTo>
                  <a:lnTo>
                    <a:pt x="42" y="452"/>
                  </a:lnTo>
                  <a:lnTo>
                    <a:pt x="42" y="449"/>
                  </a:lnTo>
                  <a:lnTo>
                    <a:pt x="40" y="447"/>
                  </a:lnTo>
                  <a:lnTo>
                    <a:pt x="37" y="444"/>
                  </a:lnTo>
                  <a:lnTo>
                    <a:pt x="35" y="440"/>
                  </a:lnTo>
                  <a:lnTo>
                    <a:pt x="32" y="437"/>
                  </a:lnTo>
                  <a:lnTo>
                    <a:pt x="30" y="432"/>
                  </a:lnTo>
                  <a:lnTo>
                    <a:pt x="28" y="427"/>
                  </a:lnTo>
                  <a:lnTo>
                    <a:pt x="28" y="420"/>
                  </a:lnTo>
                  <a:lnTo>
                    <a:pt x="27" y="416"/>
                  </a:lnTo>
                  <a:lnTo>
                    <a:pt x="27" y="413"/>
                  </a:lnTo>
                  <a:lnTo>
                    <a:pt x="23" y="408"/>
                  </a:lnTo>
                  <a:lnTo>
                    <a:pt x="22" y="405"/>
                  </a:lnTo>
                  <a:lnTo>
                    <a:pt x="18" y="400"/>
                  </a:lnTo>
                  <a:lnTo>
                    <a:pt x="17" y="394"/>
                  </a:lnTo>
                  <a:lnTo>
                    <a:pt x="13" y="391"/>
                  </a:lnTo>
                  <a:lnTo>
                    <a:pt x="13" y="389"/>
                  </a:lnTo>
                  <a:lnTo>
                    <a:pt x="11" y="388"/>
                  </a:lnTo>
                  <a:lnTo>
                    <a:pt x="11" y="386"/>
                  </a:lnTo>
                  <a:lnTo>
                    <a:pt x="11" y="384"/>
                  </a:lnTo>
                  <a:lnTo>
                    <a:pt x="10" y="383"/>
                  </a:lnTo>
                  <a:lnTo>
                    <a:pt x="10" y="379"/>
                  </a:lnTo>
                  <a:lnTo>
                    <a:pt x="20" y="369"/>
                  </a:lnTo>
                  <a:lnTo>
                    <a:pt x="20" y="367"/>
                  </a:lnTo>
                  <a:lnTo>
                    <a:pt x="20" y="364"/>
                  </a:lnTo>
                  <a:lnTo>
                    <a:pt x="18" y="362"/>
                  </a:lnTo>
                  <a:lnTo>
                    <a:pt x="18" y="357"/>
                  </a:lnTo>
                  <a:lnTo>
                    <a:pt x="18" y="354"/>
                  </a:lnTo>
                  <a:lnTo>
                    <a:pt x="18" y="349"/>
                  </a:lnTo>
                  <a:lnTo>
                    <a:pt x="17" y="344"/>
                  </a:lnTo>
                  <a:lnTo>
                    <a:pt x="17" y="337"/>
                  </a:lnTo>
                  <a:lnTo>
                    <a:pt x="18" y="332"/>
                  </a:lnTo>
                  <a:lnTo>
                    <a:pt x="18" y="327"/>
                  </a:lnTo>
                  <a:lnTo>
                    <a:pt x="18" y="322"/>
                  </a:lnTo>
                  <a:lnTo>
                    <a:pt x="20" y="317"/>
                  </a:lnTo>
                  <a:lnTo>
                    <a:pt x="23" y="312"/>
                  </a:lnTo>
                  <a:lnTo>
                    <a:pt x="25" y="306"/>
                  </a:lnTo>
                  <a:lnTo>
                    <a:pt x="28" y="303"/>
                  </a:lnTo>
                  <a:lnTo>
                    <a:pt x="28" y="301"/>
                  </a:lnTo>
                  <a:lnTo>
                    <a:pt x="28" y="296"/>
                  </a:lnTo>
                  <a:lnTo>
                    <a:pt x="28" y="291"/>
                  </a:lnTo>
                  <a:lnTo>
                    <a:pt x="30" y="284"/>
                  </a:lnTo>
                  <a:lnTo>
                    <a:pt x="30" y="278"/>
                  </a:lnTo>
                  <a:lnTo>
                    <a:pt x="30" y="271"/>
                  </a:lnTo>
                  <a:lnTo>
                    <a:pt x="30" y="268"/>
                  </a:lnTo>
                  <a:lnTo>
                    <a:pt x="30" y="266"/>
                  </a:lnTo>
                  <a:lnTo>
                    <a:pt x="30" y="264"/>
                  </a:lnTo>
                  <a:lnTo>
                    <a:pt x="28" y="262"/>
                  </a:lnTo>
                  <a:lnTo>
                    <a:pt x="28" y="259"/>
                  </a:lnTo>
                  <a:lnTo>
                    <a:pt x="27" y="256"/>
                  </a:lnTo>
                  <a:lnTo>
                    <a:pt x="23" y="251"/>
                  </a:lnTo>
                  <a:lnTo>
                    <a:pt x="22" y="247"/>
                  </a:lnTo>
                  <a:lnTo>
                    <a:pt x="18" y="244"/>
                  </a:lnTo>
                  <a:lnTo>
                    <a:pt x="17" y="242"/>
                  </a:lnTo>
                  <a:lnTo>
                    <a:pt x="17" y="240"/>
                  </a:lnTo>
                  <a:lnTo>
                    <a:pt x="17" y="237"/>
                  </a:lnTo>
                  <a:lnTo>
                    <a:pt x="17" y="234"/>
                  </a:lnTo>
                  <a:lnTo>
                    <a:pt x="15" y="232"/>
                  </a:lnTo>
                  <a:lnTo>
                    <a:pt x="13" y="230"/>
                  </a:lnTo>
                  <a:lnTo>
                    <a:pt x="10" y="227"/>
                  </a:lnTo>
                  <a:lnTo>
                    <a:pt x="6" y="224"/>
                  </a:lnTo>
                  <a:lnTo>
                    <a:pt x="5" y="218"/>
                  </a:lnTo>
                  <a:lnTo>
                    <a:pt x="3" y="213"/>
                  </a:lnTo>
                  <a:lnTo>
                    <a:pt x="1" y="208"/>
                  </a:lnTo>
                  <a:lnTo>
                    <a:pt x="0" y="202"/>
                  </a:lnTo>
                  <a:lnTo>
                    <a:pt x="0" y="195"/>
                  </a:lnTo>
                  <a:lnTo>
                    <a:pt x="1" y="186"/>
                  </a:lnTo>
                  <a:lnTo>
                    <a:pt x="5" y="178"/>
                  </a:lnTo>
                  <a:lnTo>
                    <a:pt x="10" y="169"/>
                  </a:lnTo>
                  <a:lnTo>
                    <a:pt x="17" y="159"/>
                  </a:lnTo>
                  <a:lnTo>
                    <a:pt x="27" y="149"/>
                  </a:lnTo>
                  <a:lnTo>
                    <a:pt x="39" y="139"/>
                  </a:lnTo>
                  <a:lnTo>
                    <a:pt x="40" y="137"/>
                  </a:lnTo>
                  <a:lnTo>
                    <a:pt x="42" y="136"/>
                  </a:lnTo>
                  <a:lnTo>
                    <a:pt x="44" y="132"/>
                  </a:lnTo>
                  <a:lnTo>
                    <a:pt x="45" y="127"/>
                  </a:lnTo>
                  <a:lnTo>
                    <a:pt x="47" y="122"/>
                  </a:lnTo>
                  <a:lnTo>
                    <a:pt x="49" y="117"/>
                  </a:lnTo>
                  <a:lnTo>
                    <a:pt x="49" y="112"/>
                  </a:lnTo>
                  <a:lnTo>
                    <a:pt x="49" y="107"/>
                  </a:lnTo>
                  <a:lnTo>
                    <a:pt x="49" y="105"/>
                  </a:lnTo>
                  <a:lnTo>
                    <a:pt x="52" y="100"/>
                  </a:lnTo>
                  <a:lnTo>
                    <a:pt x="55" y="93"/>
                  </a:lnTo>
                  <a:lnTo>
                    <a:pt x="61" y="86"/>
                  </a:lnTo>
                  <a:lnTo>
                    <a:pt x="66" y="78"/>
                  </a:lnTo>
                  <a:lnTo>
                    <a:pt x="67" y="70"/>
                  </a:lnTo>
                  <a:lnTo>
                    <a:pt x="69" y="61"/>
                  </a:lnTo>
                  <a:lnTo>
                    <a:pt x="69" y="53"/>
                  </a:lnTo>
                  <a:lnTo>
                    <a:pt x="69" y="51"/>
                  </a:lnTo>
                  <a:lnTo>
                    <a:pt x="69" y="49"/>
                  </a:lnTo>
                  <a:lnTo>
                    <a:pt x="71" y="46"/>
                  </a:lnTo>
                  <a:lnTo>
                    <a:pt x="69" y="44"/>
                  </a:lnTo>
                  <a:lnTo>
                    <a:pt x="69" y="34"/>
                  </a:lnTo>
                  <a:lnTo>
                    <a:pt x="64" y="27"/>
                  </a:lnTo>
                  <a:lnTo>
                    <a:pt x="66" y="24"/>
                  </a:lnTo>
                  <a:lnTo>
                    <a:pt x="74" y="10"/>
                  </a:lnTo>
                  <a:lnTo>
                    <a:pt x="76" y="4"/>
                  </a:lnTo>
                  <a:lnTo>
                    <a:pt x="74" y="0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08" name="Freeform 52"/>
            <p:cNvSpPr>
              <a:spLocks/>
            </p:cNvSpPr>
            <p:nvPr/>
          </p:nvSpPr>
          <p:spPr bwMode="auto">
            <a:xfrm>
              <a:off x="4629" y="2257"/>
              <a:ext cx="39" cy="117"/>
            </a:xfrm>
            <a:custGeom>
              <a:avLst/>
              <a:gdLst>
                <a:gd name="T0" fmla="*/ 8 w 40"/>
                <a:gd name="T1" fmla="*/ 17 h 120"/>
                <a:gd name="T2" fmla="*/ 11 w 40"/>
                <a:gd name="T3" fmla="*/ 13 h 120"/>
                <a:gd name="T4" fmla="*/ 13 w 40"/>
                <a:gd name="T5" fmla="*/ 12 h 120"/>
                <a:gd name="T6" fmla="*/ 17 w 40"/>
                <a:gd name="T7" fmla="*/ 8 h 120"/>
                <a:gd name="T8" fmla="*/ 20 w 40"/>
                <a:gd name="T9" fmla="*/ 7 h 120"/>
                <a:gd name="T10" fmla="*/ 20 w 40"/>
                <a:gd name="T11" fmla="*/ 3 h 120"/>
                <a:gd name="T12" fmla="*/ 20 w 40"/>
                <a:gd name="T13" fmla="*/ 1 h 120"/>
                <a:gd name="T14" fmla="*/ 20 w 40"/>
                <a:gd name="T15" fmla="*/ 0 h 120"/>
                <a:gd name="T16" fmla="*/ 25 w 40"/>
                <a:gd name="T17" fmla="*/ 0 h 120"/>
                <a:gd name="T18" fmla="*/ 25 w 40"/>
                <a:gd name="T19" fmla="*/ 0 h 120"/>
                <a:gd name="T20" fmla="*/ 25 w 40"/>
                <a:gd name="T21" fmla="*/ 1 h 120"/>
                <a:gd name="T22" fmla="*/ 25 w 40"/>
                <a:gd name="T23" fmla="*/ 5 h 120"/>
                <a:gd name="T24" fmla="*/ 26 w 40"/>
                <a:gd name="T25" fmla="*/ 7 h 120"/>
                <a:gd name="T26" fmla="*/ 26 w 40"/>
                <a:gd name="T27" fmla="*/ 10 h 120"/>
                <a:gd name="T28" fmla="*/ 26 w 40"/>
                <a:gd name="T29" fmla="*/ 12 h 120"/>
                <a:gd name="T30" fmla="*/ 26 w 40"/>
                <a:gd name="T31" fmla="*/ 13 h 120"/>
                <a:gd name="T32" fmla="*/ 26 w 40"/>
                <a:gd name="T33" fmla="*/ 15 h 120"/>
                <a:gd name="T34" fmla="*/ 21 w 40"/>
                <a:gd name="T35" fmla="*/ 20 h 120"/>
                <a:gd name="T36" fmla="*/ 20 w 40"/>
                <a:gd name="T37" fmla="*/ 20 h 120"/>
                <a:gd name="T38" fmla="*/ 21 w 40"/>
                <a:gd name="T39" fmla="*/ 23 h 120"/>
                <a:gd name="T40" fmla="*/ 20 w 40"/>
                <a:gd name="T41" fmla="*/ 35 h 120"/>
                <a:gd name="T42" fmla="*/ 20 w 40"/>
                <a:gd name="T43" fmla="*/ 43 h 120"/>
                <a:gd name="T44" fmla="*/ 20 w 40"/>
                <a:gd name="T45" fmla="*/ 48 h 120"/>
                <a:gd name="T46" fmla="*/ 15 w 40"/>
                <a:gd name="T47" fmla="*/ 52 h 120"/>
                <a:gd name="T48" fmla="*/ 15 w 40"/>
                <a:gd name="T49" fmla="*/ 56 h 120"/>
                <a:gd name="T50" fmla="*/ 8 w 40"/>
                <a:gd name="T51" fmla="*/ 65 h 120"/>
                <a:gd name="T52" fmla="*/ 8 w 40"/>
                <a:gd name="T53" fmla="*/ 70 h 120"/>
                <a:gd name="T54" fmla="*/ 8 w 40"/>
                <a:gd name="T55" fmla="*/ 72 h 120"/>
                <a:gd name="T56" fmla="*/ 8 w 40"/>
                <a:gd name="T57" fmla="*/ 75 h 120"/>
                <a:gd name="T58" fmla="*/ 8 w 40"/>
                <a:gd name="T59" fmla="*/ 78 h 120"/>
                <a:gd name="T60" fmla="*/ 8 w 40"/>
                <a:gd name="T61" fmla="*/ 83 h 120"/>
                <a:gd name="T62" fmla="*/ 8 w 40"/>
                <a:gd name="T63" fmla="*/ 85 h 120"/>
                <a:gd name="T64" fmla="*/ 6 w 40"/>
                <a:gd name="T65" fmla="*/ 85 h 120"/>
                <a:gd name="T66" fmla="*/ 5 w 40"/>
                <a:gd name="T67" fmla="*/ 82 h 120"/>
                <a:gd name="T68" fmla="*/ 1 w 40"/>
                <a:gd name="T69" fmla="*/ 72 h 120"/>
                <a:gd name="T70" fmla="*/ 1 w 40"/>
                <a:gd name="T71" fmla="*/ 70 h 120"/>
                <a:gd name="T72" fmla="*/ 0 w 40"/>
                <a:gd name="T73" fmla="*/ 67 h 120"/>
                <a:gd name="T74" fmla="*/ 0 w 40"/>
                <a:gd name="T75" fmla="*/ 60 h 120"/>
                <a:gd name="T76" fmla="*/ 0 w 40"/>
                <a:gd name="T77" fmla="*/ 57 h 120"/>
                <a:gd name="T78" fmla="*/ 0 w 40"/>
                <a:gd name="T79" fmla="*/ 55 h 120"/>
                <a:gd name="T80" fmla="*/ 0 w 40"/>
                <a:gd name="T81" fmla="*/ 52 h 120"/>
                <a:gd name="T82" fmla="*/ 0 w 40"/>
                <a:gd name="T83" fmla="*/ 50 h 120"/>
                <a:gd name="T84" fmla="*/ 0 w 40"/>
                <a:gd name="T85" fmla="*/ 49 h 120"/>
                <a:gd name="T86" fmla="*/ 1 w 40"/>
                <a:gd name="T87" fmla="*/ 42 h 120"/>
                <a:gd name="T88" fmla="*/ 8 w 40"/>
                <a:gd name="T89" fmla="*/ 38 h 120"/>
                <a:gd name="T90" fmla="*/ 8 w 40"/>
                <a:gd name="T91" fmla="*/ 26 h 120"/>
                <a:gd name="T92" fmla="*/ 15 w 40"/>
                <a:gd name="T93" fmla="*/ 20 h 120"/>
                <a:gd name="T94" fmla="*/ 17 w 40"/>
                <a:gd name="T95" fmla="*/ 20 h 120"/>
                <a:gd name="T96" fmla="*/ 17 w 40"/>
                <a:gd name="T97" fmla="*/ 20 h 120"/>
                <a:gd name="T98" fmla="*/ 17 w 40"/>
                <a:gd name="T99" fmla="*/ 20 h 120"/>
                <a:gd name="T100" fmla="*/ 13 w 40"/>
                <a:gd name="T101" fmla="*/ 20 h 120"/>
                <a:gd name="T102" fmla="*/ 11 w 40"/>
                <a:gd name="T103" fmla="*/ 18 h 120"/>
                <a:gd name="T104" fmla="*/ 8 w 40"/>
                <a:gd name="T105" fmla="*/ 17 h 120"/>
                <a:gd name="T106" fmla="*/ 8 w 40"/>
                <a:gd name="T107" fmla="*/ 17 h 120"/>
                <a:gd name="T108" fmla="*/ 8 w 40"/>
                <a:gd name="T109" fmla="*/ 17 h 120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w 40"/>
                <a:gd name="T166" fmla="*/ 0 h 120"/>
                <a:gd name="T167" fmla="*/ 40 w 40"/>
                <a:gd name="T168" fmla="*/ 120 h 120"/>
              </a:gdLst>
              <a:ahLst/>
              <a:cxnLst>
                <a:cxn ang="T110">
                  <a:pos x="T0" y="T1"/>
                </a:cxn>
                <a:cxn ang="T111">
                  <a:pos x="T2" y="T3"/>
                </a:cxn>
                <a:cxn ang="T112">
                  <a:pos x="T4" y="T5"/>
                </a:cxn>
                <a:cxn ang="T113">
                  <a:pos x="T6" y="T7"/>
                </a:cxn>
                <a:cxn ang="T114">
                  <a:pos x="T8" y="T9"/>
                </a:cxn>
                <a:cxn ang="T115">
                  <a:pos x="T10" y="T11"/>
                </a:cxn>
                <a:cxn ang="T116">
                  <a:pos x="T12" y="T13"/>
                </a:cxn>
                <a:cxn ang="T117">
                  <a:pos x="T14" y="T15"/>
                </a:cxn>
                <a:cxn ang="T118">
                  <a:pos x="T16" y="T17"/>
                </a:cxn>
                <a:cxn ang="T119">
                  <a:pos x="T18" y="T19"/>
                </a:cxn>
                <a:cxn ang="T120">
                  <a:pos x="T20" y="T21"/>
                </a:cxn>
                <a:cxn ang="T121">
                  <a:pos x="T22" y="T23"/>
                </a:cxn>
                <a:cxn ang="T122">
                  <a:pos x="T24" y="T25"/>
                </a:cxn>
                <a:cxn ang="T123">
                  <a:pos x="T26" y="T27"/>
                </a:cxn>
                <a:cxn ang="T124">
                  <a:pos x="T28" y="T29"/>
                </a:cxn>
                <a:cxn ang="T125">
                  <a:pos x="T30" y="T31"/>
                </a:cxn>
                <a:cxn ang="T126">
                  <a:pos x="T32" y="T33"/>
                </a:cxn>
                <a:cxn ang="T127">
                  <a:pos x="T34" y="T35"/>
                </a:cxn>
                <a:cxn ang="T128">
                  <a:pos x="T36" y="T37"/>
                </a:cxn>
                <a:cxn ang="T129">
                  <a:pos x="T38" y="T39"/>
                </a:cxn>
                <a:cxn ang="T130">
                  <a:pos x="T40" y="T41"/>
                </a:cxn>
                <a:cxn ang="T131">
                  <a:pos x="T42" y="T43"/>
                </a:cxn>
                <a:cxn ang="T132">
                  <a:pos x="T44" y="T45"/>
                </a:cxn>
                <a:cxn ang="T133">
                  <a:pos x="T46" y="T47"/>
                </a:cxn>
                <a:cxn ang="T134">
                  <a:pos x="T48" y="T49"/>
                </a:cxn>
                <a:cxn ang="T135">
                  <a:pos x="T50" y="T51"/>
                </a:cxn>
                <a:cxn ang="T136">
                  <a:pos x="T52" y="T53"/>
                </a:cxn>
                <a:cxn ang="T137">
                  <a:pos x="T54" y="T55"/>
                </a:cxn>
                <a:cxn ang="T138">
                  <a:pos x="T56" y="T57"/>
                </a:cxn>
                <a:cxn ang="T139">
                  <a:pos x="T58" y="T59"/>
                </a:cxn>
                <a:cxn ang="T140">
                  <a:pos x="T60" y="T61"/>
                </a:cxn>
                <a:cxn ang="T141">
                  <a:pos x="T62" y="T63"/>
                </a:cxn>
                <a:cxn ang="T142">
                  <a:pos x="T64" y="T65"/>
                </a:cxn>
                <a:cxn ang="T143">
                  <a:pos x="T66" y="T67"/>
                </a:cxn>
                <a:cxn ang="T144">
                  <a:pos x="T68" y="T69"/>
                </a:cxn>
                <a:cxn ang="T145">
                  <a:pos x="T70" y="T71"/>
                </a:cxn>
                <a:cxn ang="T146">
                  <a:pos x="T72" y="T73"/>
                </a:cxn>
                <a:cxn ang="T147">
                  <a:pos x="T74" y="T75"/>
                </a:cxn>
                <a:cxn ang="T148">
                  <a:pos x="T76" y="T77"/>
                </a:cxn>
                <a:cxn ang="T149">
                  <a:pos x="T78" y="T79"/>
                </a:cxn>
                <a:cxn ang="T150">
                  <a:pos x="T80" y="T81"/>
                </a:cxn>
                <a:cxn ang="T151">
                  <a:pos x="T82" y="T83"/>
                </a:cxn>
                <a:cxn ang="T152">
                  <a:pos x="T84" y="T85"/>
                </a:cxn>
                <a:cxn ang="T153">
                  <a:pos x="T86" y="T87"/>
                </a:cxn>
                <a:cxn ang="T154">
                  <a:pos x="T88" y="T89"/>
                </a:cxn>
                <a:cxn ang="T155">
                  <a:pos x="T90" y="T91"/>
                </a:cxn>
                <a:cxn ang="T156">
                  <a:pos x="T92" y="T93"/>
                </a:cxn>
                <a:cxn ang="T157">
                  <a:pos x="T94" y="T95"/>
                </a:cxn>
                <a:cxn ang="T158">
                  <a:pos x="T96" y="T97"/>
                </a:cxn>
                <a:cxn ang="T159">
                  <a:pos x="T98" y="T99"/>
                </a:cxn>
                <a:cxn ang="T160">
                  <a:pos x="T100" y="T101"/>
                </a:cxn>
                <a:cxn ang="T161">
                  <a:pos x="T102" y="T103"/>
                </a:cxn>
                <a:cxn ang="T162">
                  <a:pos x="T104" y="T105"/>
                </a:cxn>
                <a:cxn ang="T163">
                  <a:pos x="T106" y="T107"/>
                </a:cxn>
                <a:cxn ang="T164">
                  <a:pos x="T108" y="T109"/>
                </a:cxn>
              </a:cxnLst>
              <a:rect l="T165" t="T166" r="T167" b="T168"/>
              <a:pathLst>
                <a:path w="40" h="120">
                  <a:moveTo>
                    <a:pt x="8" y="17"/>
                  </a:moveTo>
                  <a:lnTo>
                    <a:pt x="11" y="13"/>
                  </a:lnTo>
                  <a:lnTo>
                    <a:pt x="13" y="12"/>
                  </a:lnTo>
                  <a:lnTo>
                    <a:pt x="17" y="8"/>
                  </a:lnTo>
                  <a:lnTo>
                    <a:pt x="20" y="7"/>
                  </a:lnTo>
                  <a:lnTo>
                    <a:pt x="23" y="3"/>
                  </a:lnTo>
                  <a:lnTo>
                    <a:pt x="27" y="1"/>
                  </a:lnTo>
                  <a:lnTo>
                    <a:pt x="32" y="0"/>
                  </a:lnTo>
                  <a:lnTo>
                    <a:pt x="39" y="0"/>
                  </a:lnTo>
                  <a:lnTo>
                    <a:pt x="39" y="1"/>
                  </a:lnTo>
                  <a:lnTo>
                    <a:pt x="39" y="5"/>
                  </a:lnTo>
                  <a:lnTo>
                    <a:pt x="40" y="7"/>
                  </a:lnTo>
                  <a:lnTo>
                    <a:pt x="40" y="10"/>
                  </a:lnTo>
                  <a:lnTo>
                    <a:pt x="40" y="12"/>
                  </a:lnTo>
                  <a:lnTo>
                    <a:pt x="40" y="13"/>
                  </a:lnTo>
                  <a:lnTo>
                    <a:pt x="40" y="15"/>
                  </a:lnTo>
                  <a:lnTo>
                    <a:pt x="35" y="23"/>
                  </a:lnTo>
                  <a:lnTo>
                    <a:pt x="33" y="30"/>
                  </a:lnTo>
                  <a:lnTo>
                    <a:pt x="35" y="37"/>
                  </a:lnTo>
                  <a:lnTo>
                    <a:pt x="32" y="49"/>
                  </a:lnTo>
                  <a:lnTo>
                    <a:pt x="27" y="57"/>
                  </a:lnTo>
                  <a:lnTo>
                    <a:pt x="25" y="64"/>
                  </a:lnTo>
                  <a:lnTo>
                    <a:pt x="15" y="73"/>
                  </a:lnTo>
                  <a:lnTo>
                    <a:pt x="15" y="81"/>
                  </a:lnTo>
                  <a:lnTo>
                    <a:pt x="8" y="93"/>
                  </a:lnTo>
                  <a:lnTo>
                    <a:pt x="8" y="98"/>
                  </a:lnTo>
                  <a:lnTo>
                    <a:pt x="8" y="100"/>
                  </a:lnTo>
                  <a:lnTo>
                    <a:pt x="8" y="105"/>
                  </a:lnTo>
                  <a:lnTo>
                    <a:pt x="8" y="110"/>
                  </a:lnTo>
                  <a:lnTo>
                    <a:pt x="8" y="117"/>
                  </a:lnTo>
                  <a:lnTo>
                    <a:pt x="8" y="120"/>
                  </a:lnTo>
                  <a:lnTo>
                    <a:pt x="6" y="120"/>
                  </a:lnTo>
                  <a:lnTo>
                    <a:pt x="5" y="115"/>
                  </a:lnTo>
                  <a:lnTo>
                    <a:pt x="1" y="101"/>
                  </a:lnTo>
                  <a:lnTo>
                    <a:pt x="1" y="98"/>
                  </a:lnTo>
                  <a:lnTo>
                    <a:pt x="0" y="95"/>
                  </a:lnTo>
                  <a:lnTo>
                    <a:pt x="0" y="88"/>
                  </a:lnTo>
                  <a:lnTo>
                    <a:pt x="0" y="83"/>
                  </a:lnTo>
                  <a:lnTo>
                    <a:pt x="0" y="78"/>
                  </a:lnTo>
                  <a:lnTo>
                    <a:pt x="0" y="73"/>
                  </a:lnTo>
                  <a:lnTo>
                    <a:pt x="0" y="69"/>
                  </a:lnTo>
                  <a:lnTo>
                    <a:pt x="0" y="67"/>
                  </a:lnTo>
                  <a:lnTo>
                    <a:pt x="1" y="56"/>
                  </a:lnTo>
                  <a:lnTo>
                    <a:pt x="8" y="52"/>
                  </a:lnTo>
                  <a:lnTo>
                    <a:pt x="8" y="40"/>
                  </a:lnTo>
                  <a:lnTo>
                    <a:pt x="15" y="30"/>
                  </a:lnTo>
                  <a:lnTo>
                    <a:pt x="17" y="27"/>
                  </a:lnTo>
                  <a:lnTo>
                    <a:pt x="17" y="23"/>
                  </a:lnTo>
                  <a:lnTo>
                    <a:pt x="17" y="20"/>
                  </a:lnTo>
                  <a:lnTo>
                    <a:pt x="13" y="20"/>
                  </a:lnTo>
                  <a:lnTo>
                    <a:pt x="11" y="18"/>
                  </a:lnTo>
                  <a:lnTo>
                    <a:pt x="8" y="17"/>
                  </a:lnTo>
                  <a:close/>
                </a:path>
              </a:pathLst>
            </a:custGeom>
            <a:solidFill>
              <a:srgbClr val="FF9933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09" name="Freeform 53"/>
            <p:cNvSpPr>
              <a:spLocks/>
            </p:cNvSpPr>
            <p:nvPr/>
          </p:nvSpPr>
          <p:spPr bwMode="auto">
            <a:xfrm>
              <a:off x="4629" y="2257"/>
              <a:ext cx="39" cy="117"/>
            </a:xfrm>
            <a:custGeom>
              <a:avLst/>
              <a:gdLst>
                <a:gd name="T0" fmla="*/ 8 w 40"/>
                <a:gd name="T1" fmla="*/ 17 h 120"/>
                <a:gd name="T2" fmla="*/ 8 w 40"/>
                <a:gd name="T3" fmla="*/ 17 h 120"/>
                <a:gd name="T4" fmla="*/ 11 w 40"/>
                <a:gd name="T5" fmla="*/ 13 h 120"/>
                <a:gd name="T6" fmla="*/ 13 w 40"/>
                <a:gd name="T7" fmla="*/ 12 h 120"/>
                <a:gd name="T8" fmla="*/ 17 w 40"/>
                <a:gd name="T9" fmla="*/ 8 h 120"/>
                <a:gd name="T10" fmla="*/ 20 w 40"/>
                <a:gd name="T11" fmla="*/ 7 h 120"/>
                <a:gd name="T12" fmla="*/ 20 w 40"/>
                <a:gd name="T13" fmla="*/ 3 h 120"/>
                <a:gd name="T14" fmla="*/ 20 w 40"/>
                <a:gd name="T15" fmla="*/ 1 h 120"/>
                <a:gd name="T16" fmla="*/ 20 w 40"/>
                <a:gd name="T17" fmla="*/ 0 h 120"/>
                <a:gd name="T18" fmla="*/ 25 w 40"/>
                <a:gd name="T19" fmla="*/ 0 h 120"/>
                <a:gd name="T20" fmla="*/ 25 w 40"/>
                <a:gd name="T21" fmla="*/ 0 h 120"/>
                <a:gd name="T22" fmla="*/ 25 w 40"/>
                <a:gd name="T23" fmla="*/ 0 h 120"/>
                <a:gd name="T24" fmla="*/ 25 w 40"/>
                <a:gd name="T25" fmla="*/ 1 h 120"/>
                <a:gd name="T26" fmla="*/ 25 w 40"/>
                <a:gd name="T27" fmla="*/ 5 h 120"/>
                <a:gd name="T28" fmla="*/ 26 w 40"/>
                <a:gd name="T29" fmla="*/ 7 h 120"/>
                <a:gd name="T30" fmla="*/ 26 w 40"/>
                <a:gd name="T31" fmla="*/ 10 h 120"/>
                <a:gd name="T32" fmla="*/ 26 w 40"/>
                <a:gd name="T33" fmla="*/ 12 h 120"/>
                <a:gd name="T34" fmla="*/ 26 w 40"/>
                <a:gd name="T35" fmla="*/ 13 h 120"/>
                <a:gd name="T36" fmla="*/ 26 w 40"/>
                <a:gd name="T37" fmla="*/ 15 h 120"/>
                <a:gd name="T38" fmla="*/ 21 w 40"/>
                <a:gd name="T39" fmla="*/ 20 h 120"/>
                <a:gd name="T40" fmla="*/ 20 w 40"/>
                <a:gd name="T41" fmla="*/ 20 h 120"/>
                <a:gd name="T42" fmla="*/ 21 w 40"/>
                <a:gd name="T43" fmla="*/ 23 h 120"/>
                <a:gd name="T44" fmla="*/ 20 w 40"/>
                <a:gd name="T45" fmla="*/ 35 h 120"/>
                <a:gd name="T46" fmla="*/ 20 w 40"/>
                <a:gd name="T47" fmla="*/ 43 h 120"/>
                <a:gd name="T48" fmla="*/ 20 w 40"/>
                <a:gd name="T49" fmla="*/ 48 h 120"/>
                <a:gd name="T50" fmla="*/ 15 w 40"/>
                <a:gd name="T51" fmla="*/ 52 h 120"/>
                <a:gd name="T52" fmla="*/ 15 w 40"/>
                <a:gd name="T53" fmla="*/ 56 h 120"/>
                <a:gd name="T54" fmla="*/ 8 w 40"/>
                <a:gd name="T55" fmla="*/ 65 h 120"/>
                <a:gd name="T56" fmla="*/ 8 w 40"/>
                <a:gd name="T57" fmla="*/ 70 h 120"/>
                <a:gd name="T58" fmla="*/ 8 w 40"/>
                <a:gd name="T59" fmla="*/ 70 h 120"/>
                <a:gd name="T60" fmla="*/ 8 w 40"/>
                <a:gd name="T61" fmla="*/ 72 h 120"/>
                <a:gd name="T62" fmla="*/ 8 w 40"/>
                <a:gd name="T63" fmla="*/ 75 h 120"/>
                <a:gd name="T64" fmla="*/ 8 w 40"/>
                <a:gd name="T65" fmla="*/ 78 h 120"/>
                <a:gd name="T66" fmla="*/ 8 w 40"/>
                <a:gd name="T67" fmla="*/ 83 h 120"/>
                <a:gd name="T68" fmla="*/ 8 w 40"/>
                <a:gd name="T69" fmla="*/ 85 h 120"/>
                <a:gd name="T70" fmla="*/ 6 w 40"/>
                <a:gd name="T71" fmla="*/ 85 h 120"/>
                <a:gd name="T72" fmla="*/ 5 w 40"/>
                <a:gd name="T73" fmla="*/ 82 h 120"/>
                <a:gd name="T74" fmla="*/ 1 w 40"/>
                <a:gd name="T75" fmla="*/ 72 h 120"/>
                <a:gd name="T76" fmla="*/ 1 w 40"/>
                <a:gd name="T77" fmla="*/ 72 h 120"/>
                <a:gd name="T78" fmla="*/ 1 w 40"/>
                <a:gd name="T79" fmla="*/ 70 h 120"/>
                <a:gd name="T80" fmla="*/ 0 w 40"/>
                <a:gd name="T81" fmla="*/ 67 h 120"/>
                <a:gd name="T82" fmla="*/ 0 w 40"/>
                <a:gd name="T83" fmla="*/ 60 h 120"/>
                <a:gd name="T84" fmla="*/ 0 w 40"/>
                <a:gd name="T85" fmla="*/ 57 h 120"/>
                <a:gd name="T86" fmla="*/ 0 w 40"/>
                <a:gd name="T87" fmla="*/ 55 h 120"/>
                <a:gd name="T88" fmla="*/ 0 w 40"/>
                <a:gd name="T89" fmla="*/ 52 h 120"/>
                <a:gd name="T90" fmla="*/ 0 w 40"/>
                <a:gd name="T91" fmla="*/ 50 h 120"/>
                <a:gd name="T92" fmla="*/ 0 w 40"/>
                <a:gd name="T93" fmla="*/ 49 h 120"/>
                <a:gd name="T94" fmla="*/ 1 w 40"/>
                <a:gd name="T95" fmla="*/ 42 h 120"/>
                <a:gd name="T96" fmla="*/ 8 w 40"/>
                <a:gd name="T97" fmla="*/ 38 h 120"/>
                <a:gd name="T98" fmla="*/ 8 w 40"/>
                <a:gd name="T99" fmla="*/ 26 h 120"/>
                <a:gd name="T100" fmla="*/ 15 w 40"/>
                <a:gd name="T101" fmla="*/ 20 h 120"/>
                <a:gd name="T102" fmla="*/ 15 w 40"/>
                <a:gd name="T103" fmla="*/ 20 h 120"/>
                <a:gd name="T104" fmla="*/ 17 w 40"/>
                <a:gd name="T105" fmla="*/ 20 h 120"/>
                <a:gd name="T106" fmla="*/ 17 w 40"/>
                <a:gd name="T107" fmla="*/ 20 h 120"/>
                <a:gd name="T108" fmla="*/ 17 w 40"/>
                <a:gd name="T109" fmla="*/ 20 h 120"/>
                <a:gd name="T110" fmla="*/ 13 w 40"/>
                <a:gd name="T111" fmla="*/ 20 h 120"/>
                <a:gd name="T112" fmla="*/ 11 w 40"/>
                <a:gd name="T113" fmla="*/ 18 h 120"/>
                <a:gd name="T114" fmla="*/ 8 w 40"/>
                <a:gd name="T115" fmla="*/ 17 h 120"/>
                <a:gd name="T116" fmla="*/ 8 w 40"/>
                <a:gd name="T117" fmla="*/ 17 h 120"/>
                <a:gd name="T118" fmla="*/ 8 w 40"/>
                <a:gd name="T119" fmla="*/ 17 h 120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w 40"/>
                <a:gd name="T181" fmla="*/ 0 h 120"/>
                <a:gd name="T182" fmla="*/ 40 w 40"/>
                <a:gd name="T183" fmla="*/ 120 h 120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T180" t="T181" r="T182" b="T183"/>
              <a:pathLst>
                <a:path w="40" h="120">
                  <a:moveTo>
                    <a:pt x="8" y="17"/>
                  </a:moveTo>
                  <a:lnTo>
                    <a:pt x="8" y="17"/>
                  </a:lnTo>
                  <a:lnTo>
                    <a:pt x="11" y="13"/>
                  </a:lnTo>
                  <a:lnTo>
                    <a:pt x="13" y="12"/>
                  </a:lnTo>
                  <a:lnTo>
                    <a:pt x="17" y="8"/>
                  </a:lnTo>
                  <a:lnTo>
                    <a:pt x="20" y="7"/>
                  </a:lnTo>
                  <a:lnTo>
                    <a:pt x="23" y="3"/>
                  </a:lnTo>
                  <a:lnTo>
                    <a:pt x="27" y="1"/>
                  </a:lnTo>
                  <a:lnTo>
                    <a:pt x="32" y="0"/>
                  </a:lnTo>
                  <a:lnTo>
                    <a:pt x="39" y="0"/>
                  </a:lnTo>
                  <a:lnTo>
                    <a:pt x="39" y="1"/>
                  </a:lnTo>
                  <a:lnTo>
                    <a:pt x="39" y="5"/>
                  </a:lnTo>
                  <a:lnTo>
                    <a:pt x="40" y="7"/>
                  </a:lnTo>
                  <a:lnTo>
                    <a:pt x="40" y="10"/>
                  </a:lnTo>
                  <a:lnTo>
                    <a:pt x="40" y="12"/>
                  </a:lnTo>
                  <a:lnTo>
                    <a:pt x="40" y="13"/>
                  </a:lnTo>
                  <a:lnTo>
                    <a:pt x="40" y="15"/>
                  </a:lnTo>
                  <a:lnTo>
                    <a:pt x="35" y="23"/>
                  </a:lnTo>
                  <a:lnTo>
                    <a:pt x="33" y="30"/>
                  </a:lnTo>
                  <a:lnTo>
                    <a:pt x="35" y="37"/>
                  </a:lnTo>
                  <a:lnTo>
                    <a:pt x="32" y="49"/>
                  </a:lnTo>
                  <a:lnTo>
                    <a:pt x="27" y="57"/>
                  </a:lnTo>
                  <a:lnTo>
                    <a:pt x="25" y="64"/>
                  </a:lnTo>
                  <a:lnTo>
                    <a:pt x="15" y="73"/>
                  </a:lnTo>
                  <a:lnTo>
                    <a:pt x="15" y="81"/>
                  </a:lnTo>
                  <a:lnTo>
                    <a:pt x="8" y="93"/>
                  </a:lnTo>
                  <a:lnTo>
                    <a:pt x="8" y="98"/>
                  </a:lnTo>
                  <a:lnTo>
                    <a:pt x="8" y="100"/>
                  </a:lnTo>
                  <a:lnTo>
                    <a:pt x="8" y="105"/>
                  </a:lnTo>
                  <a:lnTo>
                    <a:pt x="8" y="110"/>
                  </a:lnTo>
                  <a:lnTo>
                    <a:pt x="8" y="117"/>
                  </a:lnTo>
                  <a:lnTo>
                    <a:pt x="8" y="120"/>
                  </a:lnTo>
                  <a:lnTo>
                    <a:pt x="6" y="120"/>
                  </a:lnTo>
                  <a:lnTo>
                    <a:pt x="5" y="115"/>
                  </a:lnTo>
                  <a:lnTo>
                    <a:pt x="1" y="101"/>
                  </a:lnTo>
                  <a:lnTo>
                    <a:pt x="1" y="98"/>
                  </a:lnTo>
                  <a:lnTo>
                    <a:pt x="0" y="95"/>
                  </a:lnTo>
                  <a:lnTo>
                    <a:pt x="0" y="88"/>
                  </a:lnTo>
                  <a:lnTo>
                    <a:pt x="0" y="83"/>
                  </a:lnTo>
                  <a:lnTo>
                    <a:pt x="0" y="78"/>
                  </a:lnTo>
                  <a:lnTo>
                    <a:pt x="0" y="73"/>
                  </a:lnTo>
                  <a:lnTo>
                    <a:pt x="0" y="69"/>
                  </a:lnTo>
                  <a:lnTo>
                    <a:pt x="0" y="67"/>
                  </a:lnTo>
                  <a:lnTo>
                    <a:pt x="1" y="56"/>
                  </a:lnTo>
                  <a:lnTo>
                    <a:pt x="8" y="52"/>
                  </a:lnTo>
                  <a:lnTo>
                    <a:pt x="8" y="40"/>
                  </a:lnTo>
                  <a:lnTo>
                    <a:pt x="15" y="30"/>
                  </a:lnTo>
                  <a:lnTo>
                    <a:pt x="17" y="27"/>
                  </a:lnTo>
                  <a:lnTo>
                    <a:pt x="17" y="23"/>
                  </a:lnTo>
                  <a:lnTo>
                    <a:pt x="17" y="20"/>
                  </a:lnTo>
                  <a:lnTo>
                    <a:pt x="13" y="20"/>
                  </a:lnTo>
                  <a:lnTo>
                    <a:pt x="11" y="18"/>
                  </a:lnTo>
                  <a:lnTo>
                    <a:pt x="8" y="17"/>
                  </a:lnTo>
                </a:path>
              </a:pathLst>
            </a:custGeom>
            <a:solidFill>
              <a:srgbClr val="8B3102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10" name="Freeform 54"/>
            <p:cNvSpPr>
              <a:spLocks/>
            </p:cNvSpPr>
            <p:nvPr/>
          </p:nvSpPr>
          <p:spPr bwMode="auto">
            <a:xfrm>
              <a:off x="3888" y="2151"/>
              <a:ext cx="768" cy="436"/>
            </a:xfrm>
            <a:custGeom>
              <a:avLst/>
              <a:gdLst>
                <a:gd name="T0" fmla="*/ 660 w 776"/>
                <a:gd name="T1" fmla="*/ 262 h 440"/>
                <a:gd name="T2" fmla="*/ 669 w 776"/>
                <a:gd name="T3" fmla="*/ 269 h 440"/>
                <a:gd name="T4" fmla="*/ 641 w 776"/>
                <a:gd name="T5" fmla="*/ 240 h 440"/>
                <a:gd name="T6" fmla="*/ 626 w 776"/>
                <a:gd name="T7" fmla="*/ 236 h 440"/>
                <a:gd name="T8" fmla="*/ 628 w 776"/>
                <a:gd name="T9" fmla="*/ 247 h 440"/>
                <a:gd name="T10" fmla="*/ 620 w 776"/>
                <a:gd name="T11" fmla="*/ 249 h 440"/>
                <a:gd name="T12" fmla="*/ 574 w 776"/>
                <a:gd name="T13" fmla="*/ 221 h 440"/>
                <a:gd name="T14" fmla="*/ 624 w 776"/>
                <a:gd name="T15" fmla="*/ 224 h 440"/>
                <a:gd name="T16" fmla="*/ 606 w 776"/>
                <a:gd name="T17" fmla="*/ 206 h 440"/>
                <a:gd name="T18" fmla="*/ 609 w 776"/>
                <a:gd name="T19" fmla="*/ 170 h 440"/>
                <a:gd name="T20" fmla="*/ 591 w 776"/>
                <a:gd name="T21" fmla="*/ 160 h 440"/>
                <a:gd name="T22" fmla="*/ 599 w 776"/>
                <a:gd name="T23" fmla="*/ 132 h 440"/>
                <a:gd name="T24" fmla="*/ 571 w 776"/>
                <a:gd name="T25" fmla="*/ 113 h 440"/>
                <a:gd name="T26" fmla="*/ 535 w 776"/>
                <a:gd name="T27" fmla="*/ 98 h 440"/>
                <a:gd name="T28" fmla="*/ 524 w 776"/>
                <a:gd name="T29" fmla="*/ 98 h 440"/>
                <a:gd name="T30" fmla="*/ 510 w 776"/>
                <a:gd name="T31" fmla="*/ 96 h 440"/>
                <a:gd name="T32" fmla="*/ 510 w 776"/>
                <a:gd name="T33" fmla="*/ 66 h 440"/>
                <a:gd name="T34" fmla="*/ 524 w 776"/>
                <a:gd name="T35" fmla="*/ 55 h 440"/>
                <a:gd name="T36" fmla="*/ 500 w 776"/>
                <a:gd name="T37" fmla="*/ 29 h 440"/>
                <a:gd name="T38" fmla="*/ 481 w 776"/>
                <a:gd name="T39" fmla="*/ 14 h 440"/>
                <a:gd name="T40" fmla="*/ 469 w 776"/>
                <a:gd name="T41" fmla="*/ 4 h 440"/>
                <a:gd name="T42" fmla="*/ 461 w 776"/>
                <a:gd name="T43" fmla="*/ 10 h 440"/>
                <a:gd name="T44" fmla="*/ 442 w 776"/>
                <a:gd name="T45" fmla="*/ 19 h 440"/>
                <a:gd name="T46" fmla="*/ 415 w 776"/>
                <a:gd name="T47" fmla="*/ 4 h 440"/>
                <a:gd name="T48" fmla="*/ 401 w 776"/>
                <a:gd name="T49" fmla="*/ 41 h 440"/>
                <a:gd name="T50" fmla="*/ 388 w 776"/>
                <a:gd name="T51" fmla="*/ 57 h 440"/>
                <a:gd name="T52" fmla="*/ 381 w 776"/>
                <a:gd name="T53" fmla="*/ 74 h 440"/>
                <a:gd name="T54" fmla="*/ 368 w 776"/>
                <a:gd name="T55" fmla="*/ 71 h 440"/>
                <a:gd name="T56" fmla="*/ 358 w 776"/>
                <a:gd name="T57" fmla="*/ 93 h 440"/>
                <a:gd name="T58" fmla="*/ 355 w 776"/>
                <a:gd name="T59" fmla="*/ 105 h 440"/>
                <a:gd name="T60" fmla="*/ 345 w 776"/>
                <a:gd name="T61" fmla="*/ 125 h 440"/>
                <a:gd name="T62" fmla="*/ 320 w 776"/>
                <a:gd name="T63" fmla="*/ 113 h 440"/>
                <a:gd name="T64" fmla="*/ 315 w 776"/>
                <a:gd name="T65" fmla="*/ 137 h 440"/>
                <a:gd name="T66" fmla="*/ 311 w 776"/>
                <a:gd name="T67" fmla="*/ 150 h 440"/>
                <a:gd name="T68" fmla="*/ 306 w 776"/>
                <a:gd name="T69" fmla="*/ 159 h 440"/>
                <a:gd name="T70" fmla="*/ 300 w 776"/>
                <a:gd name="T71" fmla="*/ 182 h 440"/>
                <a:gd name="T72" fmla="*/ 284 w 776"/>
                <a:gd name="T73" fmla="*/ 213 h 440"/>
                <a:gd name="T74" fmla="*/ 284 w 776"/>
                <a:gd name="T75" fmla="*/ 224 h 440"/>
                <a:gd name="T76" fmla="*/ 271 w 776"/>
                <a:gd name="T77" fmla="*/ 253 h 440"/>
                <a:gd name="T78" fmla="*/ 254 w 776"/>
                <a:gd name="T79" fmla="*/ 253 h 440"/>
                <a:gd name="T80" fmla="*/ 237 w 776"/>
                <a:gd name="T81" fmla="*/ 257 h 440"/>
                <a:gd name="T82" fmla="*/ 234 w 776"/>
                <a:gd name="T83" fmla="*/ 268 h 440"/>
                <a:gd name="T84" fmla="*/ 226 w 776"/>
                <a:gd name="T85" fmla="*/ 271 h 440"/>
                <a:gd name="T86" fmla="*/ 205 w 776"/>
                <a:gd name="T87" fmla="*/ 276 h 440"/>
                <a:gd name="T88" fmla="*/ 192 w 776"/>
                <a:gd name="T89" fmla="*/ 280 h 440"/>
                <a:gd name="T90" fmla="*/ 165 w 776"/>
                <a:gd name="T91" fmla="*/ 285 h 440"/>
                <a:gd name="T92" fmla="*/ 142 w 776"/>
                <a:gd name="T93" fmla="*/ 267 h 440"/>
                <a:gd name="T94" fmla="*/ 126 w 776"/>
                <a:gd name="T95" fmla="*/ 282 h 440"/>
                <a:gd name="T96" fmla="*/ 128 w 776"/>
                <a:gd name="T97" fmla="*/ 278 h 440"/>
                <a:gd name="T98" fmla="*/ 99 w 776"/>
                <a:gd name="T99" fmla="*/ 302 h 440"/>
                <a:gd name="T100" fmla="*/ 84 w 776"/>
                <a:gd name="T101" fmla="*/ 326 h 440"/>
                <a:gd name="T102" fmla="*/ 75 w 776"/>
                <a:gd name="T103" fmla="*/ 339 h 440"/>
                <a:gd name="T104" fmla="*/ 70 w 776"/>
                <a:gd name="T105" fmla="*/ 347 h 440"/>
                <a:gd name="T106" fmla="*/ 50 w 776"/>
                <a:gd name="T107" fmla="*/ 358 h 440"/>
                <a:gd name="T108" fmla="*/ 48 w 776"/>
                <a:gd name="T109" fmla="*/ 364 h 440"/>
                <a:gd name="T110" fmla="*/ 22 w 776"/>
                <a:gd name="T111" fmla="*/ 375 h 440"/>
                <a:gd name="T112" fmla="*/ 0 w 776"/>
                <a:gd name="T113" fmla="*/ 384 h 440"/>
                <a:gd name="T114" fmla="*/ 182 w 776"/>
                <a:gd name="T115" fmla="*/ 358 h 440"/>
                <a:gd name="T116" fmla="*/ 218 w 776"/>
                <a:gd name="T117" fmla="*/ 356 h 440"/>
                <a:gd name="T118" fmla="*/ 284 w 776"/>
                <a:gd name="T119" fmla="*/ 349 h 440"/>
                <a:gd name="T120" fmla="*/ 384 w 776"/>
                <a:gd name="T121" fmla="*/ 334 h 440"/>
                <a:gd name="T122" fmla="*/ 506 w 776"/>
                <a:gd name="T123" fmla="*/ 309 h 440"/>
                <a:gd name="T124" fmla="*/ 654 w 776"/>
                <a:gd name="T125" fmla="*/ 271 h 440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60000 65536"/>
                <a:gd name="T187" fmla="*/ 0 60000 65536"/>
                <a:gd name="T188" fmla="*/ 0 60000 65536"/>
                <a:gd name="T189" fmla="*/ 0 w 776"/>
                <a:gd name="T190" fmla="*/ 0 h 440"/>
                <a:gd name="T191" fmla="*/ 776 w 776"/>
                <a:gd name="T192" fmla="*/ 440 h 440"/>
              </a:gdLst>
              <a:ahLst/>
              <a:cxnLst>
                <a:cxn ang="T126">
                  <a:pos x="T0" y="T1"/>
                </a:cxn>
                <a:cxn ang="T127">
                  <a:pos x="T2" y="T3"/>
                </a:cxn>
                <a:cxn ang="T128">
                  <a:pos x="T4" y="T5"/>
                </a:cxn>
                <a:cxn ang="T129">
                  <a:pos x="T6" y="T7"/>
                </a:cxn>
                <a:cxn ang="T130">
                  <a:pos x="T8" y="T9"/>
                </a:cxn>
                <a:cxn ang="T131">
                  <a:pos x="T10" y="T11"/>
                </a:cxn>
                <a:cxn ang="T132">
                  <a:pos x="T12" y="T13"/>
                </a:cxn>
                <a:cxn ang="T133">
                  <a:pos x="T14" y="T15"/>
                </a:cxn>
                <a:cxn ang="T134">
                  <a:pos x="T16" y="T17"/>
                </a:cxn>
                <a:cxn ang="T135">
                  <a:pos x="T18" y="T19"/>
                </a:cxn>
                <a:cxn ang="T136">
                  <a:pos x="T20" y="T21"/>
                </a:cxn>
                <a:cxn ang="T137">
                  <a:pos x="T22" y="T23"/>
                </a:cxn>
                <a:cxn ang="T138">
                  <a:pos x="T24" y="T25"/>
                </a:cxn>
                <a:cxn ang="T139">
                  <a:pos x="T26" y="T27"/>
                </a:cxn>
                <a:cxn ang="T140">
                  <a:pos x="T28" y="T29"/>
                </a:cxn>
                <a:cxn ang="T141">
                  <a:pos x="T30" y="T31"/>
                </a:cxn>
                <a:cxn ang="T142">
                  <a:pos x="T32" y="T33"/>
                </a:cxn>
                <a:cxn ang="T143">
                  <a:pos x="T34" y="T35"/>
                </a:cxn>
                <a:cxn ang="T144">
                  <a:pos x="T36" y="T37"/>
                </a:cxn>
                <a:cxn ang="T145">
                  <a:pos x="T38" y="T39"/>
                </a:cxn>
                <a:cxn ang="T146">
                  <a:pos x="T40" y="T41"/>
                </a:cxn>
                <a:cxn ang="T147">
                  <a:pos x="T42" y="T43"/>
                </a:cxn>
                <a:cxn ang="T148">
                  <a:pos x="T44" y="T45"/>
                </a:cxn>
                <a:cxn ang="T149">
                  <a:pos x="T46" y="T47"/>
                </a:cxn>
                <a:cxn ang="T150">
                  <a:pos x="T48" y="T49"/>
                </a:cxn>
                <a:cxn ang="T151">
                  <a:pos x="T50" y="T51"/>
                </a:cxn>
                <a:cxn ang="T152">
                  <a:pos x="T52" y="T53"/>
                </a:cxn>
                <a:cxn ang="T153">
                  <a:pos x="T54" y="T55"/>
                </a:cxn>
                <a:cxn ang="T154">
                  <a:pos x="T56" y="T57"/>
                </a:cxn>
                <a:cxn ang="T155">
                  <a:pos x="T58" y="T59"/>
                </a:cxn>
                <a:cxn ang="T156">
                  <a:pos x="T60" y="T61"/>
                </a:cxn>
                <a:cxn ang="T157">
                  <a:pos x="T62" y="T63"/>
                </a:cxn>
                <a:cxn ang="T158">
                  <a:pos x="T64" y="T65"/>
                </a:cxn>
                <a:cxn ang="T159">
                  <a:pos x="T66" y="T67"/>
                </a:cxn>
                <a:cxn ang="T160">
                  <a:pos x="T68" y="T69"/>
                </a:cxn>
                <a:cxn ang="T161">
                  <a:pos x="T70" y="T71"/>
                </a:cxn>
                <a:cxn ang="T162">
                  <a:pos x="T72" y="T73"/>
                </a:cxn>
                <a:cxn ang="T163">
                  <a:pos x="T74" y="T75"/>
                </a:cxn>
                <a:cxn ang="T164">
                  <a:pos x="T76" y="T77"/>
                </a:cxn>
                <a:cxn ang="T165">
                  <a:pos x="T78" y="T79"/>
                </a:cxn>
                <a:cxn ang="T166">
                  <a:pos x="T80" y="T81"/>
                </a:cxn>
                <a:cxn ang="T167">
                  <a:pos x="T82" y="T83"/>
                </a:cxn>
                <a:cxn ang="T168">
                  <a:pos x="T84" y="T85"/>
                </a:cxn>
                <a:cxn ang="T169">
                  <a:pos x="T86" y="T87"/>
                </a:cxn>
                <a:cxn ang="T170">
                  <a:pos x="T88" y="T89"/>
                </a:cxn>
                <a:cxn ang="T171">
                  <a:pos x="T90" y="T91"/>
                </a:cxn>
                <a:cxn ang="T172">
                  <a:pos x="T92" y="T93"/>
                </a:cxn>
                <a:cxn ang="T173">
                  <a:pos x="T94" y="T95"/>
                </a:cxn>
                <a:cxn ang="T174">
                  <a:pos x="T96" y="T97"/>
                </a:cxn>
                <a:cxn ang="T175">
                  <a:pos x="T98" y="T99"/>
                </a:cxn>
                <a:cxn ang="T176">
                  <a:pos x="T100" y="T101"/>
                </a:cxn>
                <a:cxn ang="T177">
                  <a:pos x="T102" y="T103"/>
                </a:cxn>
                <a:cxn ang="T178">
                  <a:pos x="T104" y="T105"/>
                </a:cxn>
                <a:cxn ang="T179">
                  <a:pos x="T106" y="T107"/>
                </a:cxn>
                <a:cxn ang="T180">
                  <a:pos x="T108" y="T109"/>
                </a:cxn>
                <a:cxn ang="T181">
                  <a:pos x="T110" y="T111"/>
                </a:cxn>
                <a:cxn ang="T182">
                  <a:pos x="T112" y="T113"/>
                </a:cxn>
                <a:cxn ang="T183">
                  <a:pos x="T114" y="T115"/>
                </a:cxn>
                <a:cxn ang="T184">
                  <a:pos x="T116" y="T117"/>
                </a:cxn>
                <a:cxn ang="T185">
                  <a:pos x="T118" y="T119"/>
                </a:cxn>
                <a:cxn ang="T186">
                  <a:pos x="T120" y="T121"/>
                </a:cxn>
                <a:cxn ang="T187">
                  <a:pos x="T122" y="T123"/>
                </a:cxn>
                <a:cxn ang="T188">
                  <a:pos x="T124" y="T125"/>
                </a:cxn>
              </a:cxnLst>
              <a:rect l="T189" t="T190" r="T191" b="T192"/>
              <a:pathLst>
                <a:path w="776" h="440">
                  <a:moveTo>
                    <a:pt x="761" y="310"/>
                  </a:moveTo>
                  <a:lnTo>
                    <a:pt x="763" y="310"/>
                  </a:lnTo>
                  <a:lnTo>
                    <a:pt x="765" y="312"/>
                  </a:lnTo>
                  <a:lnTo>
                    <a:pt x="766" y="312"/>
                  </a:lnTo>
                  <a:lnTo>
                    <a:pt x="766" y="310"/>
                  </a:lnTo>
                  <a:lnTo>
                    <a:pt x="763" y="298"/>
                  </a:lnTo>
                  <a:lnTo>
                    <a:pt x="763" y="293"/>
                  </a:lnTo>
                  <a:lnTo>
                    <a:pt x="765" y="295"/>
                  </a:lnTo>
                  <a:lnTo>
                    <a:pt x="768" y="298"/>
                  </a:lnTo>
                  <a:lnTo>
                    <a:pt x="770" y="305"/>
                  </a:lnTo>
                  <a:lnTo>
                    <a:pt x="773" y="308"/>
                  </a:lnTo>
                  <a:lnTo>
                    <a:pt x="773" y="310"/>
                  </a:lnTo>
                  <a:lnTo>
                    <a:pt x="776" y="305"/>
                  </a:lnTo>
                  <a:lnTo>
                    <a:pt x="758" y="264"/>
                  </a:lnTo>
                  <a:lnTo>
                    <a:pt x="749" y="263"/>
                  </a:lnTo>
                  <a:lnTo>
                    <a:pt x="743" y="268"/>
                  </a:lnTo>
                  <a:lnTo>
                    <a:pt x="741" y="268"/>
                  </a:lnTo>
                  <a:lnTo>
                    <a:pt x="739" y="268"/>
                  </a:lnTo>
                  <a:lnTo>
                    <a:pt x="736" y="268"/>
                  </a:lnTo>
                  <a:lnTo>
                    <a:pt x="734" y="268"/>
                  </a:lnTo>
                  <a:lnTo>
                    <a:pt x="729" y="264"/>
                  </a:lnTo>
                  <a:lnTo>
                    <a:pt x="726" y="263"/>
                  </a:lnTo>
                  <a:lnTo>
                    <a:pt x="724" y="264"/>
                  </a:lnTo>
                  <a:lnTo>
                    <a:pt x="722" y="266"/>
                  </a:lnTo>
                  <a:lnTo>
                    <a:pt x="722" y="268"/>
                  </a:lnTo>
                  <a:lnTo>
                    <a:pt x="722" y="269"/>
                  </a:lnTo>
                  <a:lnTo>
                    <a:pt x="722" y="271"/>
                  </a:lnTo>
                  <a:lnTo>
                    <a:pt x="722" y="273"/>
                  </a:lnTo>
                  <a:lnTo>
                    <a:pt x="726" y="276"/>
                  </a:lnTo>
                  <a:lnTo>
                    <a:pt x="727" y="280"/>
                  </a:lnTo>
                  <a:lnTo>
                    <a:pt x="726" y="280"/>
                  </a:lnTo>
                  <a:lnTo>
                    <a:pt x="724" y="280"/>
                  </a:lnTo>
                  <a:lnTo>
                    <a:pt x="722" y="280"/>
                  </a:lnTo>
                  <a:lnTo>
                    <a:pt x="719" y="278"/>
                  </a:lnTo>
                  <a:lnTo>
                    <a:pt x="717" y="278"/>
                  </a:lnTo>
                  <a:lnTo>
                    <a:pt x="717" y="276"/>
                  </a:lnTo>
                  <a:lnTo>
                    <a:pt x="707" y="276"/>
                  </a:lnTo>
                  <a:lnTo>
                    <a:pt x="700" y="269"/>
                  </a:lnTo>
                  <a:lnTo>
                    <a:pt x="692" y="266"/>
                  </a:lnTo>
                  <a:lnTo>
                    <a:pt x="682" y="251"/>
                  </a:lnTo>
                  <a:lnTo>
                    <a:pt x="663" y="249"/>
                  </a:lnTo>
                  <a:lnTo>
                    <a:pt x="651" y="247"/>
                  </a:lnTo>
                  <a:lnTo>
                    <a:pt x="633" y="241"/>
                  </a:lnTo>
                  <a:lnTo>
                    <a:pt x="648" y="239"/>
                  </a:lnTo>
                  <a:lnTo>
                    <a:pt x="685" y="244"/>
                  </a:lnTo>
                  <a:lnTo>
                    <a:pt x="710" y="266"/>
                  </a:lnTo>
                  <a:lnTo>
                    <a:pt x="722" y="252"/>
                  </a:lnTo>
                  <a:lnTo>
                    <a:pt x="704" y="239"/>
                  </a:lnTo>
                  <a:lnTo>
                    <a:pt x="683" y="230"/>
                  </a:lnTo>
                  <a:lnTo>
                    <a:pt x="663" y="212"/>
                  </a:lnTo>
                  <a:lnTo>
                    <a:pt x="670" y="214"/>
                  </a:lnTo>
                  <a:lnTo>
                    <a:pt x="690" y="229"/>
                  </a:lnTo>
                  <a:lnTo>
                    <a:pt x="700" y="234"/>
                  </a:lnTo>
                  <a:lnTo>
                    <a:pt x="707" y="229"/>
                  </a:lnTo>
                  <a:lnTo>
                    <a:pt x="699" y="222"/>
                  </a:lnTo>
                  <a:lnTo>
                    <a:pt x="699" y="212"/>
                  </a:lnTo>
                  <a:lnTo>
                    <a:pt x="716" y="220"/>
                  </a:lnTo>
                  <a:lnTo>
                    <a:pt x="716" y="207"/>
                  </a:lnTo>
                  <a:lnTo>
                    <a:pt x="704" y="198"/>
                  </a:lnTo>
                  <a:lnTo>
                    <a:pt x="700" y="190"/>
                  </a:lnTo>
                  <a:lnTo>
                    <a:pt x="682" y="188"/>
                  </a:lnTo>
                  <a:lnTo>
                    <a:pt x="656" y="170"/>
                  </a:lnTo>
                  <a:lnTo>
                    <a:pt x="639" y="151"/>
                  </a:lnTo>
                  <a:lnTo>
                    <a:pt x="661" y="168"/>
                  </a:lnTo>
                  <a:lnTo>
                    <a:pt x="683" y="183"/>
                  </a:lnTo>
                  <a:lnTo>
                    <a:pt x="700" y="185"/>
                  </a:lnTo>
                  <a:lnTo>
                    <a:pt x="700" y="163"/>
                  </a:lnTo>
                  <a:lnTo>
                    <a:pt x="707" y="154"/>
                  </a:lnTo>
                  <a:lnTo>
                    <a:pt x="707" y="149"/>
                  </a:lnTo>
                  <a:lnTo>
                    <a:pt x="700" y="149"/>
                  </a:lnTo>
                  <a:lnTo>
                    <a:pt x="692" y="146"/>
                  </a:lnTo>
                  <a:lnTo>
                    <a:pt x="685" y="142"/>
                  </a:lnTo>
                  <a:lnTo>
                    <a:pt x="677" y="139"/>
                  </a:lnTo>
                  <a:lnTo>
                    <a:pt x="672" y="134"/>
                  </a:lnTo>
                  <a:lnTo>
                    <a:pt x="665" y="131"/>
                  </a:lnTo>
                  <a:lnTo>
                    <a:pt x="661" y="129"/>
                  </a:lnTo>
                  <a:lnTo>
                    <a:pt x="660" y="127"/>
                  </a:lnTo>
                  <a:lnTo>
                    <a:pt x="648" y="127"/>
                  </a:lnTo>
                  <a:lnTo>
                    <a:pt x="638" y="124"/>
                  </a:lnTo>
                  <a:lnTo>
                    <a:pt x="629" y="122"/>
                  </a:lnTo>
                  <a:lnTo>
                    <a:pt x="624" y="119"/>
                  </a:lnTo>
                  <a:lnTo>
                    <a:pt x="621" y="115"/>
                  </a:lnTo>
                  <a:lnTo>
                    <a:pt x="619" y="112"/>
                  </a:lnTo>
                  <a:lnTo>
                    <a:pt x="617" y="110"/>
                  </a:lnTo>
                  <a:lnTo>
                    <a:pt x="614" y="110"/>
                  </a:lnTo>
                  <a:lnTo>
                    <a:pt x="611" y="112"/>
                  </a:lnTo>
                  <a:lnTo>
                    <a:pt x="607" y="112"/>
                  </a:lnTo>
                  <a:lnTo>
                    <a:pt x="604" y="114"/>
                  </a:lnTo>
                  <a:lnTo>
                    <a:pt x="600" y="114"/>
                  </a:lnTo>
                  <a:lnTo>
                    <a:pt x="597" y="115"/>
                  </a:lnTo>
                  <a:lnTo>
                    <a:pt x="592" y="114"/>
                  </a:lnTo>
                  <a:lnTo>
                    <a:pt x="590" y="110"/>
                  </a:lnTo>
                  <a:lnTo>
                    <a:pt x="589" y="104"/>
                  </a:lnTo>
                  <a:lnTo>
                    <a:pt x="589" y="98"/>
                  </a:lnTo>
                  <a:lnTo>
                    <a:pt x="589" y="92"/>
                  </a:lnTo>
                  <a:lnTo>
                    <a:pt x="589" y="87"/>
                  </a:lnTo>
                  <a:lnTo>
                    <a:pt x="590" y="82"/>
                  </a:lnTo>
                  <a:lnTo>
                    <a:pt x="590" y="80"/>
                  </a:lnTo>
                  <a:lnTo>
                    <a:pt x="592" y="80"/>
                  </a:lnTo>
                  <a:lnTo>
                    <a:pt x="594" y="78"/>
                  </a:lnTo>
                  <a:lnTo>
                    <a:pt x="597" y="76"/>
                  </a:lnTo>
                  <a:lnTo>
                    <a:pt x="599" y="75"/>
                  </a:lnTo>
                  <a:lnTo>
                    <a:pt x="606" y="65"/>
                  </a:lnTo>
                  <a:lnTo>
                    <a:pt x="607" y="56"/>
                  </a:lnTo>
                  <a:lnTo>
                    <a:pt x="606" y="48"/>
                  </a:lnTo>
                  <a:lnTo>
                    <a:pt x="600" y="41"/>
                  </a:lnTo>
                  <a:lnTo>
                    <a:pt x="594" y="36"/>
                  </a:lnTo>
                  <a:lnTo>
                    <a:pt x="587" y="32"/>
                  </a:lnTo>
                  <a:lnTo>
                    <a:pt x="582" y="31"/>
                  </a:lnTo>
                  <a:lnTo>
                    <a:pt x="578" y="29"/>
                  </a:lnTo>
                  <a:lnTo>
                    <a:pt x="567" y="29"/>
                  </a:lnTo>
                  <a:lnTo>
                    <a:pt x="560" y="26"/>
                  </a:lnTo>
                  <a:lnTo>
                    <a:pt x="555" y="24"/>
                  </a:lnTo>
                  <a:lnTo>
                    <a:pt x="555" y="19"/>
                  </a:lnTo>
                  <a:lnTo>
                    <a:pt x="555" y="16"/>
                  </a:lnTo>
                  <a:lnTo>
                    <a:pt x="555" y="14"/>
                  </a:lnTo>
                  <a:lnTo>
                    <a:pt x="556" y="10"/>
                  </a:lnTo>
                  <a:lnTo>
                    <a:pt x="556" y="9"/>
                  </a:lnTo>
                  <a:lnTo>
                    <a:pt x="553" y="5"/>
                  </a:lnTo>
                  <a:lnTo>
                    <a:pt x="550" y="2"/>
                  </a:lnTo>
                  <a:lnTo>
                    <a:pt x="545" y="2"/>
                  </a:lnTo>
                  <a:lnTo>
                    <a:pt x="541" y="4"/>
                  </a:lnTo>
                  <a:lnTo>
                    <a:pt x="536" y="5"/>
                  </a:lnTo>
                  <a:lnTo>
                    <a:pt x="533" y="5"/>
                  </a:lnTo>
                  <a:lnTo>
                    <a:pt x="531" y="7"/>
                  </a:lnTo>
                  <a:lnTo>
                    <a:pt x="529" y="9"/>
                  </a:lnTo>
                  <a:lnTo>
                    <a:pt x="531" y="9"/>
                  </a:lnTo>
                  <a:lnTo>
                    <a:pt x="531" y="10"/>
                  </a:lnTo>
                  <a:lnTo>
                    <a:pt x="531" y="14"/>
                  </a:lnTo>
                  <a:lnTo>
                    <a:pt x="531" y="17"/>
                  </a:lnTo>
                  <a:lnTo>
                    <a:pt x="529" y="19"/>
                  </a:lnTo>
                  <a:lnTo>
                    <a:pt x="526" y="21"/>
                  </a:lnTo>
                  <a:lnTo>
                    <a:pt x="521" y="22"/>
                  </a:lnTo>
                  <a:lnTo>
                    <a:pt x="512" y="19"/>
                  </a:lnTo>
                  <a:lnTo>
                    <a:pt x="499" y="14"/>
                  </a:lnTo>
                  <a:lnTo>
                    <a:pt x="497" y="12"/>
                  </a:lnTo>
                  <a:lnTo>
                    <a:pt x="494" y="10"/>
                  </a:lnTo>
                  <a:lnTo>
                    <a:pt x="489" y="9"/>
                  </a:lnTo>
                  <a:lnTo>
                    <a:pt x="484" y="7"/>
                  </a:lnTo>
                  <a:lnTo>
                    <a:pt x="480" y="4"/>
                  </a:lnTo>
                  <a:lnTo>
                    <a:pt x="475" y="2"/>
                  </a:lnTo>
                  <a:lnTo>
                    <a:pt x="472" y="0"/>
                  </a:lnTo>
                  <a:lnTo>
                    <a:pt x="468" y="34"/>
                  </a:lnTo>
                  <a:lnTo>
                    <a:pt x="463" y="39"/>
                  </a:lnTo>
                  <a:lnTo>
                    <a:pt x="463" y="41"/>
                  </a:lnTo>
                  <a:lnTo>
                    <a:pt x="462" y="46"/>
                  </a:lnTo>
                  <a:lnTo>
                    <a:pt x="460" y="51"/>
                  </a:lnTo>
                  <a:lnTo>
                    <a:pt x="457" y="58"/>
                  </a:lnTo>
                  <a:lnTo>
                    <a:pt x="453" y="65"/>
                  </a:lnTo>
                  <a:lnTo>
                    <a:pt x="450" y="68"/>
                  </a:lnTo>
                  <a:lnTo>
                    <a:pt x="446" y="71"/>
                  </a:lnTo>
                  <a:lnTo>
                    <a:pt x="443" y="70"/>
                  </a:lnTo>
                  <a:lnTo>
                    <a:pt x="443" y="71"/>
                  </a:lnTo>
                  <a:lnTo>
                    <a:pt x="443" y="75"/>
                  </a:lnTo>
                  <a:lnTo>
                    <a:pt x="441" y="78"/>
                  </a:lnTo>
                  <a:lnTo>
                    <a:pt x="440" y="83"/>
                  </a:lnTo>
                  <a:lnTo>
                    <a:pt x="438" y="88"/>
                  </a:lnTo>
                  <a:lnTo>
                    <a:pt x="435" y="92"/>
                  </a:lnTo>
                  <a:lnTo>
                    <a:pt x="433" y="92"/>
                  </a:lnTo>
                  <a:lnTo>
                    <a:pt x="430" y="88"/>
                  </a:lnTo>
                  <a:lnTo>
                    <a:pt x="428" y="88"/>
                  </a:lnTo>
                  <a:lnTo>
                    <a:pt x="426" y="87"/>
                  </a:lnTo>
                  <a:lnTo>
                    <a:pt x="424" y="85"/>
                  </a:lnTo>
                  <a:lnTo>
                    <a:pt x="421" y="85"/>
                  </a:lnTo>
                  <a:lnTo>
                    <a:pt x="419" y="87"/>
                  </a:lnTo>
                  <a:lnTo>
                    <a:pt x="416" y="88"/>
                  </a:lnTo>
                  <a:lnTo>
                    <a:pt x="414" y="95"/>
                  </a:lnTo>
                  <a:lnTo>
                    <a:pt x="414" y="105"/>
                  </a:lnTo>
                  <a:lnTo>
                    <a:pt x="414" y="107"/>
                  </a:lnTo>
                  <a:lnTo>
                    <a:pt x="414" y="109"/>
                  </a:lnTo>
                  <a:lnTo>
                    <a:pt x="413" y="112"/>
                  </a:lnTo>
                  <a:lnTo>
                    <a:pt x="413" y="114"/>
                  </a:lnTo>
                  <a:lnTo>
                    <a:pt x="411" y="115"/>
                  </a:lnTo>
                  <a:lnTo>
                    <a:pt x="411" y="117"/>
                  </a:lnTo>
                  <a:lnTo>
                    <a:pt x="411" y="119"/>
                  </a:lnTo>
                  <a:lnTo>
                    <a:pt x="411" y="120"/>
                  </a:lnTo>
                  <a:lnTo>
                    <a:pt x="409" y="124"/>
                  </a:lnTo>
                  <a:lnTo>
                    <a:pt x="408" y="131"/>
                  </a:lnTo>
                  <a:lnTo>
                    <a:pt x="406" y="136"/>
                  </a:lnTo>
                  <a:lnTo>
                    <a:pt x="401" y="139"/>
                  </a:lnTo>
                  <a:lnTo>
                    <a:pt x="396" y="141"/>
                  </a:lnTo>
                  <a:lnTo>
                    <a:pt x="389" y="139"/>
                  </a:lnTo>
                  <a:lnTo>
                    <a:pt x="379" y="132"/>
                  </a:lnTo>
                  <a:lnTo>
                    <a:pt x="377" y="131"/>
                  </a:lnTo>
                  <a:lnTo>
                    <a:pt x="374" y="129"/>
                  </a:lnTo>
                  <a:lnTo>
                    <a:pt x="370" y="127"/>
                  </a:lnTo>
                  <a:lnTo>
                    <a:pt x="367" y="127"/>
                  </a:lnTo>
                  <a:lnTo>
                    <a:pt x="364" y="129"/>
                  </a:lnTo>
                  <a:lnTo>
                    <a:pt x="362" y="132"/>
                  </a:lnTo>
                  <a:lnTo>
                    <a:pt x="362" y="139"/>
                  </a:lnTo>
                  <a:lnTo>
                    <a:pt x="364" y="149"/>
                  </a:lnTo>
                  <a:lnTo>
                    <a:pt x="364" y="151"/>
                  </a:lnTo>
                  <a:lnTo>
                    <a:pt x="364" y="154"/>
                  </a:lnTo>
                  <a:lnTo>
                    <a:pt x="362" y="156"/>
                  </a:lnTo>
                  <a:lnTo>
                    <a:pt x="360" y="158"/>
                  </a:lnTo>
                  <a:lnTo>
                    <a:pt x="360" y="161"/>
                  </a:lnTo>
                  <a:lnTo>
                    <a:pt x="358" y="163"/>
                  </a:lnTo>
                  <a:lnTo>
                    <a:pt x="358" y="164"/>
                  </a:lnTo>
                  <a:lnTo>
                    <a:pt x="357" y="164"/>
                  </a:lnTo>
                  <a:lnTo>
                    <a:pt x="355" y="176"/>
                  </a:lnTo>
                  <a:lnTo>
                    <a:pt x="353" y="178"/>
                  </a:lnTo>
                  <a:lnTo>
                    <a:pt x="352" y="180"/>
                  </a:lnTo>
                  <a:lnTo>
                    <a:pt x="352" y="181"/>
                  </a:lnTo>
                  <a:lnTo>
                    <a:pt x="350" y="185"/>
                  </a:lnTo>
                  <a:lnTo>
                    <a:pt x="348" y="190"/>
                  </a:lnTo>
                  <a:lnTo>
                    <a:pt x="347" y="197"/>
                  </a:lnTo>
                  <a:lnTo>
                    <a:pt x="347" y="203"/>
                  </a:lnTo>
                  <a:lnTo>
                    <a:pt x="347" y="207"/>
                  </a:lnTo>
                  <a:lnTo>
                    <a:pt x="343" y="210"/>
                  </a:lnTo>
                  <a:lnTo>
                    <a:pt x="340" y="215"/>
                  </a:lnTo>
                  <a:lnTo>
                    <a:pt x="336" y="220"/>
                  </a:lnTo>
                  <a:lnTo>
                    <a:pt x="333" y="225"/>
                  </a:lnTo>
                  <a:lnTo>
                    <a:pt x="330" y="230"/>
                  </a:lnTo>
                  <a:lnTo>
                    <a:pt x="328" y="236"/>
                  </a:lnTo>
                  <a:lnTo>
                    <a:pt x="326" y="241"/>
                  </a:lnTo>
                  <a:lnTo>
                    <a:pt x="326" y="242"/>
                  </a:lnTo>
                  <a:lnTo>
                    <a:pt x="326" y="244"/>
                  </a:lnTo>
                  <a:lnTo>
                    <a:pt x="326" y="246"/>
                  </a:lnTo>
                  <a:lnTo>
                    <a:pt x="326" y="249"/>
                  </a:lnTo>
                  <a:lnTo>
                    <a:pt x="326" y="251"/>
                  </a:lnTo>
                  <a:lnTo>
                    <a:pt x="326" y="252"/>
                  </a:lnTo>
                  <a:lnTo>
                    <a:pt x="326" y="254"/>
                  </a:lnTo>
                  <a:lnTo>
                    <a:pt x="331" y="258"/>
                  </a:lnTo>
                  <a:lnTo>
                    <a:pt x="325" y="266"/>
                  </a:lnTo>
                  <a:lnTo>
                    <a:pt x="330" y="273"/>
                  </a:lnTo>
                  <a:lnTo>
                    <a:pt x="313" y="285"/>
                  </a:lnTo>
                  <a:lnTo>
                    <a:pt x="311" y="285"/>
                  </a:lnTo>
                  <a:lnTo>
                    <a:pt x="308" y="283"/>
                  </a:lnTo>
                  <a:lnTo>
                    <a:pt x="304" y="283"/>
                  </a:lnTo>
                  <a:lnTo>
                    <a:pt x="299" y="283"/>
                  </a:lnTo>
                  <a:lnTo>
                    <a:pt x="296" y="285"/>
                  </a:lnTo>
                  <a:lnTo>
                    <a:pt x="291" y="290"/>
                  </a:lnTo>
                  <a:lnTo>
                    <a:pt x="289" y="296"/>
                  </a:lnTo>
                  <a:lnTo>
                    <a:pt x="287" y="295"/>
                  </a:lnTo>
                  <a:lnTo>
                    <a:pt x="286" y="293"/>
                  </a:lnTo>
                  <a:lnTo>
                    <a:pt x="282" y="293"/>
                  </a:lnTo>
                  <a:lnTo>
                    <a:pt x="277" y="291"/>
                  </a:lnTo>
                  <a:lnTo>
                    <a:pt x="274" y="291"/>
                  </a:lnTo>
                  <a:lnTo>
                    <a:pt x="272" y="293"/>
                  </a:lnTo>
                  <a:lnTo>
                    <a:pt x="272" y="296"/>
                  </a:lnTo>
                  <a:lnTo>
                    <a:pt x="274" y="303"/>
                  </a:lnTo>
                  <a:lnTo>
                    <a:pt x="274" y="305"/>
                  </a:lnTo>
                  <a:lnTo>
                    <a:pt x="272" y="307"/>
                  </a:lnTo>
                  <a:lnTo>
                    <a:pt x="270" y="307"/>
                  </a:lnTo>
                  <a:lnTo>
                    <a:pt x="267" y="308"/>
                  </a:lnTo>
                  <a:lnTo>
                    <a:pt x="264" y="310"/>
                  </a:lnTo>
                  <a:lnTo>
                    <a:pt x="262" y="312"/>
                  </a:lnTo>
                  <a:lnTo>
                    <a:pt x="260" y="312"/>
                  </a:lnTo>
                  <a:lnTo>
                    <a:pt x="259" y="313"/>
                  </a:lnTo>
                  <a:lnTo>
                    <a:pt x="255" y="315"/>
                  </a:lnTo>
                  <a:lnTo>
                    <a:pt x="250" y="317"/>
                  </a:lnTo>
                  <a:lnTo>
                    <a:pt x="243" y="318"/>
                  </a:lnTo>
                  <a:lnTo>
                    <a:pt x="238" y="318"/>
                  </a:lnTo>
                  <a:lnTo>
                    <a:pt x="233" y="318"/>
                  </a:lnTo>
                  <a:lnTo>
                    <a:pt x="230" y="317"/>
                  </a:lnTo>
                  <a:lnTo>
                    <a:pt x="228" y="312"/>
                  </a:lnTo>
                  <a:lnTo>
                    <a:pt x="226" y="315"/>
                  </a:lnTo>
                  <a:lnTo>
                    <a:pt x="223" y="318"/>
                  </a:lnTo>
                  <a:lnTo>
                    <a:pt x="220" y="322"/>
                  </a:lnTo>
                  <a:lnTo>
                    <a:pt x="215" y="327"/>
                  </a:lnTo>
                  <a:lnTo>
                    <a:pt x="210" y="329"/>
                  </a:lnTo>
                  <a:lnTo>
                    <a:pt x="204" y="329"/>
                  </a:lnTo>
                  <a:lnTo>
                    <a:pt x="198" y="327"/>
                  </a:lnTo>
                  <a:lnTo>
                    <a:pt x="196" y="327"/>
                  </a:lnTo>
                  <a:lnTo>
                    <a:pt x="193" y="327"/>
                  </a:lnTo>
                  <a:lnTo>
                    <a:pt x="189" y="325"/>
                  </a:lnTo>
                  <a:lnTo>
                    <a:pt x="186" y="324"/>
                  </a:lnTo>
                  <a:lnTo>
                    <a:pt x="181" y="322"/>
                  </a:lnTo>
                  <a:lnTo>
                    <a:pt x="176" y="317"/>
                  </a:lnTo>
                  <a:lnTo>
                    <a:pt x="171" y="312"/>
                  </a:lnTo>
                  <a:lnTo>
                    <a:pt x="167" y="305"/>
                  </a:lnTo>
                  <a:lnTo>
                    <a:pt x="166" y="302"/>
                  </a:lnTo>
                  <a:lnTo>
                    <a:pt x="166" y="298"/>
                  </a:lnTo>
                  <a:lnTo>
                    <a:pt x="166" y="295"/>
                  </a:lnTo>
                  <a:lnTo>
                    <a:pt x="164" y="293"/>
                  </a:lnTo>
                  <a:lnTo>
                    <a:pt x="140" y="325"/>
                  </a:lnTo>
                  <a:lnTo>
                    <a:pt x="140" y="324"/>
                  </a:lnTo>
                  <a:lnTo>
                    <a:pt x="142" y="324"/>
                  </a:lnTo>
                  <a:lnTo>
                    <a:pt x="142" y="322"/>
                  </a:lnTo>
                  <a:lnTo>
                    <a:pt x="144" y="320"/>
                  </a:lnTo>
                  <a:lnTo>
                    <a:pt x="145" y="318"/>
                  </a:lnTo>
                  <a:lnTo>
                    <a:pt x="144" y="318"/>
                  </a:lnTo>
                  <a:lnTo>
                    <a:pt x="142" y="320"/>
                  </a:lnTo>
                  <a:lnTo>
                    <a:pt x="140" y="325"/>
                  </a:lnTo>
                  <a:lnTo>
                    <a:pt x="135" y="330"/>
                  </a:lnTo>
                  <a:lnTo>
                    <a:pt x="130" y="334"/>
                  </a:lnTo>
                  <a:lnTo>
                    <a:pt x="125" y="337"/>
                  </a:lnTo>
                  <a:lnTo>
                    <a:pt x="118" y="340"/>
                  </a:lnTo>
                  <a:lnTo>
                    <a:pt x="113" y="344"/>
                  </a:lnTo>
                  <a:lnTo>
                    <a:pt x="108" y="347"/>
                  </a:lnTo>
                  <a:lnTo>
                    <a:pt x="105" y="351"/>
                  </a:lnTo>
                  <a:lnTo>
                    <a:pt x="103" y="357"/>
                  </a:lnTo>
                  <a:lnTo>
                    <a:pt x="101" y="361"/>
                  </a:lnTo>
                  <a:lnTo>
                    <a:pt x="100" y="364"/>
                  </a:lnTo>
                  <a:lnTo>
                    <a:pt x="98" y="368"/>
                  </a:lnTo>
                  <a:lnTo>
                    <a:pt x="96" y="371"/>
                  </a:lnTo>
                  <a:lnTo>
                    <a:pt x="94" y="373"/>
                  </a:lnTo>
                  <a:lnTo>
                    <a:pt x="93" y="374"/>
                  </a:lnTo>
                  <a:lnTo>
                    <a:pt x="91" y="376"/>
                  </a:lnTo>
                  <a:lnTo>
                    <a:pt x="89" y="379"/>
                  </a:lnTo>
                  <a:lnTo>
                    <a:pt x="89" y="381"/>
                  </a:lnTo>
                  <a:lnTo>
                    <a:pt x="88" y="383"/>
                  </a:lnTo>
                  <a:lnTo>
                    <a:pt x="88" y="384"/>
                  </a:lnTo>
                  <a:lnTo>
                    <a:pt x="88" y="388"/>
                  </a:lnTo>
                  <a:lnTo>
                    <a:pt x="86" y="388"/>
                  </a:lnTo>
                  <a:lnTo>
                    <a:pt x="84" y="390"/>
                  </a:lnTo>
                  <a:lnTo>
                    <a:pt x="84" y="391"/>
                  </a:lnTo>
                  <a:lnTo>
                    <a:pt x="81" y="391"/>
                  </a:lnTo>
                  <a:lnTo>
                    <a:pt x="76" y="395"/>
                  </a:lnTo>
                  <a:lnTo>
                    <a:pt x="71" y="396"/>
                  </a:lnTo>
                  <a:lnTo>
                    <a:pt x="67" y="400"/>
                  </a:lnTo>
                  <a:lnTo>
                    <a:pt x="66" y="401"/>
                  </a:lnTo>
                  <a:lnTo>
                    <a:pt x="64" y="405"/>
                  </a:lnTo>
                  <a:lnTo>
                    <a:pt x="62" y="406"/>
                  </a:lnTo>
                  <a:lnTo>
                    <a:pt x="62" y="408"/>
                  </a:lnTo>
                  <a:lnTo>
                    <a:pt x="61" y="410"/>
                  </a:lnTo>
                  <a:lnTo>
                    <a:pt x="59" y="410"/>
                  </a:lnTo>
                  <a:lnTo>
                    <a:pt x="56" y="412"/>
                  </a:lnTo>
                  <a:lnTo>
                    <a:pt x="52" y="413"/>
                  </a:lnTo>
                  <a:lnTo>
                    <a:pt x="47" y="417"/>
                  </a:lnTo>
                  <a:lnTo>
                    <a:pt x="42" y="418"/>
                  </a:lnTo>
                  <a:lnTo>
                    <a:pt x="37" y="422"/>
                  </a:lnTo>
                  <a:lnTo>
                    <a:pt x="32" y="423"/>
                  </a:lnTo>
                  <a:lnTo>
                    <a:pt x="27" y="427"/>
                  </a:lnTo>
                  <a:lnTo>
                    <a:pt x="22" y="428"/>
                  </a:lnTo>
                  <a:lnTo>
                    <a:pt x="17" y="432"/>
                  </a:lnTo>
                  <a:lnTo>
                    <a:pt x="12" y="434"/>
                  </a:lnTo>
                  <a:lnTo>
                    <a:pt x="8" y="435"/>
                  </a:lnTo>
                  <a:lnTo>
                    <a:pt x="5" y="437"/>
                  </a:lnTo>
                  <a:lnTo>
                    <a:pt x="1" y="439"/>
                  </a:lnTo>
                  <a:lnTo>
                    <a:pt x="0" y="440"/>
                  </a:lnTo>
                  <a:lnTo>
                    <a:pt x="181" y="413"/>
                  </a:lnTo>
                  <a:lnTo>
                    <a:pt x="193" y="406"/>
                  </a:lnTo>
                  <a:lnTo>
                    <a:pt x="208" y="406"/>
                  </a:lnTo>
                  <a:lnTo>
                    <a:pt x="210" y="406"/>
                  </a:lnTo>
                  <a:lnTo>
                    <a:pt x="213" y="406"/>
                  </a:lnTo>
                  <a:lnTo>
                    <a:pt x="218" y="406"/>
                  </a:lnTo>
                  <a:lnTo>
                    <a:pt x="223" y="405"/>
                  </a:lnTo>
                  <a:lnTo>
                    <a:pt x="230" y="405"/>
                  </a:lnTo>
                  <a:lnTo>
                    <a:pt x="238" y="403"/>
                  </a:lnTo>
                  <a:lnTo>
                    <a:pt x="248" y="403"/>
                  </a:lnTo>
                  <a:lnTo>
                    <a:pt x="259" y="401"/>
                  </a:lnTo>
                  <a:lnTo>
                    <a:pt x="270" y="400"/>
                  </a:lnTo>
                  <a:lnTo>
                    <a:pt x="282" y="398"/>
                  </a:lnTo>
                  <a:lnTo>
                    <a:pt x="296" y="396"/>
                  </a:lnTo>
                  <a:lnTo>
                    <a:pt x="311" y="395"/>
                  </a:lnTo>
                  <a:lnTo>
                    <a:pt x="326" y="393"/>
                  </a:lnTo>
                  <a:lnTo>
                    <a:pt x="343" y="391"/>
                  </a:lnTo>
                  <a:lnTo>
                    <a:pt x="360" y="388"/>
                  </a:lnTo>
                  <a:lnTo>
                    <a:pt x="379" y="386"/>
                  </a:lnTo>
                  <a:lnTo>
                    <a:pt x="399" y="383"/>
                  </a:lnTo>
                  <a:lnTo>
                    <a:pt x="419" y="379"/>
                  </a:lnTo>
                  <a:lnTo>
                    <a:pt x="441" y="376"/>
                  </a:lnTo>
                  <a:lnTo>
                    <a:pt x="463" y="373"/>
                  </a:lnTo>
                  <a:lnTo>
                    <a:pt x="485" y="368"/>
                  </a:lnTo>
                  <a:lnTo>
                    <a:pt x="509" y="364"/>
                  </a:lnTo>
                  <a:lnTo>
                    <a:pt x="534" y="359"/>
                  </a:lnTo>
                  <a:lnTo>
                    <a:pt x="560" y="356"/>
                  </a:lnTo>
                  <a:lnTo>
                    <a:pt x="585" y="351"/>
                  </a:lnTo>
                  <a:lnTo>
                    <a:pt x="612" y="344"/>
                  </a:lnTo>
                  <a:lnTo>
                    <a:pt x="639" y="339"/>
                  </a:lnTo>
                  <a:lnTo>
                    <a:pt x="668" y="332"/>
                  </a:lnTo>
                  <a:lnTo>
                    <a:pt x="697" y="327"/>
                  </a:lnTo>
                  <a:lnTo>
                    <a:pt x="726" y="320"/>
                  </a:lnTo>
                  <a:lnTo>
                    <a:pt x="756" y="312"/>
                  </a:lnTo>
                  <a:lnTo>
                    <a:pt x="761" y="310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11" name="Freeform 56"/>
            <p:cNvSpPr>
              <a:spLocks/>
            </p:cNvSpPr>
            <p:nvPr/>
          </p:nvSpPr>
          <p:spPr bwMode="auto">
            <a:xfrm>
              <a:off x="2028" y="1485"/>
              <a:ext cx="671" cy="471"/>
            </a:xfrm>
            <a:custGeom>
              <a:avLst/>
              <a:gdLst>
                <a:gd name="T0" fmla="*/ 341 w 690"/>
                <a:gd name="T1" fmla="*/ 339 h 476"/>
                <a:gd name="T2" fmla="*/ 355 w 690"/>
                <a:gd name="T3" fmla="*/ 352 h 476"/>
                <a:gd name="T4" fmla="*/ 363 w 690"/>
                <a:gd name="T5" fmla="*/ 361 h 476"/>
                <a:gd name="T6" fmla="*/ 371 w 690"/>
                <a:gd name="T7" fmla="*/ 366 h 476"/>
                <a:gd name="T8" fmla="*/ 377 w 690"/>
                <a:gd name="T9" fmla="*/ 357 h 476"/>
                <a:gd name="T10" fmla="*/ 415 w 690"/>
                <a:gd name="T11" fmla="*/ 354 h 476"/>
                <a:gd name="T12" fmla="*/ 429 w 690"/>
                <a:gd name="T13" fmla="*/ 366 h 476"/>
                <a:gd name="T14" fmla="*/ 435 w 690"/>
                <a:gd name="T15" fmla="*/ 369 h 476"/>
                <a:gd name="T16" fmla="*/ 448 w 690"/>
                <a:gd name="T17" fmla="*/ 377 h 476"/>
                <a:gd name="T18" fmla="*/ 453 w 690"/>
                <a:gd name="T19" fmla="*/ 389 h 476"/>
                <a:gd name="T20" fmla="*/ 456 w 690"/>
                <a:gd name="T21" fmla="*/ 396 h 476"/>
                <a:gd name="T22" fmla="*/ 463 w 690"/>
                <a:gd name="T23" fmla="*/ 404 h 476"/>
                <a:gd name="T24" fmla="*/ 467 w 690"/>
                <a:gd name="T25" fmla="*/ 410 h 476"/>
                <a:gd name="T26" fmla="*/ 462 w 690"/>
                <a:gd name="T27" fmla="*/ 381 h 476"/>
                <a:gd name="T28" fmla="*/ 466 w 690"/>
                <a:gd name="T29" fmla="*/ 315 h 476"/>
                <a:gd name="T30" fmla="*/ 460 w 690"/>
                <a:gd name="T31" fmla="*/ 305 h 476"/>
                <a:gd name="T32" fmla="*/ 458 w 690"/>
                <a:gd name="T33" fmla="*/ 288 h 476"/>
                <a:gd name="T34" fmla="*/ 465 w 690"/>
                <a:gd name="T35" fmla="*/ 86 h 476"/>
                <a:gd name="T36" fmla="*/ 456 w 690"/>
                <a:gd name="T37" fmla="*/ 76 h 476"/>
                <a:gd name="T38" fmla="*/ 448 w 690"/>
                <a:gd name="T39" fmla="*/ 66 h 476"/>
                <a:gd name="T40" fmla="*/ 442 w 690"/>
                <a:gd name="T41" fmla="*/ 59 h 476"/>
                <a:gd name="T42" fmla="*/ 445 w 690"/>
                <a:gd name="T43" fmla="*/ 47 h 476"/>
                <a:gd name="T44" fmla="*/ 449 w 690"/>
                <a:gd name="T45" fmla="*/ 47 h 476"/>
                <a:gd name="T46" fmla="*/ 459 w 690"/>
                <a:gd name="T47" fmla="*/ 26 h 476"/>
                <a:gd name="T48" fmla="*/ 454 w 690"/>
                <a:gd name="T49" fmla="*/ 27 h 476"/>
                <a:gd name="T50" fmla="*/ 433 w 690"/>
                <a:gd name="T51" fmla="*/ 26 h 476"/>
                <a:gd name="T52" fmla="*/ 395 w 690"/>
                <a:gd name="T53" fmla="*/ 24 h 476"/>
                <a:gd name="T54" fmla="*/ 348 w 690"/>
                <a:gd name="T55" fmla="*/ 22 h 476"/>
                <a:gd name="T56" fmla="*/ 292 w 690"/>
                <a:gd name="T57" fmla="*/ 19 h 476"/>
                <a:gd name="T58" fmla="*/ 234 w 690"/>
                <a:gd name="T59" fmla="*/ 17 h 476"/>
                <a:gd name="T60" fmla="*/ 177 w 690"/>
                <a:gd name="T61" fmla="*/ 14 h 476"/>
                <a:gd name="T62" fmla="*/ 122 w 690"/>
                <a:gd name="T63" fmla="*/ 10 h 476"/>
                <a:gd name="T64" fmla="*/ 76 w 690"/>
                <a:gd name="T65" fmla="*/ 7 h 476"/>
                <a:gd name="T66" fmla="*/ 43 w 690"/>
                <a:gd name="T67" fmla="*/ 4 h 476"/>
                <a:gd name="T68" fmla="*/ 18 w 690"/>
                <a:gd name="T69" fmla="*/ 0 h 476"/>
                <a:gd name="T70" fmla="*/ 0 w 690"/>
                <a:gd name="T71" fmla="*/ 315 h 476"/>
                <a:gd name="T72" fmla="*/ 18 w 690"/>
                <a:gd name="T73" fmla="*/ 318 h 476"/>
                <a:gd name="T74" fmla="*/ 45 w 690"/>
                <a:gd name="T75" fmla="*/ 321 h 476"/>
                <a:gd name="T76" fmla="*/ 80 w 690"/>
                <a:gd name="T77" fmla="*/ 321 h 476"/>
                <a:gd name="T78" fmla="*/ 121 w 690"/>
                <a:gd name="T79" fmla="*/ 324 h 476"/>
                <a:gd name="T80" fmla="*/ 165 w 690"/>
                <a:gd name="T81" fmla="*/ 327 h 476"/>
                <a:gd name="T82" fmla="*/ 211 w 690"/>
                <a:gd name="T83" fmla="*/ 329 h 476"/>
                <a:gd name="T84" fmla="*/ 254 w 690"/>
                <a:gd name="T85" fmla="*/ 330 h 476"/>
                <a:gd name="T86" fmla="*/ 289 w 690"/>
                <a:gd name="T87" fmla="*/ 332 h 476"/>
                <a:gd name="T88" fmla="*/ 317 w 690"/>
                <a:gd name="T89" fmla="*/ 334 h 476"/>
                <a:gd name="T90" fmla="*/ 333 w 690"/>
                <a:gd name="T91" fmla="*/ 335 h 47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w 690"/>
                <a:gd name="T139" fmla="*/ 0 h 476"/>
                <a:gd name="T140" fmla="*/ 690 w 690"/>
                <a:gd name="T141" fmla="*/ 476 h 47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T138" t="T139" r="T140" b="T141"/>
              <a:pathLst>
                <a:path w="690" h="476">
                  <a:moveTo>
                    <a:pt x="497" y="391"/>
                  </a:moveTo>
                  <a:lnTo>
                    <a:pt x="499" y="391"/>
                  </a:lnTo>
                  <a:lnTo>
                    <a:pt x="504" y="395"/>
                  </a:lnTo>
                  <a:lnTo>
                    <a:pt x="511" y="398"/>
                  </a:lnTo>
                  <a:lnTo>
                    <a:pt x="518" y="403"/>
                  </a:lnTo>
                  <a:lnTo>
                    <a:pt x="525" y="408"/>
                  </a:lnTo>
                  <a:lnTo>
                    <a:pt x="531" y="412"/>
                  </a:lnTo>
                  <a:lnTo>
                    <a:pt x="536" y="415"/>
                  </a:lnTo>
                  <a:lnTo>
                    <a:pt x="538" y="417"/>
                  </a:lnTo>
                  <a:lnTo>
                    <a:pt x="541" y="420"/>
                  </a:lnTo>
                  <a:lnTo>
                    <a:pt x="545" y="422"/>
                  </a:lnTo>
                  <a:lnTo>
                    <a:pt x="548" y="422"/>
                  </a:lnTo>
                  <a:lnTo>
                    <a:pt x="552" y="418"/>
                  </a:lnTo>
                  <a:lnTo>
                    <a:pt x="555" y="417"/>
                  </a:lnTo>
                  <a:lnTo>
                    <a:pt x="558" y="413"/>
                  </a:lnTo>
                  <a:lnTo>
                    <a:pt x="560" y="412"/>
                  </a:lnTo>
                  <a:lnTo>
                    <a:pt x="560" y="410"/>
                  </a:lnTo>
                  <a:lnTo>
                    <a:pt x="613" y="410"/>
                  </a:lnTo>
                  <a:lnTo>
                    <a:pt x="624" y="420"/>
                  </a:lnTo>
                  <a:lnTo>
                    <a:pt x="635" y="420"/>
                  </a:lnTo>
                  <a:lnTo>
                    <a:pt x="635" y="422"/>
                  </a:lnTo>
                  <a:lnTo>
                    <a:pt x="638" y="423"/>
                  </a:lnTo>
                  <a:lnTo>
                    <a:pt x="641" y="425"/>
                  </a:lnTo>
                  <a:lnTo>
                    <a:pt x="643" y="425"/>
                  </a:lnTo>
                  <a:lnTo>
                    <a:pt x="651" y="427"/>
                  </a:lnTo>
                  <a:lnTo>
                    <a:pt x="657" y="430"/>
                  </a:lnTo>
                  <a:lnTo>
                    <a:pt x="662" y="435"/>
                  </a:lnTo>
                  <a:lnTo>
                    <a:pt x="665" y="440"/>
                  </a:lnTo>
                  <a:lnTo>
                    <a:pt x="668" y="445"/>
                  </a:lnTo>
                  <a:lnTo>
                    <a:pt x="670" y="450"/>
                  </a:lnTo>
                  <a:lnTo>
                    <a:pt x="672" y="454"/>
                  </a:lnTo>
                  <a:lnTo>
                    <a:pt x="673" y="456"/>
                  </a:lnTo>
                  <a:lnTo>
                    <a:pt x="675" y="459"/>
                  </a:lnTo>
                  <a:lnTo>
                    <a:pt x="679" y="461"/>
                  </a:lnTo>
                  <a:lnTo>
                    <a:pt x="682" y="466"/>
                  </a:lnTo>
                  <a:lnTo>
                    <a:pt x="684" y="469"/>
                  </a:lnTo>
                  <a:lnTo>
                    <a:pt x="687" y="471"/>
                  </a:lnTo>
                  <a:lnTo>
                    <a:pt x="689" y="474"/>
                  </a:lnTo>
                  <a:lnTo>
                    <a:pt x="690" y="476"/>
                  </a:lnTo>
                  <a:lnTo>
                    <a:pt x="690" y="461"/>
                  </a:lnTo>
                  <a:lnTo>
                    <a:pt x="682" y="440"/>
                  </a:lnTo>
                  <a:lnTo>
                    <a:pt x="673" y="428"/>
                  </a:lnTo>
                  <a:lnTo>
                    <a:pt x="675" y="420"/>
                  </a:lnTo>
                  <a:lnTo>
                    <a:pt x="689" y="366"/>
                  </a:lnTo>
                  <a:lnTo>
                    <a:pt x="675" y="366"/>
                  </a:lnTo>
                  <a:lnTo>
                    <a:pt x="677" y="357"/>
                  </a:lnTo>
                  <a:lnTo>
                    <a:pt x="680" y="352"/>
                  </a:lnTo>
                  <a:lnTo>
                    <a:pt x="679" y="344"/>
                  </a:lnTo>
                  <a:lnTo>
                    <a:pt x="675" y="335"/>
                  </a:lnTo>
                  <a:lnTo>
                    <a:pt x="677" y="330"/>
                  </a:lnTo>
                  <a:lnTo>
                    <a:pt x="689" y="330"/>
                  </a:lnTo>
                  <a:lnTo>
                    <a:pt x="689" y="102"/>
                  </a:lnTo>
                  <a:lnTo>
                    <a:pt x="687" y="100"/>
                  </a:lnTo>
                  <a:lnTo>
                    <a:pt x="685" y="98"/>
                  </a:lnTo>
                  <a:lnTo>
                    <a:pt x="680" y="95"/>
                  </a:lnTo>
                  <a:lnTo>
                    <a:pt x="675" y="90"/>
                  </a:lnTo>
                  <a:lnTo>
                    <a:pt x="670" y="87"/>
                  </a:lnTo>
                  <a:lnTo>
                    <a:pt x="665" y="83"/>
                  </a:lnTo>
                  <a:lnTo>
                    <a:pt x="662" y="80"/>
                  </a:lnTo>
                  <a:lnTo>
                    <a:pt x="660" y="80"/>
                  </a:lnTo>
                  <a:lnTo>
                    <a:pt x="657" y="76"/>
                  </a:lnTo>
                  <a:lnTo>
                    <a:pt x="655" y="73"/>
                  </a:lnTo>
                  <a:lnTo>
                    <a:pt x="655" y="68"/>
                  </a:lnTo>
                  <a:lnTo>
                    <a:pt x="657" y="65"/>
                  </a:lnTo>
                  <a:lnTo>
                    <a:pt x="658" y="61"/>
                  </a:lnTo>
                  <a:lnTo>
                    <a:pt x="660" y="58"/>
                  </a:lnTo>
                  <a:lnTo>
                    <a:pt x="662" y="56"/>
                  </a:lnTo>
                  <a:lnTo>
                    <a:pt x="663" y="54"/>
                  </a:lnTo>
                  <a:lnTo>
                    <a:pt x="679" y="36"/>
                  </a:lnTo>
                  <a:lnTo>
                    <a:pt x="677" y="27"/>
                  </a:lnTo>
                  <a:lnTo>
                    <a:pt x="679" y="26"/>
                  </a:lnTo>
                  <a:lnTo>
                    <a:pt x="679" y="27"/>
                  </a:lnTo>
                  <a:lnTo>
                    <a:pt x="677" y="27"/>
                  </a:lnTo>
                  <a:lnTo>
                    <a:pt x="672" y="27"/>
                  </a:lnTo>
                  <a:lnTo>
                    <a:pt x="663" y="26"/>
                  </a:lnTo>
                  <a:lnTo>
                    <a:pt x="653" y="26"/>
                  </a:lnTo>
                  <a:lnTo>
                    <a:pt x="640" y="26"/>
                  </a:lnTo>
                  <a:lnTo>
                    <a:pt x="623" y="26"/>
                  </a:lnTo>
                  <a:lnTo>
                    <a:pt x="606" y="24"/>
                  </a:lnTo>
                  <a:lnTo>
                    <a:pt x="585" y="24"/>
                  </a:lnTo>
                  <a:lnTo>
                    <a:pt x="563" y="24"/>
                  </a:lnTo>
                  <a:lnTo>
                    <a:pt x="540" y="22"/>
                  </a:lnTo>
                  <a:lnTo>
                    <a:pt x="514" y="22"/>
                  </a:lnTo>
                  <a:lnTo>
                    <a:pt x="489" y="22"/>
                  </a:lnTo>
                  <a:lnTo>
                    <a:pt x="462" y="21"/>
                  </a:lnTo>
                  <a:lnTo>
                    <a:pt x="433" y="19"/>
                  </a:lnTo>
                  <a:lnTo>
                    <a:pt x="404" y="19"/>
                  </a:lnTo>
                  <a:lnTo>
                    <a:pt x="376" y="17"/>
                  </a:lnTo>
                  <a:lnTo>
                    <a:pt x="347" y="17"/>
                  </a:lnTo>
                  <a:lnTo>
                    <a:pt x="318" y="16"/>
                  </a:lnTo>
                  <a:lnTo>
                    <a:pt x="289" y="14"/>
                  </a:lnTo>
                  <a:lnTo>
                    <a:pt x="261" y="14"/>
                  </a:lnTo>
                  <a:lnTo>
                    <a:pt x="233" y="12"/>
                  </a:lnTo>
                  <a:lnTo>
                    <a:pt x="206" y="10"/>
                  </a:lnTo>
                  <a:lnTo>
                    <a:pt x="181" y="10"/>
                  </a:lnTo>
                  <a:lnTo>
                    <a:pt x="156" y="9"/>
                  </a:lnTo>
                  <a:lnTo>
                    <a:pt x="134" y="9"/>
                  </a:lnTo>
                  <a:lnTo>
                    <a:pt x="112" y="7"/>
                  </a:lnTo>
                  <a:lnTo>
                    <a:pt x="93" y="5"/>
                  </a:lnTo>
                  <a:lnTo>
                    <a:pt x="76" y="4"/>
                  </a:lnTo>
                  <a:lnTo>
                    <a:pt x="61" y="4"/>
                  </a:lnTo>
                  <a:lnTo>
                    <a:pt x="49" y="2"/>
                  </a:lnTo>
                  <a:lnTo>
                    <a:pt x="39" y="0"/>
                  </a:lnTo>
                  <a:lnTo>
                    <a:pt x="32" y="0"/>
                  </a:lnTo>
                  <a:lnTo>
                    <a:pt x="22" y="119"/>
                  </a:lnTo>
                  <a:lnTo>
                    <a:pt x="22" y="117"/>
                  </a:lnTo>
                  <a:lnTo>
                    <a:pt x="0" y="366"/>
                  </a:lnTo>
                  <a:lnTo>
                    <a:pt x="7" y="368"/>
                  </a:lnTo>
                  <a:lnTo>
                    <a:pt x="13" y="368"/>
                  </a:lnTo>
                  <a:lnTo>
                    <a:pt x="24" y="369"/>
                  </a:lnTo>
                  <a:lnTo>
                    <a:pt x="35" y="369"/>
                  </a:lnTo>
                  <a:lnTo>
                    <a:pt x="49" y="371"/>
                  </a:lnTo>
                  <a:lnTo>
                    <a:pt x="64" y="373"/>
                  </a:lnTo>
                  <a:lnTo>
                    <a:pt x="81" y="373"/>
                  </a:lnTo>
                  <a:lnTo>
                    <a:pt x="98" y="374"/>
                  </a:lnTo>
                  <a:lnTo>
                    <a:pt x="118" y="374"/>
                  </a:lnTo>
                  <a:lnTo>
                    <a:pt x="137" y="376"/>
                  </a:lnTo>
                  <a:lnTo>
                    <a:pt x="157" y="378"/>
                  </a:lnTo>
                  <a:lnTo>
                    <a:pt x="179" y="378"/>
                  </a:lnTo>
                  <a:lnTo>
                    <a:pt x="201" y="379"/>
                  </a:lnTo>
                  <a:lnTo>
                    <a:pt x="223" y="379"/>
                  </a:lnTo>
                  <a:lnTo>
                    <a:pt x="245" y="381"/>
                  </a:lnTo>
                  <a:lnTo>
                    <a:pt x="267" y="381"/>
                  </a:lnTo>
                  <a:lnTo>
                    <a:pt x="289" y="383"/>
                  </a:lnTo>
                  <a:lnTo>
                    <a:pt x="311" y="384"/>
                  </a:lnTo>
                  <a:lnTo>
                    <a:pt x="333" y="384"/>
                  </a:lnTo>
                  <a:lnTo>
                    <a:pt x="354" y="386"/>
                  </a:lnTo>
                  <a:lnTo>
                    <a:pt x="374" y="386"/>
                  </a:lnTo>
                  <a:lnTo>
                    <a:pt x="393" y="386"/>
                  </a:lnTo>
                  <a:lnTo>
                    <a:pt x="409" y="388"/>
                  </a:lnTo>
                  <a:lnTo>
                    <a:pt x="426" y="388"/>
                  </a:lnTo>
                  <a:lnTo>
                    <a:pt x="443" y="390"/>
                  </a:lnTo>
                  <a:lnTo>
                    <a:pt x="457" y="390"/>
                  </a:lnTo>
                  <a:lnTo>
                    <a:pt x="469" y="390"/>
                  </a:lnTo>
                  <a:lnTo>
                    <a:pt x="479" y="390"/>
                  </a:lnTo>
                  <a:lnTo>
                    <a:pt x="487" y="390"/>
                  </a:lnTo>
                  <a:lnTo>
                    <a:pt x="492" y="391"/>
                  </a:lnTo>
                  <a:lnTo>
                    <a:pt x="496" y="391"/>
                  </a:lnTo>
                  <a:lnTo>
                    <a:pt x="497" y="391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12" name="Freeform 57"/>
            <p:cNvSpPr>
              <a:spLocks/>
            </p:cNvSpPr>
            <p:nvPr/>
          </p:nvSpPr>
          <p:spPr bwMode="auto">
            <a:xfrm>
              <a:off x="2059" y="1121"/>
              <a:ext cx="630" cy="394"/>
            </a:xfrm>
            <a:custGeom>
              <a:avLst/>
              <a:gdLst>
                <a:gd name="T0" fmla="*/ 0 w 648"/>
                <a:gd name="T1" fmla="*/ 246 h 406"/>
                <a:gd name="T2" fmla="*/ 0 w 648"/>
                <a:gd name="T3" fmla="*/ 233 h 406"/>
                <a:gd name="T4" fmla="*/ 3 w 648"/>
                <a:gd name="T5" fmla="*/ 209 h 406"/>
                <a:gd name="T6" fmla="*/ 7 w 648"/>
                <a:gd name="T7" fmla="*/ 180 h 406"/>
                <a:gd name="T8" fmla="*/ 10 w 648"/>
                <a:gd name="T9" fmla="*/ 147 h 406"/>
                <a:gd name="T10" fmla="*/ 15 w 648"/>
                <a:gd name="T11" fmla="*/ 112 h 406"/>
                <a:gd name="T12" fmla="*/ 18 w 648"/>
                <a:gd name="T13" fmla="*/ 79 h 406"/>
                <a:gd name="T14" fmla="*/ 18 w 648"/>
                <a:gd name="T15" fmla="*/ 47 h 406"/>
                <a:gd name="T16" fmla="*/ 18 w 648"/>
                <a:gd name="T17" fmla="*/ 22 h 406"/>
                <a:gd name="T18" fmla="*/ 18 w 648"/>
                <a:gd name="T19" fmla="*/ 9 h 406"/>
                <a:gd name="T20" fmla="*/ 18 w 648"/>
                <a:gd name="T21" fmla="*/ 0 h 406"/>
                <a:gd name="T22" fmla="*/ 22 w 648"/>
                <a:gd name="T23" fmla="*/ 4 h 406"/>
                <a:gd name="T24" fmla="*/ 44 w 648"/>
                <a:gd name="T25" fmla="*/ 4 h 406"/>
                <a:gd name="T26" fmla="*/ 73 w 648"/>
                <a:gd name="T27" fmla="*/ 7 h 406"/>
                <a:gd name="T28" fmla="*/ 111 w 648"/>
                <a:gd name="T29" fmla="*/ 9 h 406"/>
                <a:gd name="T30" fmla="*/ 157 w 648"/>
                <a:gd name="T31" fmla="*/ 12 h 406"/>
                <a:gd name="T32" fmla="*/ 207 w 648"/>
                <a:gd name="T33" fmla="*/ 15 h 406"/>
                <a:gd name="T34" fmla="*/ 256 w 648"/>
                <a:gd name="T35" fmla="*/ 16 h 406"/>
                <a:gd name="T36" fmla="*/ 303 w 648"/>
                <a:gd name="T37" fmla="*/ 16 h 406"/>
                <a:gd name="T38" fmla="*/ 345 w 648"/>
                <a:gd name="T39" fmla="*/ 16 h 406"/>
                <a:gd name="T40" fmla="*/ 379 w 648"/>
                <a:gd name="T41" fmla="*/ 16 h 406"/>
                <a:gd name="T42" fmla="*/ 401 w 648"/>
                <a:gd name="T43" fmla="*/ 16 h 406"/>
                <a:gd name="T44" fmla="*/ 405 w 648"/>
                <a:gd name="T45" fmla="*/ 44 h 406"/>
                <a:gd name="T46" fmla="*/ 403 w 648"/>
                <a:gd name="T47" fmla="*/ 56 h 406"/>
                <a:gd name="T48" fmla="*/ 403 w 648"/>
                <a:gd name="T49" fmla="*/ 73 h 406"/>
                <a:gd name="T50" fmla="*/ 405 w 648"/>
                <a:gd name="T51" fmla="*/ 91 h 406"/>
                <a:gd name="T52" fmla="*/ 410 w 648"/>
                <a:gd name="T53" fmla="*/ 108 h 406"/>
                <a:gd name="T54" fmla="*/ 415 w 648"/>
                <a:gd name="T55" fmla="*/ 116 h 406"/>
                <a:gd name="T56" fmla="*/ 417 w 648"/>
                <a:gd name="T57" fmla="*/ 128 h 406"/>
                <a:gd name="T58" fmla="*/ 421 w 648"/>
                <a:gd name="T59" fmla="*/ 147 h 406"/>
                <a:gd name="T60" fmla="*/ 422 w 648"/>
                <a:gd name="T61" fmla="*/ 159 h 406"/>
                <a:gd name="T62" fmla="*/ 422 w 648"/>
                <a:gd name="T63" fmla="*/ 173 h 406"/>
                <a:gd name="T64" fmla="*/ 422 w 648"/>
                <a:gd name="T65" fmla="*/ 180 h 406"/>
                <a:gd name="T66" fmla="*/ 426 w 648"/>
                <a:gd name="T67" fmla="*/ 224 h 406"/>
                <a:gd name="T68" fmla="*/ 436 w 648"/>
                <a:gd name="T69" fmla="*/ 266 h 406"/>
                <a:gd name="T70" fmla="*/ 432 w 648"/>
                <a:gd name="T71" fmla="*/ 267 h 406"/>
                <a:gd name="T72" fmla="*/ 410 w 648"/>
                <a:gd name="T73" fmla="*/ 266 h 406"/>
                <a:gd name="T74" fmla="*/ 372 w 648"/>
                <a:gd name="T75" fmla="*/ 264 h 406"/>
                <a:gd name="T76" fmla="*/ 325 w 648"/>
                <a:gd name="T77" fmla="*/ 263 h 406"/>
                <a:gd name="T78" fmla="*/ 270 w 648"/>
                <a:gd name="T79" fmla="*/ 262 h 406"/>
                <a:gd name="T80" fmla="*/ 213 w 648"/>
                <a:gd name="T81" fmla="*/ 261 h 406"/>
                <a:gd name="T82" fmla="*/ 154 w 648"/>
                <a:gd name="T83" fmla="*/ 258 h 406"/>
                <a:gd name="T84" fmla="*/ 101 w 648"/>
                <a:gd name="T85" fmla="*/ 255 h 406"/>
                <a:gd name="T86" fmla="*/ 52 w 648"/>
                <a:gd name="T87" fmla="*/ 254 h 406"/>
                <a:gd name="T88" fmla="*/ 18 w 648"/>
                <a:gd name="T89" fmla="*/ 252 h 406"/>
                <a:gd name="T90" fmla="*/ 0 w 648"/>
                <a:gd name="T91" fmla="*/ 248 h 40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w 648"/>
                <a:gd name="T139" fmla="*/ 0 h 406"/>
                <a:gd name="T140" fmla="*/ 648 w 648"/>
                <a:gd name="T141" fmla="*/ 406 h 406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T138" t="T139" r="T140" b="T141"/>
              <a:pathLst>
                <a:path w="648" h="406">
                  <a:moveTo>
                    <a:pt x="0" y="379"/>
                  </a:moveTo>
                  <a:lnTo>
                    <a:pt x="0" y="378"/>
                  </a:lnTo>
                  <a:lnTo>
                    <a:pt x="0" y="374"/>
                  </a:lnTo>
                  <a:lnTo>
                    <a:pt x="0" y="369"/>
                  </a:lnTo>
                  <a:lnTo>
                    <a:pt x="0" y="362"/>
                  </a:lnTo>
                  <a:lnTo>
                    <a:pt x="0" y="354"/>
                  </a:lnTo>
                  <a:lnTo>
                    <a:pt x="2" y="344"/>
                  </a:lnTo>
                  <a:lnTo>
                    <a:pt x="2" y="332"/>
                  </a:lnTo>
                  <a:lnTo>
                    <a:pt x="3" y="318"/>
                  </a:lnTo>
                  <a:lnTo>
                    <a:pt x="3" y="305"/>
                  </a:lnTo>
                  <a:lnTo>
                    <a:pt x="5" y="291"/>
                  </a:lnTo>
                  <a:lnTo>
                    <a:pt x="7" y="274"/>
                  </a:lnTo>
                  <a:lnTo>
                    <a:pt x="9" y="259"/>
                  </a:lnTo>
                  <a:lnTo>
                    <a:pt x="9" y="242"/>
                  </a:lnTo>
                  <a:lnTo>
                    <a:pt x="10" y="224"/>
                  </a:lnTo>
                  <a:lnTo>
                    <a:pt x="12" y="207"/>
                  </a:lnTo>
                  <a:lnTo>
                    <a:pt x="14" y="190"/>
                  </a:lnTo>
                  <a:lnTo>
                    <a:pt x="15" y="171"/>
                  </a:lnTo>
                  <a:lnTo>
                    <a:pt x="17" y="154"/>
                  </a:lnTo>
                  <a:lnTo>
                    <a:pt x="17" y="137"/>
                  </a:lnTo>
                  <a:lnTo>
                    <a:pt x="19" y="120"/>
                  </a:lnTo>
                  <a:lnTo>
                    <a:pt x="20" y="103"/>
                  </a:lnTo>
                  <a:lnTo>
                    <a:pt x="22" y="88"/>
                  </a:lnTo>
                  <a:lnTo>
                    <a:pt x="24" y="73"/>
                  </a:lnTo>
                  <a:lnTo>
                    <a:pt x="25" y="59"/>
                  </a:lnTo>
                  <a:lnTo>
                    <a:pt x="25" y="46"/>
                  </a:lnTo>
                  <a:lnTo>
                    <a:pt x="27" y="36"/>
                  </a:lnTo>
                  <a:lnTo>
                    <a:pt x="27" y="26"/>
                  </a:lnTo>
                  <a:lnTo>
                    <a:pt x="29" y="17"/>
                  </a:lnTo>
                  <a:lnTo>
                    <a:pt x="29" y="9"/>
                  </a:lnTo>
                  <a:lnTo>
                    <a:pt x="29" y="5"/>
                  </a:lnTo>
                  <a:lnTo>
                    <a:pt x="31" y="2"/>
                  </a:lnTo>
                  <a:lnTo>
                    <a:pt x="31" y="0"/>
                  </a:lnTo>
                  <a:lnTo>
                    <a:pt x="31" y="2"/>
                  </a:lnTo>
                  <a:lnTo>
                    <a:pt x="32" y="2"/>
                  </a:lnTo>
                  <a:lnTo>
                    <a:pt x="36" y="4"/>
                  </a:lnTo>
                  <a:lnTo>
                    <a:pt x="42" y="4"/>
                  </a:lnTo>
                  <a:lnTo>
                    <a:pt x="51" y="4"/>
                  </a:lnTo>
                  <a:lnTo>
                    <a:pt x="63" y="4"/>
                  </a:lnTo>
                  <a:lnTo>
                    <a:pt x="75" y="5"/>
                  </a:lnTo>
                  <a:lnTo>
                    <a:pt x="90" y="5"/>
                  </a:lnTo>
                  <a:lnTo>
                    <a:pt x="107" y="7"/>
                  </a:lnTo>
                  <a:lnTo>
                    <a:pt x="125" y="7"/>
                  </a:lnTo>
                  <a:lnTo>
                    <a:pt x="144" y="9"/>
                  </a:lnTo>
                  <a:lnTo>
                    <a:pt x="164" y="9"/>
                  </a:lnTo>
                  <a:lnTo>
                    <a:pt x="186" y="10"/>
                  </a:lnTo>
                  <a:lnTo>
                    <a:pt x="210" y="12"/>
                  </a:lnTo>
                  <a:lnTo>
                    <a:pt x="232" y="12"/>
                  </a:lnTo>
                  <a:lnTo>
                    <a:pt x="257" y="14"/>
                  </a:lnTo>
                  <a:lnTo>
                    <a:pt x="281" y="14"/>
                  </a:lnTo>
                  <a:lnTo>
                    <a:pt x="306" y="15"/>
                  </a:lnTo>
                  <a:lnTo>
                    <a:pt x="330" y="17"/>
                  </a:lnTo>
                  <a:lnTo>
                    <a:pt x="355" y="17"/>
                  </a:lnTo>
                  <a:lnTo>
                    <a:pt x="379" y="19"/>
                  </a:lnTo>
                  <a:lnTo>
                    <a:pt x="403" y="21"/>
                  </a:lnTo>
                  <a:lnTo>
                    <a:pt x="427" y="21"/>
                  </a:lnTo>
                  <a:lnTo>
                    <a:pt x="450" y="22"/>
                  </a:lnTo>
                  <a:lnTo>
                    <a:pt x="471" y="22"/>
                  </a:lnTo>
                  <a:lnTo>
                    <a:pt x="491" y="24"/>
                  </a:lnTo>
                  <a:lnTo>
                    <a:pt x="511" y="24"/>
                  </a:lnTo>
                  <a:lnTo>
                    <a:pt x="530" y="24"/>
                  </a:lnTo>
                  <a:lnTo>
                    <a:pt x="547" y="26"/>
                  </a:lnTo>
                  <a:lnTo>
                    <a:pt x="562" y="26"/>
                  </a:lnTo>
                  <a:lnTo>
                    <a:pt x="574" y="26"/>
                  </a:lnTo>
                  <a:lnTo>
                    <a:pt x="586" y="26"/>
                  </a:lnTo>
                  <a:lnTo>
                    <a:pt x="594" y="26"/>
                  </a:lnTo>
                  <a:lnTo>
                    <a:pt x="601" y="63"/>
                  </a:lnTo>
                  <a:lnTo>
                    <a:pt x="601" y="65"/>
                  </a:lnTo>
                  <a:lnTo>
                    <a:pt x="601" y="66"/>
                  </a:lnTo>
                  <a:lnTo>
                    <a:pt x="601" y="71"/>
                  </a:lnTo>
                  <a:lnTo>
                    <a:pt x="599" y="78"/>
                  </a:lnTo>
                  <a:lnTo>
                    <a:pt x="599" y="85"/>
                  </a:lnTo>
                  <a:lnTo>
                    <a:pt x="599" y="92"/>
                  </a:lnTo>
                  <a:lnTo>
                    <a:pt x="599" y="102"/>
                  </a:lnTo>
                  <a:lnTo>
                    <a:pt x="599" y="110"/>
                  </a:lnTo>
                  <a:lnTo>
                    <a:pt x="599" y="120"/>
                  </a:lnTo>
                  <a:lnTo>
                    <a:pt x="601" y="131"/>
                  </a:lnTo>
                  <a:lnTo>
                    <a:pt x="601" y="139"/>
                  </a:lnTo>
                  <a:lnTo>
                    <a:pt x="603" y="147"/>
                  </a:lnTo>
                  <a:lnTo>
                    <a:pt x="604" y="156"/>
                  </a:lnTo>
                  <a:lnTo>
                    <a:pt x="608" y="164"/>
                  </a:lnTo>
                  <a:lnTo>
                    <a:pt x="611" y="171"/>
                  </a:lnTo>
                  <a:lnTo>
                    <a:pt x="616" y="176"/>
                  </a:lnTo>
                  <a:lnTo>
                    <a:pt x="616" y="178"/>
                  </a:lnTo>
                  <a:lnTo>
                    <a:pt x="616" y="181"/>
                  </a:lnTo>
                  <a:lnTo>
                    <a:pt x="618" y="186"/>
                  </a:lnTo>
                  <a:lnTo>
                    <a:pt x="619" y="195"/>
                  </a:lnTo>
                  <a:lnTo>
                    <a:pt x="621" y="203"/>
                  </a:lnTo>
                  <a:lnTo>
                    <a:pt x="623" y="213"/>
                  </a:lnTo>
                  <a:lnTo>
                    <a:pt x="623" y="224"/>
                  </a:lnTo>
                  <a:lnTo>
                    <a:pt x="625" y="234"/>
                  </a:lnTo>
                  <a:lnTo>
                    <a:pt x="625" y="237"/>
                  </a:lnTo>
                  <a:lnTo>
                    <a:pt x="625" y="242"/>
                  </a:lnTo>
                  <a:lnTo>
                    <a:pt x="625" y="249"/>
                  </a:lnTo>
                  <a:lnTo>
                    <a:pt x="625" y="256"/>
                  </a:lnTo>
                  <a:lnTo>
                    <a:pt x="625" y="263"/>
                  </a:lnTo>
                  <a:lnTo>
                    <a:pt x="625" y="268"/>
                  </a:lnTo>
                  <a:lnTo>
                    <a:pt x="625" y="273"/>
                  </a:lnTo>
                  <a:lnTo>
                    <a:pt x="625" y="274"/>
                  </a:lnTo>
                  <a:lnTo>
                    <a:pt x="633" y="288"/>
                  </a:lnTo>
                  <a:lnTo>
                    <a:pt x="630" y="310"/>
                  </a:lnTo>
                  <a:lnTo>
                    <a:pt x="633" y="340"/>
                  </a:lnTo>
                  <a:lnTo>
                    <a:pt x="643" y="354"/>
                  </a:lnTo>
                  <a:lnTo>
                    <a:pt x="648" y="367"/>
                  </a:lnTo>
                  <a:lnTo>
                    <a:pt x="647" y="405"/>
                  </a:lnTo>
                  <a:lnTo>
                    <a:pt x="647" y="406"/>
                  </a:lnTo>
                  <a:lnTo>
                    <a:pt x="645" y="406"/>
                  </a:lnTo>
                  <a:lnTo>
                    <a:pt x="640" y="406"/>
                  </a:lnTo>
                  <a:lnTo>
                    <a:pt x="631" y="405"/>
                  </a:lnTo>
                  <a:lnTo>
                    <a:pt x="621" y="405"/>
                  </a:lnTo>
                  <a:lnTo>
                    <a:pt x="608" y="405"/>
                  </a:lnTo>
                  <a:lnTo>
                    <a:pt x="591" y="405"/>
                  </a:lnTo>
                  <a:lnTo>
                    <a:pt x="574" y="403"/>
                  </a:lnTo>
                  <a:lnTo>
                    <a:pt x="553" y="403"/>
                  </a:lnTo>
                  <a:lnTo>
                    <a:pt x="531" y="403"/>
                  </a:lnTo>
                  <a:lnTo>
                    <a:pt x="508" y="401"/>
                  </a:lnTo>
                  <a:lnTo>
                    <a:pt x="482" y="401"/>
                  </a:lnTo>
                  <a:lnTo>
                    <a:pt x="457" y="401"/>
                  </a:lnTo>
                  <a:lnTo>
                    <a:pt x="430" y="400"/>
                  </a:lnTo>
                  <a:lnTo>
                    <a:pt x="401" y="398"/>
                  </a:lnTo>
                  <a:lnTo>
                    <a:pt x="372" y="398"/>
                  </a:lnTo>
                  <a:lnTo>
                    <a:pt x="344" y="396"/>
                  </a:lnTo>
                  <a:lnTo>
                    <a:pt x="315" y="396"/>
                  </a:lnTo>
                  <a:lnTo>
                    <a:pt x="286" y="395"/>
                  </a:lnTo>
                  <a:lnTo>
                    <a:pt x="257" y="393"/>
                  </a:lnTo>
                  <a:lnTo>
                    <a:pt x="229" y="393"/>
                  </a:lnTo>
                  <a:lnTo>
                    <a:pt x="201" y="391"/>
                  </a:lnTo>
                  <a:lnTo>
                    <a:pt x="174" y="389"/>
                  </a:lnTo>
                  <a:lnTo>
                    <a:pt x="149" y="389"/>
                  </a:lnTo>
                  <a:lnTo>
                    <a:pt x="124" y="388"/>
                  </a:lnTo>
                  <a:lnTo>
                    <a:pt x="102" y="388"/>
                  </a:lnTo>
                  <a:lnTo>
                    <a:pt x="80" y="386"/>
                  </a:lnTo>
                  <a:lnTo>
                    <a:pt x="61" y="384"/>
                  </a:lnTo>
                  <a:lnTo>
                    <a:pt x="44" y="383"/>
                  </a:lnTo>
                  <a:lnTo>
                    <a:pt x="29" y="383"/>
                  </a:lnTo>
                  <a:lnTo>
                    <a:pt x="17" y="381"/>
                  </a:lnTo>
                  <a:lnTo>
                    <a:pt x="7" y="379"/>
                  </a:lnTo>
                  <a:lnTo>
                    <a:pt x="0" y="379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13" name="Freeform 58"/>
            <p:cNvSpPr>
              <a:spLocks/>
            </p:cNvSpPr>
            <p:nvPr/>
          </p:nvSpPr>
          <p:spPr bwMode="auto">
            <a:xfrm>
              <a:off x="2682" y="1797"/>
              <a:ext cx="572" cy="385"/>
            </a:xfrm>
            <a:custGeom>
              <a:avLst/>
              <a:gdLst>
                <a:gd name="T0" fmla="*/ 47 w 588"/>
                <a:gd name="T1" fmla="*/ 239 h 397"/>
                <a:gd name="T2" fmla="*/ 46 w 588"/>
                <a:gd name="T3" fmla="*/ 227 h 397"/>
                <a:gd name="T4" fmla="*/ 47 w 588"/>
                <a:gd name="T5" fmla="*/ 211 h 397"/>
                <a:gd name="T6" fmla="*/ 48 w 588"/>
                <a:gd name="T7" fmla="*/ 204 h 397"/>
                <a:gd name="T8" fmla="*/ 42 w 588"/>
                <a:gd name="T9" fmla="*/ 174 h 397"/>
                <a:gd name="T10" fmla="*/ 32 w 588"/>
                <a:gd name="T11" fmla="*/ 162 h 397"/>
                <a:gd name="T12" fmla="*/ 34 w 588"/>
                <a:gd name="T13" fmla="*/ 153 h 397"/>
                <a:gd name="T14" fmla="*/ 27 w 588"/>
                <a:gd name="T15" fmla="*/ 136 h 397"/>
                <a:gd name="T16" fmla="*/ 20 w 588"/>
                <a:gd name="T17" fmla="*/ 130 h 397"/>
                <a:gd name="T18" fmla="*/ 18 w 588"/>
                <a:gd name="T19" fmla="*/ 119 h 397"/>
                <a:gd name="T20" fmla="*/ 18 w 588"/>
                <a:gd name="T21" fmla="*/ 112 h 397"/>
                <a:gd name="T22" fmla="*/ 0 w 588"/>
                <a:gd name="T23" fmla="*/ 73 h 397"/>
                <a:gd name="T24" fmla="*/ 4 w 588"/>
                <a:gd name="T25" fmla="*/ 26 h 397"/>
                <a:gd name="T26" fmla="*/ 4 w 588"/>
                <a:gd name="T27" fmla="*/ 13 h 397"/>
                <a:gd name="T28" fmla="*/ 18 w 588"/>
                <a:gd name="T29" fmla="*/ 12 h 397"/>
                <a:gd name="T30" fmla="*/ 46 w 588"/>
                <a:gd name="T31" fmla="*/ 12 h 397"/>
                <a:gd name="T32" fmla="*/ 89 w 588"/>
                <a:gd name="T33" fmla="*/ 12 h 397"/>
                <a:gd name="T34" fmla="*/ 141 w 588"/>
                <a:gd name="T35" fmla="*/ 10 h 397"/>
                <a:gd name="T36" fmla="*/ 197 w 588"/>
                <a:gd name="T37" fmla="*/ 10 h 397"/>
                <a:gd name="T38" fmla="*/ 251 w 588"/>
                <a:gd name="T39" fmla="*/ 8 h 397"/>
                <a:gd name="T40" fmla="*/ 294 w 588"/>
                <a:gd name="T41" fmla="*/ 5 h 397"/>
                <a:gd name="T42" fmla="*/ 322 w 588"/>
                <a:gd name="T43" fmla="*/ 1 h 397"/>
                <a:gd name="T44" fmla="*/ 333 w 588"/>
                <a:gd name="T45" fmla="*/ 16 h 397"/>
                <a:gd name="T46" fmla="*/ 337 w 588"/>
                <a:gd name="T47" fmla="*/ 16 h 397"/>
                <a:gd name="T48" fmla="*/ 331 w 588"/>
                <a:gd name="T49" fmla="*/ 36 h 397"/>
                <a:gd name="T50" fmla="*/ 333 w 588"/>
                <a:gd name="T51" fmla="*/ 45 h 397"/>
                <a:gd name="T52" fmla="*/ 339 w 588"/>
                <a:gd name="T53" fmla="*/ 55 h 397"/>
                <a:gd name="T54" fmla="*/ 340 w 588"/>
                <a:gd name="T55" fmla="*/ 63 h 397"/>
                <a:gd name="T56" fmla="*/ 357 w 588"/>
                <a:gd name="T57" fmla="*/ 69 h 397"/>
                <a:gd name="T58" fmla="*/ 362 w 588"/>
                <a:gd name="T59" fmla="*/ 71 h 397"/>
                <a:gd name="T60" fmla="*/ 367 w 588"/>
                <a:gd name="T61" fmla="*/ 80 h 397"/>
                <a:gd name="T62" fmla="*/ 368 w 588"/>
                <a:gd name="T63" fmla="*/ 84 h 397"/>
                <a:gd name="T64" fmla="*/ 378 w 588"/>
                <a:gd name="T65" fmla="*/ 91 h 397"/>
                <a:gd name="T66" fmla="*/ 383 w 588"/>
                <a:gd name="T67" fmla="*/ 98 h 397"/>
                <a:gd name="T68" fmla="*/ 382 w 588"/>
                <a:gd name="T69" fmla="*/ 101 h 397"/>
                <a:gd name="T70" fmla="*/ 393 w 588"/>
                <a:gd name="T71" fmla="*/ 108 h 397"/>
                <a:gd name="T72" fmla="*/ 400 w 588"/>
                <a:gd name="T73" fmla="*/ 123 h 397"/>
                <a:gd name="T74" fmla="*/ 391 w 588"/>
                <a:gd name="T75" fmla="*/ 140 h 397"/>
                <a:gd name="T76" fmla="*/ 388 w 588"/>
                <a:gd name="T77" fmla="*/ 146 h 397"/>
                <a:gd name="T78" fmla="*/ 388 w 588"/>
                <a:gd name="T79" fmla="*/ 156 h 397"/>
                <a:gd name="T80" fmla="*/ 381 w 588"/>
                <a:gd name="T81" fmla="*/ 161 h 397"/>
                <a:gd name="T82" fmla="*/ 375 w 588"/>
                <a:gd name="T83" fmla="*/ 162 h 397"/>
                <a:gd name="T84" fmla="*/ 369 w 588"/>
                <a:gd name="T85" fmla="*/ 166 h 397"/>
                <a:gd name="T86" fmla="*/ 351 w 588"/>
                <a:gd name="T87" fmla="*/ 171 h 397"/>
                <a:gd name="T88" fmla="*/ 345 w 588"/>
                <a:gd name="T89" fmla="*/ 183 h 397"/>
                <a:gd name="T90" fmla="*/ 355 w 588"/>
                <a:gd name="T91" fmla="*/ 201 h 397"/>
                <a:gd name="T92" fmla="*/ 354 w 588"/>
                <a:gd name="T93" fmla="*/ 211 h 397"/>
                <a:gd name="T94" fmla="*/ 348 w 588"/>
                <a:gd name="T95" fmla="*/ 220 h 397"/>
                <a:gd name="T96" fmla="*/ 347 w 588"/>
                <a:gd name="T97" fmla="*/ 225 h 397"/>
                <a:gd name="T98" fmla="*/ 345 w 588"/>
                <a:gd name="T99" fmla="*/ 229 h 397"/>
                <a:gd name="T100" fmla="*/ 339 w 588"/>
                <a:gd name="T101" fmla="*/ 234 h 397"/>
                <a:gd name="T102" fmla="*/ 329 w 588"/>
                <a:gd name="T103" fmla="*/ 241 h 397"/>
                <a:gd name="T104" fmla="*/ 330 w 588"/>
                <a:gd name="T105" fmla="*/ 248 h 397"/>
                <a:gd name="T106" fmla="*/ 331 w 588"/>
                <a:gd name="T107" fmla="*/ 252 h 397"/>
                <a:gd name="T108" fmla="*/ 327 w 588"/>
                <a:gd name="T109" fmla="*/ 257 h 397"/>
                <a:gd name="T110" fmla="*/ 321 w 588"/>
                <a:gd name="T111" fmla="*/ 254 h 397"/>
                <a:gd name="T112" fmla="*/ 310 w 588"/>
                <a:gd name="T113" fmla="*/ 241 h 397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w 588"/>
                <a:gd name="T172" fmla="*/ 0 h 397"/>
                <a:gd name="T173" fmla="*/ 588 w 588"/>
                <a:gd name="T174" fmla="*/ 397 h 397"/>
              </a:gdLst>
              <a:ahLst/>
              <a:cxnLst>
                <a:cxn ang="T114">
                  <a:pos x="T0" y="T1"/>
                </a:cxn>
                <a:cxn ang="T115">
                  <a:pos x="T2" y="T3"/>
                </a:cxn>
                <a:cxn ang="T116">
                  <a:pos x="T4" y="T5"/>
                </a:cxn>
                <a:cxn ang="T117">
                  <a:pos x="T6" y="T7"/>
                </a:cxn>
                <a:cxn ang="T118">
                  <a:pos x="T8" y="T9"/>
                </a:cxn>
                <a:cxn ang="T119">
                  <a:pos x="T10" y="T11"/>
                </a:cxn>
                <a:cxn ang="T120">
                  <a:pos x="T12" y="T13"/>
                </a:cxn>
                <a:cxn ang="T121">
                  <a:pos x="T14" y="T15"/>
                </a:cxn>
                <a:cxn ang="T122">
                  <a:pos x="T16" y="T17"/>
                </a:cxn>
                <a:cxn ang="T123">
                  <a:pos x="T18" y="T19"/>
                </a:cxn>
                <a:cxn ang="T124">
                  <a:pos x="T20" y="T21"/>
                </a:cxn>
                <a:cxn ang="T125">
                  <a:pos x="T22" y="T23"/>
                </a:cxn>
                <a:cxn ang="T126">
                  <a:pos x="T24" y="T25"/>
                </a:cxn>
                <a:cxn ang="T127">
                  <a:pos x="T26" y="T27"/>
                </a:cxn>
                <a:cxn ang="T128">
                  <a:pos x="T28" y="T29"/>
                </a:cxn>
                <a:cxn ang="T129">
                  <a:pos x="T30" y="T31"/>
                </a:cxn>
                <a:cxn ang="T130">
                  <a:pos x="T32" y="T33"/>
                </a:cxn>
                <a:cxn ang="T131">
                  <a:pos x="T34" y="T35"/>
                </a:cxn>
                <a:cxn ang="T132">
                  <a:pos x="T36" y="T37"/>
                </a:cxn>
                <a:cxn ang="T133">
                  <a:pos x="T38" y="T39"/>
                </a:cxn>
                <a:cxn ang="T134">
                  <a:pos x="T40" y="T41"/>
                </a:cxn>
                <a:cxn ang="T135">
                  <a:pos x="T42" y="T43"/>
                </a:cxn>
                <a:cxn ang="T136">
                  <a:pos x="T44" y="T45"/>
                </a:cxn>
                <a:cxn ang="T137">
                  <a:pos x="T46" y="T47"/>
                </a:cxn>
                <a:cxn ang="T138">
                  <a:pos x="T48" y="T49"/>
                </a:cxn>
                <a:cxn ang="T139">
                  <a:pos x="T50" y="T51"/>
                </a:cxn>
                <a:cxn ang="T140">
                  <a:pos x="T52" y="T53"/>
                </a:cxn>
                <a:cxn ang="T141">
                  <a:pos x="T54" y="T55"/>
                </a:cxn>
                <a:cxn ang="T142">
                  <a:pos x="T56" y="T57"/>
                </a:cxn>
                <a:cxn ang="T143">
                  <a:pos x="T58" y="T59"/>
                </a:cxn>
                <a:cxn ang="T144">
                  <a:pos x="T60" y="T61"/>
                </a:cxn>
                <a:cxn ang="T145">
                  <a:pos x="T62" y="T63"/>
                </a:cxn>
                <a:cxn ang="T146">
                  <a:pos x="T64" y="T65"/>
                </a:cxn>
                <a:cxn ang="T147">
                  <a:pos x="T66" y="T67"/>
                </a:cxn>
                <a:cxn ang="T148">
                  <a:pos x="T68" y="T69"/>
                </a:cxn>
                <a:cxn ang="T149">
                  <a:pos x="T70" y="T71"/>
                </a:cxn>
                <a:cxn ang="T150">
                  <a:pos x="T72" y="T73"/>
                </a:cxn>
                <a:cxn ang="T151">
                  <a:pos x="T74" y="T75"/>
                </a:cxn>
                <a:cxn ang="T152">
                  <a:pos x="T76" y="T77"/>
                </a:cxn>
                <a:cxn ang="T153">
                  <a:pos x="T78" y="T79"/>
                </a:cxn>
                <a:cxn ang="T154">
                  <a:pos x="T80" y="T81"/>
                </a:cxn>
                <a:cxn ang="T155">
                  <a:pos x="T82" y="T83"/>
                </a:cxn>
                <a:cxn ang="T156">
                  <a:pos x="T84" y="T85"/>
                </a:cxn>
                <a:cxn ang="T157">
                  <a:pos x="T86" y="T87"/>
                </a:cxn>
                <a:cxn ang="T158">
                  <a:pos x="T88" y="T89"/>
                </a:cxn>
                <a:cxn ang="T159">
                  <a:pos x="T90" y="T91"/>
                </a:cxn>
                <a:cxn ang="T160">
                  <a:pos x="T92" y="T93"/>
                </a:cxn>
                <a:cxn ang="T161">
                  <a:pos x="T94" y="T95"/>
                </a:cxn>
                <a:cxn ang="T162">
                  <a:pos x="T96" y="T97"/>
                </a:cxn>
                <a:cxn ang="T163">
                  <a:pos x="T98" y="T99"/>
                </a:cxn>
                <a:cxn ang="T164">
                  <a:pos x="T100" y="T101"/>
                </a:cxn>
                <a:cxn ang="T165">
                  <a:pos x="T102" y="T103"/>
                </a:cxn>
                <a:cxn ang="T166">
                  <a:pos x="T104" y="T105"/>
                </a:cxn>
                <a:cxn ang="T167">
                  <a:pos x="T106" y="T107"/>
                </a:cxn>
                <a:cxn ang="T168">
                  <a:pos x="T108" y="T109"/>
                </a:cxn>
                <a:cxn ang="T169">
                  <a:pos x="T110" y="T111"/>
                </a:cxn>
                <a:cxn ang="T170">
                  <a:pos x="T112" y="T113"/>
                </a:cxn>
              </a:cxnLst>
              <a:rect l="T171" t="T172" r="T173" b="T174"/>
              <a:pathLst>
                <a:path w="588" h="397">
                  <a:moveTo>
                    <a:pt x="75" y="379"/>
                  </a:moveTo>
                  <a:lnTo>
                    <a:pt x="72" y="375"/>
                  </a:lnTo>
                  <a:lnTo>
                    <a:pt x="70" y="372"/>
                  </a:lnTo>
                  <a:lnTo>
                    <a:pt x="68" y="367"/>
                  </a:lnTo>
                  <a:lnTo>
                    <a:pt x="68" y="362"/>
                  </a:lnTo>
                  <a:lnTo>
                    <a:pt x="66" y="357"/>
                  </a:lnTo>
                  <a:lnTo>
                    <a:pt x="66" y="352"/>
                  </a:lnTo>
                  <a:lnTo>
                    <a:pt x="66" y="347"/>
                  </a:lnTo>
                  <a:lnTo>
                    <a:pt x="66" y="340"/>
                  </a:lnTo>
                  <a:lnTo>
                    <a:pt x="68" y="335"/>
                  </a:lnTo>
                  <a:lnTo>
                    <a:pt x="68" y="330"/>
                  </a:lnTo>
                  <a:lnTo>
                    <a:pt x="68" y="325"/>
                  </a:lnTo>
                  <a:lnTo>
                    <a:pt x="68" y="321"/>
                  </a:lnTo>
                  <a:lnTo>
                    <a:pt x="70" y="318"/>
                  </a:lnTo>
                  <a:lnTo>
                    <a:pt x="70" y="315"/>
                  </a:lnTo>
                  <a:lnTo>
                    <a:pt x="70" y="313"/>
                  </a:lnTo>
                  <a:lnTo>
                    <a:pt x="63" y="304"/>
                  </a:lnTo>
                  <a:lnTo>
                    <a:pt x="61" y="272"/>
                  </a:lnTo>
                  <a:lnTo>
                    <a:pt x="58" y="267"/>
                  </a:lnTo>
                  <a:lnTo>
                    <a:pt x="53" y="264"/>
                  </a:lnTo>
                  <a:lnTo>
                    <a:pt x="50" y="259"/>
                  </a:lnTo>
                  <a:lnTo>
                    <a:pt x="46" y="254"/>
                  </a:lnTo>
                  <a:lnTo>
                    <a:pt x="46" y="249"/>
                  </a:lnTo>
                  <a:lnTo>
                    <a:pt x="46" y="243"/>
                  </a:lnTo>
                  <a:lnTo>
                    <a:pt x="46" y="240"/>
                  </a:lnTo>
                  <a:lnTo>
                    <a:pt x="46" y="237"/>
                  </a:lnTo>
                  <a:lnTo>
                    <a:pt x="48" y="235"/>
                  </a:lnTo>
                  <a:lnTo>
                    <a:pt x="46" y="227"/>
                  </a:lnTo>
                  <a:lnTo>
                    <a:pt x="46" y="218"/>
                  </a:lnTo>
                  <a:lnTo>
                    <a:pt x="44" y="213"/>
                  </a:lnTo>
                  <a:lnTo>
                    <a:pt x="41" y="208"/>
                  </a:lnTo>
                  <a:lnTo>
                    <a:pt x="39" y="205"/>
                  </a:lnTo>
                  <a:lnTo>
                    <a:pt x="38" y="203"/>
                  </a:lnTo>
                  <a:lnTo>
                    <a:pt x="36" y="201"/>
                  </a:lnTo>
                  <a:lnTo>
                    <a:pt x="34" y="199"/>
                  </a:lnTo>
                  <a:lnTo>
                    <a:pt x="29" y="196"/>
                  </a:lnTo>
                  <a:lnTo>
                    <a:pt x="28" y="193"/>
                  </a:lnTo>
                  <a:lnTo>
                    <a:pt x="24" y="188"/>
                  </a:lnTo>
                  <a:lnTo>
                    <a:pt x="24" y="183"/>
                  </a:lnTo>
                  <a:lnTo>
                    <a:pt x="22" y="179"/>
                  </a:lnTo>
                  <a:lnTo>
                    <a:pt x="22" y="174"/>
                  </a:lnTo>
                  <a:lnTo>
                    <a:pt x="22" y="172"/>
                  </a:lnTo>
                  <a:lnTo>
                    <a:pt x="17" y="159"/>
                  </a:lnTo>
                  <a:lnTo>
                    <a:pt x="17" y="144"/>
                  </a:lnTo>
                  <a:lnTo>
                    <a:pt x="9" y="123"/>
                  </a:lnTo>
                  <a:lnTo>
                    <a:pt x="0" y="111"/>
                  </a:lnTo>
                  <a:lnTo>
                    <a:pt x="2" y="103"/>
                  </a:lnTo>
                  <a:lnTo>
                    <a:pt x="16" y="49"/>
                  </a:lnTo>
                  <a:lnTo>
                    <a:pt x="2" y="49"/>
                  </a:lnTo>
                  <a:lnTo>
                    <a:pt x="4" y="40"/>
                  </a:lnTo>
                  <a:lnTo>
                    <a:pt x="7" y="35"/>
                  </a:lnTo>
                  <a:lnTo>
                    <a:pt x="6" y="27"/>
                  </a:lnTo>
                  <a:lnTo>
                    <a:pt x="2" y="18"/>
                  </a:lnTo>
                  <a:lnTo>
                    <a:pt x="4" y="13"/>
                  </a:lnTo>
                  <a:lnTo>
                    <a:pt x="16" y="13"/>
                  </a:lnTo>
                  <a:lnTo>
                    <a:pt x="16" y="12"/>
                  </a:lnTo>
                  <a:lnTo>
                    <a:pt x="19" y="12"/>
                  </a:lnTo>
                  <a:lnTo>
                    <a:pt x="26" y="12"/>
                  </a:lnTo>
                  <a:lnTo>
                    <a:pt x="33" y="12"/>
                  </a:lnTo>
                  <a:lnTo>
                    <a:pt x="43" y="12"/>
                  </a:lnTo>
                  <a:lnTo>
                    <a:pt x="53" y="12"/>
                  </a:lnTo>
                  <a:lnTo>
                    <a:pt x="66" y="12"/>
                  </a:lnTo>
                  <a:lnTo>
                    <a:pt x="80" y="12"/>
                  </a:lnTo>
                  <a:lnTo>
                    <a:pt x="97" y="12"/>
                  </a:lnTo>
                  <a:lnTo>
                    <a:pt x="112" y="12"/>
                  </a:lnTo>
                  <a:lnTo>
                    <a:pt x="131" y="12"/>
                  </a:lnTo>
                  <a:lnTo>
                    <a:pt x="149" y="12"/>
                  </a:lnTo>
                  <a:lnTo>
                    <a:pt x="168" y="12"/>
                  </a:lnTo>
                  <a:lnTo>
                    <a:pt x="188" y="10"/>
                  </a:lnTo>
                  <a:lnTo>
                    <a:pt x="207" y="10"/>
                  </a:lnTo>
                  <a:lnTo>
                    <a:pt x="227" y="10"/>
                  </a:lnTo>
                  <a:lnTo>
                    <a:pt x="249" y="10"/>
                  </a:lnTo>
                  <a:lnTo>
                    <a:pt x="270" y="10"/>
                  </a:lnTo>
                  <a:lnTo>
                    <a:pt x="290" y="10"/>
                  </a:lnTo>
                  <a:lnTo>
                    <a:pt x="310" y="8"/>
                  </a:lnTo>
                  <a:lnTo>
                    <a:pt x="329" y="8"/>
                  </a:lnTo>
                  <a:lnTo>
                    <a:pt x="349" y="8"/>
                  </a:lnTo>
                  <a:lnTo>
                    <a:pt x="368" y="8"/>
                  </a:lnTo>
                  <a:lnTo>
                    <a:pt x="385" y="7"/>
                  </a:lnTo>
                  <a:lnTo>
                    <a:pt x="402" y="7"/>
                  </a:lnTo>
                  <a:lnTo>
                    <a:pt x="418" y="7"/>
                  </a:lnTo>
                  <a:lnTo>
                    <a:pt x="432" y="5"/>
                  </a:lnTo>
                  <a:lnTo>
                    <a:pt x="446" y="5"/>
                  </a:lnTo>
                  <a:lnTo>
                    <a:pt x="456" y="3"/>
                  </a:lnTo>
                  <a:lnTo>
                    <a:pt x="466" y="3"/>
                  </a:lnTo>
                  <a:lnTo>
                    <a:pt x="474" y="1"/>
                  </a:lnTo>
                  <a:lnTo>
                    <a:pt x="479" y="0"/>
                  </a:lnTo>
                  <a:lnTo>
                    <a:pt x="479" y="1"/>
                  </a:lnTo>
                  <a:lnTo>
                    <a:pt x="488" y="22"/>
                  </a:lnTo>
                  <a:lnTo>
                    <a:pt x="490" y="22"/>
                  </a:lnTo>
                  <a:lnTo>
                    <a:pt x="490" y="23"/>
                  </a:lnTo>
                  <a:lnTo>
                    <a:pt x="491" y="23"/>
                  </a:lnTo>
                  <a:lnTo>
                    <a:pt x="493" y="25"/>
                  </a:lnTo>
                  <a:lnTo>
                    <a:pt x="495" y="29"/>
                  </a:lnTo>
                  <a:lnTo>
                    <a:pt x="495" y="34"/>
                  </a:lnTo>
                  <a:lnTo>
                    <a:pt x="493" y="39"/>
                  </a:lnTo>
                  <a:lnTo>
                    <a:pt x="490" y="47"/>
                  </a:lnTo>
                  <a:lnTo>
                    <a:pt x="488" y="52"/>
                  </a:lnTo>
                  <a:lnTo>
                    <a:pt x="486" y="56"/>
                  </a:lnTo>
                  <a:lnTo>
                    <a:pt x="488" y="61"/>
                  </a:lnTo>
                  <a:lnTo>
                    <a:pt x="488" y="64"/>
                  </a:lnTo>
                  <a:lnTo>
                    <a:pt x="490" y="69"/>
                  </a:lnTo>
                  <a:lnTo>
                    <a:pt x="491" y="73"/>
                  </a:lnTo>
                  <a:lnTo>
                    <a:pt x="495" y="76"/>
                  </a:lnTo>
                  <a:lnTo>
                    <a:pt x="496" y="81"/>
                  </a:lnTo>
                  <a:lnTo>
                    <a:pt x="500" y="84"/>
                  </a:lnTo>
                  <a:lnTo>
                    <a:pt x="501" y="89"/>
                  </a:lnTo>
                  <a:lnTo>
                    <a:pt x="501" y="91"/>
                  </a:lnTo>
                  <a:lnTo>
                    <a:pt x="501" y="95"/>
                  </a:lnTo>
                  <a:lnTo>
                    <a:pt x="501" y="96"/>
                  </a:lnTo>
                  <a:lnTo>
                    <a:pt x="501" y="98"/>
                  </a:lnTo>
                  <a:lnTo>
                    <a:pt x="525" y="105"/>
                  </a:lnTo>
                  <a:lnTo>
                    <a:pt x="527" y="106"/>
                  </a:lnTo>
                  <a:lnTo>
                    <a:pt x="530" y="106"/>
                  </a:lnTo>
                  <a:lnTo>
                    <a:pt x="532" y="108"/>
                  </a:lnTo>
                  <a:lnTo>
                    <a:pt x="535" y="111"/>
                  </a:lnTo>
                  <a:lnTo>
                    <a:pt x="537" y="115"/>
                  </a:lnTo>
                  <a:lnTo>
                    <a:pt x="539" y="120"/>
                  </a:lnTo>
                  <a:lnTo>
                    <a:pt x="540" y="125"/>
                  </a:lnTo>
                  <a:lnTo>
                    <a:pt x="540" y="127"/>
                  </a:lnTo>
                  <a:lnTo>
                    <a:pt x="540" y="128"/>
                  </a:lnTo>
                  <a:lnTo>
                    <a:pt x="542" y="130"/>
                  </a:lnTo>
                  <a:lnTo>
                    <a:pt x="545" y="132"/>
                  </a:lnTo>
                  <a:lnTo>
                    <a:pt x="547" y="133"/>
                  </a:lnTo>
                  <a:lnTo>
                    <a:pt x="552" y="135"/>
                  </a:lnTo>
                  <a:lnTo>
                    <a:pt x="556" y="139"/>
                  </a:lnTo>
                  <a:lnTo>
                    <a:pt x="561" y="142"/>
                  </a:lnTo>
                  <a:lnTo>
                    <a:pt x="564" y="145"/>
                  </a:lnTo>
                  <a:lnTo>
                    <a:pt x="564" y="149"/>
                  </a:lnTo>
                  <a:lnTo>
                    <a:pt x="564" y="150"/>
                  </a:lnTo>
                  <a:lnTo>
                    <a:pt x="564" y="152"/>
                  </a:lnTo>
                  <a:lnTo>
                    <a:pt x="562" y="154"/>
                  </a:lnTo>
                  <a:lnTo>
                    <a:pt x="562" y="155"/>
                  </a:lnTo>
                  <a:lnTo>
                    <a:pt x="572" y="162"/>
                  </a:lnTo>
                  <a:lnTo>
                    <a:pt x="574" y="162"/>
                  </a:lnTo>
                  <a:lnTo>
                    <a:pt x="576" y="164"/>
                  </a:lnTo>
                  <a:lnTo>
                    <a:pt x="579" y="166"/>
                  </a:lnTo>
                  <a:lnTo>
                    <a:pt x="584" y="169"/>
                  </a:lnTo>
                  <a:lnTo>
                    <a:pt x="586" y="174"/>
                  </a:lnTo>
                  <a:lnTo>
                    <a:pt x="588" y="181"/>
                  </a:lnTo>
                  <a:lnTo>
                    <a:pt x="588" y="189"/>
                  </a:lnTo>
                  <a:lnTo>
                    <a:pt x="586" y="201"/>
                  </a:lnTo>
                  <a:lnTo>
                    <a:pt x="583" y="210"/>
                  </a:lnTo>
                  <a:lnTo>
                    <a:pt x="579" y="213"/>
                  </a:lnTo>
                  <a:lnTo>
                    <a:pt x="576" y="215"/>
                  </a:lnTo>
                  <a:lnTo>
                    <a:pt x="574" y="213"/>
                  </a:lnTo>
                  <a:lnTo>
                    <a:pt x="572" y="215"/>
                  </a:lnTo>
                  <a:lnTo>
                    <a:pt x="572" y="216"/>
                  </a:lnTo>
                  <a:lnTo>
                    <a:pt x="571" y="225"/>
                  </a:lnTo>
                  <a:lnTo>
                    <a:pt x="571" y="238"/>
                  </a:lnTo>
                  <a:lnTo>
                    <a:pt x="571" y="240"/>
                  </a:lnTo>
                  <a:lnTo>
                    <a:pt x="569" y="242"/>
                  </a:lnTo>
                  <a:lnTo>
                    <a:pt x="567" y="243"/>
                  </a:lnTo>
                  <a:lnTo>
                    <a:pt x="564" y="245"/>
                  </a:lnTo>
                  <a:lnTo>
                    <a:pt x="561" y="247"/>
                  </a:lnTo>
                  <a:lnTo>
                    <a:pt x="554" y="247"/>
                  </a:lnTo>
                  <a:lnTo>
                    <a:pt x="552" y="247"/>
                  </a:lnTo>
                  <a:lnTo>
                    <a:pt x="552" y="249"/>
                  </a:lnTo>
                  <a:lnTo>
                    <a:pt x="552" y="250"/>
                  </a:lnTo>
                  <a:lnTo>
                    <a:pt x="550" y="252"/>
                  </a:lnTo>
                  <a:lnTo>
                    <a:pt x="549" y="254"/>
                  </a:lnTo>
                  <a:lnTo>
                    <a:pt x="544" y="255"/>
                  </a:lnTo>
                  <a:lnTo>
                    <a:pt x="537" y="257"/>
                  </a:lnTo>
                  <a:lnTo>
                    <a:pt x="530" y="257"/>
                  </a:lnTo>
                  <a:lnTo>
                    <a:pt x="523" y="259"/>
                  </a:lnTo>
                  <a:lnTo>
                    <a:pt x="517" y="262"/>
                  </a:lnTo>
                  <a:lnTo>
                    <a:pt x="512" y="265"/>
                  </a:lnTo>
                  <a:lnTo>
                    <a:pt x="508" y="269"/>
                  </a:lnTo>
                  <a:lnTo>
                    <a:pt x="508" y="276"/>
                  </a:lnTo>
                  <a:lnTo>
                    <a:pt x="508" y="282"/>
                  </a:lnTo>
                  <a:lnTo>
                    <a:pt x="512" y="291"/>
                  </a:lnTo>
                  <a:lnTo>
                    <a:pt x="515" y="299"/>
                  </a:lnTo>
                  <a:lnTo>
                    <a:pt x="520" y="304"/>
                  </a:lnTo>
                  <a:lnTo>
                    <a:pt x="522" y="309"/>
                  </a:lnTo>
                  <a:lnTo>
                    <a:pt x="523" y="313"/>
                  </a:lnTo>
                  <a:lnTo>
                    <a:pt x="525" y="318"/>
                  </a:lnTo>
                  <a:lnTo>
                    <a:pt x="523" y="321"/>
                  </a:lnTo>
                  <a:lnTo>
                    <a:pt x="520" y="325"/>
                  </a:lnTo>
                  <a:lnTo>
                    <a:pt x="515" y="331"/>
                  </a:lnTo>
                  <a:lnTo>
                    <a:pt x="515" y="335"/>
                  </a:lnTo>
                  <a:lnTo>
                    <a:pt x="513" y="337"/>
                  </a:lnTo>
                  <a:lnTo>
                    <a:pt x="512" y="340"/>
                  </a:lnTo>
                  <a:lnTo>
                    <a:pt x="512" y="342"/>
                  </a:lnTo>
                  <a:lnTo>
                    <a:pt x="510" y="343"/>
                  </a:lnTo>
                  <a:lnTo>
                    <a:pt x="510" y="345"/>
                  </a:lnTo>
                  <a:lnTo>
                    <a:pt x="510" y="347"/>
                  </a:lnTo>
                  <a:lnTo>
                    <a:pt x="508" y="348"/>
                  </a:lnTo>
                  <a:lnTo>
                    <a:pt x="508" y="352"/>
                  </a:lnTo>
                  <a:lnTo>
                    <a:pt x="508" y="353"/>
                  </a:lnTo>
                  <a:lnTo>
                    <a:pt x="506" y="357"/>
                  </a:lnTo>
                  <a:lnTo>
                    <a:pt x="503" y="359"/>
                  </a:lnTo>
                  <a:lnTo>
                    <a:pt x="498" y="360"/>
                  </a:lnTo>
                  <a:lnTo>
                    <a:pt x="493" y="362"/>
                  </a:lnTo>
                  <a:lnTo>
                    <a:pt x="488" y="364"/>
                  </a:lnTo>
                  <a:lnTo>
                    <a:pt x="484" y="365"/>
                  </a:lnTo>
                  <a:lnTo>
                    <a:pt x="483" y="369"/>
                  </a:lnTo>
                  <a:lnTo>
                    <a:pt x="483" y="372"/>
                  </a:lnTo>
                  <a:lnTo>
                    <a:pt x="483" y="375"/>
                  </a:lnTo>
                  <a:lnTo>
                    <a:pt x="484" y="377"/>
                  </a:lnTo>
                  <a:lnTo>
                    <a:pt x="486" y="381"/>
                  </a:lnTo>
                  <a:lnTo>
                    <a:pt x="488" y="382"/>
                  </a:lnTo>
                  <a:lnTo>
                    <a:pt x="488" y="384"/>
                  </a:lnTo>
                  <a:lnTo>
                    <a:pt x="488" y="387"/>
                  </a:lnTo>
                  <a:lnTo>
                    <a:pt x="486" y="389"/>
                  </a:lnTo>
                  <a:lnTo>
                    <a:pt x="484" y="392"/>
                  </a:lnTo>
                  <a:lnTo>
                    <a:pt x="483" y="394"/>
                  </a:lnTo>
                  <a:lnTo>
                    <a:pt x="481" y="396"/>
                  </a:lnTo>
                  <a:lnTo>
                    <a:pt x="479" y="397"/>
                  </a:lnTo>
                  <a:lnTo>
                    <a:pt x="478" y="397"/>
                  </a:lnTo>
                  <a:lnTo>
                    <a:pt x="476" y="394"/>
                  </a:lnTo>
                  <a:lnTo>
                    <a:pt x="471" y="389"/>
                  </a:lnTo>
                  <a:lnTo>
                    <a:pt x="466" y="384"/>
                  </a:lnTo>
                  <a:lnTo>
                    <a:pt x="462" y="379"/>
                  </a:lnTo>
                  <a:lnTo>
                    <a:pt x="457" y="374"/>
                  </a:lnTo>
                  <a:lnTo>
                    <a:pt x="456" y="370"/>
                  </a:lnTo>
                  <a:lnTo>
                    <a:pt x="454" y="369"/>
                  </a:lnTo>
                  <a:lnTo>
                    <a:pt x="75" y="379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14" name="Freeform 59"/>
            <p:cNvSpPr>
              <a:spLocks/>
            </p:cNvSpPr>
            <p:nvPr/>
          </p:nvSpPr>
          <p:spPr bwMode="auto">
            <a:xfrm>
              <a:off x="2869" y="2644"/>
              <a:ext cx="478" cy="439"/>
            </a:xfrm>
            <a:custGeom>
              <a:avLst/>
              <a:gdLst>
                <a:gd name="T0" fmla="*/ 242 w 492"/>
                <a:gd name="T1" fmla="*/ 294 h 452"/>
                <a:gd name="T2" fmla="*/ 243 w 492"/>
                <a:gd name="T3" fmla="*/ 287 h 452"/>
                <a:gd name="T4" fmla="*/ 244 w 492"/>
                <a:gd name="T5" fmla="*/ 283 h 452"/>
                <a:gd name="T6" fmla="*/ 247 w 492"/>
                <a:gd name="T7" fmla="*/ 280 h 452"/>
                <a:gd name="T8" fmla="*/ 247 w 492"/>
                <a:gd name="T9" fmla="*/ 276 h 452"/>
                <a:gd name="T10" fmla="*/ 242 w 492"/>
                <a:gd name="T11" fmla="*/ 262 h 452"/>
                <a:gd name="T12" fmla="*/ 237 w 492"/>
                <a:gd name="T13" fmla="*/ 246 h 452"/>
                <a:gd name="T14" fmla="*/ 239 w 492"/>
                <a:gd name="T15" fmla="*/ 241 h 452"/>
                <a:gd name="T16" fmla="*/ 247 w 492"/>
                <a:gd name="T17" fmla="*/ 238 h 452"/>
                <a:gd name="T18" fmla="*/ 247 w 492"/>
                <a:gd name="T19" fmla="*/ 234 h 452"/>
                <a:gd name="T20" fmla="*/ 243 w 492"/>
                <a:gd name="T21" fmla="*/ 233 h 452"/>
                <a:gd name="T22" fmla="*/ 243 w 492"/>
                <a:gd name="T23" fmla="*/ 231 h 452"/>
                <a:gd name="T24" fmla="*/ 247 w 492"/>
                <a:gd name="T25" fmla="*/ 226 h 452"/>
                <a:gd name="T26" fmla="*/ 247 w 492"/>
                <a:gd name="T27" fmla="*/ 222 h 452"/>
                <a:gd name="T28" fmla="*/ 245 w 492"/>
                <a:gd name="T29" fmla="*/ 218 h 452"/>
                <a:gd name="T30" fmla="*/ 247 w 492"/>
                <a:gd name="T31" fmla="*/ 213 h 452"/>
                <a:gd name="T32" fmla="*/ 251 w 492"/>
                <a:gd name="T33" fmla="*/ 210 h 452"/>
                <a:gd name="T34" fmla="*/ 254 w 492"/>
                <a:gd name="T35" fmla="*/ 207 h 452"/>
                <a:gd name="T36" fmla="*/ 253 w 492"/>
                <a:gd name="T37" fmla="*/ 202 h 452"/>
                <a:gd name="T38" fmla="*/ 258 w 492"/>
                <a:gd name="T39" fmla="*/ 190 h 452"/>
                <a:gd name="T40" fmla="*/ 278 w 492"/>
                <a:gd name="T41" fmla="*/ 175 h 452"/>
                <a:gd name="T42" fmla="*/ 294 w 492"/>
                <a:gd name="T43" fmla="*/ 136 h 452"/>
                <a:gd name="T44" fmla="*/ 295 w 492"/>
                <a:gd name="T45" fmla="*/ 134 h 452"/>
                <a:gd name="T46" fmla="*/ 297 w 492"/>
                <a:gd name="T47" fmla="*/ 130 h 452"/>
                <a:gd name="T48" fmla="*/ 293 w 492"/>
                <a:gd name="T49" fmla="*/ 128 h 452"/>
                <a:gd name="T50" fmla="*/ 294 w 492"/>
                <a:gd name="T51" fmla="*/ 125 h 452"/>
                <a:gd name="T52" fmla="*/ 301 w 492"/>
                <a:gd name="T53" fmla="*/ 120 h 452"/>
                <a:gd name="T54" fmla="*/ 306 w 492"/>
                <a:gd name="T55" fmla="*/ 112 h 452"/>
                <a:gd name="T56" fmla="*/ 305 w 492"/>
                <a:gd name="T57" fmla="*/ 103 h 452"/>
                <a:gd name="T58" fmla="*/ 302 w 492"/>
                <a:gd name="T59" fmla="*/ 100 h 452"/>
                <a:gd name="T60" fmla="*/ 307 w 492"/>
                <a:gd name="T61" fmla="*/ 88 h 452"/>
                <a:gd name="T62" fmla="*/ 312 w 492"/>
                <a:gd name="T63" fmla="*/ 83 h 452"/>
                <a:gd name="T64" fmla="*/ 315 w 492"/>
                <a:gd name="T65" fmla="*/ 80 h 452"/>
                <a:gd name="T66" fmla="*/ 320 w 492"/>
                <a:gd name="T67" fmla="*/ 72 h 452"/>
                <a:gd name="T68" fmla="*/ 314 w 492"/>
                <a:gd name="T69" fmla="*/ 68 h 452"/>
                <a:gd name="T70" fmla="*/ 312 w 492"/>
                <a:gd name="T71" fmla="*/ 68 h 452"/>
                <a:gd name="T72" fmla="*/ 317 w 492"/>
                <a:gd name="T73" fmla="*/ 64 h 452"/>
                <a:gd name="T74" fmla="*/ 320 w 492"/>
                <a:gd name="T75" fmla="*/ 60 h 452"/>
                <a:gd name="T76" fmla="*/ 327 w 492"/>
                <a:gd name="T77" fmla="*/ 50 h 452"/>
                <a:gd name="T78" fmla="*/ 329 w 492"/>
                <a:gd name="T79" fmla="*/ 45 h 452"/>
                <a:gd name="T80" fmla="*/ 326 w 492"/>
                <a:gd name="T81" fmla="*/ 43 h 452"/>
                <a:gd name="T82" fmla="*/ 283 w 492"/>
                <a:gd name="T83" fmla="*/ 44 h 452"/>
                <a:gd name="T84" fmla="*/ 287 w 492"/>
                <a:gd name="T85" fmla="*/ 37 h 452"/>
                <a:gd name="T86" fmla="*/ 293 w 492"/>
                <a:gd name="T87" fmla="*/ 20 h 452"/>
                <a:gd name="T88" fmla="*/ 302 w 492"/>
                <a:gd name="T89" fmla="*/ 17 h 452"/>
                <a:gd name="T90" fmla="*/ 295 w 492"/>
                <a:gd name="T91" fmla="*/ 5 h 452"/>
                <a:gd name="T92" fmla="*/ 288 w 492"/>
                <a:gd name="T93" fmla="*/ 0 h 452"/>
                <a:gd name="T94" fmla="*/ 280 w 492"/>
                <a:gd name="T95" fmla="*/ 2 h 452"/>
                <a:gd name="T96" fmla="*/ 261 w 492"/>
                <a:gd name="T97" fmla="*/ 3 h 452"/>
                <a:gd name="T98" fmla="*/ 232 w 492"/>
                <a:gd name="T99" fmla="*/ 5 h 452"/>
                <a:gd name="T100" fmla="*/ 198 w 492"/>
                <a:gd name="T101" fmla="*/ 7 h 452"/>
                <a:gd name="T102" fmla="*/ 158 w 492"/>
                <a:gd name="T103" fmla="*/ 10 h 452"/>
                <a:gd name="T104" fmla="*/ 119 w 492"/>
                <a:gd name="T105" fmla="*/ 12 h 452"/>
                <a:gd name="T106" fmla="*/ 83 w 492"/>
                <a:gd name="T107" fmla="*/ 15 h 452"/>
                <a:gd name="T108" fmla="*/ 48 w 492"/>
                <a:gd name="T109" fmla="*/ 17 h 452"/>
                <a:gd name="T110" fmla="*/ 18 w 492"/>
                <a:gd name="T111" fmla="*/ 17 h 452"/>
                <a:gd name="T112" fmla="*/ 6 w 492"/>
                <a:gd name="T113" fmla="*/ 17 h 452"/>
                <a:gd name="T114" fmla="*/ 17 w 492"/>
                <a:gd name="T115" fmla="*/ 106 h 452"/>
                <a:gd name="T116" fmla="*/ 17 w 492"/>
                <a:gd name="T117" fmla="*/ 258 h 452"/>
                <a:gd name="T118" fmla="*/ 44 w 492"/>
                <a:gd name="T119" fmla="*/ 300 h 452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w 492"/>
                <a:gd name="T181" fmla="*/ 0 h 452"/>
                <a:gd name="T182" fmla="*/ 492 w 492"/>
                <a:gd name="T183" fmla="*/ 452 h 452"/>
              </a:gdLst>
              <a:ahLst/>
              <a:cxnLst>
                <a:cxn ang="T120">
                  <a:pos x="T0" y="T1"/>
                </a:cxn>
                <a:cxn ang="T121">
                  <a:pos x="T2" y="T3"/>
                </a:cxn>
                <a:cxn ang="T122">
                  <a:pos x="T4" y="T5"/>
                </a:cxn>
                <a:cxn ang="T123">
                  <a:pos x="T6" y="T7"/>
                </a:cxn>
                <a:cxn ang="T124">
                  <a:pos x="T8" y="T9"/>
                </a:cxn>
                <a:cxn ang="T125">
                  <a:pos x="T10" y="T11"/>
                </a:cxn>
                <a:cxn ang="T126">
                  <a:pos x="T12" y="T13"/>
                </a:cxn>
                <a:cxn ang="T127">
                  <a:pos x="T14" y="T15"/>
                </a:cxn>
                <a:cxn ang="T128">
                  <a:pos x="T16" y="T17"/>
                </a:cxn>
                <a:cxn ang="T129">
                  <a:pos x="T18" y="T19"/>
                </a:cxn>
                <a:cxn ang="T130">
                  <a:pos x="T20" y="T21"/>
                </a:cxn>
                <a:cxn ang="T131">
                  <a:pos x="T22" y="T23"/>
                </a:cxn>
                <a:cxn ang="T132">
                  <a:pos x="T24" y="T25"/>
                </a:cxn>
                <a:cxn ang="T133">
                  <a:pos x="T26" y="T27"/>
                </a:cxn>
                <a:cxn ang="T134">
                  <a:pos x="T28" y="T29"/>
                </a:cxn>
                <a:cxn ang="T135">
                  <a:pos x="T30" y="T31"/>
                </a:cxn>
                <a:cxn ang="T136">
                  <a:pos x="T32" y="T33"/>
                </a:cxn>
                <a:cxn ang="T137">
                  <a:pos x="T34" y="T35"/>
                </a:cxn>
                <a:cxn ang="T138">
                  <a:pos x="T36" y="T37"/>
                </a:cxn>
                <a:cxn ang="T139">
                  <a:pos x="T38" y="T39"/>
                </a:cxn>
                <a:cxn ang="T140">
                  <a:pos x="T40" y="T41"/>
                </a:cxn>
                <a:cxn ang="T141">
                  <a:pos x="T42" y="T43"/>
                </a:cxn>
                <a:cxn ang="T142">
                  <a:pos x="T44" y="T45"/>
                </a:cxn>
                <a:cxn ang="T143">
                  <a:pos x="T46" y="T47"/>
                </a:cxn>
                <a:cxn ang="T144">
                  <a:pos x="T48" y="T49"/>
                </a:cxn>
                <a:cxn ang="T145">
                  <a:pos x="T50" y="T51"/>
                </a:cxn>
                <a:cxn ang="T146">
                  <a:pos x="T52" y="T53"/>
                </a:cxn>
                <a:cxn ang="T147">
                  <a:pos x="T54" y="T55"/>
                </a:cxn>
                <a:cxn ang="T148">
                  <a:pos x="T56" y="T57"/>
                </a:cxn>
                <a:cxn ang="T149">
                  <a:pos x="T58" y="T59"/>
                </a:cxn>
                <a:cxn ang="T150">
                  <a:pos x="T60" y="T61"/>
                </a:cxn>
                <a:cxn ang="T151">
                  <a:pos x="T62" y="T63"/>
                </a:cxn>
                <a:cxn ang="T152">
                  <a:pos x="T64" y="T65"/>
                </a:cxn>
                <a:cxn ang="T153">
                  <a:pos x="T66" y="T67"/>
                </a:cxn>
                <a:cxn ang="T154">
                  <a:pos x="T68" y="T69"/>
                </a:cxn>
                <a:cxn ang="T155">
                  <a:pos x="T70" y="T71"/>
                </a:cxn>
                <a:cxn ang="T156">
                  <a:pos x="T72" y="T73"/>
                </a:cxn>
                <a:cxn ang="T157">
                  <a:pos x="T74" y="T75"/>
                </a:cxn>
                <a:cxn ang="T158">
                  <a:pos x="T76" y="T77"/>
                </a:cxn>
                <a:cxn ang="T159">
                  <a:pos x="T78" y="T79"/>
                </a:cxn>
                <a:cxn ang="T160">
                  <a:pos x="T80" y="T81"/>
                </a:cxn>
                <a:cxn ang="T161">
                  <a:pos x="T82" y="T83"/>
                </a:cxn>
                <a:cxn ang="T162">
                  <a:pos x="T84" y="T85"/>
                </a:cxn>
                <a:cxn ang="T163">
                  <a:pos x="T86" y="T87"/>
                </a:cxn>
                <a:cxn ang="T164">
                  <a:pos x="T88" y="T89"/>
                </a:cxn>
                <a:cxn ang="T165">
                  <a:pos x="T90" y="T91"/>
                </a:cxn>
                <a:cxn ang="T166">
                  <a:pos x="T92" y="T93"/>
                </a:cxn>
                <a:cxn ang="T167">
                  <a:pos x="T94" y="T95"/>
                </a:cxn>
                <a:cxn ang="T168">
                  <a:pos x="T96" y="T97"/>
                </a:cxn>
                <a:cxn ang="T169">
                  <a:pos x="T98" y="T99"/>
                </a:cxn>
                <a:cxn ang="T170">
                  <a:pos x="T100" y="T101"/>
                </a:cxn>
                <a:cxn ang="T171">
                  <a:pos x="T102" y="T103"/>
                </a:cxn>
                <a:cxn ang="T172">
                  <a:pos x="T104" y="T105"/>
                </a:cxn>
                <a:cxn ang="T173">
                  <a:pos x="T106" y="T107"/>
                </a:cxn>
                <a:cxn ang="T174">
                  <a:pos x="T108" y="T109"/>
                </a:cxn>
                <a:cxn ang="T175">
                  <a:pos x="T110" y="T111"/>
                </a:cxn>
                <a:cxn ang="T176">
                  <a:pos x="T112" y="T113"/>
                </a:cxn>
                <a:cxn ang="T177">
                  <a:pos x="T114" y="T115"/>
                </a:cxn>
                <a:cxn ang="T178">
                  <a:pos x="T116" y="T117"/>
                </a:cxn>
                <a:cxn ang="T179">
                  <a:pos x="T118" y="T119"/>
                </a:cxn>
              </a:cxnLst>
              <a:rect l="T180" t="T181" r="T182" b="T183"/>
              <a:pathLst>
                <a:path w="492" h="452">
                  <a:moveTo>
                    <a:pt x="362" y="443"/>
                  </a:moveTo>
                  <a:lnTo>
                    <a:pt x="362" y="443"/>
                  </a:lnTo>
                  <a:lnTo>
                    <a:pt x="362" y="442"/>
                  </a:lnTo>
                  <a:lnTo>
                    <a:pt x="362" y="438"/>
                  </a:lnTo>
                  <a:lnTo>
                    <a:pt x="362" y="435"/>
                  </a:lnTo>
                  <a:lnTo>
                    <a:pt x="364" y="432"/>
                  </a:lnTo>
                  <a:lnTo>
                    <a:pt x="364" y="428"/>
                  </a:lnTo>
                  <a:lnTo>
                    <a:pt x="365" y="426"/>
                  </a:lnTo>
                  <a:lnTo>
                    <a:pt x="369" y="425"/>
                  </a:lnTo>
                  <a:lnTo>
                    <a:pt x="370" y="423"/>
                  </a:lnTo>
                  <a:lnTo>
                    <a:pt x="370" y="421"/>
                  </a:lnTo>
                  <a:lnTo>
                    <a:pt x="370" y="420"/>
                  </a:lnTo>
                  <a:lnTo>
                    <a:pt x="369" y="416"/>
                  </a:lnTo>
                  <a:lnTo>
                    <a:pt x="369" y="415"/>
                  </a:lnTo>
                  <a:lnTo>
                    <a:pt x="367" y="413"/>
                  </a:lnTo>
                  <a:lnTo>
                    <a:pt x="362" y="393"/>
                  </a:lnTo>
                  <a:lnTo>
                    <a:pt x="360" y="386"/>
                  </a:lnTo>
                  <a:lnTo>
                    <a:pt x="352" y="377"/>
                  </a:lnTo>
                  <a:lnTo>
                    <a:pt x="355" y="369"/>
                  </a:lnTo>
                  <a:lnTo>
                    <a:pt x="355" y="364"/>
                  </a:lnTo>
                  <a:lnTo>
                    <a:pt x="357" y="362"/>
                  </a:lnTo>
                  <a:lnTo>
                    <a:pt x="358" y="362"/>
                  </a:lnTo>
                  <a:lnTo>
                    <a:pt x="362" y="360"/>
                  </a:lnTo>
                  <a:lnTo>
                    <a:pt x="364" y="360"/>
                  </a:lnTo>
                  <a:lnTo>
                    <a:pt x="369" y="357"/>
                  </a:lnTo>
                  <a:lnTo>
                    <a:pt x="370" y="355"/>
                  </a:lnTo>
                  <a:lnTo>
                    <a:pt x="370" y="354"/>
                  </a:lnTo>
                  <a:lnTo>
                    <a:pt x="369" y="352"/>
                  </a:lnTo>
                  <a:lnTo>
                    <a:pt x="367" y="350"/>
                  </a:lnTo>
                  <a:lnTo>
                    <a:pt x="365" y="350"/>
                  </a:lnTo>
                  <a:lnTo>
                    <a:pt x="364" y="350"/>
                  </a:lnTo>
                  <a:lnTo>
                    <a:pt x="362" y="350"/>
                  </a:lnTo>
                  <a:lnTo>
                    <a:pt x="362" y="349"/>
                  </a:lnTo>
                  <a:lnTo>
                    <a:pt x="364" y="347"/>
                  </a:lnTo>
                  <a:lnTo>
                    <a:pt x="365" y="345"/>
                  </a:lnTo>
                  <a:lnTo>
                    <a:pt x="367" y="344"/>
                  </a:lnTo>
                  <a:lnTo>
                    <a:pt x="369" y="340"/>
                  </a:lnTo>
                  <a:lnTo>
                    <a:pt x="370" y="338"/>
                  </a:lnTo>
                  <a:lnTo>
                    <a:pt x="370" y="337"/>
                  </a:lnTo>
                  <a:lnTo>
                    <a:pt x="370" y="335"/>
                  </a:lnTo>
                  <a:lnTo>
                    <a:pt x="369" y="332"/>
                  </a:lnTo>
                  <a:lnTo>
                    <a:pt x="367" y="330"/>
                  </a:lnTo>
                  <a:lnTo>
                    <a:pt x="367" y="327"/>
                  </a:lnTo>
                  <a:lnTo>
                    <a:pt x="367" y="323"/>
                  </a:lnTo>
                  <a:lnTo>
                    <a:pt x="367" y="322"/>
                  </a:lnTo>
                  <a:lnTo>
                    <a:pt x="369" y="320"/>
                  </a:lnTo>
                  <a:lnTo>
                    <a:pt x="370" y="318"/>
                  </a:lnTo>
                  <a:lnTo>
                    <a:pt x="372" y="318"/>
                  </a:lnTo>
                  <a:lnTo>
                    <a:pt x="377" y="316"/>
                  </a:lnTo>
                  <a:lnTo>
                    <a:pt x="380" y="315"/>
                  </a:lnTo>
                  <a:lnTo>
                    <a:pt x="380" y="311"/>
                  </a:lnTo>
                  <a:lnTo>
                    <a:pt x="380" y="310"/>
                  </a:lnTo>
                  <a:lnTo>
                    <a:pt x="380" y="308"/>
                  </a:lnTo>
                  <a:lnTo>
                    <a:pt x="379" y="306"/>
                  </a:lnTo>
                  <a:lnTo>
                    <a:pt x="379" y="305"/>
                  </a:lnTo>
                  <a:lnTo>
                    <a:pt x="377" y="305"/>
                  </a:lnTo>
                  <a:lnTo>
                    <a:pt x="392" y="296"/>
                  </a:lnTo>
                  <a:lnTo>
                    <a:pt x="387" y="286"/>
                  </a:lnTo>
                  <a:lnTo>
                    <a:pt x="402" y="271"/>
                  </a:lnTo>
                  <a:lnTo>
                    <a:pt x="408" y="271"/>
                  </a:lnTo>
                  <a:lnTo>
                    <a:pt x="416" y="262"/>
                  </a:lnTo>
                  <a:lnTo>
                    <a:pt x="416" y="232"/>
                  </a:lnTo>
                  <a:lnTo>
                    <a:pt x="426" y="217"/>
                  </a:lnTo>
                  <a:lnTo>
                    <a:pt x="441" y="205"/>
                  </a:lnTo>
                  <a:lnTo>
                    <a:pt x="441" y="203"/>
                  </a:lnTo>
                  <a:lnTo>
                    <a:pt x="443" y="201"/>
                  </a:lnTo>
                  <a:lnTo>
                    <a:pt x="443" y="198"/>
                  </a:lnTo>
                  <a:lnTo>
                    <a:pt x="443" y="196"/>
                  </a:lnTo>
                  <a:lnTo>
                    <a:pt x="445" y="195"/>
                  </a:lnTo>
                  <a:lnTo>
                    <a:pt x="445" y="193"/>
                  </a:lnTo>
                  <a:lnTo>
                    <a:pt x="440" y="193"/>
                  </a:lnTo>
                  <a:lnTo>
                    <a:pt x="438" y="191"/>
                  </a:lnTo>
                  <a:lnTo>
                    <a:pt x="438" y="190"/>
                  </a:lnTo>
                  <a:lnTo>
                    <a:pt x="441" y="188"/>
                  </a:lnTo>
                  <a:lnTo>
                    <a:pt x="445" y="184"/>
                  </a:lnTo>
                  <a:lnTo>
                    <a:pt x="446" y="183"/>
                  </a:lnTo>
                  <a:lnTo>
                    <a:pt x="450" y="181"/>
                  </a:lnTo>
                  <a:lnTo>
                    <a:pt x="452" y="181"/>
                  </a:lnTo>
                  <a:lnTo>
                    <a:pt x="457" y="174"/>
                  </a:lnTo>
                  <a:lnTo>
                    <a:pt x="458" y="168"/>
                  </a:lnTo>
                  <a:lnTo>
                    <a:pt x="460" y="162"/>
                  </a:lnTo>
                  <a:lnTo>
                    <a:pt x="458" y="157"/>
                  </a:lnTo>
                  <a:lnTo>
                    <a:pt x="457" y="154"/>
                  </a:lnTo>
                  <a:lnTo>
                    <a:pt x="455" y="152"/>
                  </a:lnTo>
                  <a:lnTo>
                    <a:pt x="453" y="149"/>
                  </a:lnTo>
                  <a:lnTo>
                    <a:pt x="458" y="137"/>
                  </a:lnTo>
                  <a:lnTo>
                    <a:pt x="458" y="135"/>
                  </a:lnTo>
                  <a:lnTo>
                    <a:pt x="460" y="134"/>
                  </a:lnTo>
                  <a:lnTo>
                    <a:pt x="462" y="132"/>
                  </a:lnTo>
                  <a:lnTo>
                    <a:pt x="463" y="129"/>
                  </a:lnTo>
                  <a:lnTo>
                    <a:pt x="467" y="125"/>
                  </a:lnTo>
                  <a:lnTo>
                    <a:pt x="468" y="122"/>
                  </a:lnTo>
                  <a:lnTo>
                    <a:pt x="470" y="120"/>
                  </a:lnTo>
                  <a:lnTo>
                    <a:pt x="472" y="120"/>
                  </a:lnTo>
                  <a:lnTo>
                    <a:pt x="477" y="113"/>
                  </a:lnTo>
                  <a:lnTo>
                    <a:pt x="479" y="108"/>
                  </a:lnTo>
                  <a:lnTo>
                    <a:pt x="479" y="107"/>
                  </a:lnTo>
                  <a:lnTo>
                    <a:pt x="477" y="103"/>
                  </a:lnTo>
                  <a:lnTo>
                    <a:pt x="474" y="103"/>
                  </a:lnTo>
                  <a:lnTo>
                    <a:pt x="470" y="102"/>
                  </a:lnTo>
                  <a:lnTo>
                    <a:pt x="468" y="102"/>
                  </a:lnTo>
                  <a:lnTo>
                    <a:pt x="470" y="100"/>
                  </a:lnTo>
                  <a:lnTo>
                    <a:pt x="472" y="98"/>
                  </a:lnTo>
                  <a:lnTo>
                    <a:pt x="474" y="96"/>
                  </a:lnTo>
                  <a:lnTo>
                    <a:pt x="477" y="93"/>
                  </a:lnTo>
                  <a:lnTo>
                    <a:pt x="479" y="91"/>
                  </a:lnTo>
                  <a:lnTo>
                    <a:pt x="480" y="90"/>
                  </a:lnTo>
                  <a:lnTo>
                    <a:pt x="482" y="88"/>
                  </a:lnTo>
                  <a:lnTo>
                    <a:pt x="487" y="81"/>
                  </a:lnTo>
                  <a:lnTo>
                    <a:pt x="490" y="76"/>
                  </a:lnTo>
                  <a:lnTo>
                    <a:pt x="492" y="73"/>
                  </a:lnTo>
                  <a:lnTo>
                    <a:pt x="492" y="69"/>
                  </a:lnTo>
                  <a:lnTo>
                    <a:pt x="492" y="66"/>
                  </a:lnTo>
                  <a:lnTo>
                    <a:pt x="490" y="64"/>
                  </a:lnTo>
                  <a:lnTo>
                    <a:pt x="489" y="63"/>
                  </a:lnTo>
                  <a:lnTo>
                    <a:pt x="424" y="66"/>
                  </a:lnTo>
                  <a:lnTo>
                    <a:pt x="424" y="64"/>
                  </a:lnTo>
                  <a:lnTo>
                    <a:pt x="426" y="61"/>
                  </a:lnTo>
                  <a:lnTo>
                    <a:pt x="428" y="58"/>
                  </a:lnTo>
                  <a:lnTo>
                    <a:pt x="430" y="51"/>
                  </a:lnTo>
                  <a:lnTo>
                    <a:pt x="433" y="46"/>
                  </a:lnTo>
                  <a:lnTo>
                    <a:pt x="436" y="39"/>
                  </a:lnTo>
                  <a:lnTo>
                    <a:pt x="440" y="34"/>
                  </a:lnTo>
                  <a:lnTo>
                    <a:pt x="446" y="29"/>
                  </a:lnTo>
                  <a:lnTo>
                    <a:pt x="450" y="24"/>
                  </a:lnTo>
                  <a:lnTo>
                    <a:pt x="452" y="19"/>
                  </a:lnTo>
                  <a:lnTo>
                    <a:pt x="450" y="14"/>
                  </a:lnTo>
                  <a:lnTo>
                    <a:pt x="446" y="8"/>
                  </a:lnTo>
                  <a:lnTo>
                    <a:pt x="443" y="5"/>
                  </a:lnTo>
                  <a:lnTo>
                    <a:pt x="438" y="2"/>
                  </a:lnTo>
                  <a:lnTo>
                    <a:pt x="435" y="0"/>
                  </a:lnTo>
                  <a:lnTo>
                    <a:pt x="431" y="0"/>
                  </a:lnTo>
                  <a:lnTo>
                    <a:pt x="430" y="2"/>
                  </a:lnTo>
                  <a:lnTo>
                    <a:pt x="426" y="2"/>
                  </a:lnTo>
                  <a:lnTo>
                    <a:pt x="419" y="2"/>
                  </a:lnTo>
                  <a:lnTo>
                    <a:pt x="411" y="2"/>
                  </a:lnTo>
                  <a:lnTo>
                    <a:pt x="402" y="3"/>
                  </a:lnTo>
                  <a:lnTo>
                    <a:pt x="391" y="3"/>
                  </a:lnTo>
                  <a:lnTo>
                    <a:pt x="377" y="3"/>
                  </a:lnTo>
                  <a:lnTo>
                    <a:pt x="364" y="5"/>
                  </a:lnTo>
                  <a:lnTo>
                    <a:pt x="348" y="5"/>
                  </a:lnTo>
                  <a:lnTo>
                    <a:pt x="331" y="7"/>
                  </a:lnTo>
                  <a:lnTo>
                    <a:pt x="314" y="7"/>
                  </a:lnTo>
                  <a:lnTo>
                    <a:pt x="296" y="7"/>
                  </a:lnTo>
                  <a:lnTo>
                    <a:pt x="277" y="8"/>
                  </a:lnTo>
                  <a:lnTo>
                    <a:pt x="259" y="8"/>
                  </a:lnTo>
                  <a:lnTo>
                    <a:pt x="238" y="10"/>
                  </a:lnTo>
                  <a:lnTo>
                    <a:pt x="220" y="10"/>
                  </a:lnTo>
                  <a:lnTo>
                    <a:pt x="199" y="12"/>
                  </a:lnTo>
                  <a:lnTo>
                    <a:pt x="179" y="12"/>
                  </a:lnTo>
                  <a:lnTo>
                    <a:pt x="160" y="14"/>
                  </a:lnTo>
                  <a:lnTo>
                    <a:pt x="142" y="14"/>
                  </a:lnTo>
                  <a:lnTo>
                    <a:pt x="123" y="15"/>
                  </a:lnTo>
                  <a:lnTo>
                    <a:pt x="105" y="15"/>
                  </a:lnTo>
                  <a:lnTo>
                    <a:pt x="88" y="17"/>
                  </a:lnTo>
                  <a:lnTo>
                    <a:pt x="72" y="17"/>
                  </a:lnTo>
                  <a:lnTo>
                    <a:pt x="57" y="17"/>
                  </a:lnTo>
                  <a:lnTo>
                    <a:pt x="45" y="19"/>
                  </a:lnTo>
                  <a:lnTo>
                    <a:pt x="32" y="19"/>
                  </a:lnTo>
                  <a:lnTo>
                    <a:pt x="22" y="19"/>
                  </a:lnTo>
                  <a:lnTo>
                    <a:pt x="13" y="19"/>
                  </a:lnTo>
                  <a:lnTo>
                    <a:pt x="6" y="19"/>
                  </a:lnTo>
                  <a:lnTo>
                    <a:pt x="1" y="20"/>
                  </a:lnTo>
                  <a:lnTo>
                    <a:pt x="0" y="20"/>
                  </a:lnTo>
                  <a:lnTo>
                    <a:pt x="20" y="159"/>
                  </a:lnTo>
                  <a:lnTo>
                    <a:pt x="18" y="377"/>
                  </a:lnTo>
                  <a:lnTo>
                    <a:pt x="17" y="374"/>
                  </a:lnTo>
                  <a:lnTo>
                    <a:pt x="28" y="389"/>
                  </a:lnTo>
                  <a:lnTo>
                    <a:pt x="54" y="386"/>
                  </a:lnTo>
                  <a:lnTo>
                    <a:pt x="64" y="388"/>
                  </a:lnTo>
                  <a:lnTo>
                    <a:pt x="64" y="452"/>
                  </a:lnTo>
                  <a:lnTo>
                    <a:pt x="362" y="443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15" name="Freeform 60"/>
            <p:cNvSpPr>
              <a:spLocks/>
            </p:cNvSpPr>
            <p:nvPr/>
          </p:nvSpPr>
          <p:spPr bwMode="auto">
            <a:xfrm>
              <a:off x="2931" y="3072"/>
              <a:ext cx="540" cy="475"/>
            </a:xfrm>
            <a:custGeom>
              <a:avLst/>
              <a:gdLst>
                <a:gd name="T0" fmla="*/ 27 w 555"/>
                <a:gd name="T1" fmla="*/ 234 h 489"/>
                <a:gd name="T2" fmla="*/ 27 w 555"/>
                <a:gd name="T3" fmla="*/ 209 h 489"/>
                <a:gd name="T4" fmla="*/ 43 w 555"/>
                <a:gd name="T5" fmla="*/ 176 h 489"/>
                <a:gd name="T6" fmla="*/ 35 w 555"/>
                <a:gd name="T7" fmla="*/ 153 h 489"/>
                <a:gd name="T8" fmla="*/ 203 w 555"/>
                <a:gd name="T9" fmla="*/ 0 h 489"/>
                <a:gd name="T10" fmla="*/ 204 w 555"/>
                <a:gd name="T11" fmla="*/ 12 h 489"/>
                <a:gd name="T12" fmla="*/ 206 w 555"/>
                <a:gd name="T13" fmla="*/ 30 h 489"/>
                <a:gd name="T14" fmla="*/ 211 w 555"/>
                <a:gd name="T15" fmla="*/ 45 h 489"/>
                <a:gd name="T16" fmla="*/ 217 w 555"/>
                <a:gd name="T17" fmla="*/ 51 h 489"/>
                <a:gd name="T18" fmla="*/ 221 w 555"/>
                <a:gd name="T19" fmla="*/ 63 h 489"/>
                <a:gd name="T20" fmla="*/ 206 w 555"/>
                <a:gd name="T21" fmla="*/ 70 h 489"/>
                <a:gd name="T22" fmla="*/ 209 w 555"/>
                <a:gd name="T23" fmla="*/ 84 h 489"/>
                <a:gd name="T24" fmla="*/ 193 w 555"/>
                <a:gd name="T25" fmla="*/ 118 h 489"/>
                <a:gd name="T26" fmla="*/ 188 w 555"/>
                <a:gd name="T27" fmla="*/ 130 h 489"/>
                <a:gd name="T28" fmla="*/ 186 w 555"/>
                <a:gd name="T29" fmla="*/ 141 h 489"/>
                <a:gd name="T30" fmla="*/ 177 w 555"/>
                <a:gd name="T31" fmla="*/ 153 h 489"/>
                <a:gd name="T32" fmla="*/ 180 w 555"/>
                <a:gd name="T33" fmla="*/ 162 h 489"/>
                <a:gd name="T34" fmla="*/ 313 w 555"/>
                <a:gd name="T35" fmla="*/ 179 h 489"/>
                <a:gd name="T36" fmla="*/ 318 w 555"/>
                <a:gd name="T37" fmla="*/ 202 h 489"/>
                <a:gd name="T38" fmla="*/ 326 w 555"/>
                <a:gd name="T39" fmla="*/ 227 h 489"/>
                <a:gd name="T40" fmla="*/ 304 w 555"/>
                <a:gd name="T41" fmla="*/ 222 h 489"/>
                <a:gd name="T42" fmla="*/ 282 w 555"/>
                <a:gd name="T43" fmla="*/ 220 h 489"/>
                <a:gd name="T44" fmla="*/ 273 w 555"/>
                <a:gd name="T45" fmla="*/ 230 h 489"/>
                <a:gd name="T46" fmla="*/ 289 w 555"/>
                <a:gd name="T47" fmla="*/ 242 h 489"/>
                <a:gd name="T48" fmla="*/ 312 w 555"/>
                <a:gd name="T49" fmla="*/ 234 h 489"/>
                <a:gd name="T50" fmla="*/ 322 w 555"/>
                <a:gd name="T51" fmla="*/ 242 h 489"/>
                <a:gd name="T52" fmla="*/ 322 w 555"/>
                <a:gd name="T53" fmla="*/ 249 h 489"/>
                <a:gd name="T54" fmla="*/ 333 w 555"/>
                <a:gd name="T55" fmla="*/ 247 h 489"/>
                <a:gd name="T56" fmla="*/ 341 w 555"/>
                <a:gd name="T57" fmla="*/ 238 h 489"/>
                <a:gd name="T58" fmla="*/ 342 w 555"/>
                <a:gd name="T59" fmla="*/ 242 h 489"/>
                <a:gd name="T60" fmla="*/ 344 w 555"/>
                <a:gd name="T61" fmla="*/ 263 h 489"/>
                <a:gd name="T62" fmla="*/ 332 w 555"/>
                <a:gd name="T63" fmla="*/ 284 h 489"/>
                <a:gd name="T64" fmla="*/ 370 w 555"/>
                <a:gd name="T65" fmla="*/ 304 h 489"/>
                <a:gd name="T66" fmla="*/ 360 w 555"/>
                <a:gd name="T67" fmla="*/ 320 h 489"/>
                <a:gd name="T68" fmla="*/ 352 w 555"/>
                <a:gd name="T69" fmla="*/ 314 h 489"/>
                <a:gd name="T70" fmla="*/ 342 w 555"/>
                <a:gd name="T71" fmla="*/ 304 h 489"/>
                <a:gd name="T72" fmla="*/ 321 w 555"/>
                <a:gd name="T73" fmla="*/ 300 h 489"/>
                <a:gd name="T74" fmla="*/ 315 w 555"/>
                <a:gd name="T75" fmla="*/ 288 h 489"/>
                <a:gd name="T76" fmla="*/ 291 w 555"/>
                <a:gd name="T77" fmla="*/ 283 h 489"/>
                <a:gd name="T78" fmla="*/ 301 w 555"/>
                <a:gd name="T79" fmla="*/ 300 h 489"/>
                <a:gd name="T80" fmla="*/ 301 w 555"/>
                <a:gd name="T81" fmla="*/ 310 h 489"/>
                <a:gd name="T82" fmla="*/ 290 w 555"/>
                <a:gd name="T83" fmla="*/ 322 h 489"/>
                <a:gd name="T84" fmla="*/ 265 w 555"/>
                <a:gd name="T85" fmla="*/ 313 h 489"/>
                <a:gd name="T86" fmla="*/ 239 w 555"/>
                <a:gd name="T87" fmla="*/ 318 h 489"/>
                <a:gd name="T88" fmla="*/ 223 w 555"/>
                <a:gd name="T89" fmla="*/ 314 h 489"/>
                <a:gd name="T90" fmla="*/ 193 w 555"/>
                <a:gd name="T91" fmla="*/ 291 h 489"/>
                <a:gd name="T92" fmla="*/ 185 w 555"/>
                <a:gd name="T93" fmla="*/ 278 h 489"/>
                <a:gd name="T94" fmla="*/ 173 w 555"/>
                <a:gd name="T95" fmla="*/ 275 h 489"/>
                <a:gd name="T96" fmla="*/ 167 w 555"/>
                <a:gd name="T97" fmla="*/ 268 h 489"/>
                <a:gd name="T98" fmla="*/ 139 w 555"/>
                <a:gd name="T99" fmla="*/ 292 h 489"/>
                <a:gd name="T100" fmla="*/ 114 w 555"/>
                <a:gd name="T101" fmla="*/ 290 h 489"/>
                <a:gd name="T102" fmla="*/ 77 w 555"/>
                <a:gd name="T103" fmla="*/ 278 h 489"/>
                <a:gd name="T104" fmla="*/ 60 w 555"/>
                <a:gd name="T105" fmla="*/ 276 h 489"/>
                <a:gd name="T106" fmla="*/ 57 w 555"/>
                <a:gd name="T107" fmla="*/ 272 h 489"/>
                <a:gd name="T108" fmla="*/ 28 w 555"/>
                <a:gd name="T109" fmla="*/ 280 h 489"/>
                <a:gd name="T110" fmla="*/ 18 w 555"/>
                <a:gd name="T111" fmla="*/ 275 h 489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w 555"/>
                <a:gd name="T169" fmla="*/ 0 h 489"/>
                <a:gd name="T170" fmla="*/ 555 w 555"/>
                <a:gd name="T171" fmla="*/ 489 h 489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T168" t="T169" r="T170" b="T171"/>
              <a:pathLst>
                <a:path w="555" h="489">
                  <a:moveTo>
                    <a:pt x="41" y="390"/>
                  </a:moveTo>
                  <a:lnTo>
                    <a:pt x="47" y="381"/>
                  </a:lnTo>
                  <a:lnTo>
                    <a:pt x="51" y="373"/>
                  </a:lnTo>
                  <a:lnTo>
                    <a:pt x="51" y="366"/>
                  </a:lnTo>
                  <a:lnTo>
                    <a:pt x="49" y="361"/>
                  </a:lnTo>
                  <a:lnTo>
                    <a:pt x="46" y="356"/>
                  </a:lnTo>
                  <a:lnTo>
                    <a:pt x="44" y="352"/>
                  </a:lnTo>
                  <a:lnTo>
                    <a:pt x="41" y="351"/>
                  </a:lnTo>
                  <a:lnTo>
                    <a:pt x="44" y="329"/>
                  </a:lnTo>
                  <a:lnTo>
                    <a:pt x="42" y="327"/>
                  </a:lnTo>
                  <a:lnTo>
                    <a:pt x="41" y="325"/>
                  </a:lnTo>
                  <a:lnTo>
                    <a:pt x="39" y="322"/>
                  </a:lnTo>
                  <a:lnTo>
                    <a:pt x="39" y="319"/>
                  </a:lnTo>
                  <a:lnTo>
                    <a:pt x="41" y="313"/>
                  </a:lnTo>
                  <a:lnTo>
                    <a:pt x="44" y="307"/>
                  </a:lnTo>
                  <a:lnTo>
                    <a:pt x="51" y="298"/>
                  </a:lnTo>
                  <a:lnTo>
                    <a:pt x="54" y="293"/>
                  </a:lnTo>
                  <a:lnTo>
                    <a:pt x="56" y="288"/>
                  </a:lnTo>
                  <a:lnTo>
                    <a:pt x="58" y="281"/>
                  </a:lnTo>
                  <a:lnTo>
                    <a:pt x="59" y="276"/>
                  </a:lnTo>
                  <a:lnTo>
                    <a:pt x="59" y="271"/>
                  </a:lnTo>
                  <a:lnTo>
                    <a:pt x="59" y="264"/>
                  </a:lnTo>
                  <a:lnTo>
                    <a:pt x="59" y="259"/>
                  </a:lnTo>
                  <a:lnTo>
                    <a:pt x="58" y="254"/>
                  </a:lnTo>
                  <a:lnTo>
                    <a:pt x="56" y="249"/>
                  </a:lnTo>
                  <a:lnTo>
                    <a:pt x="54" y="244"/>
                  </a:lnTo>
                  <a:lnTo>
                    <a:pt x="54" y="241"/>
                  </a:lnTo>
                  <a:lnTo>
                    <a:pt x="52" y="236"/>
                  </a:lnTo>
                  <a:lnTo>
                    <a:pt x="51" y="232"/>
                  </a:lnTo>
                  <a:lnTo>
                    <a:pt x="49" y="231"/>
                  </a:lnTo>
                  <a:lnTo>
                    <a:pt x="49" y="229"/>
                  </a:lnTo>
                  <a:lnTo>
                    <a:pt x="42" y="209"/>
                  </a:lnTo>
                  <a:lnTo>
                    <a:pt x="29" y="195"/>
                  </a:lnTo>
                  <a:lnTo>
                    <a:pt x="29" y="165"/>
                  </a:lnTo>
                  <a:lnTo>
                    <a:pt x="5" y="134"/>
                  </a:lnTo>
                  <a:lnTo>
                    <a:pt x="0" y="9"/>
                  </a:lnTo>
                  <a:lnTo>
                    <a:pt x="298" y="0"/>
                  </a:lnTo>
                  <a:lnTo>
                    <a:pt x="296" y="0"/>
                  </a:lnTo>
                  <a:lnTo>
                    <a:pt x="296" y="2"/>
                  </a:lnTo>
                  <a:lnTo>
                    <a:pt x="296" y="4"/>
                  </a:lnTo>
                  <a:lnTo>
                    <a:pt x="296" y="5"/>
                  </a:lnTo>
                  <a:lnTo>
                    <a:pt x="296" y="9"/>
                  </a:lnTo>
                  <a:lnTo>
                    <a:pt x="296" y="11"/>
                  </a:lnTo>
                  <a:lnTo>
                    <a:pt x="298" y="12"/>
                  </a:lnTo>
                  <a:lnTo>
                    <a:pt x="300" y="12"/>
                  </a:lnTo>
                  <a:lnTo>
                    <a:pt x="301" y="11"/>
                  </a:lnTo>
                  <a:lnTo>
                    <a:pt x="303" y="11"/>
                  </a:lnTo>
                  <a:lnTo>
                    <a:pt x="305" y="14"/>
                  </a:lnTo>
                  <a:lnTo>
                    <a:pt x="305" y="16"/>
                  </a:lnTo>
                  <a:lnTo>
                    <a:pt x="306" y="17"/>
                  </a:lnTo>
                  <a:lnTo>
                    <a:pt x="305" y="29"/>
                  </a:lnTo>
                  <a:lnTo>
                    <a:pt x="311" y="34"/>
                  </a:lnTo>
                  <a:lnTo>
                    <a:pt x="303" y="44"/>
                  </a:lnTo>
                  <a:lnTo>
                    <a:pt x="305" y="49"/>
                  </a:lnTo>
                  <a:lnTo>
                    <a:pt x="316" y="48"/>
                  </a:lnTo>
                  <a:lnTo>
                    <a:pt x="316" y="60"/>
                  </a:lnTo>
                  <a:lnTo>
                    <a:pt x="315" y="60"/>
                  </a:lnTo>
                  <a:lnTo>
                    <a:pt x="315" y="61"/>
                  </a:lnTo>
                  <a:lnTo>
                    <a:pt x="313" y="63"/>
                  </a:lnTo>
                  <a:lnTo>
                    <a:pt x="311" y="65"/>
                  </a:lnTo>
                  <a:lnTo>
                    <a:pt x="310" y="66"/>
                  </a:lnTo>
                  <a:lnTo>
                    <a:pt x="311" y="68"/>
                  </a:lnTo>
                  <a:lnTo>
                    <a:pt x="313" y="70"/>
                  </a:lnTo>
                  <a:lnTo>
                    <a:pt x="320" y="70"/>
                  </a:lnTo>
                  <a:lnTo>
                    <a:pt x="320" y="71"/>
                  </a:lnTo>
                  <a:lnTo>
                    <a:pt x="320" y="73"/>
                  </a:lnTo>
                  <a:lnTo>
                    <a:pt x="318" y="75"/>
                  </a:lnTo>
                  <a:lnTo>
                    <a:pt x="318" y="78"/>
                  </a:lnTo>
                  <a:lnTo>
                    <a:pt x="320" y="80"/>
                  </a:lnTo>
                  <a:lnTo>
                    <a:pt x="323" y="82"/>
                  </a:lnTo>
                  <a:lnTo>
                    <a:pt x="328" y="82"/>
                  </a:lnTo>
                  <a:lnTo>
                    <a:pt x="327" y="85"/>
                  </a:lnTo>
                  <a:lnTo>
                    <a:pt x="325" y="87"/>
                  </a:lnTo>
                  <a:lnTo>
                    <a:pt x="325" y="90"/>
                  </a:lnTo>
                  <a:lnTo>
                    <a:pt x="323" y="93"/>
                  </a:lnTo>
                  <a:lnTo>
                    <a:pt x="322" y="97"/>
                  </a:lnTo>
                  <a:lnTo>
                    <a:pt x="320" y="99"/>
                  </a:lnTo>
                  <a:lnTo>
                    <a:pt x="320" y="100"/>
                  </a:lnTo>
                  <a:lnTo>
                    <a:pt x="318" y="100"/>
                  </a:lnTo>
                  <a:lnTo>
                    <a:pt x="315" y="100"/>
                  </a:lnTo>
                  <a:lnTo>
                    <a:pt x="310" y="102"/>
                  </a:lnTo>
                  <a:lnTo>
                    <a:pt x="306" y="102"/>
                  </a:lnTo>
                  <a:lnTo>
                    <a:pt x="303" y="104"/>
                  </a:lnTo>
                  <a:lnTo>
                    <a:pt x="303" y="105"/>
                  </a:lnTo>
                  <a:lnTo>
                    <a:pt x="306" y="107"/>
                  </a:lnTo>
                  <a:lnTo>
                    <a:pt x="313" y="110"/>
                  </a:lnTo>
                  <a:lnTo>
                    <a:pt x="313" y="112"/>
                  </a:lnTo>
                  <a:lnTo>
                    <a:pt x="313" y="114"/>
                  </a:lnTo>
                  <a:lnTo>
                    <a:pt x="311" y="119"/>
                  </a:lnTo>
                  <a:lnTo>
                    <a:pt x="308" y="122"/>
                  </a:lnTo>
                  <a:lnTo>
                    <a:pt x="306" y="126"/>
                  </a:lnTo>
                  <a:lnTo>
                    <a:pt x="303" y="129"/>
                  </a:lnTo>
                  <a:lnTo>
                    <a:pt x="303" y="132"/>
                  </a:lnTo>
                  <a:lnTo>
                    <a:pt x="301" y="134"/>
                  </a:lnTo>
                  <a:lnTo>
                    <a:pt x="300" y="146"/>
                  </a:lnTo>
                  <a:lnTo>
                    <a:pt x="291" y="146"/>
                  </a:lnTo>
                  <a:lnTo>
                    <a:pt x="284" y="173"/>
                  </a:lnTo>
                  <a:lnTo>
                    <a:pt x="276" y="178"/>
                  </a:lnTo>
                  <a:lnTo>
                    <a:pt x="284" y="178"/>
                  </a:lnTo>
                  <a:lnTo>
                    <a:pt x="284" y="180"/>
                  </a:lnTo>
                  <a:lnTo>
                    <a:pt x="283" y="180"/>
                  </a:lnTo>
                  <a:lnTo>
                    <a:pt x="279" y="183"/>
                  </a:lnTo>
                  <a:lnTo>
                    <a:pt x="278" y="185"/>
                  </a:lnTo>
                  <a:lnTo>
                    <a:pt x="274" y="188"/>
                  </a:lnTo>
                  <a:lnTo>
                    <a:pt x="274" y="190"/>
                  </a:lnTo>
                  <a:lnTo>
                    <a:pt x="274" y="193"/>
                  </a:lnTo>
                  <a:lnTo>
                    <a:pt x="276" y="195"/>
                  </a:lnTo>
                  <a:lnTo>
                    <a:pt x="276" y="197"/>
                  </a:lnTo>
                  <a:lnTo>
                    <a:pt x="274" y="198"/>
                  </a:lnTo>
                  <a:lnTo>
                    <a:pt x="272" y="200"/>
                  </a:lnTo>
                  <a:lnTo>
                    <a:pt x="269" y="203"/>
                  </a:lnTo>
                  <a:lnTo>
                    <a:pt x="269" y="207"/>
                  </a:lnTo>
                  <a:lnTo>
                    <a:pt x="267" y="209"/>
                  </a:lnTo>
                  <a:lnTo>
                    <a:pt x="269" y="210"/>
                  </a:lnTo>
                  <a:lnTo>
                    <a:pt x="272" y="210"/>
                  </a:lnTo>
                  <a:lnTo>
                    <a:pt x="274" y="212"/>
                  </a:lnTo>
                  <a:lnTo>
                    <a:pt x="274" y="215"/>
                  </a:lnTo>
                  <a:lnTo>
                    <a:pt x="272" y="217"/>
                  </a:lnTo>
                  <a:lnTo>
                    <a:pt x="267" y="222"/>
                  </a:lnTo>
                  <a:lnTo>
                    <a:pt x="264" y="224"/>
                  </a:lnTo>
                  <a:lnTo>
                    <a:pt x="261" y="225"/>
                  </a:lnTo>
                  <a:lnTo>
                    <a:pt x="259" y="227"/>
                  </a:lnTo>
                  <a:lnTo>
                    <a:pt x="259" y="231"/>
                  </a:lnTo>
                  <a:lnTo>
                    <a:pt x="259" y="232"/>
                  </a:lnTo>
                  <a:lnTo>
                    <a:pt x="261" y="234"/>
                  </a:lnTo>
                  <a:lnTo>
                    <a:pt x="262" y="236"/>
                  </a:lnTo>
                  <a:lnTo>
                    <a:pt x="264" y="236"/>
                  </a:lnTo>
                  <a:lnTo>
                    <a:pt x="266" y="237"/>
                  </a:lnTo>
                  <a:lnTo>
                    <a:pt x="264" y="239"/>
                  </a:lnTo>
                  <a:lnTo>
                    <a:pt x="264" y="242"/>
                  </a:lnTo>
                  <a:lnTo>
                    <a:pt x="264" y="244"/>
                  </a:lnTo>
                  <a:lnTo>
                    <a:pt x="262" y="247"/>
                  </a:lnTo>
                  <a:lnTo>
                    <a:pt x="262" y="251"/>
                  </a:lnTo>
                  <a:lnTo>
                    <a:pt x="262" y="253"/>
                  </a:lnTo>
                  <a:lnTo>
                    <a:pt x="262" y="254"/>
                  </a:lnTo>
                  <a:lnTo>
                    <a:pt x="462" y="241"/>
                  </a:lnTo>
                  <a:lnTo>
                    <a:pt x="462" y="264"/>
                  </a:lnTo>
                  <a:lnTo>
                    <a:pt x="460" y="264"/>
                  </a:lnTo>
                  <a:lnTo>
                    <a:pt x="459" y="268"/>
                  </a:lnTo>
                  <a:lnTo>
                    <a:pt x="457" y="273"/>
                  </a:lnTo>
                  <a:lnTo>
                    <a:pt x="455" y="276"/>
                  </a:lnTo>
                  <a:lnTo>
                    <a:pt x="454" y="283"/>
                  </a:lnTo>
                  <a:lnTo>
                    <a:pt x="454" y="288"/>
                  </a:lnTo>
                  <a:lnTo>
                    <a:pt x="457" y="293"/>
                  </a:lnTo>
                  <a:lnTo>
                    <a:pt x="462" y="297"/>
                  </a:lnTo>
                  <a:lnTo>
                    <a:pt x="464" y="298"/>
                  </a:lnTo>
                  <a:lnTo>
                    <a:pt x="467" y="302"/>
                  </a:lnTo>
                  <a:lnTo>
                    <a:pt x="470" y="307"/>
                  </a:lnTo>
                  <a:lnTo>
                    <a:pt x="476" y="313"/>
                  </a:lnTo>
                  <a:lnTo>
                    <a:pt x="479" y="320"/>
                  </a:lnTo>
                  <a:lnTo>
                    <a:pt x="482" y="327"/>
                  </a:lnTo>
                  <a:lnTo>
                    <a:pt x="482" y="335"/>
                  </a:lnTo>
                  <a:lnTo>
                    <a:pt x="481" y="342"/>
                  </a:lnTo>
                  <a:lnTo>
                    <a:pt x="479" y="342"/>
                  </a:lnTo>
                  <a:lnTo>
                    <a:pt x="477" y="342"/>
                  </a:lnTo>
                  <a:lnTo>
                    <a:pt x="474" y="342"/>
                  </a:lnTo>
                  <a:lnTo>
                    <a:pt x="472" y="342"/>
                  </a:lnTo>
                  <a:lnTo>
                    <a:pt x="470" y="342"/>
                  </a:lnTo>
                  <a:lnTo>
                    <a:pt x="469" y="342"/>
                  </a:lnTo>
                  <a:lnTo>
                    <a:pt x="467" y="342"/>
                  </a:lnTo>
                  <a:lnTo>
                    <a:pt x="450" y="334"/>
                  </a:lnTo>
                  <a:lnTo>
                    <a:pt x="445" y="335"/>
                  </a:lnTo>
                  <a:lnTo>
                    <a:pt x="443" y="334"/>
                  </a:lnTo>
                  <a:lnTo>
                    <a:pt x="442" y="332"/>
                  </a:lnTo>
                  <a:lnTo>
                    <a:pt x="440" y="329"/>
                  </a:lnTo>
                  <a:lnTo>
                    <a:pt x="437" y="325"/>
                  </a:lnTo>
                  <a:lnTo>
                    <a:pt x="432" y="322"/>
                  </a:lnTo>
                  <a:lnTo>
                    <a:pt x="426" y="322"/>
                  </a:lnTo>
                  <a:lnTo>
                    <a:pt x="421" y="324"/>
                  </a:lnTo>
                  <a:lnTo>
                    <a:pt x="415" y="329"/>
                  </a:lnTo>
                  <a:lnTo>
                    <a:pt x="413" y="330"/>
                  </a:lnTo>
                  <a:lnTo>
                    <a:pt x="411" y="332"/>
                  </a:lnTo>
                  <a:lnTo>
                    <a:pt x="410" y="335"/>
                  </a:lnTo>
                  <a:lnTo>
                    <a:pt x="408" y="339"/>
                  </a:lnTo>
                  <a:lnTo>
                    <a:pt x="404" y="341"/>
                  </a:lnTo>
                  <a:lnTo>
                    <a:pt x="403" y="344"/>
                  </a:lnTo>
                  <a:lnTo>
                    <a:pt x="403" y="346"/>
                  </a:lnTo>
                  <a:lnTo>
                    <a:pt x="401" y="346"/>
                  </a:lnTo>
                  <a:lnTo>
                    <a:pt x="401" y="347"/>
                  </a:lnTo>
                  <a:lnTo>
                    <a:pt x="399" y="349"/>
                  </a:lnTo>
                  <a:lnTo>
                    <a:pt x="398" y="352"/>
                  </a:lnTo>
                  <a:lnTo>
                    <a:pt x="398" y="356"/>
                  </a:lnTo>
                  <a:lnTo>
                    <a:pt x="399" y="359"/>
                  </a:lnTo>
                  <a:lnTo>
                    <a:pt x="403" y="361"/>
                  </a:lnTo>
                  <a:lnTo>
                    <a:pt x="411" y="364"/>
                  </a:lnTo>
                  <a:lnTo>
                    <a:pt x="423" y="364"/>
                  </a:lnTo>
                  <a:lnTo>
                    <a:pt x="426" y="366"/>
                  </a:lnTo>
                  <a:lnTo>
                    <a:pt x="428" y="366"/>
                  </a:lnTo>
                  <a:lnTo>
                    <a:pt x="433" y="366"/>
                  </a:lnTo>
                  <a:lnTo>
                    <a:pt x="437" y="364"/>
                  </a:lnTo>
                  <a:lnTo>
                    <a:pt x="443" y="363"/>
                  </a:lnTo>
                  <a:lnTo>
                    <a:pt x="450" y="359"/>
                  </a:lnTo>
                  <a:lnTo>
                    <a:pt x="457" y="352"/>
                  </a:lnTo>
                  <a:lnTo>
                    <a:pt x="459" y="352"/>
                  </a:lnTo>
                  <a:lnTo>
                    <a:pt x="462" y="352"/>
                  </a:lnTo>
                  <a:lnTo>
                    <a:pt x="464" y="356"/>
                  </a:lnTo>
                  <a:lnTo>
                    <a:pt x="465" y="356"/>
                  </a:lnTo>
                  <a:lnTo>
                    <a:pt x="474" y="347"/>
                  </a:lnTo>
                  <a:lnTo>
                    <a:pt x="481" y="352"/>
                  </a:lnTo>
                  <a:lnTo>
                    <a:pt x="474" y="363"/>
                  </a:lnTo>
                  <a:lnTo>
                    <a:pt x="472" y="363"/>
                  </a:lnTo>
                  <a:lnTo>
                    <a:pt x="469" y="364"/>
                  </a:lnTo>
                  <a:lnTo>
                    <a:pt x="465" y="366"/>
                  </a:lnTo>
                  <a:lnTo>
                    <a:pt x="462" y="368"/>
                  </a:lnTo>
                  <a:lnTo>
                    <a:pt x="460" y="369"/>
                  </a:lnTo>
                  <a:lnTo>
                    <a:pt x="459" y="373"/>
                  </a:lnTo>
                  <a:lnTo>
                    <a:pt x="462" y="373"/>
                  </a:lnTo>
                  <a:lnTo>
                    <a:pt x="470" y="374"/>
                  </a:lnTo>
                  <a:lnTo>
                    <a:pt x="472" y="374"/>
                  </a:lnTo>
                  <a:lnTo>
                    <a:pt x="474" y="376"/>
                  </a:lnTo>
                  <a:lnTo>
                    <a:pt x="479" y="378"/>
                  </a:lnTo>
                  <a:lnTo>
                    <a:pt x="484" y="379"/>
                  </a:lnTo>
                  <a:lnTo>
                    <a:pt x="487" y="381"/>
                  </a:lnTo>
                  <a:lnTo>
                    <a:pt x="491" y="379"/>
                  </a:lnTo>
                  <a:lnTo>
                    <a:pt x="491" y="378"/>
                  </a:lnTo>
                  <a:lnTo>
                    <a:pt x="489" y="373"/>
                  </a:lnTo>
                  <a:lnTo>
                    <a:pt x="489" y="371"/>
                  </a:lnTo>
                  <a:lnTo>
                    <a:pt x="491" y="369"/>
                  </a:lnTo>
                  <a:lnTo>
                    <a:pt x="492" y="368"/>
                  </a:lnTo>
                  <a:lnTo>
                    <a:pt x="494" y="364"/>
                  </a:lnTo>
                  <a:lnTo>
                    <a:pt x="496" y="363"/>
                  </a:lnTo>
                  <a:lnTo>
                    <a:pt x="496" y="361"/>
                  </a:lnTo>
                  <a:lnTo>
                    <a:pt x="498" y="359"/>
                  </a:lnTo>
                  <a:lnTo>
                    <a:pt x="499" y="357"/>
                  </a:lnTo>
                  <a:lnTo>
                    <a:pt x="503" y="357"/>
                  </a:lnTo>
                  <a:lnTo>
                    <a:pt x="504" y="357"/>
                  </a:lnTo>
                  <a:lnTo>
                    <a:pt x="506" y="357"/>
                  </a:lnTo>
                  <a:lnTo>
                    <a:pt x="504" y="359"/>
                  </a:lnTo>
                  <a:lnTo>
                    <a:pt x="503" y="361"/>
                  </a:lnTo>
                  <a:lnTo>
                    <a:pt x="503" y="364"/>
                  </a:lnTo>
                  <a:lnTo>
                    <a:pt x="504" y="366"/>
                  </a:lnTo>
                  <a:lnTo>
                    <a:pt x="506" y="369"/>
                  </a:lnTo>
                  <a:lnTo>
                    <a:pt x="508" y="369"/>
                  </a:lnTo>
                  <a:lnTo>
                    <a:pt x="506" y="383"/>
                  </a:lnTo>
                  <a:lnTo>
                    <a:pt x="509" y="388"/>
                  </a:lnTo>
                  <a:lnTo>
                    <a:pt x="523" y="388"/>
                  </a:lnTo>
                  <a:lnTo>
                    <a:pt x="521" y="395"/>
                  </a:lnTo>
                  <a:lnTo>
                    <a:pt x="506" y="395"/>
                  </a:lnTo>
                  <a:lnTo>
                    <a:pt x="499" y="400"/>
                  </a:lnTo>
                  <a:lnTo>
                    <a:pt x="486" y="400"/>
                  </a:lnTo>
                  <a:lnTo>
                    <a:pt x="486" y="417"/>
                  </a:lnTo>
                  <a:lnTo>
                    <a:pt x="486" y="418"/>
                  </a:lnTo>
                  <a:lnTo>
                    <a:pt x="486" y="422"/>
                  </a:lnTo>
                  <a:lnTo>
                    <a:pt x="486" y="423"/>
                  </a:lnTo>
                  <a:lnTo>
                    <a:pt x="486" y="427"/>
                  </a:lnTo>
                  <a:lnTo>
                    <a:pt x="487" y="429"/>
                  </a:lnTo>
                  <a:lnTo>
                    <a:pt x="489" y="430"/>
                  </a:lnTo>
                  <a:lnTo>
                    <a:pt x="494" y="432"/>
                  </a:lnTo>
                  <a:lnTo>
                    <a:pt x="499" y="437"/>
                  </a:lnTo>
                  <a:lnTo>
                    <a:pt x="504" y="442"/>
                  </a:lnTo>
                  <a:lnTo>
                    <a:pt x="516" y="442"/>
                  </a:lnTo>
                  <a:lnTo>
                    <a:pt x="523" y="449"/>
                  </a:lnTo>
                  <a:lnTo>
                    <a:pt x="543" y="456"/>
                  </a:lnTo>
                  <a:lnTo>
                    <a:pt x="542" y="462"/>
                  </a:lnTo>
                  <a:lnTo>
                    <a:pt x="555" y="462"/>
                  </a:lnTo>
                  <a:lnTo>
                    <a:pt x="553" y="474"/>
                  </a:lnTo>
                  <a:lnTo>
                    <a:pt x="542" y="479"/>
                  </a:lnTo>
                  <a:lnTo>
                    <a:pt x="540" y="486"/>
                  </a:lnTo>
                  <a:lnTo>
                    <a:pt x="531" y="478"/>
                  </a:lnTo>
                  <a:lnTo>
                    <a:pt x="530" y="478"/>
                  </a:lnTo>
                  <a:lnTo>
                    <a:pt x="528" y="481"/>
                  </a:lnTo>
                  <a:lnTo>
                    <a:pt x="525" y="484"/>
                  </a:lnTo>
                  <a:lnTo>
                    <a:pt x="521" y="488"/>
                  </a:lnTo>
                  <a:lnTo>
                    <a:pt x="520" y="489"/>
                  </a:lnTo>
                  <a:lnTo>
                    <a:pt x="518" y="489"/>
                  </a:lnTo>
                  <a:lnTo>
                    <a:pt x="518" y="486"/>
                  </a:lnTo>
                  <a:lnTo>
                    <a:pt x="521" y="478"/>
                  </a:lnTo>
                  <a:lnTo>
                    <a:pt x="521" y="474"/>
                  </a:lnTo>
                  <a:lnTo>
                    <a:pt x="518" y="471"/>
                  </a:lnTo>
                  <a:lnTo>
                    <a:pt x="514" y="469"/>
                  </a:lnTo>
                  <a:lnTo>
                    <a:pt x="513" y="467"/>
                  </a:lnTo>
                  <a:lnTo>
                    <a:pt x="513" y="466"/>
                  </a:lnTo>
                  <a:lnTo>
                    <a:pt x="513" y="464"/>
                  </a:lnTo>
                  <a:lnTo>
                    <a:pt x="511" y="462"/>
                  </a:lnTo>
                  <a:lnTo>
                    <a:pt x="508" y="461"/>
                  </a:lnTo>
                  <a:lnTo>
                    <a:pt x="503" y="457"/>
                  </a:lnTo>
                  <a:lnTo>
                    <a:pt x="494" y="456"/>
                  </a:lnTo>
                  <a:lnTo>
                    <a:pt x="484" y="454"/>
                  </a:lnTo>
                  <a:lnTo>
                    <a:pt x="481" y="454"/>
                  </a:lnTo>
                  <a:lnTo>
                    <a:pt x="477" y="454"/>
                  </a:lnTo>
                  <a:lnTo>
                    <a:pt x="476" y="452"/>
                  </a:lnTo>
                  <a:lnTo>
                    <a:pt x="472" y="452"/>
                  </a:lnTo>
                  <a:lnTo>
                    <a:pt x="470" y="452"/>
                  </a:lnTo>
                  <a:lnTo>
                    <a:pt x="469" y="451"/>
                  </a:lnTo>
                  <a:lnTo>
                    <a:pt x="469" y="447"/>
                  </a:lnTo>
                  <a:lnTo>
                    <a:pt x="467" y="442"/>
                  </a:lnTo>
                  <a:lnTo>
                    <a:pt x="465" y="439"/>
                  </a:lnTo>
                  <a:lnTo>
                    <a:pt x="464" y="435"/>
                  </a:lnTo>
                  <a:lnTo>
                    <a:pt x="462" y="432"/>
                  </a:lnTo>
                  <a:lnTo>
                    <a:pt x="459" y="432"/>
                  </a:lnTo>
                  <a:lnTo>
                    <a:pt x="454" y="435"/>
                  </a:lnTo>
                  <a:lnTo>
                    <a:pt x="452" y="435"/>
                  </a:lnTo>
                  <a:lnTo>
                    <a:pt x="447" y="432"/>
                  </a:lnTo>
                  <a:lnTo>
                    <a:pt x="440" y="429"/>
                  </a:lnTo>
                  <a:lnTo>
                    <a:pt x="435" y="425"/>
                  </a:lnTo>
                  <a:lnTo>
                    <a:pt x="430" y="423"/>
                  </a:lnTo>
                  <a:lnTo>
                    <a:pt x="428" y="425"/>
                  </a:lnTo>
                  <a:lnTo>
                    <a:pt x="433" y="430"/>
                  </a:lnTo>
                  <a:lnTo>
                    <a:pt x="443" y="440"/>
                  </a:lnTo>
                  <a:lnTo>
                    <a:pt x="443" y="444"/>
                  </a:lnTo>
                  <a:lnTo>
                    <a:pt x="443" y="445"/>
                  </a:lnTo>
                  <a:lnTo>
                    <a:pt x="445" y="449"/>
                  </a:lnTo>
                  <a:lnTo>
                    <a:pt x="445" y="451"/>
                  </a:lnTo>
                  <a:lnTo>
                    <a:pt x="443" y="451"/>
                  </a:lnTo>
                  <a:lnTo>
                    <a:pt x="442" y="451"/>
                  </a:lnTo>
                  <a:lnTo>
                    <a:pt x="438" y="449"/>
                  </a:lnTo>
                  <a:lnTo>
                    <a:pt x="435" y="451"/>
                  </a:lnTo>
                  <a:lnTo>
                    <a:pt x="433" y="451"/>
                  </a:lnTo>
                  <a:lnTo>
                    <a:pt x="432" y="452"/>
                  </a:lnTo>
                  <a:lnTo>
                    <a:pt x="433" y="456"/>
                  </a:lnTo>
                  <a:lnTo>
                    <a:pt x="437" y="461"/>
                  </a:lnTo>
                  <a:lnTo>
                    <a:pt x="438" y="462"/>
                  </a:lnTo>
                  <a:lnTo>
                    <a:pt x="442" y="466"/>
                  </a:lnTo>
                  <a:lnTo>
                    <a:pt x="445" y="469"/>
                  </a:lnTo>
                  <a:lnTo>
                    <a:pt x="445" y="471"/>
                  </a:lnTo>
                  <a:lnTo>
                    <a:pt x="432" y="484"/>
                  </a:lnTo>
                  <a:lnTo>
                    <a:pt x="430" y="484"/>
                  </a:lnTo>
                  <a:lnTo>
                    <a:pt x="428" y="484"/>
                  </a:lnTo>
                  <a:lnTo>
                    <a:pt x="425" y="483"/>
                  </a:lnTo>
                  <a:lnTo>
                    <a:pt x="425" y="481"/>
                  </a:lnTo>
                  <a:lnTo>
                    <a:pt x="423" y="478"/>
                  </a:lnTo>
                  <a:lnTo>
                    <a:pt x="423" y="473"/>
                  </a:lnTo>
                  <a:lnTo>
                    <a:pt x="411" y="459"/>
                  </a:lnTo>
                  <a:lnTo>
                    <a:pt x="401" y="454"/>
                  </a:lnTo>
                  <a:lnTo>
                    <a:pt x="393" y="462"/>
                  </a:lnTo>
                  <a:lnTo>
                    <a:pt x="386" y="459"/>
                  </a:lnTo>
                  <a:lnTo>
                    <a:pt x="388" y="469"/>
                  </a:lnTo>
                  <a:lnTo>
                    <a:pt x="369" y="484"/>
                  </a:lnTo>
                  <a:lnTo>
                    <a:pt x="366" y="486"/>
                  </a:lnTo>
                  <a:lnTo>
                    <a:pt x="362" y="486"/>
                  </a:lnTo>
                  <a:lnTo>
                    <a:pt x="359" y="486"/>
                  </a:lnTo>
                  <a:lnTo>
                    <a:pt x="355" y="484"/>
                  </a:lnTo>
                  <a:lnTo>
                    <a:pt x="352" y="481"/>
                  </a:lnTo>
                  <a:lnTo>
                    <a:pt x="352" y="478"/>
                  </a:lnTo>
                  <a:lnTo>
                    <a:pt x="355" y="471"/>
                  </a:lnTo>
                  <a:lnTo>
                    <a:pt x="355" y="469"/>
                  </a:lnTo>
                  <a:lnTo>
                    <a:pt x="359" y="467"/>
                  </a:lnTo>
                  <a:lnTo>
                    <a:pt x="360" y="466"/>
                  </a:lnTo>
                  <a:lnTo>
                    <a:pt x="362" y="466"/>
                  </a:lnTo>
                  <a:lnTo>
                    <a:pt x="345" y="467"/>
                  </a:lnTo>
                  <a:lnTo>
                    <a:pt x="342" y="478"/>
                  </a:lnTo>
                  <a:lnTo>
                    <a:pt x="327" y="471"/>
                  </a:lnTo>
                  <a:lnTo>
                    <a:pt x="330" y="462"/>
                  </a:lnTo>
                  <a:lnTo>
                    <a:pt x="308" y="440"/>
                  </a:lnTo>
                  <a:lnTo>
                    <a:pt x="301" y="440"/>
                  </a:lnTo>
                  <a:lnTo>
                    <a:pt x="289" y="435"/>
                  </a:lnTo>
                  <a:lnTo>
                    <a:pt x="288" y="437"/>
                  </a:lnTo>
                  <a:lnTo>
                    <a:pt x="286" y="437"/>
                  </a:lnTo>
                  <a:lnTo>
                    <a:pt x="284" y="439"/>
                  </a:lnTo>
                  <a:lnTo>
                    <a:pt x="281" y="439"/>
                  </a:lnTo>
                  <a:lnTo>
                    <a:pt x="281" y="437"/>
                  </a:lnTo>
                  <a:lnTo>
                    <a:pt x="279" y="435"/>
                  </a:lnTo>
                  <a:lnTo>
                    <a:pt x="278" y="432"/>
                  </a:lnTo>
                  <a:lnTo>
                    <a:pt x="278" y="423"/>
                  </a:lnTo>
                  <a:lnTo>
                    <a:pt x="271" y="420"/>
                  </a:lnTo>
                  <a:lnTo>
                    <a:pt x="271" y="418"/>
                  </a:lnTo>
                  <a:lnTo>
                    <a:pt x="271" y="417"/>
                  </a:lnTo>
                  <a:lnTo>
                    <a:pt x="269" y="413"/>
                  </a:lnTo>
                  <a:lnTo>
                    <a:pt x="269" y="412"/>
                  </a:lnTo>
                  <a:lnTo>
                    <a:pt x="267" y="408"/>
                  </a:lnTo>
                  <a:lnTo>
                    <a:pt x="264" y="407"/>
                  </a:lnTo>
                  <a:lnTo>
                    <a:pt x="261" y="408"/>
                  </a:lnTo>
                  <a:lnTo>
                    <a:pt x="256" y="412"/>
                  </a:lnTo>
                  <a:lnTo>
                    <a:pt x="254" y="413"/>
                  </a:lnTo>
                  <a:lnTo>
                    <a:pt x="252" y="415"/>
                  </a:lnTo>
                  <a:lnTo>
                    <a:pt x="250" y="417"/>
                  </a:lnTo>
                  <a:lnTo>
                    <a:pt x="247" y="417"/>
                  </a:lnTo>
                  <a:lnTo>
                    <a:pt x="245" y="415"/>
                  </a:lnTo>
                  <a:lnTo>
                    <a:pt x="244" y="412"/>
                  </a:lnTo>
                  <a:lnTo>
                    <a:pt x="244" y="405"/>
                  </a:lnTo>
                  <a:lnTo>
                    <a:pt x="245" y="403"/>
                  </a:lnTo>
                  <a:lnTo>
                    <a:pt x="245" y="401"/>
                  </a:lnTo>
                  <a:lnTo>
                    <a:pt x="245" y="400"/>
                  </a:lnTo>
                  <a:lnTo>
                    <a:pt x="232" y="401"/>
                  </a:lnTo>
                  <a:lnTo>
                    <a:pt x="215" y="412"/>
                  </a:lnTo>
                  <a:lnTo>
                    <a:pt x="210" y="415"/>
                  </a:lnTo>
                  <a:lnTo>
                    <a:pt x="225" y="429"/>
                  </a:lnTo>
                  <a:lnTo>
                    <a:pt x="223" y="435"/>
                  </a:lnTo>
                  <a:lnTo>
                    <a:pt x="203" y="440"/>
                  </a:lnTo>
                  <a:lnTo>
                    <a:pt x="200" y="440"/>
                  </a:lnTo>
                  <a:lnTo>
                    <a:pt x="196" y="440"/>
                  </a:lnTo>
                  <a:lnTo>
                    <a:pt x="193" y="440"/>
                  </a:lnTo>
                  <a:lnTo>
                    <a:pt x="186" y="440"/>
                  </a:lnTo>
                  <a:lnTo>
                    <a:pt x="179" y="439"/>
                  </a:lnTo>
                  <a:lnTo>
                    <a:pt x="173" y="439"/>
                  </a:lnTo>
                  <a:lnTo>
                    <a:pt x="166" y="437"/>
                  </a:lnTo>
                  <a:lnTo>
                    <a:pt x="159" y="435"/>
                  </a:lnTo>
                  <a:lnTo>
                    <a:pt x="151" y="434"/>
                  </a:lnTo>
                  <a:lnTo>
                    <a:pt x="142" y="432"/>
                  </a:lnTo>
                  <a:lnTo>
                    <a:pt x="135" y="430"/>
                  </a:lnTo>
                  <a:lnTo>
                    <a:pt x="129" y="427"/>
                  </a:lnTo>
                  <a:lnTo>
                    <a:pt x="122" y="423"/>
                  </a:lnTo>
                  <a:lnTo>
                    <a:pt x="117" y="420"/>
                  </a:lnTo>
                  <a:lnTo>
                    <a:pt x="112" y="417"/>
                  </a:lnTo>
                  <a:lnTo>
                    <a:pt x="108" y="417"/>
                  </a:lnTo>
                  <a:lnTo>
                    <a:pt x="105" y="417"/>
                  </a:lnTo>
                  <a:lnTo>
                    <a:pt x="100" y="415"/>
                  </a:lnTo>
                  <a:lnTo>
                    <a:pt x="95" y="415"/>
                  </a:lnTo>
                  <a:lnTo>
                    <a:pt x="91" y="415"/>
                  </a:lnTo>
                  <a:lnTo>
                    <a:pt x="90" y="415"/>
                  </a:lnTo>
                  <a:lnTo>
                    <a:pt x="88" y="415"/>
                  </a:lnTo>
                  <a:lnTo>
                    <a:pt x="90" y="407"/>
                  </a:lnTo>
                  <a:lnTo>
                    <a:pt x="98" y="400"/>
                  </a:lnTo>
                  <a:lnTo>
                    <a:pt x="88" y="381"/>
                  </a:lnTo>
                  <a:lnTo>
                    <a:pt x="81" y="391"/>
                  </a:lnTo>
                  <a:lnTo>
                    <a:pt x="85" y="396"/>
                  </a:lnTo>
                  <a:lnTo>
                    <a:pt x="81" y="400"/>
                  </a:lnTo>
                  <a:lnTo>
                    <a:pt x="76" y="405"/>
                  </a:lnTo>
                  <a:lnTo>
                    <a:pt x="85" y="408"/>
                  </a:lnTo>
                  <a:lnTo>
                    <a:pt x="81" y="417"/>
                  </a:lnTo>
                  <a:lnTo>
                    <a:pt x="76" y="417"/>
                  </a:lnTo>
                  <a:lnTo>
                    <a:pt x="71" y="417"/>
                  </a:lnTo>
                  <a:lnTo>
                    <a:pt x="64" y="417"/>
                  </a:lnTo>
                  <a:lnTo>
                    <a:pt x="56" y="417"/>
                  </a:lnTo>
                  <a:lnTo>
                    <a:pt x="49" y="418"/>
                  </a:lnTo>
                  <a:lnTo>
                    <a:pt x="42" y="420"/>
                  </a:lnTo>
                  <a:lnTo>
                    <a:pt x="36" y="423"/>
                  </a:lnTo>
                  <a:lnTo>
                    <a:pt x="34" y="423"/>
                  </a:lnTo>
                  <a:lnTo>
                    <a:pt x="32" y="422"/>
                  </a:lnTo>
                  <a:lnTo>
                    <a:pt x="32" y="420"/>
                  </a:lnTo>
                  <a:lnTo>
                    <a:pt x="30" y="417"/>
                  </a:lnTo>
                  <a:lnTo>
                    <a:pt x="29" y="415"/>
                  </a:lnTo>
                  <a:lnTo>
                    <a:pt x="29" y="413"/>
                  </a:lnTo>
                  <a:lnTo>
                    <a:pt x="27" y="413"/>
                  </a:lnTo>
                  <a:lnTo>
                    <a:pt x="39" y="400"/>
                  </a:lnTo>
                  <a:lnTo>
                    <a:pt x="41" y="390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16" name="Freeform 61"/>
            <p:cNvSpPr>
              <a:spLocks/>
            </p:cNvSpPr>
            <p:nvPr/>
          </p:nvSpPr>
          <p:spPr bwMode="auto">
            <a:xfrm>
              <a:off x="3486" y="1959"/>
              <a:ext cx="289" cy="512"/>
            </a:xfrm>
            <a:custGeom>
              <a:avLst/>
              <a:gdLst>
                <a:gd name="T0" fmla="*/ 0 w 298"/>
                <a:gd name="T1" fmla="*/ 333 h 528"/>
                <a:gd name="T2" fmla="*/ 5 w 298"/>
                <a:gd name="T3" fmla="*/ 327 h 528"/>
                <a:gd name="T4" fmla="*/ 7 w 298"/>
                <a:gd name="T5" fmla="*/ 317 h 528"/>
                <a:gd name="T6" fmla="*/ 10 w 298"/>
                <a:gd name="T7" fmla="*/ 307 h 528"/>
                <a:gd name="T8" fmla="*/ 16 w 298"/>
                <a:gd name="T9" fmla="*/ 297 h 528"/>
                <a:gd name="T10" fmla="*/ 20 w 298"/>
                <a:gd name="T11" fmla="*/ 277 h 528"/>
                <a:gd name="T12" fmla="*/ 24 w 298"/>
                <a:gd name="T13" fmla="*/ 271 h 528"/>
                <a:gd name="T14" fmla="*/ 29 w 298"/>
                <a:gd name="T15" fmla="*/ 255 h 528"/>
                <a:gd name="T16" fmla="*/ 18 w 298"/>
                <a:gd name="T17" fmla="*/ 238 h 528"/>
                <a:gd name="T18" fmla="*/ 16 w 298"/>
                <a:gd name="T19" fmla="*/ 217 h 528"/>
                <a:gd name="T20" fmla="*/ 18 w 298"/>
                <a:gd name="T21" fmla="*/ 208 h 528"/>
                <a:gd name="T22" fmla="*/ 16 w 298"/>
                <a:gd name="T23" fmla="*/ 189 h 528"/>
                <a:gd name="T24" fmla="*/ 16 w 298"/>
                <a:gd name="T25" fmla="*/ 161 h 528"/>
                <a:gd name="T26" fmla="*/ 16 w 298"/>
                <a:gd name="T27" fmla="*/ 127 h 528"/>
                <a:gd name="T28" fmla="*/ 16 w 298"/>
                <a:gd name="T29" fmla="*/ 91 h 528"/>
                <a:gd name="T30" fmla="*/ 12 w 298"/>
                <a:gd name="T31" fmla="*/ 59 h 528"/>
                <a:gd name="T32" fmla="*/ 9 w 298"/>
                <a:gd name="T33" fmla="*/ 37 h 528"/>
                <a:gd name="T34" fmla="*/ 7 w 298"/>
                <a:gd name="T35" fmla="*/ 20 h 528"/>
                <a:gd name="T36" fmla="*/ 9 w 298"/>
                <a:gd name="T37" fmla="*/ 22 h 528"/>
                <a:gd name="T38" fmla="*/ 16 w 298"/>
                <a:gd name="T39" fmla="*/ 29 h 528"/>
                <a:gd name="T40" fmla="*/ 18 w 298"/>
                <a:gd name="T41" fmla="*/ 30 h 528"/>
                <a:gd name="T42" fmla="*/ 41 w 298"/>
                <a:gd name="T43" fmla="*/ 16 h 528"/>
                <a:gd name="T44" fmla="*/ 168 w 298"/>
                <a:gd name="T45" fmla="*/ 16 h 528"/>
                <a:gd name="T46" fmla="*/ 191 w 298"/>
                <a:gd name="T47" fmla="*/ 218 h 528"/>
                <a:gd name="T48" fmla="*/ 189 w 298"/>
                <a:gd name="T49" fmla="*/ 228 h 528"/>
                <a:gd name="T50" fmla="*/ 192 w 298"/>
                <a:gd name="T51" fmla="*/ 238 h 528"/>
                <a:gd name="T52" fmla="*/ 193 w 298"/>
                <a:gd name="T53" fmla="*/ 245 h 528"/>
                <a:gd name="T54" fmla="*/ 179 w 298"/>
                <a:gd name="T55" fmla="*/ 247 h 528"/>
                <a:gd name="T56" fmla="*/ 170 w 298"/>
                <a:gd name="T57" fmla="*/ 249 h 528"/>
                <a:gd name="T58" fmla="*/ 166 w 298"/>
                <a:gd name="T59" fmla="*/ 249 h 528"/>
                <a:gd name="T60" fmla="*/ 156 w 298"/>
                <a:gd name="T61" fmla="*/ 256 h 528"/>
                <a:gd name="T62" fmla="*/ 159 w 298"/>
                <a:gd name="T63" fmla="*/ 267 h 528"/>
                <a:gd name="T64" fmla="*/ 156 w 298"/>
                <a:gd name="T65" fmla="*/ 271 h 528"/>
                <a:gd name="T66" fmla="*/ 149 w 298"/>
                <a:gd name="T67" fmla="*/ 278 h 528"/>
                <a:gd name="T68" fmla="*/ 146 w 298"/>
                <a:gd name="T69" fmla="*/ 286 h 528"/>
                <a:gd name="T70" fmla="*/ 146 w 298"/>
                <a:gd name="T71" fmla="*/ 288 h 528"/>
                <a:gd name="T72" fmla="*/ 143 w 298"/>
                <a:gd name="T73" fmla="*/ 289 h 528"/>
                <a:gd name="T74" fmla="*/ 137 w 298"/>
                <a:gd name="T75" fmla="*/ 293 h 528"/>
                <a:gd name="T76" fmla="*/ 133 w 298"/>
                <a:gd name="T77" fmla="*/ 306 h 528"/>
                <a:gd name="T78" fmla="*/ 132 w 298"/>
                <a:gd name="T79" fmla="*/ 311 h 528"/>
                <a:gd name="T80" fmla="*/ 123 w 298"/>
                <a:gd name="T81" fmla="*/ 315 h 528"/>
                <a:gd name="T82" fmla="*/ 110 w 298"/>
                <a:gd name="T83" fmla="*/ 306 h 528"/>
                <a:gd name="T84" fmla="*/ 104 w 298"/>
                <a:gd name="T85" fmla="*/ 302 h 528"/>
                <a:gd name="T86" fmla="*/ 98 w 298"/>
                <a:gd name="T87" fmla="*/ 317 h 528"/>
                <a:gd name="T88" fmla="*/ 92 w 298"/>
                <a:gd name="T89" fmla="*/ 332 h 528"/>
                <a:gd name="T90" fmla="*/ 81 w 298"/>
                <a:gd name="T91" fmla="*/ 324 h 528"/>
                <a:gd name="T92" fmla="*/ 76 w 298"/>
                <a:gd name="T93" fmla="*/ 321 h 528"/>
                <a:gd name="T94" fmla="*/ 67 w 298"/>
                <a:gd name="T95" fmla="*/ 332 h 528"/>
                <a:gd name="T96" fmla="*/ 59 w 298"/>
                <a:gd name="T97" fmla="*/ 337 h 528"/>
                <a:gd name="T98" fmla="*/ 48 w 298"/>
                <a:gd name="T99" fmla="*/ 332 h 528"/>
                <a:gd name="T100" fmla="*/ 42 w 298"/>
                <a:gd name="T101" fmla="*/ 328 h 528"/>
                <a:gd name="T102" fmla="*/ 37 w 298"/>
                <a:gd name="T103" fmla="*/ 329 h 528"/>
                <a:gd name="T104" fmla="*/ 32 w 298"/>
                <a:gd name="T105" fmla="*/ 328 h 528"/>
                <a:gd name="T106" fmla="*/ 32 w 298"/>
                <a:gd name="T107" fmla="*/ 336 h 528"/>
                <a:gd name="T108" fmla="*/ 29 w 298"/>
                <a:gd name="T109" fmla="*/ 339 h 528"/>
                <a:gd name="T110" fmla="*/ 16 w 298"/>
                <a:gd name="T111" fmla="*/ 335 h 528"/>
                <a:gd name="T112" fmla="*/ 12 w 298"/>
                <a:gd name="T113" fmla="*/ 333 h 528"/>
                <a:gd name="T114" fmla="*/ 16 w 298"/>
                <a:gd name="T115" fmla="*/ 339 h 528"/>
                <a:gd name="T116" fmla="*/ 10 w 298"/>
                <a:gd name="T117" fmla="*/ 343 h 528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w 298"/>
                <a:gd name="T178" fmla="*/ 0 h 528"/>
                <a:gd name="T179" fmla="*/ 298 w 298"/>
                <a:gd name="T180" fmla="*/ 528 h 528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T177" t="T178" r="T179" b="T180"/>
              <a:pathLst>
                <a:path w="298" h="528">
                  <a:moveTo>
                    <a:pt x="7" y="528"/>
                  </a:moveTo>
                  <a:lnTo>
                    <a:pt x="2" y="523"/>
                  </a:lnTo>
                  <a:lnTo>
                    <a:pt x="0" y="518"/>
                  </a:lnTo>
                  <a:lnTo>
                    <a:pt x="0" y="513"/>
                  </a:lnTo>
                  <a:lnTo>
                    <a:pt x="0" y="510"/>
                  </a:lnTo>
                  <a:lnTo>
                    <a:pt x="2" y="506"/>
                  </a:lnTo>
                  <a:lnTo>
                    <a:pt x="4" y="505"/>
                  </a:lnTo>
                  <a:lnTo>
                    <a:pt x="5" y="503"/>
                  </a:lnTo>
                  <a:lnTo>
                    <a:pt x="7" y="493"/>
                  </a:lnTo>
                  <a:lnTo>
                    <a:pt x="7" y="491"/>
                  </a:lnTo>
                  <a:lnTo>
                    <a:pt x="7" y="489"/>
                  </a:lnTo>
                  <a:lnTo>
                    <a:pt x="7" y="486"/>
                  </a:lnTo>
                  <a:lnTo>
                    <a:pt x="9" y="481"/>
                  </a:lnTo>
                  <a:lnTo>
                    <a:pt x="9" y="478"/>
                  </a:lnTo>
                  <a:lnTo>
                    <a:pt x="10" y="474"/>
                  </a:lnTo>
                  <a:lnTo>
                    <a:pt x="10" y="471"/>
                  </a:lnTo>
                  <a:lnTo>
                    <a:pt x="10" y="469"/>
                  </a:lnTo>
                  <a:lnTo>
                    <a:pt x="17" y="464"/>
                  </a:lnTo>
                  <a:lnTo>
                    <a:pt x="22" y="456"/>
                  </a:lnTo>
                  <a:lnTo>
                    <a:pt x="26" y="447"/>
                  </a:lnTo>
                  <a:lnTo>
                    <a:pt x="29" y="440"/>
                  </a:lnTo>
                  <a:lnTo>
                    <a:pt x="32" y="432"/>
                  </a:lnTo>
                  <a:lnTo>
                    <a:pt x="34" y="427"/>
                  </a:lnTo>
                  <a:lnTo>
                    <a:pt x="36" y="422"/>
                  </a:lnTo>
                  <a:lnTo>
                    <a:pt x="36" y="420"/>
                  </a:lnTo>
                  <a:lnTo>
                    <a:pt x="38" y="417"/>
                  </a:lnTo>
                  <a:lnTo>
                    <a:pt x="39" y="413"/>
                  </a:lnTo>
                  <a:lnTo>
                    <a:pt x="41" y="412"/>
                  </a:lnTo>
                  <a:lnTo>
                    <a:pt x="43" y="401"/>
                  </a:lnTo>
                  <a:lnTo>
                    <a:pt x="43" y="393"/>
                  </a:lnTo>
                  <a:lnTo>
                    <a:pt x="41" y="384"/>
                  </a:lnTo>
                  <a:lnTo>
                    <a:pt x="38" y="378"/>
                  </a:lnTo>
                  <a:lnTo>
                    <a:pt x="36" y="371"/>
                  </a:lnTo>
                  <a:lnTo>
                    <a:pt x="32" y="366"/>
                  </a:lnTo>
                  <a:lnTo>
                    <a:pt x="31" y="362"/>
                  </a:lnTo>
                  <a:lnTo>
                    <a:pt x="29" y="361"/>
                  </a:lnTo>
                  <a:lnTo>
                    <a:pt x="29" y="357"/>
                  </a:lnTo>
                  <a:lnTo>
                    <a:pt x="29" y="334"/>
                  </a:lnTo>
                  <a:lnTo>
                    <a:pt x="32" y="329"/>
                  </a:lnTo>
                  <a:lnTo>
                    <a:pt x="32" y="327"/>
                  </a:lnTo>
                  <a:lnTo>
                    <a:pt x="32" y="325"/>
                  </a:lnTo>
                  <a:lnTo>
                    <a:pt x="32" y="320"/>
                  </a:lnTo>
                  <a:lnTo>
                    <a:pt x="31" y="315"/>
                  </a:lnTo>
                  <a:lnTo>
                    <a:pt x="31" y="308"/>
                  </a:lnTo>
                  <a:lnTo>
                    <a:pt x="31" y="300"/>
                  </a:lnTo>
                  <a:lnTo>
                    <a:pt x="29" y="291"/>
                  </a:lnTo>
                  <a:lnTo>
                    <a:pt x="29" y="281"/>
                  </a:lnTo>
                  <a:lnTo>
                    <a:pt x="27" y="271"/>
                  </a:lnTo>
                  <a:lnTo>
                    <a:pt x="27" y="259"/>
                  </a:lnTo>
                  <a:lnTo>
                    <a:pt x="26" y="247"/>
                  </a:lnTo>
                  <a:lnTo>
                    <a:pt x="24" y="234"/>
                  </a:lnTo>
                  <a:lnTo>
                    <a:pt x="24" y="222"/>
                  </a:lnTo>
                  <a:lnTo>
                    <a:pt x="22" y="208"/>
                  </a:lnTo>
                  <a:lnTo>
                    <a:pt x="21" y="195"/>
                  </a:lnTo>
                  <a:lnTo>
                    <a:pt x="21" y="181"/>
                  </a:lnTo>
                  <a:lnTo>
                    <a:pt x="19" y="166"/>
                  </a:lnTo>
                  <a:lnTo>
                    <a:pt x="17" y="153"/>
                  </a:lnTo>
                  <a:lnTo>
                    <a:pt x="17" y="139"/>
                  </a:lnTo>
                  <a:lnTo>
                    <a:pt x="16" y="127"/>
                  </a:lnTo>
                  <a:lnTo>
                    <a:pt x="14" y="114"/>
                  </a:lnTo>
                  <a:lnTo>
                    <a:pt x="14" y="102"/>
                  </a:lnTo>
                  <a:lnTo>
                    <a:pt x="12" y="90"/>
                  </a:lnTo>
                  <a:lnTo>
                    <a:pt x="12" y="80"/>
                  </a:lnTo>
                  <a:lnTo>
                    <a:pt x="10" y="70"/>
                  </a:lnTo>
                  <a:lnTo>
                    <a:pt x="10" y="60"/>
                  </a:lnTo>
                  <a:lnTo>
                    <a:pt x="9" y="53"/>
                  </a:lnTo>
                  <a:lnTo>
                    <a:pt x="9" y="46"/>
                  </a:lnTo>
                  <a:lnTo>
                    <a:pt x="9" y="41"/>
                  </a:lnTo>
                  <a:lnTo>
                    <a:pt x="7" y="36"/>
                  </a:lnTo>
                  <a:lnTo>
                    <a:pt x="7" y="34"/>
                  </a:lnTo>
                  <a:lnTo>
                    <a:pt x="7" y="32"/>
                  </a:lnTo>
                  <a:lnTo>
                    <a:pt x="7" y="34"/>
                  </a:lnTo>
                  <a:lnTo>
                    <a:pt x="9" y="36"/>
                  </a:lnTo>
                  <a:lnTo>
                    <a:pt x="10" y="38"/>
                  </a:lnTo>
                  <a:lnTo>
                    <a:pt x="12" y="39"/>
                  </a:lnTo>
                  <a:lnTo>
                    <a:pt x="14" y="41"/>
                  </a:lnTo>
                  <a:lnTo>
                    <a:pt x="16" y="43"/>
                  </a:lnTo>
                  <a:lnTo>
                    <a:pt x="19" y="44"/>
                  </a:lnTo>
                  <a:lnTo>
                    <a:pt x="22" y="44"/>
                  </a:lnTo>
                  <a:lnTo>
                    <a:pt x="27" y="44"/>
                  </a:lnTo>
                  <a:lnTo>
                    <a:pt x="32" y="44"/>
                  </a:lnTo>
                  <a:lnTo>
                    <a:pt x="38" y="43"/>
                  </a:lnTo>
                  <a:lnTo>
                    <a:pt x="46" y="39"/>
                  </a:lnTo>
                  <a:lnTo>
                    <a:pt x="53" y="36"/>
                  </a:lnTo>
                  <a:lnTo>
                    <a:pt x="61" y="29"/>
                  </a:lnTo>
                  <a:lnTo>
                    <a:pt x="71" y="22"/>
                  </a:lnTo>
                  <a:lnTo>
                    <a:pt x="70" y="22"/>
                  </a:lnTo>
                  <a:lnTo>
                    <a:pt x="254" y="0"/>
                  </a:lnTo>
                  <a:lnTo>
                    <a:pt x="258" y="17"/>
                  </a:lnTo>
                  <a:lnTo>
                    <a:pt x="293" y="335"/>
                  </a:lnTo>
                  <a:lnTo>
                    <a:pt x="295" y="334"/>
                  </a:lnTo>
                  <a:lnTo>
                    <a:pt x="293" y="334"/>
                  </a:lnTo>
                  <a:lnTo>
                    <a:pt x="293" y="335"/>
                  </a:lnTo>
                  <a:lnTo>
                    <a:pt x="291" y="337"/>
                  </a:lnTo>
                  <a:lnTo>
                    <a:pt x="291" y="340"/>
                  </a:lnTo>
                  <a:lnTo>
                    <a:pt x="290" y="346"/>
                  </a:lnTo>
                  <a:lnTo>
                    <a:pt x="290" y="351"/>
                  </a:lnTo>
                  <a:lnTo>
                    <a:pt x="290" y="356"/>
                  </a:lnTo>
                  <a:lnTo>
                    <a:pt x="291" y="362"/>
                  </a:lnTo>
                  <a:lnTo>
                    <a:pt x="293" y="364"/>
                  </a:lnTo>
                  <a:lnTo>
                    <a:pt x="295" y="366"/>
                  </a:lnTo>
                  <a:lnTo>
                    <a:pt x="296" y="369"/>
                  </a:lnTo>
                  <a:lnTo>
                    <a:pt x="298" y="371"/>
                  </a:lnTo>
                  <a:lnTo>
                    <a:pt x="298" y="374"/>
                  </a:lnTo>
                  <a:lnTo>
                    <a:pt x="296" y="376"/>
                  </a:lnTo>
                  <a:lnTo>
                    <a:pt x="290" y="378"/>
                  </a:lnTo>
                  <a:lnTo>
                    <a:pt x="281" y="379"/>
                  </a:lnTo>
                  <a:lnTo>
                    <a:pt x="280" y="379"/>
                  </a:lnTo>
                  <a:lnTo>
                    <a:pt x="276" y="379"/>
                  </a:lnTo>
                  <a:lnTo>
                    <a:pt x="273" y="381"/>
                  </a:lnTo>
                  <a:lnTo>
                    <a:pt x="268" y="383"/>
                  </a:lnTo>
                  <a:lnTo>
                    <a:pt x="264" y="383"/>
                  </a:lnTo>
                  <a:lnTo>
                    <a:pt x="261" y="384"/>
                  </a:lnTo>
                  <a:lnTo>
                    <a:pt x="259" y="384"/>
                  </a:lnTo>
                  <a:lnTo>
                    <a:pt x="258" y="384"/>
                  </a:lnTo>
                  <a:lnTo>
                    <a:pt x="254" y="384"/>
                  </a:lnTo>
                  <a:lnTo>
                    <a:pt x="251" y="386"/>
                  </a:lnTo>
                  <a:lnTo>
                    <a:pt x="246" y="388"/>
                  </a:lnTo>
                  <a:lnTo>
                    <a:pt x="242" y="390"/>
                  </a:lnTo>
                  <a:lnTo>
                    <a:pt x="239" y="395"/>
                  </a:lnTo>
                  <a:lnTo>
                    <a:pt x="241" y="400"/>
                  </a:lnTo>
                  <a:lnTo>
                    <a:pt x="244" y="408"/>
                  </a:lnTo>
                  <a:lnTo>
                    <a:pt x="244" y="410"/>
                  </a:lnTo>
                  <a:lnTo>
                    <a:pt x="244" y="412"/>
                  </a:lnTo>
                  <a:lnTo>
                    <a:pt x="242" y="413"/>
                  </a:lnTo>
                  <a:lnTo>
                    <a:pt x="241" y="417"/>
                  </a:lnTo>
                  <a:lnTo>
                    <a:pt x="239" y="418"/>
                  </a:lnTo>
                  <a:lnTo>
                    <a:pt x="236" y="422"/>
                  </a:lnTo>
                  <a:lnTo>
                    <a:pt x="232" y="425"/>
                  </a:lnTo>
                  <a:lnTo>
                    <a:pt x="232" y="427"/>
                  </a:lnTo>
                  <a:lnTo>
                    <a:pt x="230" y="428"/>
                  </a:lnTo>
                  <a:lnTo>
                    <a:pt x="229" y="430"/>
                  </a:lnTo>
                  <a:lnTo>
                    <a:pt x="229" y="434"/>
                  </a:lnTo>
                  <a:lnTo>
                    <a:pt x="227" y="435"/>
                  </a:lnTo>
                  <a:lnTo>
                    <a:pt x="225" y="439"/>
                  </a:lnTo>
                  <a:lnTo>
                    <a:pt x="225" y="440"/>
                  </a:lnTo>
                  <a:lnTo>
                    <a:pt x="225" y="442"/>
                  </a:lnTo>
                  <a:lnTo>
                    <a:pt x="224" y="442"/>
                  </a:lnTo>
                  <a:lnTo>
                    <a:pt x="224" y="444"/>
                  </a:lnTo>
                  <a:lnTo>
                    <a:pt x="222" y="445"/>
                  </a:lnTo>
                  <a:lnTo>
                    <a:pt x="220" y="445"/>
                  </a:lnTo>
                  <a:lnTo>
                    <a:pt x="217" y="447"/>
                  </a:lnTo>
                  <a:lnTo>
                    <a:pt x="212" y="447"/>
                  </a:lnTo>
                  <a:lnTo>
                    <a:pt x="210" y="450"/>
                  </a:lnTo>
                  <a:lnTo>
                    <a:pt x="208" y="456"/>
                  </a:lnTo>
                  <a:lnTo>
                    <a:pt x="207" y="461"/>
                  </a:lnTo>
                  <a:lnTo>
                    <a:pt x="205" y="467"/>
                  </a:lnTo>
                  <a:lnTo>
                    <a:pt x="203" y="471"/>
                  </a:lnTo>
                  <a:lnTo>
                    <a:pt x="203" y="474"/>
                  </a:lnTo>
                  <a:lnTo>
                    <a:pt x="203" y="476"/>
                  </a:lnTo>
                  <a:lnTo>
                    <a:pt x="203" y="478"/>
                  </a:lnTo>
                  <a:lnTo>
                    <a:pt x="202" y="479"/>
                  </a:lnTo>
                  <a:lnTo>
                    <a:pt x="200" y="481"/>
                  </a:lnTo>
                  <a:lnTo>
                    <a:pt x="198" y="483"/>
                  </a:lnTo>
                  <a:lnTo>
                    <a:pt x="193" y="484"/>
                  </a:lnTo>
                  <a:lnTo>
                    <a:pt x="188" y="484"/>
                  </a:lnTo>
                  <a:lnTo>
                    <a:pt x="180" y="483"/>
                  </a:lnTo>
                  <a:lnTo>
                    <a:pt x="170" y="478"/>
                  </a:lnTo>
                  <a:lnTo>
                    <a:pt x="170" y="476"/>
                  </a:lnTo>
                  <a:lnTo>
                    <a:pt x="170" y="472"/>
                  </a:lnTo>
                  <a:lnTo>
                    <a:pt x="168" y="469"/>
                  </a:lnTo>
                  <a:lnTo>
                    <a:pt x="166" y="466"/>
                  </a:lnTo>
                  <a:lnTo>
                    <a:pt x="163" y="464"/>
                  </a:lnTo>
                  <a:lnTo>
                    <a:pt x="159" y="464"/>
                  </a:lnTo>
                  <a:lnTo>
                    <a:pt x="156" y="471"/>
                  </a:lnTo>
                  <a:lnTo>
                    <a:pt x="151" y="481"/>
                  </a:lnTo>
                  <a:lnTo>
                    <a:pt x="151" y="484"/>
                  </a:lnTo>
                  <a:lnTo>
                    <a:pt x="149" y="489"/>
                  </a:lnTo>
                  <a:lnTo>
                    <a:pt x="149" y="496"/>
                  </a:lnTo>
                  <a:lnTo>
                    <a:pt x="148" y="503"/>
                  </a:lnTo>
                  <a:lnTo>
                    <a:pt x="144" y="506"/>
                  </a:lnTo>
                  <a:lnTo>
                    <a:pt x="141" y="510"/>
                  </a:lnTo>
                  <a:lnTo>
                    <a:pt x="134" y="508"/>
                  </a:lnTo>
                  <a:lnTo>
                    <a:pt x="127" y="501"/>
                  </a:lnTo>
                  <a:lnTo>
                    <a:pt x="126" y="500"/>
                  </a:lnTo>
                  <a:lnTo>
                    <a:pt x="126" y="498"/>
                  </a:lnTo>
                  <a:lnTo>
                    <a:pt x="126" y="496"/>
                  </a:lnTo>
                  <a:lnTo>
                    <a:pt x="124" y="493"/>
                  </a:lnTo>
                  <a:lnTo>
                    <a:pt x="122" y="493"/>
                  </a:lnTo>
                  <a:lnTo>
                    <a:pt x="117" y="493"/>
                  </a:lnTo>
                  <a:lnTo>
                    <a:pt x="112" y="498"/>
                  </a:lnTo>
                  <a:lnTo>
                    <a:pt x="104" y="505"/>
                  </a:lnTo>
                  <a:lnTo>
                    <a:pt x="104" y="506"/>
                  </a:lnTo>
                  <a:lnTo>
                    <a:pt x="102" y="510"/>
                  </a:lnTo>
                  <a:lnTo>
                    <a:pt x="100" y="513"/>
                  </a:lnTo>
                  <a:lnTo>
                    <a:pt x="98" y="516"/>
                  </a:lnTo>
                  <a:lnTo>
                    <a:pt x="95" y="520"/>
                  </a:lnTo>
                  <a:lnTo>
                    <a:pt x="90" y="520"/>
                  </a:lnTo>
                  <a:lnTo>
                    <a:pt x="85" y="518"/>
                  </a:lnTo>
                  <a:lnTo>
                    <a:pt x="78" y="513"/>
                  </a:lnTo>
                  <a:lnTo>
                    <a:pt x="78" y="511"/>
                  </a:lnTo>
                  <a:lnTo>
                    <a:pt x="76" y="510"/>
                  </a:lnTo>
                  <a:lnTo>
                    <a:pt x="73" y="508"/>
                  </a:lnTo>
                  <a:lnTo>
                    <a:pt x="70" y="506"/>
                  </a:lnTo>
                  <a:lnTo>
                    <a:pt x="66" y="505"/>
                  </a:lnTo>
                  <a:lnTo>
                    <a:pt x="63" y="505"/>
                  </a:lnTo>
                  <a:lnTo>
                    <a:pt x="58" y="505"/>
                  </a:lnTo>
                  <a:lnTo>
                    <a:pt x="54" y="508"/>
                  </a:lnTo>
                  <a:lnTo>
                    <a:pt x="53" y="506"/>
                  </a:lnTo>
                  <a:lnTo>
                    <a:pt x="51" y="505"/>
                  </a:lnTo>
                  <a:lnTo>
                    <a:pt x="49" y="505"/>
                  </a:lnTo>
                  <a:lnTo>
                    <a:pt x="48" y="505"/>
                  </a:lnTo>
                  <a:lnTo>
                    <a:pt x="46" y="505"/>
                  </a:lnTo>
                  <a:lnTo>
                    <a:pt x="46" y="510"/>
                  </a:lnTo>
                  <a:lnTo>
                    <a:pt x="46" y="515"/>
                  </a:lnTo>
                  <a:lnTo>
                    <a:pt x="46" y="516"/>
                  </a:lnTo>
                  <a:lnTo>
                    <a:pt x="46" y="518"/>
                  </a:lnTo>
                  <a:lnTo>
                    <a:pt x="44" y="520"/>
                  </a:lnTo>
                  <a:lnTo>
                    <a:pt x="44" y="522"/>
                  </a:lnTo>
                  <a:lnTo>
                    <a:pt x="43" y="522"/>
                  </a:lnTo>
                  <a:lnTo>
                    <a:pt x="39" y="520"/>
                  </a:lnTo>
                  <a:lnTo>
                    <a:pt x="36" y="516"/>
                  </a:lnTo>
                  <a:lnTo>
                    <a:pt x="34" y="516"/>
                  </a:lnTo>
                  <a:lnTo>
                    <a:pt x="29" y="515"/>
                  </a:lnTo>
                  <a:lnTo>
                    <a:pt x="24" y="513"/>
                  </a:lnTo>
                  <a:lnTo>
                    <a:pt x="19" y="513"/>
                  </a:lnTo>
                  <a:lnTo>
                    <a:pt x="16" y="513"/>
                  </a:lnTo>
                  <a:lnTo>
                    <a:pt x="12" y="513"/>
                  </a:lnTo>
                  <a:lnTo>
                    <a:pt x="12" y="516"/>
                  </a:lnTo>
                  <a:lnTo>
                    <a:pt x="16" y="520"/>
                  </a:lnTo>
                  <a:lnTo>
                    <a:pt x="16" y="522"/>
                  </a:lnTo>
                  <a:lnTo>
                    <a:pt x="14" y="525"/>
                  </a:lnTo>
                  <a:lnTo>
                    <a:pt x="14" y="527"/>
                  </a:lnTo>
                  <a:lnTo>
                    <a:pt x="12" y="527"/>
                  </a:lnTo>
                  <a:lnTo>
                    <a:pt x="10" y="528"/>
                  </a:lnTo>
                  <a:lnTo>
                    <a:pt x="9" y="528"/>
                  </a:lnTo>
                  <a:lnTo>
                    <a:pt x="7" y="528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17" name="Freeform 62"/>
            <p:cNvSpPr>
              <a:spLocks/>
            </p:cNvSpPr>
            <p:nvPr/>
          </p:nvSpPr>
          <p:spPr bwMode="auto">
            <a:xfrm>
              <a:off x="3357" y="2283"/>
              <a:ext cx="703" cy="359"/>
            </a:xfrm>
            <a:custGeom>
              <a:avLst/>
              <a:gdLst>
                <a:gd name="T0" fmla="*/ 426 w 723"/>
                <a:gd name="T1" fmla="*/ 23 h 370"/>
                <a:gd name="T2" fmla="*/ 415 w 723"/>
                <a:gd name="T3" fmla="*/ 16 h 370"/>
                <a:gd name="T4" fmla="*/ 394 w 723"/>
                <a:gd name="T5" fmla="*/ 26 h 370"/>
                <a:gd name="T6" fmla="*/ 378 w 723"/>
                <a:gd name="T7" fmla="*/ 21 h 370"/>
                <a:gd name="T8" fmla="*/ 362 w 723"/>
                <a:gd name="T9" fmla="*/ 28 h 370"/>
                <a:gd name="T10" fmla="*/ 329 w 723"/>
                <a:gd name="T11" fmla="*/ 16 h 370"/>
                <a:gd name="T12" fmla="*/ 300 w 723"/>
                <a:gd name="T13" fmla="*/ 1 h 370"/>
                <a:gd name="T14" fmla="*/ 289 w 723"/>
                <a:gd name="T15" fmla="*/ 0 h 370"/>
                <a:gd name="T16" fmla="*/ 285 w 723"/>
                <a:gd name="T17" fmla="*/ 16 h 370"/>
                <a:gd name="T18" fmla="*/ 289 w 723"/>
                <a:gd name="T19" fmla="*/ 28 h 370"/>
                <a:gd name="T20" fmla="*/ 267 w 723"/>
                <a:gd name="T21" fmla="*/ 35 h 370"/>
                <a:gd name="T22" fmla="*/ 256 w 723"/>
                <a:gd name="T23" fmla="*/ 38 h 370"/>
                <a:gd name="T24" fmla="*/ 254 w 723"/>
                <a:gd name="T25" fmla="*/ 50 h 370"/>
                <a:gd name="T26" fmla="*/ 245 w 723"/>
                <a:gd name="T27" fmla="*/ 62 h 370"/>
                <a:gd name="T28" fmla="*/ 241 w 723"/>
                <a:gd name="T29" fmla="*/ 70 h 370"/>
                <a:gd name="T30" fmla="*/ 232 w 723"/>
                <a:gd name="T31" fmla="*/ 75 h 370"/>
                <a:gd name="T32" fmla="*/ 226 w 723"/>
                <a:gd name="T33" fmla="*/ 92 h 370"/>
                <a:gd name="T34" fmla="*/ 216 w 723"/>
                <a:gd name="T35" fmla="*/ 99 h 370"/>
                <a:gd name="T36" fmla="*/ 199 w 723"/>
                <a:gd name="T37" fmla="*/ 84 h 370"/>
                <a:gd name="T38" fmla="*/ 188 w 723"/>
                <a:gd name="T39" fmla="*/ 111 h 370"/>
                <a:gd name="T40" fmla="*/ 174 w 723"/>
                <a:gd name="T41" fmla="*/ 106 h 370"/>
                <a:gd name="T42" fmla="*/ 158 w 723"/>
                <a:gd name="T43" fmla="*/ 115 h 370"/>
                <a:gd name="T44" fmla="*/ 142 w 723"/>
                <a:gd name="T45" fmla="*/ 115 h 370"/>
                <a:gd name="T46" fmla="*/ 125 w 723"/>
                <a:gd name="T47" fmla="*/ 114 h 370"/>
                <a:gd name="T48" fmla="*/ 120 w 723"/>
                <a:gd name="T49" fmla="*/ 115 h 370"/>
                <a:gd name="T50" fmla="*/ 118 w 723"/>
                <a:gd name="T51" fmla="*/ 123 h 370"/>
                <a:gd name="T52" fmla="*/ 100 w 723"/>
                <a:gd name="T53" fmla="*/ 117 h 370"/>
                <a:gd name="T54" fmla="*/ 97 w 723"/>
                <a:gd name="T55" fmla="*/ 127 h 370"/>
                <a:gd name="T56" fmla="*/ 90 w 723"/>
                <a:gd name="T57" fmla="*/ 131 h 370"/>
                <a:gd name="T58" fmla="*/ 88 w 723"/>
                <a:gd name="T59" fmla="*/ 146 h 370"/>
                <a:gd name="T60" fmla="*/ 86 w 723"/>
                <a:gd name="T61" fmla="*/ 156 h 370"/>
                <a:gd name="T62" fmla="*/ 65 w 723"/>
                <a:gd name="T63" fmla="*/ 167 h 370"/>
                <a:gd name="T64" fmla="*/ 71 w 723"/>
                <a:gd name="T65" fmla="*/ 188 h 370"/>
                <a:gd name="T66" fmla="*/ 43 w 723"/>
                <a:gd name="T67" fmla="*/ 178 h 370"/>
                <a:gd name="T68" fmla="*/ 18 w 723"/>
                <a:gd name="T69" fmla="*/ 188 h 370"/>
                <a:gd name="T70" fmla="*/ 18 w 723"/>
                <a:gd name="T71" fmla="*/ 198 h 370"/>
                <a:gd name="T72" fmla="*/ 0 w 723"/>
                <a:gd name="T73" fmla="*/ 243 h 370"/>
                <a:gd name="T74" fmla="*/ 108 w 723"/>
                <a:gd name="T75" fmla="*/ 219 h 370"/>
                <a:gd name="T76" fmla="*/ 134 w 723"/>
                <a:gd name="T77" fmla="*/ 219 h 370"/>
                <a:gd name="T78" fmla="*/ 184 w 723"/>
                <a:gd name="T79" fmla="*/ 215 h 370"/>
                <a:gd name="T80" fmla="*/ 264 w 723"/>
                <a:gd name="T81" fmla="*/ 209 h 370"/>
                <a:gd name="T82" fmla="*/ 339 w 723"/>
                <a:gd name="T83" fmla="*/ 203 h 370"/>
                <a:gd name="T84" fmla="*/ 376 w 723"/>
                <a:gd name="T85" fmla="*/ 199 h 370"/>
                <a:gd name="T86" fmla="*/ 390 w 723"/>
                <a:gd name="T87" fmla="*/ 194 h 370"/>
                <a:gd name="T88" fmla="*/ 413 w 723"/>
                <a:gd name="T89" fmla="*/ 181 h 370"/>
                <a:gd name="T90" fmla="*/ 423 w 723"/>
                <a:gd name="T91" fmla="*/ 174 h 370"/>
                <a:gd name="T92" fmla="*/ 436 w 723"/>
                <a:gd name="T93" fmla="*/ 166 h 370"/>
                <a:gd name="T94" fmla="*/ 439 w 723"/>
                <a:gd name="T95" fmla="*/ 156 h 370"/>
                <a:gd name="T96" fmla="*/ 449 w 723"/>
                <a:gd name="T97" fmla="*/ 142 h 370"/>
                <a:gd name="T98" fmla="*/ 473 w 723"/>
                <a:gd name="T99" fmla="*/ 124 h 370"/>
                <a:gd name="T100" fmla="*/ 473 w 723"/>
                <a:gd name="T101" fmla="*/ 123 h 370"/>
                <a:gd name="T102" fmla="*/ 477 w 723"/>
                <a:gd name="T103" fmla="*/ 100 h 370"/>
                <a:gd name="T104" fmla="*/ 464 w 723"/>
                <a:gd name="T105" fmla="*/ 90 h 370"/>
                <a:gd name="T106" fmla="*/ 439 w 723"/>
                <a:gd name="T107" fmla="*/ 58 h 370"/>
                <a:gd name="T108" fmla="*/ 437 w 723"/>
                <a:gd name="T109" fmla="*/ 39 h 370"/>
                <a:gd name="T110" fmla="*/ 439 w 723"/>
                <a:gd name="T111" fmla="*/ 37 h 370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w 723"/>
                <a:gd name="T169" fmla="*/ 0 h 370"/>
                <a:gd name="T170" fmla="*/ 723 w 723"/>
                <a:gd name="T171" fmla="*/ 370 h 370"/>
              </a:gdLst>
              <a:ahLst/>
              <a:cxnLst>
                <a:cxn ang="T112">
                  <a:pos x="T0" y="T1"/>
                </a:cxn>
                <a:cxn ang="T113">
                  <a:pos x="T2" y="T3"/>
                </a:cxn>
                <a:cxn ang="T114">
                  <a:pos x="T4" y="T5"/>
                </a:cxn>
                <a:cxn ang="T115">
                  <a:pos x="T6" y="T7"/>
                </a:cxn>
                <a:cxn ang="T116">
                  <a:pos x="T8" y="T9"/>
                </a:cxn>
                <a:cxn ang="T117">
                  <a:pos x="T10" y="T11"/>
                </a:cxn>
                <a:cxn ang="T118">
                  <a:pos x="T12" y="T13"/>
                </a:cxn>
                <a:cxn ang="T119">
                  <a:pos x="T14" y="T15"/>
                </a:cxn>
                <a:cxn ang="T120">
                  <a:pos x="T16" y="T17"/>
                </a:cxn>
                <a:cxn ang="T121">
                  <a:pos x="T18" y="T19"/>
                </a:cxn>
                <a:cxn ang="T122">
                  <a:pos x="T20" y="T21"/>
                </a:cxn>
                <a:cxn ang="T123">
                  <a:pos x="T22" y="T23"/>
                </a:cxn>
                <a:cxn ang="T124">
                  <a:pos x="T24" y="T25"/>
                </a:cxn>
                <a:cxn ang="T125">
                  <a:pos x="T26" y="T27"/>
                </a:cxn>
                <a:cxn ang="T126">
                  <a:pos x="T28" y="T29"/>
                </a:cxn>
                <a:cxn ang="T127">
                  <a:pos x="T30" y="T31"/>
                </a:cxn>
                <a:cxn ang="T128">
                  <a:pos x="T32" y="T33"/>
                </a:cxn>
                <a:cxn ang="T129">
                  <a:pos x="T34" y="T35"/>
                </a:cxn>
                <a:cxn ang="T130">
                  <a:pos x="T36" y="T37"/>
                </a:cxn>
                <a:cxn ang="T131">
                  <a:pos x="T38" y="T39"/>
                </a:cxn>
                <a:cxn ang="T132">
                  <a:pos x="T40" y="T41"/>
                </a:cxn>
                <a:cxn ang="T133">
                  <a:pos x="T42" y="T43"/>
                </a:cxn>
                <a:cxn ang="T134">
                  <a:pos x="T44" y="T45"/>
                </a:cxn>
                <a:cxn ang="T135">
                  <a:pos x="T46" y="T47"/>
                </a:cxn>
                <a:cxn ang="T136">
                  <a:pos x="T48" y="T49"/>
                </a:cxn>
                <a:cxn ang="T137">
                  <a:pos x="T50" y="T51"/>
                </a:cxn>
                <a:cxn ang="T138">
                  <a:pos x="T52" y="T53"/>
                </a:cxn>
                <a:cxn ang="T139">
                  <a:pos x="T54" y="T55"/>
                </a:cxn>
                <a:cxn ang="T140">
                  <a:pos x="T56" y="T57"/>
                </a:cxn>
                <a:cxn ang="T141">
                  <a:pos x="T58" y="T59"/>
                </a:cxn>
                <a:cxn ang="T142">
                  <a:pos x="T60" y="T61"/>
                </a:cxn>
                <a:cxn ang="T143">
                  <a:pos x="T62" y="T63"/>
                </a:cxn>
                <a:cxn ang="T144">
                  <a:pos x="T64" y="T65"/>
                </a:cxn>
                <a:cxn ang="T145">
                  <a:pos x="T66" y="T67"/>
                </a:cxn>
                <a:cxn ang="T146">
                  <a:pos x="T68" y="T69"/>
                </a:cxn>
                <a:cxn ang="T147">
                  <a:pos x="T70" y="T71"/>
                </a:cxn>
                <a:cxn ang="T148">
                  <a:pos x="T72" y="T73"/>
                </a:cxn>
                <a:cxn ang="T149">
                  <a:pos x="T74" y="T75"/>
                </a:cxn>
                <a:cxn ang="T150">
                  <a:pos x="T76" y="T77"/>
                </a:cxn>
                <a:cxn ang="T151">
                  <a:pos x="T78" y="T79"/>
                </a:cxn>
                <a:cxn ang="T152">
                  <a:pos x="T80" y="T81"/>
                </a:cxn>
                <a:cxn ang="T153">
                  <a:pos x="T82" y="T83"/>
                </a:cxn>
                <a:cxn ang="T154">
                  <a:pos x="T84" y="T85"/>
                </a:cxn>
                <a:cxn ang="T155">
                  <a:pos x="T86" y="T87"/>
                </a:cxn>
                <a:cxn ang="T156">
                  <a:pos x="T88" y="T89"/>
                </a:cxn>
                <a:cxn ang="T157">
                  <a:pos x="T90" y="T91"/>
                </a:cxn>
                <a:cxn ang="T158">
                  <a:pos x="T92" y="T93"/>
                </a:cxn>
                <a:cxn ang="T159">
                  <a:pos x="T94" y="T95"/>
                </a:cxn>
                <a:cxn ang="T160">
                  <a:pos x="T96" y="T97"/>
                </a:cxn>
                <a:cxn ang="T161">
                  <a:pos x="T98" y="T99"/>
                </a:cxn>
                <a:cxn ang="T162">
                  <a:pos x="T100" y="T101"/>
                </a:cxn>
                <a:cxn ang="T163">
                  <a:pos x="T102" y="T103"/>
                </a:cxn>
                <a:cxn ang="T164">
                  <a:pos x="T104" y="T105"/>
                </a:cxn>
                <a:cxn ang="T165">
                  <a:pos x="T106" y="T107"/>
                </a:cxn>
                <a:cxn ang="T166">
                  <a:pos x="T108" y="T109"/>
                </a:cxn>
                <a:cxn ang="T167">
                  <a:pos x="T110" y="T111"/>
                </a:cxn>
              </a:cxnLst>
              <a:rect l="T168" t="T169" r="T170" b="T171"/>
              <a:pathLst>
                <a:path w="723" h="370">
                  <a:moveTo>
                    <a:pt x="650" y="52"/>
                  </a:moveTo>
                  <a:lnTo>
                    <a:pt x="648" y="50"/>
                  </a:lnTo>
                  <a:lnTo>
                    <a:pt x="647" y="49"/>
                  </a:lnTo>
                  <a:lnTo>
                    <a:pt x="643" y="45"/>
                  </a:lnTo>
                  <a:lnTo>
                    <a:pt x="640" y="42"/>
                  </a:lnTo>
                  <a:lnTo>
                    <a:pt x="635" y="39"/>
                  </a:lnTo>
                  <a:lnTo>
                    <a:pt x="631" y="37"/>
                  </a:lnTo>
                  <a:lnTo>
                    <a:pt x="626" y="37"/>
                  </a:lnTo>
                  <a:lnTo>
                    <a:pt x="623" y="40"/>
                  </a:lnTo>
                  <a:lnTo>
                    <a:pt x="621" y="39"/>
                  </a:lnTo>
                  <a:lnTo>
                    <a:pt x="621" y="35"/>
                  </a:lnTo>
                  <a:lnTo>
                    <a:pt x="621" y="30"/>
                  </a:lnTo>
                  <a:lnTo>
                    <a:pt x="620" y="25"/>
                  </a:lnTo>
                  <a:lnTo>
                    <a:pt x="616" y="22"/>
                  </a:lnTo>
                  <a:lnTo>
                    <a:pt x="611" y="20"/>
                  </a:lnTo>
                  <a:lnTo>
                    <a:pt x="604" y="23"/>
                  </a:lnTo>
                  <a:lnTo>
                    <a:pt x="594" y="32"/>
                  </a:lnTo>
                  <a:lnTo>
                    <a:pt x="593" y="34"/>
                  </a:lnTo>
                  <a:lnTo>
                    <a:pt x="591" y="35"/>
                  </a:lnTo>
                  <a:lnTo>
                    <a:pt x="588" y="39"/>
                  </a:lnTo>
                  <a:lnTo>
                    <a:pt x="584" y="40"/>
                  </a:lnTo>
                  <a:lnTo>
                    <a:pt x="579" y="42"/>
                  </a:lnTo>
                  <a:lnTo>
                    <a:pt x="574" y="44"/>
                  </a:lnTo>
                  <a:lnTo>
                    <a:pt x="567" y="40"/>
                  </a:lnTo>
                  <a:lnTo>
                    <a:pt x="562" y="37"/>
                  </a:lnTo>
                  <a:lnTo>
                    <a:pt x="560" y="35"/>
                  </a:lnTo>
                  <a:lnTo>
                    <a:pt x="559" y="35"/>
                  </a:lnTo>
                  <a:lnTo>
                    <a:pt x="557" y="34"/>
                  </a:lnTo>
                  <a:lnTo>
                    <a:pt x="554" y="35"/>
                  </a:lnTo>
                  <a:lnTo>
                    <a:pt x="550" y="35"/>
                  </a:lnTo>
                  <a:lnTo>
                    <a:pt x="547" y="39"/>
                  </a:lnTo>
                  <a:lnTo>
                    <a:pt x="542" y="44"/>
                  </a:lnTo>
                  <a:lnTo>
                    <a:pt x="540" y="44"/>
                  </a:lnTo>
                  <a:lnTo>
                    <a:pt x="537" y="42"/>
                  </a:lnTo>
                  <a:lnTo>
                    <a:pt x="533" y="42"/>
                  </a:lnTo>
                  <a:lnTo>
                    <a:pt x="532" y="42"/>
                  </a:lnTo>
                  <a:lnTo>
                    <a:pt x="518" y="30"/>
                  </a:lnTo>
                  <a:lnTo>
                    <a:pt x="488" y="28"/>
                  </a:lnTo>
                  <a:lnTo>
                    <a:pt x="488" y="27"/>
                  </a:lnTo>
                  <a:lnTo>
                    <a:pt x="488" y="23"/>
                  </a:lnTo>
                  <a:lnTo>
                    <a:pt x="486" y="20"/>
                  </a:lnTo>
                  <a:lnTo>
                    <a:pt x="484" y="15"/>
                  </a:lnTo>
                  <a:lnTo>
                    <a:pt x="479" y="10"/>
                  </a:lnTo>
                  <a:lnTo>
                    <a:pt x="472" y="5"/>
                  </a:lnTo>
                  <a:lnTo>
                    <a:pt x="462" y="3"/>
                  </a:lnTo>
                  <a:lnTo>
                    <a:pt x="450" y="1"/>
                  </a:lnTo>
                  <a:lnTo>
                    <a:pt x="449" y="1"/>
                  </a:lnTo>
                  <a:lnTo>
                    <a:pt x="445" y="1"/>
                  </a:lnTo>
                  <a:lnTo>
                    <a:pt x="442" y="1"/>
                  </a:lnTo>
                  <a:lnTo>
                    <a:pt x="437" y="1"/>
                  </a:lnTo>
                  <a:lnTo>
                    <a:pt x="432" y="1"/>
                  </a:lnTo>
                  <a:lnTo>
                    <a:pt x="428" y="1"/>
                  </a:lnTo>
                  <a:lnTo>
                    <a:pt x="427" y="1"/>
                  </a:lnTo>
                  <a:lnTo>
                    <a:pt x="425" y="1"/>
                  </a:lnTo>
                  <a:lnTo>
                    <a:pt x="427" y="0"/>
                  </a:lnTo>
                  <a:lnTo>
                    <a:pt x="425" y="0"/>
                  </a:lnTo>
                  <a:lnTo>
                    <a:pt x="425" y="1"/>
                  </a:lnTo>
                  <a:lnTo>
                    <a:pt x="423" y="3"/>
                  </a:lnTo>
                  <a:lnTo>
                    <a:pt x="423" y="6"/>
                  </a:lnTo>
                  <a:lnTo>
                    <a:pt x="422" y="12"/>
                  </a:lnTo>
                  <a:lnTo>
                    <a:pt x="422" y="17"/>
                  </a:lnTo>
                  <a:lnTo>
                    <a:pt x="422" y="22"/>
                  </a:lnTo>
                  <a:lnTo>
                    <a:pt x="423" y="28"/>
                  </a:lnTo>
                  <a:lnTo>
                    <a:pt x="425" y="30"/>
                  </a:lnTo>
                  <a:lnTo>
                    <a:pt x="427" y="32"/>
                  </a:lnTo>
                  <a:lnTo>
                    <a:pt x="428" y="35"/>
                  </a:lnTo>
                  <a:lnTo>
                    <a:pt x="430" y="37"/>
                  </a:lnTo>
                  <a:lnTo>
                    <a:pt x="430" y="40"/>
                  </a:lnTo>
                  <a:lnTo>
                    <a:pt x="428" y="42"/>
                  </a:lnTo>
                  <a:lnTo>
                    <a:pt x="422" y="44"/>
                  </a:lnTo>
                  <a:lnTo>
                    <a:pt x="413" y="45"/>
                  </a:lnTo>
                  <a:lnTo>
                    <a:pt x="412" y="45"/>
                  </a:lnTo>
                  <a:lnTo>
                    <a:pt x="408" y="45"/>
                  </a:lnTo>
                  <a:lnTo>
                    <a:pt x="405" y="47"/>
                  </a:lnTo>
                  <a:lnTo>
                    <a:pt x="400" y="49"/>
                  </a:lnTo>
                  <a:lnTo>
                    <a:pt x="396" y="49"/>
                  </a:lnTo>
                  <a:lnTo>
                    <a:pt x="393" y="50"/>
                  </a:lnTo>
                  <a:lnTo>
                    <a:pt x="391" y="50"/>
                  </a:lnTo>
                  <a:lnTo>
                    <a:pt x="390" y="50"/>
                  </a:lnTo>
                  <a:lnTo>
                    <a:pt x="386" y="50"/>
                  </a:lnTo>
                  <a:lnTo>
                    <a:pt x="383" y="52"/>
                  </a:lnTo>
                  <a:lnTo>
                    <a:pt x="378" y="54"/>
                  </a:lnTo>
                  <a:lnTo>
                    <a:pt x="374" y="56"/>
                  </a:lnTo>
                  <a:lnTo>
                    <a:pt x="371" y="61"/>
                  </a:lnTo>
                  <a:lnTo>
                    <a:pt x="373" y="66"/>
                  </a:lnTo>
                  <a:lnTo>
                    <a:pt x="376" y="74"/>
                  </a:lnTo>
                  <a:lnTo>
                    <a:pt x="376" y="76"/>
                  </a:lnTo>
                  <a:lnTo>
                    <a:pt x="376" y="78"/>
                  </a:lnTo>
                  <a:lnTo>
                    <a:pt x="374" y="79"/>
                  </a:lnTo>
                  <a:lnTo>
                    <a:pt x="373" y="83"/>
                  </a:lnTo>
                  <a:lnTo>
                    <a:pt x="371" y="84"/>
                  </a:lnTo>
                  <a:lnTo>
                    <a:pt x="368" y="88"/>
                  </a:lnTo>
                  <a:lnTo>
                    <a:pt x="364" y="91"/>
                  </a:lnTo>
                  <a:lnTo>
                    <a:pt x="364" y="93"/>
                  </a:lnTo>
                  <a:lnTo>
                    <a:pt x="362" y="94"/>
                  </a:lnTo>
                  <a:lnTo>
                    <a:pt x="361" y="96"/>
                  </a:lnTo>
                  <a:lnTo>
                    <a:pt x="361" y="100"/>
                  </a:lnTo>
                  <a:lnTo>
                    <a:pt x="359" y="101"/>
                  </a:lnTo>
                  <a:lnTo>
                    <a:pt x="357" y="105"/>
                  </a:lnTo>
                  <a:lnTo>
                    <a:pt x="357" y="106"/>
                  </a:lnTo>
                  <a:lnTo>
                    <a:pt x="357" y="108"/>
                  </a:lnTo>
                  <a:lnTo>
                    <a:pt x="356" y="108"/>
                  </a:lnTo>
                  <a:lnTo>
                    <a:pt x="356" y="110"/>
                  </a:lnTo>
                  <a:lnTo>
                    <a:pt x="354" y="111"/>
                  </a:lnTo>
                  <a:lnTo>
                    <a:pt x="352" y="111"/>
                  </a:lnTo>
                  <a:lnTo>
                    <a:pt x="349" y="113"/>
                  </a:lnTo>
                  <a:lnTo>
                    <a:pt x="344" y="113"/>
                  </a:lnTo>
                  <a:lnTo>
                    <a:pt x="342" y="116"/>
                  </a:lnTo>
                  <a:lnTo>
                    <a:pt x="340" y="122"/>
                  </a:lnTo>
                  <a:lnTo>
                    <a:pt x="339" y="127"/>
                  </a:lnTo>
                  <a:lnTo>
                    <a:pt x="337" y="133"/>
                  </a:lnTo>
                  <a:lnTo>
                    <a:pt x="335" y="137"/>
                  </a:lnTo>
                  <a:lnTo>
                    <a:pt x="335" y="140"/>
                  </a:lnTo>
                  <a:lnTo>
                    <a:pt x="335" y="142"/>
                  </a:lnTo>
                  <a:lnTo>
                    <a:pt x="335" y="144"/>
                  </a:lnTo>
                  <a:lnTo>
                    <a:pt x="334" y="145"/>
                  </a:lnTo>
                  <a:lnTo>
                    <a:pt x="332" y="147"/>
                  </a:lnTo>
                  <a:lnTo>
                    <a:pt x="330" y="149"/>
                  </a:lnTo>
                  <a:lnTo>
                    <a:pt x="325" y="150"/>
                  </a:lnTo>
                  <a:lnTo>
                    <a:pt x="320" y="150"/>
                  </a:lnTo>
                  <a:lnTo>
                    <a:pt x="312" y="149"/>
                  </a:lnTo>
                  <a:lnTo>
                    <a:pt x="302" y="144"/>
                  </a:lnTo>
                  <a:lnTo>
                    <a:pt x="302" y="142"/>
                  </a:lnTo>
                  <a:lnTo>
                    <a:pt x="302" y="138"/>
                  </a:lnTo>
                  <a:lnTo>
                    <a:pt x="300" y="135"/>
                  </a:lnTo>
                  <a:lnTo>
                    <a:pt x="298" y="132"/>
                  </a:lnTo>
                  <a:lnTo>
                    <a:pt x="295" y="130"/>
                  </a:lnTo>
                  <a:lnTo>
                    <a:pt x="291" y="130"/>
                  </a:lnTo>
                  <a:lnTo>
                    <a:pt x="288" y="137"/>
                  </a:lnTo>
                  <a:lnTo>
                    <a:pt x="283" y="147"/>
                  </a:lnTo>
                  <a:lnTo>
                    <a:pt x="283" y="150"/>
                  </a:lnTo>
                  <a:lnTo>
                    <a:pt x="281" y="155"/>
                  </a:lnTo>
                  <a:lnTo>
                    <a:pt x="281" y="162"/>
                  </a:lnTo>
                  <a:lnTo>
                    <a:pt x="280" y="169"/>
                  </a:lnTo>
                  <a:lnTo>
                    <a:pt x="276" y="172"/>
                  </a:lnTo>
                  <a:lnTo>
                    <a:pt x="273" y="176"/>
                  </a:lnTo>
                  <a:lnTo>
                    <a:pt x="266" y="174"/>
                  </a:lnTo>
                  <a:lnTo>
                    <a:pt x="259" y="167"/>
                  </a:lnTo>
                  <a:lnTo>
                    <a:pt x="258" y="166"/>
                  </a:lnTo>
                  <a:lnTo>
                    <a:pt x="258" y="164"/>
                  </a:lnTo>
                  <a:lnTo>
                    <a:pt x="258" y="162"/>
                  </a:lnTo>
                  <a:lnTo>
                    <a:pt x="256" y="159"/>
                  </a:lnTo>
                  <a:lnTo>
                    <a:pt x="254" y="159"/>
                  </a:lnTo>
                  <a:lnTo>
                    <a:pt x="249" y="159"/>
                  </a:lnTo>
                  <a:lnTo>
                    <a:pt x="244" y="164"/>
                  </a:lnTo>
                  <a:lnTo>
                    <a:pt x="236" y="171"/>
                  </a:lnTo>
                  <a:lnTo>
                    <a:pt x="236" y="172"/>
                  </a:lnTo>
                  <a:lnTo>
                    <a:pt x="234" y="176"/>
                  </a:lnTo>
                  <a:lnTo>
                    <a:pt x="232" y="179"/>
                  </a:lnTo>
                  <a:lnTo>
                    <a:pt x="230" y="182"/>
                  </a:lnTo>
                  <a:lnTo>
                    <a:pt x="227" y="186"/>
                  </a:lnTo>
                  <a:lnTo>
                    <a:pt x="222" y="186"/>
                  </a:lnTo>
                  <a:lnTo>
                    <a:pt x="217" y="184"/>
                  </a:lnTo>
                  <a:lnTo>
                    <a:pt x="210" y="179"/>
                  </a:lnTo>
                  <a:lnTo>
                    <a:pt x="210" y="177"/>
                  </a:lnTo>
                  <a:lnTo>
                    <a:pt x="208" y="176"/>
                  </a:lnTo>
                  <a:lnTo>
                    <a:pt x="205" y="174"/>
                  </a:lnTo>
                  <a:lnTo>
                    <a:pt x="202" y="172"/>
                  </a:lnTo>
                  <a:lnTo>
                    <a:pt x="198" y="171"/>
                  </a:lnTo>
                  <a:lnTo>
                    <a:pt x="195" y="171"/>
                  </a:lnTo>
                  <a:lnTo>
                    <a:pt x="190" y="171"/>
                  </a:lnTo>
                  <a:lnTo>
                    <a:pt x="186" y="174"/>
                  </a:lnTo>
                  <a:lnTo>
                    <a:pt x="185" y="172"/>
                  </a:lnTo>
                  <a:lnTo>
                    <a:pt x="183" y="171"/>
                  </a:lnTo>
                  <a:lnTo>
                    <a:pt x="181" y="171"/>
                  </a:lnTo>
                  <a:lnTo>
                    <a:pt x="180" y="171"/>
                  </a:lnTo>
                  <a:lnTo>
                    <a:pt x="178" y="171"/>
                  </a:lnTo>
                  <a:lnTo>
                    <a:pt x="178" y="176"/>
                  </a:lnTo>
                  <a:lnTo>
                    <a:pt x="178" y="181"/>
                  </a:lnTo>
                  <a:lnTo>
                    <a:pt x="178" y="182"/>
                  </a:lnTo>
                  <a:lnTo>
                    <a:pt x="178" y="184"/>
                  </a:lnTo>
                  <a:lnTo>
                    <a:pt x="176" y="186"/>
                  </a:lnTo>
                  <a:lnTo>
                    <a:pt x="176" y="188"/>
                  </a:lnTo>
                  <a:lnTo>
                    <a:pt x="175" y="188"/>
                  </a:lnTo>
                  <a:lnTo>
                    <a:pt x="171" y="186"/>
                  </a:lnTo>
                  <a:lnTo>
                    <a:pt x="168" y="182"/>
                  </a:lnTo>
                  <a:lnTo>
                    <a:pt x="166" y="182"/>
                  </a:lnTo>
                  <a:lnTo>
                    <a:pt x="161" y="181"/>
                  </a:lnTo>
                  <a:lnTo>
                    <a:pt x="156" y="179"/>
                  </a:lnTo>
                  <a:lnTo>
                    <a:pt x="151" y="179"/>
                  </a:lnTo>
                  <a:lnTo>
                    <a:pt x="148" y="179"/>
                  </a:lnTo>
                  <a:lnTo>
                    <a:pt x="144" y="179"/>
                  </a:lnTo>
                  <a:lnTo>
                    <a:pt x="144" y="182"/>
                  </a:lnTo>
                  <a:lnTo>
                    <a:pt x="148" y="186"/>
                  </a:lnTo>
                  <a:lnTo>
                    <a:pt x="148" y="188"/>
                  </a:lnTo>
                  <a:lnTo>
                    <a:pt x="146" y="188"/>
                  </a:lnTo>
                  <a:lnTo>
                    <a:pt x="146" y="191"/>
                  </a:lnTo>
                  <a:lnTo>
                    <a:pt x="144" y="193"/>
                  </a:lnTo>
                  <a:lnTo>
                    <a:pt x="142" y="193"/>
                  </a:lnTo>
                  <a:lnTo>
                    <a:pt x="141" y="194"/>
                  </a:lnTo>
                  <a:lnTo>
                    <a:pt x="139" y="194"/>
                  </a:lnTo>
                  <a:lnTo>
                    <a:pt x="136" y="194"/>
                  </a:lnTo>
                  <a:lnTo>
                    <a:pt x="136" y="196"/>
                  </a:lnTo>
                  <a:lnTo>
                    <a:pt x="136" y="198"/>
                  </a:lnTo>
                  <a:lnTo>
                    <a:pt x="134" y="199"/>
                  </a:lnTo>
                  <a:lnTo>
                    <a:pt x="134" y="201"/>
                  </a:lnTo>
                  <a:lnTo>
                    <a:pt x="132" y="204"/>
                  </a:lnTo>
                  <a:lnTo>
                    <a:pt x="131" y="206"/>
                  </a:lnTo>
                  <a:lnTo>
                    <a:pt x="129" y="208"/>
                  </a:lnTo>
                  <a:lnTo>
                    <a:pt x="129" y="210"/>
                  </a:lnTo>
                  <a:lnTo>
                    <a:pt x="127" y="218"/>
                  </a:lnTo>
                  <a:lnTo>
                    <a:pt x="131" y="223"/>
                  </a:lnTo>
                  <a:lnTo>
                    <a:pt x="132" y="225"/>
                  </a:lnTo>
                  <a:lnTo>
                    <a:pt x="134" y="226"/>
                  </a:lnTo>
                  <a:lnTo>
                    <a:pt x="134" y="228"/>
                  </a:lnTo>
                  <a:lnTo>
                    <a:pt x="136" y="232"/>
                  </a:lnTo>
                  <a:lnTo>
                    <a:pt x="136" y="235"/>
                  </a:lnTo>
                  <a:lnTo>
                    <a:pt x="134" y="237"/>
                  </a:lnTo>
                  <a:lnTo>
                    <a:pt x="127" y="238"/>
                  </a:lnTo>
                  <a:lnTo>
                    <a:pt x="119" y="240"/>
                  </a:lnTo>
                  <a:lnTo>
                    <a:pt x="117" y="240"/>
                  </a:lnTo>
                  <a:lnTo>
                    <a:pt x="112" y="240"/>
                  </a:lnTo>
                  <a:lnTo>
                    <a:pt x="107" y="243"/>
                  </a:lnTo>
                  <a:lnTo>
                    <a:pt x="102" y="245"/>
                  </a:lnTo>
                  <a:lnTo>
                    <a:pt x="97" y="250"/>
                  </a:lnTo>
                  <a:lnTo>
                    <a:pt x="95" y="255"/>
                  </a:lnTo>
                  <a:lnTo>
                    <a:pt x="95" y="264"/>
                  </a:lnTo>
                  <a:lnTo>
                    <a:pt x="100" y="272"/>
                  </a:lnTo>
                  <a:lnTo>
                    <a:pt x="100" y="274"/>
                  </a:lnTo>
                  <a:lnTo>
                    <a:pt x="104" y="277"/>
                  </a:lnTo>
                  <a:lnTo>
                    <a:pt x="104" y="281"/>
                  </a:lnTo>
                  <a:lnTo>
                    <a:pt x="105" y="284"/>
                  </a:lnTo>
                  <a:lnTo>
                    <a:pt x="104" y="287"/>
                  </a:lnTo>
                  <a:lnTo>
                    <a:pt x="98" y="289"/>
                  </a:lnTo>
                  <a:lnTo>
                    <a:pt x="88" y="287"/>
                  </a:lnTo>
                  <a:lnTo>
                    <a:pt x="75" y="282"/>
                  </a:lnTo>
                  <a:lnTo>
                    <a:pt x="71" y="281"/>
                  </a:lnTo>
                  <a:lnTo>
                    <a:pt x="68" y="277"/>
                  </a:lnTo>
                  <a:lnTo>
                    <a:pt x="65" y="276"/>
                  </a:lnTo>
                  <a:lnTo>
                    <a:pt x="60" y="272"/>
                  </a:lnTo>
                  <a:lnTo>
                    <a:pt x="54" y="272"/>
                  </a:lnTo>
                  <a:lnTo>
                    <a:pt x="49" y="272"/>
                  </a:lnTo>
                  <a:lnTo>
                    <a:pt x="44" y="276"/>
                  </a:lnTo>
                  <a:lnTo>
                    <a:pt x="38" y="282"/>
                  </a:lnTo>
                  <a:lnTo>
                    <a:pt x="38" y="284"/>
                  </a:lnTo>
                  <a:lnTo>
                    <a:pt x="36" y="286"/>
                  </a:lnTo>
                  <a:lnTo>
                    <a:pt x="32" y="287"/>
                  </a:lnTo>
                  <a:lnTo>
                    <a:pt x="31" y="289"/>
                  </a:lnTo>
                  <a:lnTo>
                    <a:pt x="27" y="292"/>
                  </a:lnTo>
                  <a:lnTo>
                    <a:pt x="26" y="294"/>
                  </a:lnTo>
                  <a:lnTo>
                    <a:pt x="26" y="296"/>
                  </a:lnTo>
                  <a:lnTo>
                    <a:pt x="24" y="296"/>
                  </a:lnTo>
                  <a:lnTo>
                    <a:pt x="26" y="298"/>
                  </a:lnTo>
                  <a:lnTo>
                    <a:pt x="29" y="301"/>
                  </a:lnTo>
                  <a:lnTo>
                    <a:pt x="32" y="303"/>
                  </a:lnTo>
                  <a:lnTo>
                    <a:pt x="34" y="304"/>
                  </a:lnTo>
                  <a:lnTo>
                    <a:pt x="43" y="311"/>
                  </a:lnTo>
                  <a:lnTo>
                    <a:pt x="38" y="320"/>
                  </a:lnTo>
                  <a:lnTo>
                    <a:pt x="38" y="355"/>
                  </a:lnTo>
                  <a:lnTo>
                    <a:pt x="19" y="357"/>
                  </a:lnTo>
                  <a:lnTo>
                    <a:pt x="0" y="370"/>
                  </a:lnTo>
                  <a:lnTo>
                    <a:pt x="0" y="369"/>
                  </a:lnTo>
                  <a:lnTo>
                    <a:pt x="148" y="357"/>
                  </a:lnTo>
                  <a:lnTo>
                    <a:pt x="148" y="333"/>
                  </a:lnTo>
                  <a:lnTo>
                    <a:pt x="149" y="335"/>
                  </a:lnTo>
                  <a:lnTo>
                    <a:pt x="153" y="335"/>
                  </a:lnTo>
                  <a:lnTo>
                    <a:pt x="158" y="335"/>
                  </a:lnTo>
                  <a:lnTo>
                    <a:pt x="164" y="335"/>
                  </a:lnTo>
                  <a:lnTo>
                    <a:pt x="171" y="336"/>
                  </a:lnTo>
                  <a:lnTo>
                    <a:pt x="178" y="336"/>
                  </a:lnTo>
                  <a:lnTo>
                    <a:pt x="186" y="336"/>
                  </a:lnTo>
                  <a:lnTo>
                    <a:pt x="188" y="336"/>
                  </a:lnTo>
                  <a:lnTo>
                    <a:pt x="192" y="336"/>
                  </a:lnTo>
                  <a:lnTo>
                    <a:pt x="197" y="335"/>
                  </a:lnTo>
                  <a:lnTo>
                    <a:pt x="203" y="335"/>
                  </a:lnTo>
                  <a:lnTo>
                    <a:pt x="212" y="333"/>
                  </a:lnTo>
                  <a:lnTo>
                    <a:pt x="222" y="333"/>
                  </a:lnTo>
                  <a:lnTo>
                    <a:pt x="232" y="331"/>
                  </a:lnTo>
                  <a:lnTo>
                    <a:pt x="246" y="331"/>
                  </a:lnTo>
                  <a:lnTo>
                    <a:pt x="259" y="330"/>
                  </a:lnTo>
                  <a:lnTo>
                    <a:pt x="273" y="328"/>
                  </a:lnTo>
                  <a:lnTo>
                    <a:pt x="288" y="328"/>
                  </a:lnTo>
                  <a:lnTo>
                    <a:pt x="305" y="326"/>
                  </a:lnTo>
                  <a:lnTo>
                    <a:pt x="322" y="325"/>
                  </a:lnTo>
                  <a:lnTo>
                    <a:pt x="339" y="323"/>
                  </a:lnTo>
                  <a:lnTo>
                    <a:pt x="356" y="321"/>
                  </a:lnTo>
                  <a:lnTo>
                    <a:pt x="373" y="320"/>
                  </a:lnTo>
                  <a:lnTo>
                    <a:pt x="391" y="318"/>
                  </a:lnTo>
                  <a:lnTo>
                    <a:pt x="408" y="318"/>
                  </a:lnTo>
                  <a:lnTo>
                    <a:pt x="425" y="316"/>
                  </a:lnTo>
                  <a:lnTo>
                    <a:pt x="440" y="314"/>
                  </a:lnTo>
                  <a:lnTo>
                    <a:pt x="457" y="313"/>
                  </a:lnTo>
                  <a:lnTo>
                    <a:pt x="472" y="311"/>
                  </a:lnTo>
                  <a:lnTo>
                    <a:pt x="488" y="309"/>
                  </a:lnTo>
                  <a:lnTo>
                    <a:pt x="501" y="309"/>
                  </a:lnTo>
                  <a:lnTo>
                    <a:pt x="513" y="308"/>
                  </a:lnTo>
                  <a:lnTo>
                    <a:pt x="525" y="306"/>
                  </a:lnTo>
                  <a:lnTo>
                    <a:pt x="535" y="306"/>
                  </a:lnTo>
                  <a:lnTo>
                    <a:pt x="544" y="306"/>
                  </a:lnTo>
                  <a:lnTo>
                    <a:pt x="549" y="304"/>
                  </a:lnTo>
                  <a:lnTo>
                    <a:pt x="554" y="304"/>
                  </a:lnTo>
                  <a:lnTo>
                    <a:pt x="557" y="304"/>
                  </a:lnTo>
                  <a:lnTo>
                    <a:pt x="559" y="304"/>
                  </a:lnTo>
                  <a:lnTo>
                    <a:pt x="560" y="303"/>
                  </a:lnTo>
                  <a:lnTo>
                    <a:pt x="564" y="301"/>
                  </a:lnTo>
                  <a:lnTo>
                    <a:pt x="567" y="299"/>
                  </a:lnTo>
                  <a:lnTo>
                    <a:pt x="571" y="298"/>
                  </a:lnTo>
                  <a:lnTo>
                    <a:pt x="576" y="296"/>
                  </a:lnTo>
                  <a:lnTo>
                    <a:pt x="581" y="292"/>
                  </a:lnTo>
                  <a:lnTo>
                    <a:pt x="586" y="291"/>
                  </a:lnTo>
                  <a:lnTo>
                    <a:pt x="591" y="287"/>
                  </a:lnTo>
                  <a:lnTo>
                    <a:pt x="596" y="286"/>
                  </a:lnTo>
                  <a:lnTo>
                    <a:pt x="601" y="282"/>
                  </a:lnTo>
                  <a:lnTo>
                    <a:pt x="606" y="281"/>
                  </a:lnTo>
                  <a:lnTo>
                    <a:pt x="611" y="277"/>
                  </a:lnTo>
                  <a:lnTo>
                    <a:pt x="615" y="276"/>
                  </a:lnTo>
                  <a:lnTo>
                    <a:pt x="618" y="274"/>
                  </a:lnTo>
                  <a:lnTo>
                    <a:pt x="620" y="274"/>
                  </a:lnTo>
                  <a:lnTo>
                    <a:pt x="621" y="272"/>
                  </a:lnTo>
                  <a:lnTo>
                    <a:pt x="621" y="270"/>
                  </a:lnTo>
                  <a:lnTo>
                    <a:pt x="623" y="269"/>
                  </a:lnTo>
                  <a:lnTo>
                    <a:pt x="625" y="265"/>
                  </a:lnTo>
                  <a:lnTo>
                    <a:pt x="626" y="264"/>
                  </a:lnTo>
                  <a:lnTo>
                    <a:pt x="630" y="260"/>
                  </a:lnTo>
                  <a:lnTo>
                    <a:pt x="635" y="259"/>
                  </a:lnTo>
                  <a:lnTo>
                    <a:pt x="640" y="255"/>
                  </a:lnTo>
                  <a:lnTo>
                    <a:pt x="643" y="255"/>
                  </a:lnTo>
                  <a:lnTo>
                    <a:pt x="643" y="254"/>
                  </a:lnTo>
                  <a:lnTo>
                    <a:pt x="645" y="252"/>
                  </a:lnTo>
                  <a:lnTo>
                    <a:pt x="647" y="252"/>
                  </a:lnTo>
                  <a:lnTo>
                    <a:pt x="647" y="248"/>
                  </a:lnTo>
                  <a:lnTo>
                    <a:pt x="647" y="247"/>
                  </a:lnTo>
                  <a:lnTo>
                    <a:pt x="648" y="245"/>
                  </a:lnTo>
                  <a:lnTo>
                    <a:pt x="648" y="243"/>
                  </a:lnTo>
                  <a:lnTo>
                    <a:pt x="650" y="240"/>
                  </a:lnTo>
                  <a:lnTo>
                    <a:pt x="652" y="238"/>
                  </a:lnTo>
                  <a:lnTo>
                    <a:pt x="653" y="237"/>
                  </a:lnTo>
                  <a:lnTo>
                    <a:pt x="655" y="235"/>
                  </a:lnTo>
                  <a:lnTo>
                    <a:pt x="657" y="232"/>
                  </a:lnTo>
                  <a:lnTo>
                    <a:pt x="659" y="228"/>
                  </a:lnTo>
                  <a:lnTo>
                    <a:pt x="660" y="225"/>
                  </a:lnTo>
                  <a:lnTo>
                    <a:pt x="662" y="221"/>
                  </a:lnTo>
                  <a:lnTo>
                    <a:pt x="664" y="215"/>
                  </a:lnTo>
                  <a:lnTo>
                    <a:pt x="667" y="211"/>
                  </a:lnTo>
                  <a:lnTo>
                    <a:pt x="672" y="208"/>
                  </a:lnTo>
                  <a:lnTo>
                    <a:pt x="677" y="204"/>
                  </a:lnTo>
                  <a:lnTo>
                    <a:pt x="684" y="201"/>
                  </a:lnTo>
                  <a:lnTo>
                    <a:pt x="689" y="198"/>
                  </a:lnTo>
                  <a:lnTo>
                    <a:pt x="694" y="194"/>
                  </a:lnTo>
                  <a:lnTo>
                    <a:pt x="699" y="189"/>
                  </a:lnTo>
                  <a:lnTo>
                    <a:pt x="701" y="184"/>
                  </a:lnTo>
                  <a:lnTo>
                    <a:pt x="703" y="182"/>
                  </a:lnTo>
                  <a:lnTo>
                    <a:pt x="704" y="182"/>
                  </a:lnTo>
                  <a:lnTo>
                    <a:pt x="703" y="184"/>
                  </a:lnTo>
                  <a:lnTo>
                    <a:pt x="701" y="186"/>
                  </a:lnTo>
                  <a:lnTo>
                    <a:pt x="701" y="188"/>
                  </a:lnTo>
                  <a:lnTo>
                    <a:pt x="699" y="188"/>
                  </a:lnTo>
                  <a:lnTo>
                    <a:pt x="699" y="189"/>
                  </a:lnTo>
                  <a:lnTo>
                    <a:pt x="723" y="157"/>
                  </a:lnTo>
                  <a:lnTo>
                    <a:pt x="711" y="157"/>
                  </a:lnTo>
                  <a:lnTo>
                    <a:pt x="711" y="155"/>
                  </a:lnTo>
                  <a:lnTo>
                    <a:pt x="709" y="154"/>
                  </a:lnTo>
                  <a:lnTo>
                    <a:pt x="709" y="152"/>
                  </a:lnTo>
                  <a:lnTo>
                    <a:pt x="708" y="150"/>
                  </a:lnTo>
                  <a:lnTo>
                    <a:pt x="704" y="150"/>
                  </a:lnTo>
                  <a:lnTo>
                    <a:pt x="701" y="149"/>
                  </a:lnTo>
                  <a:lnTo>
                    <a:pt x="696" y="149"/>
                  </a:lnTo>
                  <a:lnTo>
                    <a:pt x="696" y="147"/>
                  </a:lnTo>
                  <a:lnTo>
                    <a:pt x="692" y="142"/>
                  </a:lnTo>
                  <a:lnTo>
                    <a:pt x="687" y="137"/>
                  </a:lnTo>
                  <a:lnTo>
                    <a:pt x="682" y="128"/>
                  </a:lnTo>
                  <a:lnTo>
                    <a:pt x="675" y="120"/>
                  </a:lnTo>
                  <a:lnTo>
                    <a:pt x="669" y="110"/>
                  </a:lnTo>
                  <a:lnTo>
                    <a:pt x="660" y="101"/>
                  </a:lnTo>
                  <a:lnTo>
                    <a:pt x="652" y="91"/>
                  </a:lnTo>
                  <a:lnTo>
                    <a:pt x="652" y="88"/>
                  </a:lnTo>
                  <a:lnTo>
                    <a:pt x="652" y="84"/>
                  </a:lnTo>
                  <a:lnTo>
                    <a:pt x="653" y="79"/>
                  </a:lnTo>
                  <a:lnTo>
                    <a:pt x="653" y="76"/>
                  </a:lnTo>
                  <a:lnTo>
                    <a:pt x="653" y="71"/>
                  </a:lnTo>
                  <a:lnTo>
                    <a:pt x="652" y="64"/>
                  </a:lnTo>
                  <a:lnTo>
                    <a:pt x="650" y="59"/>
                  </a:lnTo>
                  <a:lnTo>
                    <a:pt x="647" y="56"/>
                  </a:lnTo>
                  <a:lnTo>
                    <a:pt x="647" y="52"/>
                  </a:lnTo>
                  <a:lnTo>
                    <a:pt x="647" y="50"/>
                  </a:lnTo>
                  <a:lnTo>
                    <a:pt x="648" y="50"/>
                  </a:lnTo>
                  <a:lnTo>
                    <a:pt x="648" y="52"/>
                  </a:lnTo>
                  <a:lnTo>
                    <a:pt x="650" y="52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1118" name="Group 63"/>
            <p:cNvGrpSpPr>
              <a:grpSpLocks/>
            </p:cNvGrpSpPr>
            <p:nvPr/>
          </p:nvGrpSpPr>
          <p:grpSpPr bwMode="auto">
            <a:xfrm>
              <a:off x="4830" y="1006"/>
              <a:ext cx="350" cy="562"/>
              <a:chOff x="5086" y="1113"/>
              <a:chExt cx="359" cy="579"/>
            </a:xfrm>
          </p:grpSpPr>
          <p:sp>
            <p:nvSpPr>
              <p:cNvPr id="1244" name="Freeform 64"/>
              <p:cNvSpPr>
                <a:spLocks/>
              </p:cNvSpPr>
              <p:nvPr/>
            </p:nvSpPr>
            <p:spPr bwMode="auto">
              <a:xfrm>
                <a:off x="5086" y="1113"/>
                <a:ext cx="359" cy="579"/>
              </a:xfrm>
              <a:custGeom>
                <a:avLst/>
                <a:gdLst>
                  <a:gd name="T0" fmla="*/ 90 w 359"/>
                  <a:gd name="T1" fmla="*/ 565 h 579"/>
                  <a:gd name="T2" fmla="*/ 74 w 359"/>
                  <a:gd name="T3" fmla="*/ 550 h 579"/>
                  <a:gd name="T4" fmla="*/ 0 w 359"/>
                  <a:gd name="T5" fmla="*/ 318 h 579"/>
                  <a:gd name="T6" fmla="*/ 15 w 359"/>
                  <a:gd name="T7" fmla="*/ 311 h 579"/>
                  <a:gd name="T8" fmla="*/ 18 w 359"/>
                  <a:gd name="T9" fmla="*/ 311 h 579"/>
                  <a:gd name="T10" fmla="*/ 18 w 359"/>
                  <a:gd name="T11" fmla="*/ 294 h 579"/>
                  <a:gd name="T12" fmla="*/ 27 w 359"/>
                  <a:gd name="T13" fmla="*/ 289 h 579"/>
                  <a:gd name="T14" fmla="*/ 30 w 359"/>
                  <a:gd name="T15" fmla="*/ 259 h 579"/>
                  <a:gd name="T16" fmla="*/ 39 w 359"/>
                  <a:gd name="T17" fmla="*/ 250 h 579"/>
                  <a:gd name="T18" fmla="*/ 39 w 359"/>
                  <a:gd name="T19" fmla="*/ 238 h 579"/>
                  <a:gd name="T20" fmla="*/ 47 w 359"/>
                  <a:gd name="T21" fmla="*/ 221 h 579"/>
                  <a:gd name="T22" fmla="*/ 39 w 359"/>
                  <a:gd name="T23" fmla="*/ 198 h 579"/>
                  <a:gd name="T24" fmla="*/ 39 w 359"/>
                  <a:gd name="T25" fmla="*/ 169 h 579"/>
                  <a:gd name="T26" fmla="*/ 44 w 359"/>
                  <a:gd name="T27" fmla="*/ 154 h 579"/>
                  <a:gd name="T28" fmla="*/ 44 w 359"/>
                  <a:gd name="T29" fmla="*/ 125 h 579"/>
                  <a:gd name="T30" fmla="*/ 51 w 359"/>
                  <a:gd name="T31" fmla="*/ 98 h 579"/>
                  <a:gd name="T32" fmla="*/ 91 w 359"/>
                  <a:gd name="T33" fmla="*/ 12 h 579"/>
                  <a:gd name="T34" fmla="*/ 105 w 359"/>
                  <a:gd name="T35" fmla="*/ 34 h 579"/>
                  <a:gd name="T36" fmla="*/ 125 w 359"/>
                  <a:gd name="T37" fmla="*/ 29 h 579"/>
                  <a:gd name="T38" fmla="*/ 145 w 359"/>
                  <a:gd name="T39" fmla="*/ 12 h 579"/>
                  <a:gd name="T40" fmla="*/ 152 w 359"/>
                  <a:gd name="T41" fmla="*/ 3 h 579"/>
                  <a:gd name="T42" fmla="*/ 174 w 359"/>
                  <a:gd name="T43" fmla="*/ 7 h 579"/>
                  <a:gd name="T44" fmla="*/ 205 w 359"/>
                  <a:gd name="T45" fmla="*/ 22 h 579"/>
                  <a:gd name="T46" fmla="*/ 255 w 359"/>
                  <a:gd name="T47" fmla="*/ 177 h 579"/>
                  <a:gd name="T48" fmla="*/ 294 w 359"/>
                  <a:gd name="T49" fmla="*/ 213 h 579"/>
                  <a:gd name="T50" fmla="*/ 311 w 359"/>
                  <a:gd name="T51" fmla="*/ 237 h 579"/>
                  <a:gd name="T52" fmla="*/ 332 w 359"/>
                  <a:gd name="T53" fmla="*/ 243 h 579"/>
                  <a:gd name="T54" fmla="*/ 340 w 359"/>
                  <a:gd name="T55" fmla="*/ 265 h 579"/>
                  <a:gd name="T56" fmla="*/ 359 w 359"/>
                  <a:gd name="T57" fmla="*/ 267 h 579"/>
                  <a:gd name="T58" fmla="*/ 350 w 359"/>
                  <a:gd name="T59" fmla="*/ 289 h 579"/>
                  <a:gd name="T60" fmla="*/ 335 w 359"/>
                  <a:gd name="T61" fmla="*/ 293 h 579"/>
                  <a:gd name="T62" fmla="*/ 323 w 359"/>
                  <a:gd name="T63" fmla="*/ 306 h 579"/>
                  <a:gd name="T64" fmla="*/ 320 w 359"/>
                  <a:gd name="T65" fmla="*/ 320 h 579"/>
                  <a:gd name="T66" fmla="*/ 304 w 359"/>
                  <a:gd name="T67" fmla="*/ 326 h 579"/>
                  <a:gd name="T68" fmla="*/ 299 w 359"/>
                  <a:gd name="T69" fmla="*/ 323 h 579"/>
                  <a:gd name="T70" fmla="*/ 296 w 359"/>
                  <a:gd name="T71" fmla="*/ 330 h 579"/>
                  <a:gd name="T72" fmla="*/ 284 w 359"/>
                  <a:gd name="T73" fmla="*/ 357 h 579"/>
                  <a:gd name="T74" fmla="*/ 264 w 359"/>
                  <a:gd name="T75" fmla="*/ 335 h 579"/>
                  <a:gd name="T76" fmla="*/ 262 w 359"/>
                  <a:gd name="T77" fmla="*/ 348 h 579"/>
                  <a:gd name="T78" fmla="*/ 244 w 359"/>
                  <a:gd name="T79" fmla="*/ 362 h 579"/>
                  <a:gd name="T80" fmla="*/ 220 w 359"/>
                  <a:gd name="T81" fmla="*/ 362 h 579"/>
                  <a:gd name="T82" fmla="*/ 213 w 359"/>
                  <a:gd name="T83" fmla="*/ 353 h 579"/>
                  <a:gd name="T84" fmla="*/ 208 w 359"/>
                  <a:gd name="T85" fmla="*/ 372 h 579"/>
                  <a:gd name="T86" fmla="*/ 198 w 359"/>
                  <a:gd name="T87" fmla="*/ 436 h 579"/>
                  <a:gd name="T88" fmla="*/ 171 w 359"/>
                  <a:gd name="T89" fmla="*/ 450 h 579"/>
                  <a:gd name="T90" fmla="*/ 162 w 359"/>
                  <a:gd name="T91" fmla="*/ 448 h 579"/>
                  <a:gd name="T92" fmla="*/ 156 w 359"/>
                  <a:gd name="T93" fmla="*/ 448 h 579"/>
                  <a:gd name="T94" fmla="*/ 157 w 359"/>
                  <a:gd name="T95" fmla="*/ 475 h 579"/>
                  <a:gd name="T96" fmla="*/ 144 w 359"/>
                  <a:gd name="T97" fmla="*/ 460 h 579"/>
                  <a:gd name="T98" fmla="*/ 125 w 359"/>
                  <a:gd name="T99" fmla="*/ 475 h 579"/>
                  <a:gd name="T100" fmla="*/ 122 w 359"/>
                  <a:gd name="T101" fmla="*/ 506 h 579"/>
                  <a:gd name="T102" fmla="*/ 120 w 359"/>
                  <a:gd name="T103" fmla="*/ 528 h 579"/>
                  <a:gd name="T104" fmla="*/ 106 w 359"/>
                  <a:gd name="T105" fmla="*/ 541 h 579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w 359"/>
                  <a:gd name="T160" fmla="*/ 0 h 579"/>
                  <a:gd name="T161" fmla="*/ 359 w 359"/>
                  <a:gd name="T162" fmla="*/ 579 h 579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T159" t="T160" r="T161" b="T162"/>
                <a:pathLst>
                  <a:path w="359" h="579">
                    <a:moveTo>
                      <a:pt x="98" y="579"/>
                    </a:moveTo>
                    <a:lnTo>
                      <a:pt x="96" y="577"/>
                    </a:lnTo>
                    <a:lnTo>
                      <a:pt x="95" y="575"/>
                    </a:lnTo>
                    <a:lnTo>
                      <a:pt x="91" y="573"/>
                    </a:lnTo>
                    <a:lnTo>
                      <a:pt x="90" y="572"/>
                    </a:lnTo>
                    <a:lnTo>
                      <a:pt x="90" y="565"/>
                    </a:lnTo>
                    <a:lnTo>
                      <a:pt x="88" y="560"/>
                    </a:lnTo>
                    <a:lnTo>
                      <a:pt x="84" y="557"/>
                    </a:lnTo>
                    <a:lnTo>
                      <a:pt x="83" y="553"/>
                    </a:lnTo>
                    <a:lnTo>
                      <a:pt x="79" y="551"/>
                    </a:lnTo>
                    <a:lnTo>
                      <a:pt x="78" y="551"/>
                    </a:lnTo>
                    <a:lnTo>
                      <a:pt x="74" y="550"/>
                    </a:lnTo>
                    <a:lnTo>
                      <a:pt x="68" y="541"/>
                    </a:lnTo>
                    <a:lnTo>
                      <a:pt x="2" y="323"/>
                    </a:lnTo>
                    <a:lnTo>
                      <a:pt x="0" y="323"/>
                    </a:lnTo>
                    <a:lnTo>
                      <a:pt x="0" y="321"/>
                    </a:lnTo>
                    <a:lnTo>
                      <a:pt x="0" y="318"/>
                    </a:lnTo>
                    <a:lnTo>
                      <a:pt x="0" y="315"/>
                    </a:lnTo>
                    <a:lnTo>
                      <a:pt x="2" y="311"/>
                    </a:lnTo>
                    <a:lnTo>
                      <a:pt x="3" y="308"/>
                    </a:lnTo>
                    <a:lnTo>
                      <a:pt x="7" y="306"/>
                    </a:lnTo>
                    <a:lnTo>
                      <a:pt x="10" y="308"/>
                    </a:lnTo>
                    <a:lnTo>
                      <a:pt x="15" y="311"/>
                    </a:lnTo>
                    <a:lnTo>
                      <a:pt x="15" y="313"/>
                    </a:lnTo>
                    <a:lnTo>
                      <a:pt x="17" y="313"/>
                    </a:lnTo>
                    <a:lnTo>
                      <a:pt x="17" y="315"/>
                    </a:lnTo>
                    <a:lnTo>
                      <a:pt x="18" y="315"/>
                    </a:lnTo>
                    <a:lnTo>
                      <a:pt x="18" y="313"/>
                    </a:lnTo>
                    <a:lnTo>
                      <a:pt x="18" y="311"/>
                    </a:lnTo>
                    <a:lnTo>
                      <a:pt x="20" y="306"/>
                    </a:lnTo>
                    <a:lnTo>
                      <a:pt x="20" y="301"/>
                    </a:lnTo>
                    <a:lnTo>
                      <a:pt x="20" y="299"/>
                    </a:lnTo>
                    <a:lnTo>
                      <a:pt x="18" y="298"/>
                    </a:lnTo>
                    <a:lnTo>
                      <a:pt x="18" y="296"/>
                    </a:lnTo>
                    <a:lnTo>
                      <a:pt x="18" y="294"/>
                    </a:lnTo>
                    <a:lnTo>
                      <a:pt x="18" y="293"/>
                    </a:lnTo>
                    <a:lnTo>
                      <a:pt x="20" y="291"/>
                    </a:lnTo>
                    <a:lnTo>
                      <a:pt x="24" y="293"/>
                    </a:lnTo>
                    <a:lnTo>
                      <a:pt x="30" y="294"/>
                    </a:lnTo>
                    <a:lnTo>
                      <a:pt x="29" y="293"/>
                    </a:lnTo>
                    <a:lnTo>
                      <a:pt x="27" y="289"/>
                    </a:lnTo>
                    <a:lnTo>
                      <a:pt x="25" y="284"/>
                    </a:lnTo>
                    <a:lnTo>
                      <a:pt x="24" y="279"/>
                    </a:lnTo>
                    <a:lnTo>
                      <a:pt x="22" y="274"/>
                    </a:lnTo>
                    <a:lnTo>
                      <a:pt x="24" y="267"/>
                    </a:lnTo>
                    <a:lnTo>
                      <a:pt x="25" y="262"/>
                    </a:lnTo>
                    <a:lnTo>
                      <a:pt x="30" y="259"/>
                    </a:lnTo>
                    <a:lnTo>
                      <a:pt x="32" y="257"/>
                    </a:lnTo>
                    <a:lnTo>
                      <a:pt x="34" y="255"/>
                    </a:lnTo>
                    <a:lnTo>
                      <a:pt x="35" y="254"/>
                    </a:lnTo>
                    <a:lnTo>
                      <a:pt x="37" y="252"/>
                    </a:lnTo>
                    <a:lnTo>
                      <a:pt x="39" y="250"/>
                    </a:lnTo>
                    <a:lnTo>
                      <a:pt x="39" y="249"/>
                    </a:lnTo>
                    <a:lnTo>
                      <a:pt x="40" y="249"/>
                    </a:lnTo>
                    <a:lnTo>
                      <a:pt x="40" y="247"/>
                    </a:lnTo>
                    <a:lnTo>
                      <a:pt x="39" y="245"/>
                    </a:lnTo>
                    <a:lnTo>
                      <a:pt x="39" y="242"/>
                    </a:lnTo>
                    <a:lnTo>
                      <a:pt x="39" y="238"/>
                    </a:lnTo>
                    <a:lnTo>
                      <a:pt x="40" y="235"/>
                    </a:lnTo>
                    <a:lnTo>
                      <a:pt x="42" y="230"/>
                    </a:lnTo>
                    <a:lnTo>
                      <a:pt x="44" y="227"/>
                    </a:lnTo>
                    <a:lnTo>
                      <a:pt x="49" y="223"/>
                    </a:lnTo>
                    <a:lnTo>
                      <a:pt x="47" y="223"/>
                    </a:lnTo>
                    <a:lnTo>
                      <a:pt x="47" y="221"/>
                    </a:lnTo>
                    <a:lnTo>
                      <a:pt x="47" y="218"/>
                    </a:lnTo>
                    <a:lnTo>
                      <a:pt x="46" y="215"/>
                    </a:lnTo>
                    <a:lnTo>
                      <a:pt x="44" y="211"/>
                    </a:lnTo>
                    <a:lnTo>
                      <a:pt x="42" y="208"/>
                    </a:lnTo>
                    <a:lnTo>
                      <a:pt x="40" y="203"/>
                    </a:lnTo>
                    <a:lnTo>
                      <a:pt x="39" y="198"/>
                    </a:lnTo>
                    <a:lnTo>
                      <a:pt x="39" y="193"/>
                    </a:lnTo>
                    <a:lnTo>
                      <a:pt x="37" y="188"/>
                    </a:lnTo>
                    <a:lnTo>
                      <a:pt x="37" y="183"/>
                    </a:lnTo>
                    <a:lnTo>
                      <a:pt x="37" y="177"/>
                    </a:lnTo>
                    <a:lnTo>
                      <a:pt x="39" y="172"/>
                    </a:lnTo>
                    <a:lnTo>
                      <a:pt x="39" y="169"/>
                    </a:lnTo>
                    <a:lnTo>
                      <a:pt x="42" y="164"/>
                    </a:lnTo>
                    <a:lnTo>
                      <a:pt x="46" y="161"/>
                    </a:lnTo>
                    <a:lnTo>
                      <a:pt x="46" y="159"/>
                    </a:lnTo>
                    <a:lnTo>
                      <a:pt x="44" y="157"/>
                    </a:lnTo>
                    <a:lnTo>
                      <a:pt x="44" y="154"/>
                    </a:lnTo>
                    <a:lnTo>
                      <a:pt x="44" y="149"/>
                    </a:lnTo>
                    <a:lnTo>
                      <a:pt x="44" y="145"/>
                    </a:lnTo>
                    <a:lnTo>
                      <a:pt x="44" y="140"/>
                    </a:lnTo>
                    <a:lnTo>
                      <a:pt x="44" y="135"/>
                    </a:lnTo>
                    <a:lnTo>
                      <a:pt x="44" y="130"/>
                    </a:lnTo>
                    <a:lnTo>
                      <a:pt x="44" y="125"/>
                    </a:lnTo>
                    <a:lnTo>
                      <a:pt x="44" y="120"/>
                    </a:lnTo>
                    <a:lnTo>
                      <a:pt x="44" y="115"/>
                    </a:lnTo>
                    <a:lnTo>
                      <a:pt x="46" y="110"/>
                    </a:lnTo>
                    <a:lnTo>
                      <a:pt x="47" y="105"/>
                    </a:lnTo>
                    <a:lnTo>
                      <a:pt x="49" y="101"/>
                    </a:lnTo>
                    <a:lnTo>
                      <a:pt x="51" y="98"/>
                    </a:lnTo>
                    <a:lnTo>
                      <a:pt x="78" y="15"/>
                    </a:lnTo>
                    <a:lnTo>
                      <a:pt x="79" y="13"/>
                    </a:lnTo>
                    <a:lnTo>
                      <a:pt x="81" y="13"/>
                    </a:lnTo>
                    <a:lnTo>
                      <a:pt x="84" y="12"/>
                    </a:lnTo>
                    <a:lnTo>
                      <a:pt x="88" y="10"/>
                    </a:lnTo>
                    <a:lnTo>
                      <a:pt x="91" y="12"/>
                    </a:lnTo>
                    <a:lnTo>
                      <a:pt x="95" y="13"/>
                    </a:lnTo>
                    <a:lnTo>
                      <a:pt x="98" y="18"/>
                    </a:lnTo>
                    <a:lnTo>
                      <a:pt x="101" y="29"/>
                    </a:lnTo>
                    <a:lnTo>
                      <a:pt x="101" y="30"/>
                    </a:lnTo>
                    <a:lnTo>
                      <a:pt x="103" y="32"/>
                    </a:lnTo>
                    <a:lnTo>
                      <a:pt x="105" y="34"/>
                    </a:lnTo>
                    <a:lnTo>
                      <a:pt x="108" y="35"/>
                    </a:lnTo>
                    <a:lnTo>
                      <a:pt x="110" y="37"/>
                    </a:lnTo>
                    <a:lnTo>
                      <a:pt x="115" y="37"/>
                    </a:lnTo>
                    <a:lnTo>
                      <a:pt x="118" y="34"/>
                    </a:lnTo>
                    <a:lnTo>
                      <a:pt x="125" y="30"/>
                    </a:lnTo>
                    <a:lnTo>
                      <a:pt x="125" y="29"/>
                    </a:lnTo>
                    <a:lnTo>
                      <a:pt x="128" y="27"/>
                    </a:lnTo>
                    <a:lnTo>
                      <a:pt x="132" y="23"/>
                    </a:lnTo>
                    <a:lnTo>
                      <a:pt x="135" y="20"/>
                    </a:lnTo>
                    <a:lnTo>
                      <a:pt x="139" y="17"/>
                    </a:lnTo>
                    <a:lnTo>
                      <a:pt x="142" y="13"/>
                    </a:lnTo>
                    <a:lnTo>
                      <a:pt x="145" y="12"/>
                    </a:lnTo>
                    <a:lnTo>
                      <a:pt x="152" y="10"/>
                    </a:lnTo>
                    <a:lnTo>
                      <a:pt x="152" y="8"/>
                    </a:lnTo>
                    <a:lnTo>
                      <a:pt x="152" y="5"/>
                    </a:lnTo>
                    <a:lnTo>
                      <a:pt x="152" y="3"/>
                    </a:lnTo>
                    <a:lnTo>
                      <a:pt x="154" y="1"/>
                    </a:lnTo>
                    <a:lnTo>
                      <a:pt x="157" y="0"/>
                    </a:lnTo>
                    <a:lnTo>
                      <a:pt x="162" y="1"/>
                    </a:lnTo>
                    <a:lnTo>
                      <a:pt x="169" y="3"/>
                    </a:lnTo>
                    <a:lnTo>
                      <a:pt x="171" y="5"/>
                    </a:lnTo>
                    <a:lnTo>
                      <a:pt x="174" y="7"/>
                    </a:lnTo>
                    <a:lnTo>
                      <a:pt x="179" y="10"/>
                    </a:lnTo>
                    <a:lnTo>
                      <a:pt x="186" y="13"/>
                    </a:lnTo>
                    <a:lnTo>
                      <a:pt x="193" y="15"/>
                    </a:lnTo>
                    <a:lnTo>
                      <a:pt x="198" y="18"/>
                    </a:lnTo>
                    <a:lnTo>
                      <a:pt x="203" y="20"/>
                    </a:lnTo>
                    <a:lnTo>
                      <a:pt x="205" y="22"/>
                    </a:lnTo>
                    <a:lnTo>
                      <a:pt x="213" y="30"/>
                    </a:lnTo>
                    <a:lnTo>
                      <a:pt x="254" y="164"/>
                    </a:lnTo>
                    <a:lnTo>
                      <a:pt x="254" y="166"/>
                    </a:lnTo>
                    <a:lnTo>
                      <a:pt x="254" y="169"/>
                    </a:lnTo>
                    <a:lnTo>
                      <a:pt x="254" y="172"/>
                    </a:lnTo>
                    <a:lnTo>
                      <a:pt x="255" y="177"/>
                    </a:lnTo>
                    <a:lnTo>
                      <a:pt x="260" y="184"/>
                    </a:lnTo>
                    <a:lnTo>
                      <a:pt x="266" y="188"/>
                    </a:lnTo>
                    <a:lnTo>
                      <a:pt x="276" y="191"/>
                    </a:lnTo>
                    <a:lnTo>
                      <a:pt x="289" y="193"/>
                    </a:lnTo>
                    <a:lnTo>
                      <a:pt x="294" y="196"/>
                    </a:lnTo>
                    <a:lnTo>
                      <a:pt x="294" y="213"/>
                    </a:lnTo>
                    <a:lnTo>
                      <a:pt x="303" y="221"/>
                    </a:lnTo>
                    <a:lnTo>
                      <a:pt x="304" y="225"/>
                    </a:lnTo>
                    <a:lnTo>
                      <a:pt x="306" y="228"/>
                    </a:lnTo>
                    <a:lnTo>
                      <a:pt x="308" y="233"/>
                    </a:lnTo>
                    <a:lnTo>
                      <a:pt x="311" y="237"/>
                    </a:lnTo>
                    <a:lnTo>
                      <a:pt x="315" y="238"/>
                    </a:lnTo>
                    <a:lnTo>
                      <a:pt x="318" y="238"/>
                    </a:lnTo>
                    <a:lnTo>
                      <a:pt x="321" y="237"/>
                    </a:lnTo>
                    <a:lnTo>
                      <a:pt x="323" y="237"/>
                    </a:lnTo>
                    <a:lnTo>
                      <a:pt x="326" y="240"/>
                    </a:lnTo>
                    <a:lnTo>
                      <a:pt x="332" y="243"/>
                    </a:lnTo>
                    <a:lnTo>
                      <a:pt x="337" y="247"/>
                    </a:lnTo>
                    <a:lnTo>
                      <a:pt x="340" y="250"/>
                    </a:lnTo>
                    <a:lnTo>
                      <a:pt x="345" y="254"/>
                    </a:lnTo>
                    <a:lnTo>
                      <a:pt x="348" y="257"/>
                    </a:lnTo>
                    <a:lnTo>
                      <a:pt x="340" y="265"/>
                    </a:lnTo>
                    <a:lnTo>
                      <a:pt x="347" y="276"/>
                    </a:lnTo>
                    <a:lnTo>
                      <a:pt x="350" y="272"/>
                    </a:lnTo>
                    <a:lnTo>
                      <a:pt x="354" y="271"/>
                    </a:lnTo>
                    <a:lnTo>
                      <a:pt x="357" y="267"/>
                    </a:lnTo>
                    <a:lnTo>
                      <a:pt x="359" y="267"/>
                    </a:lnTo>
                    <a:lnTo>
                      <a:pt x="359" y="269"/>
                    </a:lnTo>
                    <a:lnTo>
                      <a:pt x="359" y="274"/>
                    </a:lnTo>
                    <a:lnTo>
                      <a:pt x="354" y="284"/>
                    </a:lnTo>
                    <a:lnTo>
                      <a:pt x="352" y="287"/>
                    </a:lnTo>
                    <a:lnTo>
                      <a:pt x="350" y="289"/>
                    </a:lnTo>
                    <a:lnTo>
                      <a:pt x="347" y="293"/>
                    </a:lnTo>
                    <a:lnTo>
                      <a:pt x="345" y="296"/>
                    </a:lnTo>
                    <a:lnTo>
                      <a:pt x="343" y="298"/>
                    </a:lnTo>
                    <a:lnTo>
                      <a:pt x="342" y="299"/>
                    </a:lnTo>
                    <a:lnTo>
                      <a:pt x="342" y="301"/>
                    </a:lnTo>
                    <a:lnTo>
                      <a:pt x="335" y="293"/>
                    </a:lnTo>
                    <a:lnTo>
                      <a:pt x="330" y="298"/>
                    </a:lnTo>
                    <a:lnTo>
                      <a:pt x="333" y="306"/>
                    </a:lnTo>
                    <a:lnTo>
                      <a:pt x="326" y="308"/>
                    </a:lnTo>
                    <a:lnTo>
                      <a:pt x="325" y="308"/>
                    </a:lnTo>
                    <a:lnTo>
                      <a:pt x="323" y="306"/>
                    </a:lnTo>
                    <a:lnTo>
                      <a:pt x="321" y="306"/>
                    </a:lnTo>
                    <a:lnTo>
                      <a:pt x="318" y="306"/>
                    </a:lnTo>
                    <a:lnTo>
                      <a:pt x="318" y="308"/>
                    </a:lnTo>
                    <a:lnTo>
                      <a:pt x="318" y="311"/>
                    </a:lnTo>
                    <a:lnTo>
                      <a:pt x="320" y="316"/>
                    </a:lnTo>
                    <a:lnTo>
                      <a:pt x="320" y="320"/>
                    </a:lnTo>
                    <a:lnTo>
                      <a:pt x="318" y="321"/>
                    </a:lnTo>
                    <a:lnTo>
                      <a:pt x="316" y="323"/>
                    </a:lnTo>
                    <a:lnTo>
                      <a:pt x="313" y="325"/>
                    </a:lnTo>
                    <a:lnTo>
                      <a:pt x="310" y="326"/>
                    </a:lnTo>
                    <a:lnTo>
                      <a:pt x="306" y="326"/>
                    </a:lnTo>
                    <a:lnTo>
                      <a:pt x="304" y="326"/>
                    </a:lnTo>
                    <a:lnTo>
                      <a:pt x="301" y="325"/>
                    </a:lnTo>
                    <a:lnTo>
                      <a:pt x="298" y="321"/>
                    </a:lnTo>
                    <a:lnTo>
                      <a:pt x="299" y="323"/>
                    </a:lnTo>
                    <a:lnTo>
                      <a:pt x="299" y="321"/>
                    </a:lnTo>
                    <a:lnTo>
                      <a:pt x="298" y="321"/>
                    </a:lnTo>
                    <a:lnTo>
                      <a:pt x="298" y="323"/>
                    </a:lnTo>
                    <a:lnTo>
                      <a:pt x="296" y="326"/>
                    </a:lnTo>
                    <a:lnTo>
                      <a:pt x="296" y="330"/>
                    </a:lnTo>
                    <a:lnTo>
                      <a:pt x="296" y="338"/>
                    </a:lnTo>
                    <a:lnTo>
                      <a:pt x="294" y="340"/>
                    </a:lnTo>
                    <a:lnTo>
                      <a:pt x="293" y="345"/>
                    </a:lnTo>
                    <a:lnTo>
                      <a:pt x="289" y="347"/>
                    </a:lnTo>
                    <a:lnTo>
                      <a:pt x="289" y="348"/>
                    </a:lnTo>
                    <a:lnTo>
                      <a:pt x="284" y="357"/>
                    </a:lnTo>
                    <a:lnTo>
                      <a:pt x="277" y="348"/>
                    </a:lnTo>
                    <a:lnTo>
                      <a:pt x="277" y="342"/>
                    </a:lnTo>
                    <a:lnTo>
                      <a:pt x="267" y="337"/>
                    </a:lnTo>
                    <a:lnTo>
                      <a:pt x="267" y="335"/>
                    </a:lnTo>
                    <a:lnTo>
                      <a:pt x="266" y="335"/>
                    </a:lnTo>
                    <a:lnTo>
                      <a:pt x="264" y="335"/>
                    </a:lnTo>
                    <a:lnTo>
                      <a:pt x="262" y="335"/>
                    </a:lnTo>
                    <a:lnTo>
                      <a:pt x="260" y="337"/>
                    </a:lnTo>
                    <a:lnTo>
                      <a:pt x="260" y="338"/>
                    </a:lnTo>
                    <a:lnTo>
                      <a:pt x="260" y="342"/>
                    </a:lnTo>
                    <a:lnTo>
                      <a:pt x="262" y="347"/>
                    </a:lnTo>
                    <a:lnTo>
                      <a:pt x="262" y="348"/>
                    </a:lnTo>
                    <a:lnTo>
                      <a:pt x="260" y="350"/>
                    </a:lnTo>
                    <a:lnTo>
                      <a:pt x="257" y="353"/>
                    </a:lnTo>
                    <a:lnTo>
                      <a:pt x="254" y="355"/>
                    </a:lnTo>
                    <a:lnTo>
                      <a:pt x="249" y="359"/>
                    </a:lnTo>
                    <a:lnTo>
                      <a:pt x="245" y="360"/>
                    </a:lnTo>
                    <a:lnTo>
                      <a:pt x="244" y="362"/>
                    </a:lnTo>
                    <a:lnTo>
                      <a:pt x="242" y="362"/>
                    </a:lnTo>
                    <a:lnTo>
                      <a:pt x="244" y="375"/>
                    </a:lnTo>
                    <a:lnTo>
                      <a:pt x="223" y="375"/>
                    </a:lnTo>
                    <a:lnTo>
                      <a:pt x="230" y="364"/>
                    </a:lnTo>
                    <a:lnTo>
                      <a:pt x="220" y="364"/>
                    </a:lnTo>
                    <a:lnTo>
                      <a:pt x="220" y="362"/>
                    </a:lnTo>
                    <a:lnTo>
                      <a:pt x="220" y="359"/>
                    </a:lnTo>
                    <a:lnTo>
                      <a:pt x="218" y="353"/>
                    </a:lnTo>
                    <a:lnTo>
                      <a:pt x="218" y="350"/>
                    </a:lnTo>
                    <a:lnTo>
                      <a:pt x="216" y="348"/>
                    </a:lnTo>
                    <a:lnTo>
                      <a:pt x="215" y="348"/>
                    </a:lnTo>
                    <a:lnTo>
                      <a:pt x="213" y="353"/>
                    </a:lnTo>
                    <a:lnTo>
                      <a:pt x="210" y="364"/>
                    </a:lnTo>
                    <a:lnTo>
                      <a:pt x="210" y="365"/>
                    </a:lnTo>
                    <a:lnTo>
                      <a:pt x="210" y="367"/>
                    </a:lnTo>
                    <a:lnTo>
                      <a:pt x="210" y="370"/>
                    </a:lnTo>
                    <a:lnTo>
                      <a:pt x="208" y="372"/>
                    </a:lnTo>
                    <a:lnTo>
                      <a:pt x="208" y="375"/>
                    </a:lnTo>
                    <a:lnTo>
                      <a:pt x="208" y="377"/>
                    </a:lnTo>
                    <a:lnTo>
                      <a:pt x="210" y="411"/>
                    </a:lnTo>
                    <a:lnTo>
                      <a:pt x="205" y="421"/>
                    </a:lnTo>
                    <a:lnTo>
                      <a:pt x="198" y="436"/>
                    </a:lnTo>
                    <a:lnTo>
                      <a:pt x="193" y="428"/>
                    </a:lnTo>
                    <a:lnTo>
                      <a:pt x="183" y="431"/>
                    </a:lnTo>
                    <a:lnTo>
                      <a:pt x="179" y="450"/>
                    </a:lnTo>
                    <a:lnTo>
                      <a:pt x="171" y="448"/>
                    </a:lnTo>
                    <a:lnTo>
                      <a:pt x="171" y="450"/>
                    </a:lnTo>
                    <a:lnTo>
                      <a:pt x="171" y="453"/>
                    </a:lnTo>
                    <a:lnTo>
                      <a:pt x="169" y="453"/>
                    </a:lnTo>
                    <a:lnTo>
                      <a:pt x="169" y="455"/>
                    </a:lnTo>
                    <a:lnTo>
                      <a:pt x="167" y="455"/>
                    </a:lnTo>
                    <a:lnTo>
                      <a:pt x="166" y="453"/>
                    </a:lnTo>
                    <a:lnTo>
                      <a:pt x="162" y="448"/>
                    </a:lnTo>
                    <a:lnTo>
                      <a:pt x="162" y="447"/>
                    </a:lnTo>
                    <a:lnTo>
                      <a:pt x="161" y="447"/>
                    </a:lnTo>
                    <a:lnTo>
                      <a:pt x="161" y="445"/>
                    </a:lnTo>
                    <a:lnTo>
                      <a:pt x="159" y="445"/>
                    </a:lnTo>
                    <a:lnTo>
                      <a:pt x="157" y="447"/>
                    </a:lnTo>
                    <a:lnTo>
                      <a:pt x="156" y="448"/>
                    </a:lnTo>
                    <a:lnTo>
                      <a:pt x="156" y="453"/>
                    </a:lnTo>
                    <a:lnTo>
                      <a:pt x="154" y="462"/>
                    </a:lnTo>
                    <a:lnTo>
                      <a:pt x="156" y="463"/>
                    </a:lnTo>
                    <a:lnTo>
                      <a:pt x="156" y="467"/>
                    </a:lnTo>
                    <a:lnTo>
                      <a:pt x="156" y="472"/>
                    </a:lnTo>
                    <a:lnTo>
                      <a:pt x="157" y="475"/>
                    </a:lnTo>
                    <a:lnTo>
                      <a:pt x="156" y="477"/>
                    </a:lnTo>
                    <a:lnTo>
                      <a:pt x="154" y="475"/>
                    </a:lnTo>
                    <a:lnTo>
                      <a:pt x="152" y="469"/>
                    </a:lnTo>
                    <a:lnTo>
                      <a:pt x="147" y="457"/>
                    </a:lnTo>
                    <a:lnTo>
                      <a:pt x="144" y="460"/>
                    </a:lnTo>
                    <a:lnTo>
                      <a:pt x="140" y="462"/>
                    </a:lnTo>
                    <a:lnTo>
                      <a:pt x="137" y="465"/>
                    </a:lnTo>
                    <a:lnTo>
                      <a:pt x="132" y="469"/>
                    </a:lnTo>
                    <a:lnTo>
                      <a:pt x="128" y="472"/>
                    </a:lnTo>
                    <a:lnTo>
                      <a:pt x="127" y="475"/>
                    </a:lnTo>
                    <a:lnTo>
                      <a:pt x="125" y="475"/>
                    </a:lnTo>
                    <a:lnTo>
                      <a:pt x="122" y="497"/>
                    </a:lnTo>
                    <a:lnTo>
                      <a:pt x="127" y="499"/>
                    </a:lnTo>
                    <a:lnTo>
                      <a:pt x="127" y="506"/>
                    </a:lnTo>
                    <a:lnTo>
                      <a:pt x="123" y="506"/>
                    </a:lnTo>
                    <a:lnTo>
                      <a:pt x="122" y="506"/>
                    </a:lnTo>
                    <a:lnTo>
                      <a:pt x="118" y="507"/>
                    </a:lnTo>
                    <a:lnTo>
                      <a:pt x="117" y="511"/>
                    </a:lnTo>
                    <a:lnTo>
                      <a:pt x="115" y="514"/>
                    </a:lnTo>
                    <a:lnTo>
                      <a:pt x="117" y="519"/>
                    </a:lnTo>
                    <a:lnTo>
                      <a:pt x="120" y="528"/>
                    </a:lnTo>
                    <a:lnTo>
                      <a:pt x="118" y="529"/>
                    </a:lnTo>
                    <a:lnTo>
                      <a:pt x="117" y="533"/>
                    </a:lnTo>
                    <a:lnTo>
                      <a:pt x="113" y="536"/>
                    </a:lnTo>
                    <a:lnTo>
                      <a:pt x="110" y="538"/>
                    </a:lnTo>
                    <a:lnTo>
                      <a:pt x="108" y="541"/>
                    </a:lnTo>
                    <a:lnTo>
                      <a:pt x="106" y="541"/>
                    </a:lnTo>
                    <a:lnTo>
                      <a:pt x="106" y="543"/>
                    </a:lnTo>
                    <a:lnTo>
                      <a:pt x="106" y="565"/>
                    </a:lnTo>
                    <a:lnTo>
                      <a:pt x="98" y="57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45" name="Freeform 65"/>
              <p:cNvSpPr>
                <a:spLocks/>
              </p:cNvSpPr>
              <p:nvPr/>
            </p:nvSpPr>
            <p:spPr bwMode="auto">
              <a:xfrm>
                <a:off x="5343" y="1465"/>
                <a:ext cx="17" cy="23"/>
              </a:xfrm>
              <a:custGeom>
                <a:avLst/>
                <a:gdLst>
                  <a:gd name="T0" fmla="*/ 9 w 17"/>
                  <a:gd name="T1" fmla="*/ 0 h 23"/>
                  <a:gd name="T2" fmla="*/ 17 w 17"/>
                  <a:gd name="T3" fmla="*/ 7 h 23"/>
                  <a:gd name="T4" fmla="*/ 14 w 17"/>
                  <a:gd name="T5" fmla="*/ 15 h 23"/>
                  <a:gd name="T6" fmla="*/ 10 w 17"/>
                  <a:gd name="T7" fmla="*/ 17 h 23"/>
                  <a:gd name="T8" fmla="*/ 10 w 17"/>
                  <a:gd name="T9" fmla="*/ 17 h 23"/>
                  <a:gd name="T10" fmla="*/ 12 w 17"/>
                  <a:gd name="T11" fmla="*/ 18 h 23"/>
                  <a:gd name="T12" fmla="*/ 12 w 17"/>
                  <a:gd name="T13" fmla="*/ 20 h 23"/>
                  <a:gd name="T14" fmla="*/ 12 w 17"/>
                  <a:gd name="T15" fmla="*/ 23 h 23"/>
                  <a:gd name="T16" fmla="*/ 10 w 17"/>
                  <a:gd name="T17" fmla="*/ 23 h 23"/>
                  <a:gd name="T18" fmla="*/ 9 w 17"/>
                  <a:gd name="T19" fmla="*/ 23 h 23"/>
                  <a:gd name="T20" fmla="*/ 5 w 17"/>
                  <a:gd name="T21" fmla="*/ 22 h 23"/>
                  <a:gd name="T22" fmla="*/ 0 w 17"/>
                  <a:gd name="T23" fmla="*/ 18 h 23"/>
                  <a:gd name="T24" fmla="*/ 0 w 17"/>
                  <a:gd name="T25" fmla="*/ 17 h 23"/>
                  <a:gd name="T26" fmla="*/ 0 w 17"/>
                  <a:gd name="T27" fmla="*/ 12 h 23"/>
                  <a:gd name="T28" fmla="*/ 0 w 17"/>
                  <a:gd name="T29" fmla="*/ 10 h 23"/>
                  <a:gd name="T30" fmla="*/ 2 w 17"/>
                  <a:gd name="T31" fmla="*/ 8 h 23"/>
                  <a:gd name="T32" fmla="*/ 9 w 17"/>
                  <a:gd name="T33" fmla="*/ 0 h 23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7"/>
                  <a:gd name="T52" fmla="*/ 0 h 23"/>
                  <a:gd name="T53" fmla="*/ 17 w 17"/>
                  <a:gd name="T54" fmla="*/ 23 h 23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7" h="23">
                    <a:moveTo>
                      <a:pt x="9" y="0"/>
                    </a:moveTo>
                    <a:lnTo>
                      <a:pt x="17" y="7"/>
                    </a:lnTo>
                    <a:lnTo>
                      <a:pt x="14" y="15"/>
                    </a:lnTo>
                    <a:lnTo>
                      <a:pt x="10" y="17"/>
                    </a:lnTo>
                    <a:lnTo>
                      <a:pt x="12" y="18"/>
                    </a:lnTo>
                    <a:lnTo>
                      <a:pt x="12" y="20"/>
                    </a:lnTo>
                    <a:lnTo>
                      <a:pt x="12" y="23"/>
                    </a:lnTo>
                    <a:lnTo>
                      <a:pt x="10" y="23"/>
                    </a:lnTo>
                    <a:lnTo>
                      <a:pt x="9" y="23"/>
                    </a:lnTo>
                    <a:lnTo>
                      <a:pt x="5" y="22"/>
                    </a:lnTo>
                    <a:lnTo>
                      <a:pt x="0" y="18"/>
                    </a:lnTo>
                    <a:lnTo>
                      <a:pt x="0" y="17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2" y="8"/>
                    </a:lnTo>
                    <a:lnTo>
                      <a:pt x="9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1119" name="Group 66"/>
            <p:cNvGrpSpPr>
              <a:grpSpLocks/>
            </p:cNvGrpSpPr>
            <p:nvPr/>
          </p:nvGrpSpPr>
          <p:grpSpPr bwMode="auto">
            <a:xfrm>
              <a:off x="4607" y="1852"/>
              <a:ext cx="126" cy="291"/>
              <a:chOff x="4856" y="1462"/>
              <a:chExt cx="130" cy="300"/>
            </a:xfrm>
          </p:grpSpPr>
          <p:sp>
            <p:nvSpPr>
              <p:cNvPr id="1242" name="Freeform 67"/>
              <p:cNvSpPr>
                <a:spLocks/>
              </p:cNvSpPr>
              <p:nvPr/>
            </p:nvSpPr>
            <p:spPr bwMode="auto">
              <a:xfrm>
                <a:off x="4856" y="1462"/>
                <a:ext cx="130" cy="300"/>
              </a:xfrm>
              <a:custGeom>
                <a:avLst/>
                <a:gdLst>
                  <a:gd name="T0" fmla="*/ 12 w 130"/>
                  <a:gd name="T1" fmla="*/ 202 h 300"/>
                  <a:gd name="T2" fmla="*/ 23 w 130"/>
                  <a:gd name="T3" fmla="*/ 192 h 300"/>
                  <a:gd name="T4" fmla="*/ 32 w 130"/>
                  <a:gd name="T5" fmla="*/ 186 h 300"/>
                  <a:gd name="T6" fmla="*/ 39 w 130"/>
                  <a:gd name="T7" fmla="*/ 171 h 300"/>
                  <a:gd name="T8" fmla="*/ 49 w 130"/>
                  <a:gd name="T9" fmla="*/ 159 h 300"/>
                  <a:gd name="T10" fmla="*/ 57 w 130"/>
                  <a:gd name="T11" fmla="*/ 154 h 300"/>
                  <a:gd name="T12" fmla="*/ 59 w 130"/>
                  <a:gd name="T13" fmla="*/ 146 h 300"/>
                  <a:gd name="T14" fmla="*/ 56 w 130"/>
                  <a:gd name="T15" fmla="*/ 141 h 300"/>
                  <a:gd name="T16" fmla="*/ 49 w 130"/>
                  <a:gd name="T17" fmla="*/ 137 h 300"/>
                  <a:gd name="T18" fmla="*/ 32 w 130"/>
                  <a:gd name="T19" fmla="*/ 122 h 300"/>
                  <a:gd name="T20" fmla="*/ 20 w 130"/>
                  <a:gd name="T21" fmla="*/ 112 h 300"/>
                  <a:gd name="T22" fmla="*/ 3 w 130"/>
                  <a:gd name="T23" fmla="*/ 93 h 300"/>
                  <a:gd name="T24" fmla="*/ 6 w 130"/>
                  <a:gd name="T25" fmla="*/ 76 h 300"/>
                  <a:gd name="T26" fmla="*/ 0 w 130"/>
                  <a:gd name="T27" fmla="*/ 56 h 300"/>
                  <a:gd name="T28" fmla="*/ 28 w 130"/>
                  <a:gd name="T29" fmla="*/ 0 h 300"/>
                  <a:gd name="T30" fmla="*/ 113 w 130"/>
                  <a:gd name="T31" fmla="*/ 60 h 300"/>
                  <a:gd name="T32" fmla="*/ 106 w 130"/>
                  <a:gd name="T33" fmla="*/ 76 h 300"/>
                  <a:gd name="T34" fmla="*/ 106 w 130"/>
                  <a:gd name="T35" fmla="*/ 87 h 300"/>
                  <a:gd name="T36" fmla="*/ 96 w 130"/>
                  <a:gd name="T37" fmla="*/ 95 h 300"/>
                  <a:gd name="T38" fmla="*/ 113 w 130"/>
                  <a:gd name="T39" fmla="*/ 102 h 300"/>
                  <a:gd name="T40" fmla="*/ 118 w 130"/>
                  <a:gd name="T41" fmla="*/ 100 h 300"/>
                  <a:gd name="T42" fmla="*/ 120 w 130"/>
                  <a:gd name="T43" fmla="*/ 97 h 300"/>
                  <a:gd name="T44" fmla="*/ 122 w 130"/>
                  <a:gd name="T45" fmla="*/ 95 h 300"/>
                  <a:gd name="T46" fmla="*/ 125 w 130"/>
                  <a:gd name="T47" fmla="*/ 98 h 300"/>
                  <a:gd name="T48" fmla="*/ 127 w 130"/>
                  <a:gd name="T49" fmla="*/ 107 h 300"/>
                  <a:gd name="T50" fmla="*/ 127 w 130"/>
                  <a:gd name="T51" fmla="*/ 127 h 300"/>
                  <a:gd name="T52" fmla="*/ 127 w 130"/>
                  <a:gd name="T53" fmla="*/ 141 h 300"/>
                  <a:gd name="T54" fmla="*/ 127 w 130"/>
                  <a:gd name="T55" fmla="*/ 146 h 300"/>
                  <a:gd name="T56" fmla="*/ 127 w 130"/>
                  <a:gd name="T57" fmla="*/ 151 h 300"/>
                  <a:gd name="T58" fmla="*/ 130 w 130"/>
                  <a:gd name="T59" fmla="*/ 161 h 300"/>
                  <a:gd name="T60" fmla="*/ 130 w 130"/>
                  <a:gd name="T61" fmla="*/ 173 h 300"/>
                  <a:gd name="T62" fmla="*/ 130 w 130"/>
                  <a:gd name="T63" fmla="*/ 183 h 300"/>
                  <a:gd name="T64" fmla="*/ 128 w 130"/>
                  <a:gd name="T65" fmla="*/ 181 h 300"/>
                  <a:gd name="T66" fmla="*/ 125 w 130"/>
                  <a:gd name="T67" fmla="*/ 163 h 300"/>
                  <a:gd name="T68" fmla="*/ 122 w 130"/>
                  <a:gd name="T69" fmla="*/ 151 h 300"/>
                  <a:gd name="T70" fmla="*/ 118 w 130"/>
                  <a:gd name="T71" fmla="*/ 151 h 300"/>
                  <a:gd name="T72" fmla="*/ 122 w 130"/>
                  <a:gd name="T73" fmla="*/ 168 h 300"/>
                  <a:gd name="T74" fmla="*/ 122 w 130"/>
                  <a:gd name="T75" fmla="*/ 175 h 300"/>
                  <a:gd name="T76" fmla="*/ 122 w 130"/>
                  <a:gd name="T77" fmla="*/ 186 h 300"/>
                  <a:gd name="T78" fmla="*/ 122 w 130"/>
                  <a:gd name="T79" fmla="*/ 190 h 300"/>
                  <a:gd name="T80" fmla="*/ 122 w 130"/>
                  <a:gd name="T81" fmla="*/ 193 h 300"/>
                  <a:gd name="T82" fmla="*/ 118 w 130"/>
                  <a:gd name="T83" fmla="*/ 202 h 300"/>
                  <a:gd name="T84" fmla="*/ 115 w 130"/>
                  <a:gd name="T85" fmla="*/ 208 h 300"/>
                  <a:gd name="T86" fmla="*/ 110 w 130"/>
                  <a:gd name="T87" fmla="*/ 219 h 300"/>
                  <a:gd name="T88" fmla="*/ 108 w 130"/>
                  <a:gd name="T89" fmla="*/ 230 h 300"/>
                  <a:gd name="T90" fmla="*/ 103 w 130"/>
                  <a:gd name="T91" fmla="*/ 239 h 300"/>
                  <a:gd name="T92" fmla="*/ 94 w 130"/>
                  <a:gd name="T93" fmla="*/ 249 h 300"/>
                  <a:gd name="T94" fmla="*/ 96 w 130"/>
                  <a:gd name="T95" fmla="*/ 256 h 300"/>
                  <a:gd name="T96" fmla="*/ 86 w 130"/>
                  <a:gd name="T97" fmla="*/ 290 h 300"/>
                  <a:gd name="T98" fmla="*/ 76 w 130"/>
                  <a:gd name="T99" fmla="*/ 300 h 300"/>
                  <a:gd name="T100" fmla="*/ 71 w 130"/>
                  <a:gd name="T101" fmla="*/ 295 h 300"/>
                  <a:gd name="T102" fmla="*/ 72 w 130"/>
                  <a:gd name="T103" fmla="*/ 285 h 300"/>
                  <a:gd name="T104" fmla="*/ 74 w 130"/>
                  <a:gd name="T105" fmla="*/ 276 h 300"/>
                  <a:gd name="T106" fmla="*/ 64 w 130"/>
                  <a:gd name="T107" fmla="*/ 271 h 300"/>
                  <a:gd name="T108" fmla="*/ 49 w 130"/>
                  <a:gd name="T109" fmla="*/ 278 h 300"/>
                  <a:gd name="T110" fmla="*/ 44 w 130"/>
                  <a:gd name="T111" fmla="*/ 271 h 300"/>
                  <a:gd name="T112" fmla="*/ 34 w 130"/>
                  <a:gd name="T113" fmla="*/ 266 h 300"/>
                  <a:gd name="T114" fmla="*/ 23 w 130"/>
                  <a:gd name="T115" fmla="*/ 261 h 300"/>
                  <a:gd name="T116" fmla="*/ 6 w 130"/>
                  <a:gd name="T117" fmla="*/ 247 h 300"/>
                  <a:gd name="T118" fmla="*/ 3 w 130"/>
                  <a:gd name="T119" fmla="*/ 237 h 300"/>
                  <a:gd name="T120" fmla="*/ 1 w 130"/>
                  <a:gd name="T121" fmla="*/ 227 h 300"/>
                  <a:gd name="T122" fmla="*/ 3 w 130"/>
                  <a:gd name="T123" fmla="*/ 219 h 300"/>
                  <a:gd name="T124" fmla="*/ 13 w 130"/>
                  <a:gd name="T125" fmla="*/ 205 h 300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  <a:gd name="T189" fmla="*/ 0 w 130"/>
                  <a:gd name="T190" fmla="*/ 0 h 300"/>
                  <a:gd name="T191" fmla="*/ 130 w 130"/>
                  <a:gd name="T192" fmla="*/ 300 h 300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T189" t="T190" r="T191" b="T192"/>
                <a:pathLst>
                  <a:path w="130" h="300">
                    <a:moveTo>
                      <a:pt x="8" y="205"/>
                    </a:moveTo>
                    <a:lnTo>
                      <a:pt x="8" y="203"/>
                    </a:lnTo>
                    <a:lnTo>
                      <a:pt x="12" y="202"/>
                    </a:lnTo>
                    <a:lnTo>
                      <a:pt x="15" y="198"/>
                    </a:lnTo>
                    <a:lnTo>
                      <a:pt x="20" y="195"/>
                    </a:lnTo>
                    <a:lnTo>
                      <a:pt x="23" y="192"/>
                    </a:lnTo>
                    <a:lnTo>
                      <a:pt x="28" y="190"/>
                    </a:lnTo>
                    <a:lnTo>
                      <a:pt x="30" y="186"/>
                    </a:lnTo>
                    <a:lnTo>
                      <a:pt x="32" y="186"/>
                    </a:lnTo>
                    <a:lnTo>
                      <a:pt x="32" y="181"/>
                    </a:lnTo>
                    <a:lnTo>
                      <a:pt x="35" y="176"/>
                    </a:lnTo>
                    <a:lnTo>
                      <a:pt x="39" y="171"/>
                    </a:lnTo>
                    <a:lnTo>
                      <a:pt x="42" y="166"/>
                    </a:lnTo>
                    <a:lnTo>
                      <a:pt x="45" y="163"/>
                    </a:lnTo>
                    <a:lnTo>
                      <a:pt x="49" y="159"/>
                    </a:lnTo>
                    <a:lnTo>
                      <a:pt x="52" y="158"/>
                    </a:lnTo>
                    <a:lnTo>
                      <a:pt x="54" y="156"/>
                    </a:lnTo>
                    <a:lnTo>
                      <a:pt x="57" y="154"/>
                    </a:lnTo>
                    <a:lnTo>
                      <a:pt x="59" y="151"/>
                    </a:lnTo>
                    <a:lnTo>
                      <a:pt x="59" y="149"/>
                    </a:lnTo>
                    <a:lnTo>
                      <a:pt x="59" y="146"/>
                    </a:lnTo>
                    <a:lnTo>
                      <a:pt x="57" y="144"/>
                    </a:lnTo>
                    <a:lnTo>
                      <a:pt x="56" y="142"/>
                    </a:lnTo>
                    <a:lnTo>
                      <a:pt x="56" y="141"/>
                    </a:lnTo>
                    <a:lnTo>
                      <a:pt x="54" y="141"/>
                    </a:lnTo>
                    <a:lnTo>
                      <a:pt x="52" y="139"/>
                    </a:lnTo>
                    <a:lnTo>
                      <a:pt x="49" y="137"/>
                    </a:lnTo>
                    <a:lnTo>
                      <a:pt x="44" y="132"/>
                    </a:lnTo>
                    <a:lnTo>
                      <a:pt x="39" y="127"/>
                    </a:lnTo>
                    <a:lnTo>
                      <a:pt x="32" y="122"/>
                    </a:lnTo>
                    <a:lnTo>
                      <a:pt x="27" y="117"/>
                    </a:lnTo>
                    <a:lnTo>
                      <a:pt x="22" y="114"/>
                    </a:lnTo>
                    <a:lnTo>
                      <a:pt x="20" y="112"/>
                    </a:lnTo>
                    <a:lnTo>
                      <a:pt x="10" y="107"/>
                    </a:lnTo>
                    <a:lnTo>
                      <a:pt x="5" y="100"/>
                    </a:lnTo>
                    <a:lnTo>
                      <a:pt x="3" y="93"/>
                    </a:lnTo>
                    <a:lnTo>
                      <a:pt x="3" y="87"/>
                    </a:lnTo>
                    <a:lnTo>
                      <a:pt x="5" y="82"/>
                    </a:lnTo>
                    <a:lnTo>
                      <a:pt x="6" y="76"/>
                    </a:lnTo>
                    <a:lnTo>
                      <a:pt x="8" y="73"/>
                    </a:lnTo>
                    <a:lnTo>
                      <a:pt x="10" y="73"/>
                    </a:lnTo>
                    <a:lnTo>
                      <a:pt x="0" y="56"/>
                    </a:lnTo>
                    <a:lnTo>
                      <a:pt x="17" y="31"/>
                    </a:lnTo>
                    <a:lnTo>
                      <a:pt x="23" y="9"/>
                    </a:lnTo>
                    <a:lnTo>
                      <a:pt x="28" y="0"/>
                    </a:lnTo>
                    <a:lnTo>
                      <a:pt x="113" y="27"/>
                    </a:lnTo>
                    <a:lnTo>
                      <a:pt x="115" y="60"/>
                    </a:lnTo>
                    <a:lnTo>
                      <a:pt x="113" y="60"/>
                    </a:lnTo>
                    <a:lnTo>
                      <a:pt x="105" y="75"/>
                    </a:lnTo>
                    <a:lnTo>
                      <a:pt x="105" y="76"/>
                    </a:lnTo>
                    <a:lnTo>
                      <a:pt x="106" y="76"/>
                    </a:lnTo>
                    <a:lnTo>
                      <a:pt x="106" y="80"/>
                    </a:lnTo>
                    <a:lnTo>
                      <a:pt x="106" y="83"/>
                    </a:lnTo>
                    <a:lnTo>
                      <a:pt x="106" y="87"/>
                    </a:lnTo>
                    <a:lnTo>
                      <a:pt x="105" y="90"/>
                    </a:lnTo>
                    <a:lnTo>
                      <a:pt x="101" y="93"/>
                    </a:lnTo>
                    <a:lnTo>
                      <a:pt x="96" y="95"/>
                    </a:lnTo>
                    <a:lnTo>
                      <a:pt x="94" y="100"/>
                    </a:lnTo>
                    <a:lnTo>
                      <a:pt x="113" y="100"/>
                    </a:lnTo>
                    <a:lnTo>
                      <a:pt x="113" y="102"/>
                    </a:lnTo>
                    <a:lnTo>
                      <a:pt x="116" y="104"/>
                    </a:lnTo>
                    <a:lnTo>
                      <a:pt x="118" y="104"/>
                    </a:lnTo>
                    <a:lnTo>
                      <a:pt x="118" y="100"/>
                    </a:lnTo>
                    <a:lnTo>
                      <a:pt x="118" y="98"/>
                    </a:lnTo>
                    <a:lnTo>
                      <a:pt x="120" y="97"/>
                    </a:lnTo>
                    <a:lnTo>
                      <a:pt x="122" y="95"/>
                    </a:lnTo>
                    <a:lnTo>
                      <a:pt x="123" y="95"/>
                    </a:lnTo>
                    <a:lnTo>
                      <a:pt x="123" y="97"/>
                    </a:lnTo>
                    <a:lnTo>
                      <a:pt x="125" y="98"/>
                    </a:lnTo>
                    <a:lnTo>
                      <a:pt x="125" y="100"/>
                    </a:lnTo>
                    <a:lnTo>
                      <a:pt x="125" y="104"/>
                    </a:lnTo>
                    <a:lnTo>
                      <a:pt x="127" y="107"/>
                    </a:lnTo>
                    <a:lnTo>
                      <a:pt x="127" y="112"/>
                    </a:lnTo>
                    <a:lnTo>
                      <a:pt x="127" y="119"/>
                    </a:lnTo>
                    <a:lnTo>
                      <a:pt x="127" y="127"/>
                    </a:lnTo>
                    <a:lnTo>
                      <a:pt x="125" y="137"/>
                    </a:lnTo>
                    <a:lnTo>
                      <a:pt x="125" y="139"/>
                    </a:lnTo>
                    <a:lnTo>
                      <a:pt x="127" y="141"/>
                    </a:lnTo>
                    <a:lnTo>
                      <a:pt x="127" y="142"/>
                    </a:lnTo>
                    <a:lnTo>
                      <a:pt x="127" y="144"/>
                    </a:lnTo>
                    <a:lnTo>
                      <a:pt x="127" y="146"/>
                    </a:lnTo>
                    <a:lnTo>
                      <a:pt x="127" y="148"/>
                    </a:lnTo>
                    <a:lnTo>
                      <a:pt x="127" y="149"/>
                    </a:lnTo>
                    <a:lnTo>
                      <a:pt x="127" y="151"/>
                    </a:lnTo>
                    <a:lnTo>
                      <a:pt x="128" y="153"/>
                    </a:lnTo>
                    <a:lnTo>
                      <a:pt x="128" y="156"/>
                    </a:lnTo>
                    <a:lnTo>
                      <a:pt x="130" y="161"/>
                    </a:lnTo>
                    <a:lnTo>
                      <a:pt x="130" y="164"/>
                    </a:lnTo>
                    <a:lnTo>
                      <a:pt x="130" y="170"/>
                    </a:lnTo>
                    <a:lnTo>
                      <a:pt x="130" y="173"/>
                    </a:lnTo>
                    <a:lnTo>
                      <a:pt x="130" y="178"/>
                    </a:lnTo>
                    <a:lnTo>
                      <a:pt x="130" y="180"/>
                    </a:lnTo>
                    <a:lnTo>
                      <a:pt x="130" y="183"/>
                    </a:lnTo>
                    <a:lnTo>
                      <a:pt x="128" y="181"/>
                    </a:lnTo>
                    <a:lnTo>
                      <a:pt x="127" y="178"/>
                    </a:lnTo>
                    <a:lnTo>
                      <a:pt x="127" y="171"/>
                    </a:lnTo>
                    <a:lnTo>
                      <a:pt x="125" y="163"/>
                    </a:lnTo>
                    <a:lnTo>
                      <a:pt x="123" y="153"/>
                    </a:lnTo>
                    <a:lnTo>
                      <a:pt x="123" y="151"/>
                    </a:lnTo>
                    <a:lnTo>
                      <a:pt x="122" y="151"/>
                    </a:lnTo>
                    <a:lnTo>
                      <a:pt x="120" y="149"/>
                    </a:lnTo>
                    <a:lnTo>
                      <a:pt x="118" y="151"/>
                    </a:lnTo>
                    <a:lnTo>
                      <a:pt x="118" y="154"/>
                    </a:lnTo>
                    <a:lnTo>
                      <a:pt x="120" y="159"/>
                    </a:lnTo>
                    <a:lnTo>
                      <a:pt x="122" y="168"/>
                    </a:lnTo>
                    <a:lnTo>
                      <a:pt x="122" y="170"/>
                    </a:lnTo>
                    <a:lnTo>
                      <a:pt x="122" y="171"/>
                    </a:lnTo>
                    <a:lnTo>
                      <a:pt x="122" y="175"/>
                    </a:lnTo>
                    <a:lnTo>
                      <a:pt x="122" y="178"/>
                    </a:lnTo>
                    <a:lnTo>
                      <a:pt x="122" y="183"/>
                    </a:lnTo>
                    <a:lnTo>
                      <a:pt x="122" y="186"/>
                    </a:lnTo>
                    <a:lnTo>
                      <a:pt x="122" y="188"/>
                    </a:lnTo>
                    <a:lnTo>
                      <a:pt x="122" y="190"/>
                    </a:lnTo>
                    <a:lnTo>
                      <a:pt x="122" y="192"/>
                    </a:lnTo>
                    <a:lnTo>
                      <a:pt x="122" y="193"/>
                    </a:lnTo>
                    <a:lnTo>
                      <a:pt x="122" y="197"/>
                    </a:lnTo>
                    <a:lnTo>
                      <a:pt x="122" y="198"/>
                    </a:lnTo>
                    <a:lnTo>
                      <a:pt x="118" y="202"/>
                    </a:lnTo>
                    <a:lnTo>
                      <a:pt x="116" y="205"/>
                    </a:lnTo>
                    <a:lnTo>
                      <a:pt x="116" y="207"/>
                    </a:lnTo>
                    <a:lnTo>
                      <a:pt x="115" y="208"/>
                    </a:lnTo>
                    <a:lnTo>
                      <a:pt x="115" y="212"/>
                    </a:lnTo>
                    <a:lnTo>
                      <a:pt x="115" y="214"/>
                    </a:lnTo>
                    <a:lnTo>
                      <a:pt x="110" y="219"/>
                    </a:lnTo>
                    <a:lnTo>
                      <a:pt x="108" y="227"/>
                    </a:lnTo>
                    <a:lnTo>
                      <a:pt x="108" y="229"/>
                    </a:lnTo>
                    <a:lnTo>
                      <a:pt x="108" y="230"/>
                    </a:lnTo>
                    <a:lnTo>
                      <a:pt x="106" y="232"/>
                    </a:lnTo>
                    <a:lnTo>
                      <a:pt x="105" y="236"/>
                    </a:lnTo>
                    <a:lnTo>
                      <a:pt x="103" y="239"/>
                    </a:lnTo>
                    <a:lnTo>
                      <a:pt x="100" y="244"/>
                    </a:lnTo>
                    <a:lnTo>
                      <a:pt x="98" y="247"/>
                    </a:lnTo>
                    <a:lnTo>
                      <a:pt x="94" y="249"/>
                    </a:lnTo>
                    <a:lnTo>
                      <a:pt x="94" y="251"/>
                    </a:lnTo>
                    <a:lnTo>
                      <a:pt x="96" y="254"/>
                    </a:lnTo>
                    <a:lnTo>
                      <a:pt x="96" y="256"/>
                    </a:lnTo>
                    <a:lnTo>
                      <a:pt x="96" y="258"/>
                    </a:lnTo>
                    <a:lnTo>
                      <a:pt x="89" y="281"/>
                    </a:lnTo>
                    <a:lnTo>
                      <a:pt x="86" y="290"/>
                    </a:lnTo>
                    <a:lnTo>
                      <a:pt x="83" y="296"/>
                    </a:lnTo>
                    <a:lnTo>
                      <a:pt x="79" y="300"/>
                    </a:lnTo>
                    <a:lnTo>
                      <a:pt x="76" y="300"/>
                    </a:lnTo>
                    <a:lnTo>
                      <a:pt x="74" y="300"/>
                    </a:lnTo>
                    <a:lnTo>
                      <a:pt x="72" y="296"/>
                    </a:lnTo>
                    <a:lnTo>
                      <a:pt x="71" y="295"/>
                    </a:lnTo>
                    <a:lnTo>
                      <a:pt x="71" y="290"/>
                    </a:lnTo>
                    <a:lnTo>
                      <a:pt x="72" y="286"/>
                    </a:lnTo>
                    <a:lnTo>
                      <a:pt x="72" y="285"/>
                    </a:lnTo>
                    <a:lnTo>
                      <a:pt x="74" y="283"/>
                    </a:lnTo>
                    <a:lnTo>
                      <a:pt x="74" y="280"/>
                    </a:lnTo>
                    <a:lnTo>
                      <a:pt x="74" y="276"/>
                    </a:lnTo>
                    <a:lnTo>
                      <a:pt x="72" y="273"/>
                    </a:lnTo>
                    <a:lnTo>
                      <a:pt x="69" y="271"/>
                    </a:lnTo>
                    <a:lnTo>
                      <a:pt x="64" y="271"/>
                    </a:lnTo>
                    <a:lnTo>
                      <a:pt x="56" y="273"/>
                    </a:lnTo>
                    <a:lnTo>
                      <a:pt x="49" y="278"/>
                    </a:lnTo>
                    <a:lnTo>
                      <a:pt x="49" y="276"/>
                    </a:lnTo>
                    <a:lnTo>
                      <a:pt x="47" y="274"/>
                    </a:lnTo>
                    <a:lnTo>
                      <a:pt x="44" y="271"/>
                    </a:lnTo>
                    <a:lnTo>
                      <a:pt x="42" y="269"/>
                    </a:lnTo>
                    <a:lnTo>
                      <a:pt x="39" y="266"/>
                    </a:lnTo>
                    <a:lnTo>
                      <a:pt x="34" y="266"/>
                    </a:lnTo>
                    <a:lnTo>
                      <a:pt x="28" y="264"/>
                    </a:lnTo>
                    <a:lnTo>
                      <a:pt x="27" y="263"/>
                    </a:lnTo>
                    <a:lnTo>
                      <a:pt x="23" y="261"/>
                    </a:lnTo>
                    <a:lnTo>
                      <a:pt x="20" y="258"/>
                    </a:lnTo>
                    <a:lnTo>
                      <a:pt x="18" y="256"/>
                    </a:lnTo>
                    <a:lnTo>
                      <a:pt x="6" y="247"/>
                    </a:lnTo>
                    <a:lnTo>
                      <a:pt x="6" y="239"/>
                    </a:lnTo>
                    <a:lnTo>
                      <a:pt x="3" y="237"/>
                    </a:lnTo>
                    <a:lnTo>
                      <a:pt x="1" y="234"/>
                    </a:lnTo>
                    <a:lnTo>
                      <a:pt x="1" y="230"/>
                    </a:lnTo>
                    <a:lnTo>
                      <a:pt x="1" y="227"/>
                    </a:lnTo>
                    <a:lnTo>
                      <a:pt x="1" y="224"/>
                    </a:lnTo>
                    <a:lnTo>
                      <a:pt x="1" y="220"/>
                    </a:lnTo>
                    <a:lnTo>
                      <a:pt x="3" y="219"/>
                    </a:lnTo>
                    <a:lnTo>
                      <a:pt x="5" y="217"/>
                    </a:lnTo>
                    <a:lnTo>
                      <a:pt x="12" y="208"/>
                    </a:lnTo>
                    <a:lnTo>
                      <a:pt x="13" y="205"/>
                    </a:lnTo>
                    <a:lnTo>
                      <a:pt x="8" y="20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43" name="Freeform 68"/>
              <p:cNvSpPr>
                <a:spLocks/>
              </p:cNvSpPr>
              <p:nvPr/>
            </p:nvSpPr>
            <p:spPr bwMode="auto">
              <a:xfrm>
                <a:off x="4856" y="1462"/>
                <a:ext cx="130" cy="300"/>
              </a:xfrm>
              <a:custGeom>
                <a:avLst/>
                <a:gdLst>
                  <a:gd name="T0" fmla="*/ 12 w 130"/>
                  <a:gd name="T1" fmla="*/ 202 h 300"/>
                  <a:gd name="T2" fmla="*/ 28 w 130"/>
                  <a:gd name="T3" fmla="*/ 190 h 300"/>
                  <a:gd name="T4" fmla="*/ 32 w 130"/>
                  <a:gd name="T5" fmla="*/ 181 h 300"/>
                  <a:gd name="T6" fmla="*/ 45 w 130"/>
                  <a:gd name="T7" fmla="*/ 163 h 300"/>
                  <a:gd name="T8" fmla="*/ 54 w 130"/>
                  <a:gd name="T9" fmla="*/ 156 h 300"/>
                  <a:gd name="T10" fmla="*/ 59 w 130"/>
                  <a:gd name="T11" fmla="*/ 146 h 300"/>
                  <a:gd name="T12" fmla="*/ 54 w 130"/>
                  <a:gd name="T13" fmla="*/ 141 h 300"/>
                  <a:gd name="T14" fmla="*/ 44 w 130"/>
                  <a:gd name="T15" fmla="*/ 132 h 300"/>
                  <a:gd name="T16" fmla="*/ 22 w 130"/>
                  <a:gd name="T17" fmla="*/ 114 h 300"/>
                  <a:gd name="T18" fmla="*/ 5 w 130"/>
                  <a:gd name="T19" fmla="*/ 100 h 300"/>
                  <a:gd name="T20" fmla="*/ 6 w 130"/>
                  <a:gd name="T21" fmla="*/ 76 h 300"/>
                  <a:gd name="T22" fmla="*/ 17 w 130"/>
                  <a:gd name="T23" fmla="*/ 31 h 300"/>
                  <a:gd name="T24" fmla="*/ 115 w 130"/>
                  <a:gd name="T25" fmla="*/ 60 h 300"/>
                  <a:gd name="T26" fmla="*/ 105 w 130"/>
                  <a:gd name="T27" fmla="*/ 76 h 300"/>
                  <a:gd name="T28" fmla="*/ 106 w 130"/>
                  <a:gd name="T29" fmla="*/ 87 h 300"/>
                  <a:gd name="T30" fmla="*/ 94 w 130"/>
                  <a:gd name="T31" fmla="*/ 100 h 300"/>
                  <a:gd name="T32" fmla="*/ 116 w 130"/>
                  <a:gd name="T33" fmla="*/ 104 h 300"/>
                  <a:gd name="T34" fmla="*/ 118 w 130"/>
                  <a:gd name="T35" fmla="*/ 98 h 300"/>
                  <a:gd name="T36" fmla="*/ 122 w 130"/>
                  <a:gd name="T37" fmla="*/ 95 h 300"/>
                  <a:gd name="T38" fmla="*/ 125 w 130"/>
                  <a:gd name="T39" fmla="*/ 98 h 300"/>
                  <a:gd name="T40" fmla="*/ 127 w 130"/>
                  <a:gd name="T41" fmla="*/ 112 h 300"/>
                  <a:gd name="T42" fmla="*/ 125 w 130"/>
                  <a:gd name="T43" fmla="*/ 137 h 300"/>
                  <a:gd name="T44" fmla="*/ 127 w 130"/>
                  <a:gd name="T45" fmla="*/ 144 h 300"/>
                  <a:gd name="T46" fmla="*/ 127 w 130"/>
                  <a:gd name="T47" fmla="*/ 151 h 300"/>
                  <a:gd name="T48" fmla="*/ 130 w 130"/>
                  <a:gd name="T49" fmla="*/ 161 h 300"/>
                  <a:gd name="T50" fmla="*/ 130 w 130"/>
                  <a:gd name="T51" fmla="*/ 178 h 300"/>
                  <a:gd name="T52" fmla="*/ 130 w 130"/>
                  <a:gd name="T53" fmla="*/ 183 h 300"/>
                  <a:gd name="T54" fmla="*/ 125 w 130"/>
                  <a:gd name="T55" fmla="*/ 163 h 300"/>
                  <a:gd name="T56" fmla="*/ 122 w 130"/>
                  <a:gd name="T57" fmla="*/ 151 h 300"/>
                  <a:gd name="T58" fmla="*/ 118 w 130"/>
                  <a:gd name="T59" fmla="*/ 154 h 300"/>
                  <a:gd name="T60" fmla="*/ 122 w 130"/>
                  <a:gd name="T61" fmla="*/ 170 h 300"/>
                  <a:gd name="T62" fmla="*/ 122 w 130"/>
                  <a:gd name="T63" fmla="*/ 183 h 300"/>
                  <a:gd name="T64" fmla="*/ 122 w 130"/>
                  <a:gd name="T65" fmla="*/ 190 h 300"/>
                  <a:gd name="T66" fmla="*/ 122 w 130"/>
                  <a:gd name="T67" fmla="*/ 193 h 300"/>
                  <a:gd name="T68" fmla="*/ 116 w 130"/>
                  <a:gd name="T69" fmla="*/ 205 h 300"/>
                  <a:gd name="T70" fmla="*/ 115 w 130"/>
                  <a:gd name="T71" fmla="*/ 212 h 300"/>
                  <a:gd name="T72" fmla="*/ 108 w 130"/>
                  <a:gd name="T73" fmla="*/ 227 h 300"/>
                  <a:gd name="T74" fmla="*/ 105 w 130"/>
                  <a:gd name="T75" fmla="*/ 236 h 300"/>
                  <a:gd name="T76" fmla="*/ 94 w 130"/>
                  <a:gd name="T77" fmla="*/ 249 h 300"/>
                  <a:gd name="T78" fmla="*/ 96 w 130"/>
                  <a:gd name="T79" fmla="*/ 256 h 300"/>
                  <a:gd name="T80" fmla="*/ 86 w 130"/>
                  <a:gd name="T81" fmla="*/ 290 h 300"/>
                  <a:gd name="T82" fmla="*/ 74 w 130"/>
                  <a:gd name="T83" fmla="*/ 300 h 300"/>
                  <a:gd name="T84" fmla="*/ 72 w 130"/>
                  <a:gd name="T85" fmla="*/ 286 h 300"/>
                  <a:gd name="T86" fmla="*/ 74 w 130"/>
                  <a:gd name="T87" fmla="*/ 280 h 300"/>
                  <a:gd name="T88" fmla="*/ 64 w 130"/>
                  <a:gd name="T89" fmla="*/ 271 h 300"/>
                  <a:gd name="T90" fmla="*/ 49 w 130"/>
                  <a:gd name="T91" fmla="*/ 278 h 300"/>
                  <a:gd name="T92" fmla="*/ 42 w 130"/>
                  <a:gd name="T93" fmla="*/ 269 h 300"/>
                  <a:gd name="T94" fmla="*/ 28 w 130"/>
                  <a:gd name="T95" fmla="*/ 264 h 300"/>
                  <a:gd name="T96" fmla="*/ 18 w 130"/>
                  <a:gd name="T97" fmla="*/ 256 h 300"/>
                  <a:gd name="T98" fmla="*/ 3 w 130"/>
                  <a:gd name="T99" fmla="*/ 237 h 300"/>
                  <a:gd name="T100" fmla="*/ 1 w 130"/>
                  <a:gd name="T101" fmla="*/ 227 h 300"/>
                  <a:gd name="T102" fmla="*/ 5 w 130"/>
                  <a:gd name="T103" fmla="*/ 217 h 300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w 130"/>
                  <a:gd name="T157" fmla="*/ 0 h 300"/>
                  <a:gd name="T158" fmla="*/ 130 w 130"/>
                  <a:gd name="T159" fmla="*/ 300 h 300"/>
                </a:gdLst>
                <a:ahLst/>
                <a:cxnLst>
                  <a:cxn ang="T104">
                    <a:pos x="T0" y="T1"/>
                  </a:cxn>
                  <a:cxn ang="T105">
                    <a:pos x="T2" y="T3"/>
                  </a:cxn>
                  <a:cxn ang="T106">
                    <a:pos x="T4" y="T5"/>
                  </a:cxn>
                  <a:cxn ang="T107">
                    <a:pos x="T6" y="T7"/>
                  </a:cxn>
                  <a:cxn ang="T108">
                    <a:pos x="T8" y="T9"/>
                  </a:cxn>
                  <a:cxn ang="T109">
                    <a:pos x="T10" y="T11"/>
                  </a:cxn>
                  <a:cxn ang="T110">
                    <a:pos x="T12" y="T13"/>
                  </a:cxn>
                  <a:cxn ang="T111">
                    <a:pos x="T14" y="T15"/>
                  </a:cxn>
                  <a:cxn ang="T112">
                    <a:pos x="T16" y="T17"/>
                  </a:cxn>
                  <a:cxn ang="T113">
                    <a:pos x="T18" y="T19"/>
                  </a:cxn>
                  <a:cxn ang="T114">
                    <a:pos x="T20" y="T21"/>
                  </a:cxn>
                  <a:cxn ang="T115">
                    <a:pos x="T22" y="T23"/>
                  </a:cxn>
                  <a:cxn ang="T116">
                    <a:pos x="T24" y="T25"/>
                  </a:cxn>
                  <a:cxn ang="T117">
                    <a:pos x="T26" y="T27"/>
                  </a:cxn>
                  <a:cxn ang="T118">
                    <a:pos x="T28" y="T29"/>
                  </a:cxn>
                  <a:cxn ang="T119">
                    <a:pos x="T30" y="T31"/>
                  </a:cxn>
                  <a:cxn ang="T120">
                    <a:pos x="T32" y="T33"/>
                  </a:cxn>
                  <a:cxn ang="T121">
                    <a:pos x="T34" y="T35"/>
                  </a:cxn>
                  <a:cxn ang="T122">
                    <a:pos x="T36" y="T37"/>
                  </a:cxn>
                  <a:cxn ang="T123">
                    <a:pos x="T38" y="T39"/>
                  </a:cxn>
                  <a:cxn ang="T124">
                    <a:pos x="T40" y="T41"/>
                  </a:cxn>
                  <a:cxn ang="T125">
                    <a:pos x="T42" y="T43"/>
                  </a:cxn>
                  <a:cxn ang="T126">
                    <a:pos x="T44" y="T45"/>
                  </a:cxn>
                  <a:cxn ang="T127">
                    <a:pos x="T46" y="T47"/>
                  </a:cxn>
                  <a:cxn ang="T128">
                    <a:pos x="T48" y="T49"/>
                  </a:cxn>
                  <a:cxn ang="T129">
                    <a:pos x="T50" y="T51"/>
                  </a:cxn>
                  <a:cxn ang="T130">
                    <a:pos x="T52" y="T53"/>
                  </a:cxn>
                  <a:cxn ang="T131">
                    <a:pos x="T54" y="T55"/>
                  </a:cxn>
                  <a:cxn ang="T132">
                    <a:pos x="T56" y="T57"/>
                  </a:cxn>
                  <a:cxn ang="T133">
                    <a:pos x="T58" y="T59"/>
                  </a:cxn>
                  <a:cxn ang="T134">
                    <a:pos x="T60" y="T61"/>
                  </a:cxn>
                  <a:cxn ang="T135">
                    <a:pos x="T62" y="T63"/>
                  </a:cxn>
                  <a:cxn ang="T136">
                    <a:pos x="T64" y="T65"/>
                  </a:cxn>
                  <a:cxn ang="T137">
                    <a:pos x="T66" y="T67"/>
                  </a:cxn>
                  <a:cxn ang="T138">
                    <a:pos x="T68" y="T69"/>
                  </a:cxn>
                  <a:cxn ang="T139">
                    <a:pos x="T70" y="T71"/>
                  </a:cxn>
                  <a:cxn ang="T140">
                    <a:pos x="T72" y="T73"/>
                  </a:cxn>
                  <a:cxn ang="T141">
                    <a:pos x="T74" y="T75"/>
                  </a:cxn>
                  <a:cxn ang="T142">
                    <a:pos x="T76" y="T77"/>
                  </a:cxn>
                  <a:cxn ang="T143">
                    <a:pos x="T78" y="T79"/>
                  </a:cxn>
                  <a:cxn ang="T144">
                    <a:pos x="T80" y="T81"/>
                  </a:cxn>
                  <a:cxn ang="T145">
                    <a:pos x="T82" y="T83"/>
                  </a:cxn>
                  <a:cxn ang="T146">
                    <a:pos x="T84" y="T85"/>
                  </a:cxn>
                  <a:cxn ang="T147">
                    <a:pos x="T86" y="T87"/>
                  </a:cxn>
                  <a:cxn ang="T148">
                    <a:pos x="T88" y="T89"/>
                  </a:cxn>
                  <a:cxn ang="T149">
                    <a:pos x="T90" y="T91"/>
                  </a:cxn>
                  <a:cxn ang="T150">
                    <a:pos x="T92" y="T93"/>
                  </a:cxn>
                  <a:cxn ang="T151">
                    <a:pos x="T94" y="T95"/>
                  </a:cxn>
                  <a:cxn ang="T152">
                    <a:pos x="T96" y="T97"/>
                  </a:cxn>
                  <a:cxn ang="T153">
                    <a:pos x="T98" y="T99"/>
                  </a:cxn>
                  <a:cxn ang="T154">
                    <a:pos x="T100" y="T101"/>
                  </a:cxn>
                  <a:cxn ang="T155">
                    <a:pos x="T102" y="T103"/>
                  </a:cxn>
                </a:cxnLst>
                <a:rect l="T156" t="T157" r="T158" b="T159"/>
                <a:pathLst>
                  <a:path w="130" h="300">
                    <a:moveTo>
                      <a:pt x="8" y="205"/>
                    </a:moveTo>
                    <a:lnTo>
                      <a:pt x="8" y="205"/>
                    </a:lnTo>
                    <a:lnTo>
                      <a:pt x="8" y="203"/>
                    </a:lnTo>
                    <a:lnTo>
                      <a:pt x="12" y="202"/>
                    </a:lnTo>
                    <a:lnTo>
                      <a:pt x="15" y="198"/>
                    </a:lnTo>
                    <a:lnTo>
                      <a:pt x="20" y="195"/>
                    </a:lnTo>
                    <a:lnTo>
                      <a:pt x="23" y="192"/>
                    </a:lnTo>
                    <a:lnTo>
                      <a:pt x="28" y="190"/>
                    </a:lnTo>
                    <a:lnTo>
                      <a:pt x="30" y="186"/>
                    </a:lnTo>
                    <a:lnTo>
                      <a:pt x="32" y="186"/>
                    </a:lnTo>
                    <a:lnTo>
                      <a:pt x="32" y="181"/>
                    </a:lnTo>
                    <a:lnTo>
                      <a:pt x="35" y="176"/>
                    </a:lnTo>
                    <a:lnTo>
                      <a:pt x="39" y="171"/>
                    </a:lnTo>
                    <a:lnTo>
                      <a:pt x="42" y="166"/>
                    </a:lnTo>
                    <a:lnTo>
                      <a:pt x="45" y="163"/>
                    </a:lnTo>
                    <a:lnTo>
                      <a:pt x="49" y="159"/>
                    </a:lnTo>
                    <a:lnTo>
                      <a:pt x="52" y="158"/>
                    </a:lnTo>
                    <a:lnTo>
                      <a:pt x="54" y="156"/>
                    </a:lnTo>
                    <a:lnTo>
                      <a:pt x="57" y="154"/>
                    </a:lnTo>
                    <a:lnTo>
                      <a:pt x="59" y="151"/>
                    </a:lnTo>
                    <a:lnTo>
                      <a:pt x="59" y="149"/>
                    </a:lnTo>
                    <a:lnTo>
                      <a:pt x="59" y="146"/>
                    </a:lnTo>
                    <a:lnTo>
                      <a:pt x="57" y="144"/>
                    </a:lnTo>
                    <a:lnTo>
                      <a:pt x="56" y="142"/>
                    </a:lnTo>
                    <a:lnTo>
                      <a:pt x="56" y="141"/>
                    </a:lnTo>
                    <a:lnTo>
                      <a:pt x="54" y="141"/>
                    </a:lnTo>
                    <a:lnTo>
                      <a:pt x="52" y="139"/>
                    </a:lnTo>
                    <a:lnTo>
                      <a:pt x="49" y="137"/>
                    </a:lnTo>
                    <a:lnTo>
                      <a:pt x="44" y="132"/>
                    </a:lnTo>
                    <a:lnTo>
                      <a:pt x="39" y="127"/>
                    </a:lnTo>
                    <a:lnTo>
                      <a:pt x="32" y="122"/>
                    </a:lnTo>
                    <a:lnTo>
                      <a:pt x="27" y="117"/>
                    </a:lnTo>
                    <a:lnTo>
                      <a:pt x="22" y="114"/>
                    </a:lnTo>
                    <a:lnTo>
                      <a:pt x="20" y="112"/>
                    </a:lnTo>
                    <a:lnTo>
                      <a:pt x="10" y="107"/>
                    </a:lnTo>
                    <a:lnTo>
                      <a:pt x="5" y="100"/>
                    </a:lnTo>
                    <a:lnTo>
                      <a:pt x="3" y="93"/>
                    </a:lnTo>
                    <a:lnTo>
                      <a:pt x="3" y="87"/>
                    </a:lnTo>
                    <a:lnTo>
                      <a:pt x="5" y="82"/>
                    </a:lnTo>
                    <a:lnTo>
                      <a:pt x="6" y="76"/>
                    </a:lnTo>
                    <a:lnTo>
                      <a:pt x="8" y="73"/>
                    </a:lnTo>
                    <a:lnTo>
                      <a:pt x="10" y="73"/>
                    </a:lnTo>
                    <a:lnTo>
                      <a:pt x="0" y="56"/>
                    </a:lnTo>
                    <a:lnTo>
                      <a:pt x="17" y="31"/>
                    </a:lnTo>
                    <a:lnTo>
                      <a:pt x="23" y="9"/>
                    </a:lnTo>
                    <a:lnTo>
                      <a:pt x="28" y="0"/>
                    </a:lnTo>
                    <a:lnTo>
                      <a:pt x="113" y="27"/>
                    </a:lnTo>
                    <a:lnTo>
                      <a:pt x="115" y="60"/>
                    </a:lnTo>
                    <a:lnTo>
                      <a:pt x="113" y="60"/>
                    </a:lnTo>
                    <a:lnTo>
                      <a:pt x="105" y="75"/>
                    </a:lnTo>
                    <a:lnTo>
                      <a:pt x="105" y="76"/>
                    </a:lnTo>
                    <a:lnTo>
                      <a:pt x="106" y="76"/>
                    </a:lnTo>
                    <a:lnTo>
                      <a:pt x="106" y="80"/>
                    </a:lnTo>
                    <a:lnTo>
                      <a:pt x="106" y="83"/>
                    </a:lnTo>
                    <a:lnTo>
                      <a:pt x="106" y="87"/>
                    </a:lnTo>
                    <a:lnTo>
                      <a:pt x="105" y="90"/>
                    </a:lnTo>
                    <a:lnTo>
                      <a:pt x="101" y="93"/>
                    </a:lnTo>
                    <a:lnTo>
                      <a:pt x="96" y="95"/>
                    </a:lnTo>
                    <a:lnTo>
                      <a:pt x="94" y="100"/>
                    </a:lnTo>
                    <a:lnTo>
                      <a:pt x="113" y="100"/>
                    </a:lnTo>
                    <a:lnTo>
                      <a:pt x="113" y="102"/>
                    </a:lnTo>
                    <a:lnTo>
                      <a:pt x="116" y="104"/>
                    </a:lnTo>
                    <a:lnTo>
                      <a:pt x="118" y="104"/>
                    </a:lnTo>
                    <a:lnTo>
                      <a:pt x="118" y="100"/>
                    </a:lnTo>
                    <a:lnTo>
                      <a:pt x="118" y="98"/>
                    </a:lnTo>
                    <a:lnTo>
                      <a:pt x="120" y="97"/>
                    </a:lnTo>
                    <a:lnTo>
                      <a:pt x="122" y="95"/>
                    </a:lnTo>
                    <a:lnTo>
                      <a:pt x="123" y="95"/>
                    </a:lnTo>
                    <a:lnTo>
                      <a:pt x="123" y="97"/>
                    </a:lnTo>
                    <a:lnTo>
                      <a:pt x="125" y="98"/>
                    </a:lnTo>
                    <a:lnTo>
                      <a:pt x="125" y="100"/>
                    </a:lnTo>
                    <a:lnTo>
                      <a:pt x="125" y="104"/>
                    </a:lnTo>
                    <a:lnTo>
                      <a:pt x="127" y="107"/>
                    </a:lnTo>
                    <a:lnTo>
                      <a:pt x="127" y="112"/>
                    </a:lnTo>
                    <a:lnTo>
                      <a:pt x="127" y="119"/>
                    </a:lnTo>
                    <a:lnTo>
                      <a:pt x="127" y="127"/>
                    </a:lnTo>
                    <a:lnTo>
                      <a:pt x="125" y="137"/>
                    </a:lnTo>
                    <a:lnTo>
                      <a:pt x="125" y="139"/>
                    </a:lnTo>
                    <a:lnTo>
                      <a:pt x="127" y="141"/>
                    </a:lnTo>
                    <a:lnTo>
                      <a:pt x="127" y="142"/>
                    </a:lnTo>
                    <a:lnTo>
                      <a:pt x="127" y="144"/>
                    </a:lnTo>
                    <a:lnTo>
                      <a:pt x="127" y="146"/>
                    </a:lnTo>
                    <a:lnTo>
                      <a:pt x="127" y="148"/>
                    </a:lnTo>
                    <a:lnTo>
                      <a:pt x="127" y="149"/>
                    </a:lnTo>
                    <a:lnTo>
                      <a:pt x="127" y="151"/>
                    </a:lnTo>
                    <a:lnTo>
                      <a:pt x="128" y="153"/>
                    </a:lnTo>
                    <a:lnTo>
                      <a:pt x="128" y="156"/>
                    </a:lnTo>
                    <a:lnTo>
                      <a:pt x="130" y="161"/>
                    </a:lnTo>
                    <a:lnTo>
                      <a:pt x="130" y="164"/>
                    </a:lnTo>
                    <a:lnTo>
                      <a:pt x="130" y="170"/>
                    </a:lnTo>
                    <a:lnTo>
                      <a:pt x="130" y="173"/>
                    </a:lnTo>
                    <a:lnTo>
                      <a:pt x="130" y="178"/>
                    </a:lnTo>
                    <a:lnTo>
                      <a:pt x="130" y="180"/>
                    </a:lnTo>
                    <a:lnTo>
                      <a:pt x="130" y="183"/>
                    </a:lnTo>
                    <a:lnTo>
                      <a:pt x="128" y="181"/>
                    </a:lnTo>
                    <a:lnTo>
                      <a:pt x="127" y="178"/>
                    </a:lnTo>
                    <a:lnTo>
                      <a:pt x="127" y="171"/>
                    </a:lnTo>
                    <a:lnTo>
                      <a:pt x="125" y="163"/>
                    </a:lnTo>
                    <a:lnTo>
                      <a:pt x="123" y="153"/>
                    </a:lnTo>
                    <a:lnTo>
                      <a:pt x="123" y="151"/>
                    </a:lnTo>
                    <a:lnTo>
                      <a:pt x="122" y="151"/>
                    </a:lnTo>
                    <a:lnTo>
                      <a:pt x="120" y="149"/>
                    </a:lnTo>
                    <a:lnTo>
                      <a:pt x="118" y="151"/>
                    </a:lnTo>
                    <a:lnTo>
                      <a:pt x="118" y="154"/>
                    </a:lnTo>
                    <a:lnTo>
                      <a:pt x="120" y="159"/>
                    </a:lnTo>
                    <a:lnTo>
                      <a:pt x="122" y="168"/>
                    </a:lnTo>
                    <a:lnTo>
                      <a:pt x="122" y="170"/>
                    </a:lnTo>
                    <a:lnTo>
                      <a:pt x="122" y="171"/>
                    </a:lnTo>
                    <a:lnTo>
                      <a:pt x="122" y="175"/>
                    </a:lnTo>
                    <a:lnTo>
                      <a:pt x="122" y="178"/>
                    </a:lnTo>
                    <a:lnTo>
                      <a:pt x="122" y="183"/>
                    </a:lnTo>
                    <a:lnTo>
                      <a:pt x="122" y="186"/>
                    </a:lnTo>
                    <a:lnTo>
                      <a:pt x="122" y="188"/>
                    </a:lnTo>
                    <a:lnTo>
                      <a:pt x="122" y="190"/>
                    </a:lnTo>
                    <a:lnTo>
                      <a:pt x="122" y="192"/>
                    </a:lnTo>
                    <a:lnTo>
                      <a:pt x="122" y="193"/>
                    </a:lnTo>
                    <a:lnTo>
                      <a:pt x="122" y="197"/>
                    </a:lnTo>
                    <a:lnTo>
                      <a:pt x="122" y="198"/>
                    </a:lnTo>
                    <a:lnTo>
                      <a:pt x="118" y="202"/>
                    </a:lnTo>
                    <a:lnTo>
                      <a:pt x="116" y="205"/>
                    </a:lnTo>
                    <a:lnTo>
                      <a:pt x="116" y="207"/>
                    </a:lnTo>
                    <a:lnTo>
                      <a:pt x="115" y="208"/>
                    </a:lnTo>
                    <a:lnTo>
                      <a:pt x="115" y="212"/>
                    </a:lnTo>
                    <a:lnTo>
                      <a:pt x="115" y="214"/>
                    </a:lnTo>
                    <a:lnTo>
                      <a:pt x="110" y="219"/>
                    </a:lnTo>
                    <a:lnTo>
                      <a:pt x="108" y="227"/>
                    </a:lnTo>
                    <a:lnTo>
                      <a:pt x="108" y="229"/>
                    </a:lnTo>
                    <a:lnTo>
                      <a:pt x="108" y="230"/>
                    </a:lnTo>
                    <a:lnTo>
                      <a:pt x="106" y="232"/>
                    </a:lnTo>
                    <a:lnTo>
                      <a:pt x="105" y="236"/>
                    </a:lnTo>
                    <a:lnTo>
                      <a:pt x="103" y="239"/>
                    </a:lnTo>
                    <a:lnTo>
                      <a:pt x="100" y="244"/>
                    </a:lnTo>
                    <a:lnTo>
                      <a:pt x="98" y="247"/>
                    </a:lnTo>
                    <a:lnTo>
                      <a:pt x="94" y="249"/>
                    </a:lnTo>
                    <a:lnTo>
                      <a:pt x="94" y="251"/>
                    </a:lnTo>
                    <a:lnTo>
                      <a:pt x="96" y="254"/>
                    </a:lnTo>
                    <a:lnTo>
                      <a:pt x="96" y="256"/>
                    </a:lnTo>
                    <a:lnTo>
                      <a:pt x="96" y="258"/>
                    </a:lnTo>
                    <a:lnTo>
                      <a:pt x="89" y="281"/>
                    </a:lnTo>
                    <a:lnTo>
                      <a:pt x="86" y="290"/>
                    </a:lnTo>
                    <a:lnTo>
                      <a:pt x="83" y="296"/>
                    </a:lnTo>
                    <a:lnTo>
                      <a:pt x="79" y="300"/>
                    </a:lnTo>
                    <a:lnTo>
                      <a:pt x="76" y="300"/>
                    </a:lnTo>
                    <a:lnTo>
                      <a:pt x="74" y="300"/>
                    </a:lnTo>
                    <a:lnTo>
                      <a:pt x="72" y="296"/>
                    </a:lnTo>
                    <a:lnTo>
                      <a:pt x="71" y="295"/>
                    </a:lnTo>
                    <a:lnTo>
                      <a:pt x="71" y="290"/>
                    </a:lnTo>
                    <a:lnTo>
                      <a:pt x="72" y="286"/>
                    </a:lnTo>
                    <a:lnTo>
                      <a:pt x="72" y="285"/>
                    </a:lnTo>
                    <a:lnTo>
                      <a:pt x="74" y="283"/>
                    </a:lnTo>
                    <a:lnTo>
                      <a:pt x="74" y="280"/>
                    </a:lnTo>
                    <a:lnTo>
                      <a:pt x="74" y="276"/>
                    </a:lnTo>
                    <a:lnTo>
                      <a:pt x="72" y="273"/>
                    </a:lnTo>
                    <a:lnTo>
                      <a:pt x="69" y="271"/>
                    </a:lnTo>
                    <a:lnTo>
                      <a:pt x="64" y="271"/>
                    </a:lnTo>
                    <a:lnTo>
                      <a:pt x="56" y="273"/>
                    </a:lnTo>
                    <a:lnTo>
                      <a:pt x="49" y="278"/>
                    </a:lnTo>
                    <a:lnTo>
                      <a:pt x="49" y="276"/>
                    </a:lnTo>
                    <a:lnTo>
                      <a:pt x="47" y="274"/>
                    </a:lnTo>
                    <a:lnTo>
                      <a:pt x="44" y="271"/>
                    </a:lnTo>
                    <a:lnTo>
                      <a:pt x="42" y="269"/>
                    </a:lnTo>
                    <a:lnTo>
                      <a:pt x="39" y="266"/>
                    </a:lnTo>
                    <a:lnTo>
                      <a:pt x="34" y="266"/>
                    </a:lnTo>
                    <a:lnTo>
                      <a:pt x="28" y="264"/>
                    </a:lnTo>
                    <a:lnTo>
                      <a:pt x="27" y="263"/>
                    </a:lnTo>
                    <a:lnTo>
                      <a:pt x="23" y="261"/>
                    </a:lnTo>
                    <a:lnTo>
                      <a:pt x="20" y="258"/>
                    </a:lnTo>
                    <a:lnTo>
                      <a:pt x="18" y="256"/>
                    </a:lnTo>
                    <a:lnTo>
                      <a:pt x="6" y="247"/>
                    </a:lnTo>
                    <a:lnTo>
                      <a:pt x="6" y="239"/>
                    </a:lnTo>
                    <a:lnTo>
                      <a:pt x="3" y="237"/>
                    </a:lnTo>
                    <a:lnTo>
                      <a:pt x="1" y="234"/>
                    </a:lnTo>
                    <a:lnTo>
                      <a:pt x="1" y="230"/>
                    </a:lnTo>
                    <a:lnTo>
                      <a:pt x="1" y="227"/>
                    </a:lnTo>
                    <a:lnTo>
                      <a:pt x="1" y="224"/>
                    </a:lnTo>
                    <a:lnTo>
                      <a:pt x="1" y="220"/>
                    </a:lnTo>
                    <a:lnTo>
                      <a:pt x="3" y="219"/>
                    </a:lnTo>
                    <a:lnTo>
                      <a:pt x="5" y="217"/>
                    </a:lnTo>
                    <a:lnTo>
                      <a:pt x="12" y="208"/>
                    </a:lnTo>
                    <a:lnTo>
                      <a:pt x="13" y="205"/>
                    </a:lnTo>
                    <a:lnTo>
                      <a:pt x="8" y="205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1120" name="Freeform 69"/>
            <p:cNvSpPr>
              <a:spLocks/>
            </p:cNvSpPr>
            <p:nvPr/>
          </p:nvSpPr>
          <p:spPr bwMode="auto">
            <a:xfrm>
              <a:off x="3295" y="2545"/>
              <a:ext cx="810" cy="287"/>
            </a:xfrm>
            <a:custGeom>
              <a:avLst/>
              <a:gdLst>
                <a:gd name="T0" fmla="*/ 562 w 833"/>
                <a:gd name="T1" fmla="*/ 0 h 295"/>
                <a:gd name="T2" fmla="*/ 562 w 833"/>
                <a:gd name="T3" fmla="*/ 12 h 295"/>
                <a:gd name="T4" fmla="*/ 562 w 833"/>
                <a:gd name="T5" fmla="*/ 18 h 295"/>
                <a:gd name="T6" fmla="*/ 556 w 833"/>
                <a:gd name="T7" fmla="*/ 22 h 295"/>
                <a:gd name="T8" fmla="*/ 549 w 833"/>
                <a:gd name="T9" fmla="*/ 37 h 295"/>
                <a:gd name="T10" fmla="*/ 544 w 833"/>
                <a:gd name="T11" fmla="*/ 46 h 295"/>
                <a:gd name="T12" fmla="*/ 534 w 833"/>
                <a:gd name="T13" fmla="*/ 45 h 295"/>
                <a:gd name="T14" fmla="*/ 519 w 833"/>
                <a:gd name="T15" fmla="*/ 55 h 295"/>
                <a:gd name="T16" fmla="*/ 508 w 833"/>
                <a:gd name="T17" fmla="*/ 65 h 295"/>
                <a:gd name="T18" fmla="*/ 505 w 833"/>
                <a:gd name="T19" fmla="*/ 57 h 295"/>
                <a:gd name="T20" fmla="*/ 497 w 833"/>
                <a:gd name="T21" fmla="*/ 60 h 295"/>
                <a:gd name="T22" fmla="*/ 492 w 833"/>
                <a:gd name="T23" fmla="*/ 69 h 295"/>
                <a:gd name="T24" fmla="*/ 488 w 833"/>
                <a:gd name="T25" fmla="*/ 78 h 295"/>
                <a:gd name="T26" fmla="*/ 483 w 833"/>
                <a:gd name="T27" fmla="*/ 84 h 295"/>
                <a:gd name="T28" fmla="*/ 473 w 833"/>
                <a:gd name="T29" fmla="*/ 88 h 295"/>
                <a:gd name="T30" fmla="*/ 457 w 833"/>
                <a:gd name="T31" fmla="*/ 99 h 295"/>
                <a:gd name="T32" fmla="*/ 449 w 833"/>
                <a:gd name="T33" fmla="*/ 108 h 295"/>
                <a:gd name="T34" fmla="*/ 432 w 833"/>
                <a:gd name="T35" fmla="*/ 114 h 295"/>
                <a:gd name="T36" fmla="*/ 424 w 833"/>
                <a:gd name="T37" fmla="*/ 123 h 295"/>
                <a:gd name="T38" fmla="*/ 421 w 833"/>
                <a:gd name="T39" fmla="*/ 130 h 295"/>
                <a:gd name="T40" fmla="*/ 413 w 833"/>
                <a:gd name="T41" fmla="*/ 139 h 295"/>
                <a:gd name="T42" fmla="*/ 405 w 833"/>
                <a:gd name="T43" fmla="*/ 140 h 295"/>
                <a:gd name="T44" fmla="*/ 317 w 833"/>
                <a:gd name="T45" fmla="*/ 172 h 295"/>
                <a:gd name="T46" fmla="*/ 7 w 833"/>
                <a:gd name="T47" fmla="*/ 200 h 295"/>
                <a:gd name="T48" fmla="*/ 0 w 833"/>
                <a:gd name="T49" fmla="*/ 198 h 295"/>
                <a:gd name="T50" fmla="*/ 8 w 833"/>
                <a:gd name="T51" fmla="*/ 193 h 295"/>
                <a:gd name="T52" fmla="*/ 18 w 833"/>
                <a:gd name="T53" fmla="*/ 188 h 295"/>
                <a:gd name="T54" fmla="*/ 18 w 833"/>
                <a:gd name="T55" fmla="*/ 177 h 295"/>
                <a:gd name="T56" fmla="*/ 15 w 833"/>
                <a:gd name="T57" fmla="*/ 171 h 295"/>
                <a:gd name="T58" fmla="*/ 18 w 833"/>
                <a:gd name="T59" fmla="*/ 161 h 295"/>
                <a:gd name="T60" fmla="*/ 18 w 833"/>
                <a:gd name="T61" fmla="*/ 157 h 295"/>
                <a:gd name="T62" fmla="*/ 18 w 833"/>
                <a:gd name="T63" fmla="*/ 151 h 295"/>
                <a:gd name="T64" fmla="*/ 27 w 833"/>
                <a:gd name="T65" fmla="*/ 143 h 295"/>
                <a:gd name="T66" fmla="*/ 22 w 833"/>
                <a:gd name="T67" fmla="*/ 140 h 295"/>
                <a:gd name="T68" fmla="*/ 18 w 833"/>
                <a:gd name="T69" fmla="*/ 139 h 295"/>
                <a:gd name="T70" fmla="*/ 20 w 833"/>
                <a:gd name="T71" fmla="*/ 137 h 295"/>
                <a:gd name="T72" fmla="*/ 27 w 833"/>
                <a:gd name="T73" fmla="*/ 131 h 295"/>
                <a:gd name="T74" fmla="*/ 35 w 833"/>
                <a:gd name="T75" fmla="*/ 124 h 295"/>
                <a:gd name="T76" fmla="*/ 40 w 833"/>
                <a:gd name="T77" fmla="*/ 117 h 295"/>
                <a:gd name="T78" fmla="*/ 37 w 833"/>
                <a:gd name="T79" fmla="*/ 114 h 295"/>
                <a:gd name="T80" fmla="*/ 43 w 833"/>
                <a:gd name="T81" fmla="*/ 101 h 295"/>
                <a:gd name="T82" fmla="*/ 45 w 833"/>
                <a:gd name="T83" fmla="*/ 101 h 295"/>
                <a:gd name="T84" fmla="*/ 44 w 833"/>
                <a:gd name="T85" fmla="*/ 97 h 295"/>
                <a:gd name="T86" fmla="*/ 38 w 833"/>
                <a:gd name="T87" fmla="*/ 90 h 295"/>
                <a:gd name="T88" fmla="*/ 42 w 833"/>
                <a:gd name="T89" fmla="*/ 88 h 295"/>
                <a:gd name="T90" fmla="*/ 44 w 833"/>
                <a:gd name="T91" fmla="*/ 88 h 295"/>
                <a:gd name="T92" fmla="*/ 143 w 833"/>
                <a:gd name="T93" fmla="*/ 59 h 295"/>
                <a:gd name="T94" fmla="*/ 144 w 833"/>
                <a:gd name="T95" fmla="*/ 46 h 295"/>
                <a:gd name="T96" fmla="*/ 154 w 833"/>
                <a:gd name="T97" fmla="*/ 46 h 295"/>
                <a:gd name="T98" fmla="*/ 169 w 833"/>
                <a:gd name="T99" fmla="*/ 46 h 295"/>
                <a:gd name="T100" fmla="*/ 177 w 833"/>
                <a:gd name="T101" fmla="*/ 46 h 295"/>
                <a:gd name="T102" fmla="*/ 194 w 833"/>
                <a:gd name="T103" fmla="*/ 45 h 295"/>
                <a:gd name="T104" fmla="*/ 218 w 833"/>
                <a:gd name="T105" fmla="*/ 43 h 295"/>
                <a:gd name="T106" fmla="*/ 250 w 833"/>
                <a:gd name="T107" fmla="*/ 41 h 295"/>
                <a:gd name="T108" fmla="*/ 283 w 833"/>
                <a:gd name="T109" fmla="*/ 37 h 295"/>
                <a:gd name="T110" fmla="*/ 319 w 833"/>
                <a:gd name="T111" fmla="*/ 34 h 295"/>
                <a:gd name="T112" fmla="*/ 352 w 833"/>
                <a:gd name="T113" fmla="*/ 29 h 295"/>
                <a:gd name="T114" fmla="*/ 382 w 833"/>
                <a:gd name="T115" fmla="*/ 25 h 295"/>
                <a:gd name="T116" fmla="*/ 405 w 833"/>
                <a:gd name="T117" fmla="*/ 22 h 295"/>
                <a:gd name="T118" fmla="*/ 417 w 833"/>
                <a:gd name="T119" fmla="*/ 20 h 295"/>
                <a:gd name="T120" fmla="*/ 544 w 833"/>
                <a:gd name="T121" fmla="*/ 7 h 295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w 833"/>
                <a:gd name="T184" fmla="*/ 0 h 295"/>
                <a:gd name="T185" fmla="*/ 833 w 833"/>
                <a:gd name="T186" fmla="*/ 295 h 295"/>
              </a:gdLst>
              <a:ahLst/>
              <a:cxnLst>
                <a:cxn ang="T122">
                  <a:pos x="T0" y="T1"/>
                </a:cxn>
                <a:cxn ang="T123">
                  <a:pos x="T2" y="T3"/>
                </a:cxn>
                <a:cxn ang="T124">
                  <a:pos x="T4" y="T5"/>
                </a:cxn>
                <a:cxn ang="T125">
                  <a:pos x="T6" y="T7"/>
                </a:cxn>
                <a:cxn ang="T126">
                  <a:pos x="T8" y="T9"/>
                </a:cxn>
                <a:cxn ang="T127">
                  <a:pos x="T10" y="T11"/>
                </a:cxn>
                <a:cxn ang="T128">
                  <a:pos x="T12" y="T13"/>
                </a:cxn>
                <a:cxn ang="T129">
                  <a:pos x="T14" y="T15"/>
                </a:cxn>
                <a:cxn ang="T130">
                  <a:pos x="T16" y="T17"/>
                </a:cxn>
                <a:cxn ang="T131">
                  <a:pos x="T18" y="T19"/>
                </a:cxn>
                <a:cxn ang="T132">
                  <a:pos x="T20" y="T21"/>
                </a:cxn>
                <a:cxn ang="T133">
                  <a:pos x="T22" y="T23"/>
                </a:cxn>
                <a:cxn ang="T134">
                  <a:pos x="T24" y="T25"/>
                </a:cxn>
                <a:cxn ang="T135">
                  <a:pos x="T26" y="T27"/>
                </a:cxn>
                <a:cxn ang="T136">
                  <a:pos x="T28" y="T29"/>
                </a:cxn>
                <a:cxn ang="T137">
                  <a:pos x="T30" y="T31"/>
                </a:cxn>
                <a:cxn ang="T138">
                  <a:pos x="T32" y="T33"/>
                </a:cxn>
                <a:cxn ang="T139">
                  <a:pos x="T34" y="T35"/>
                </a:cxn>
                <a:cxn ang="T140">
                  <a:pos x="T36" y="T37"/>
                </a:cxn>
                <a:cxn ang="T141">
                  <a:pos x="T38" y="T39"/>
                </a:cxn>
                <a:cxn ang="T142">
                  <a:pos x="T40" y="T41"/>
                </a:cxn>
                <a:cxn ang="T143">
                  <a:pos x="T42" y="T43"/>
                </a:cxn>
                <a:cxn ang="T144">
                  <a:pos x="T44" y="T45"/>
                </a:cxn>
                <a:cxn ang="T145">
                  <a:pos x="T46" y="T47"/>
                </a:cxn>
                <a:cxn ang="T146">
                  <a:pos x="T48" y="T49"/>
                </a:cxn>
                <a:cxn ang="T147">
                  <a:pos x="T50" y="T51"/>
                </a:cxn>
                <a:cxn ang="T148">
                  <a:pos x="T52" y="T53"/>
                </a:cxn>
                <a:cxn ang="T149">
                  <a:pos x="T54" y="T55"/>
                </a:cxn>
                <a:cxn ang="T150">
                  <a:pos x="T56" y="T57"/>
                </a:cxn>
                <a:cxn ang="T151">
                  <a:pos x="T58" y="T59"/>
                </a:cxn>
                <a:cxn ang="T152">
                  <a:pos x="T60" y="T61"/>
                </a:cxn>
                <a:cxn ang="T153">
                  <a:pos x="T62" y="T63"/>
                </a:cxn>
                <a:cxn ang="T154">
                  <a:pos x="T64" y="T65"/>
                </a:cxn>
                <a:cxn ang="T155">
                  <a:pos x="T66" y="T67"/>
                </a:cxn>
                <a:cxn ang="T156">
                  <a:pos x="T68" y="T69"/>
                </a:cxn>
                <a:cxn ang="T157">
                  <a:pos x="T70" y="T71"/>
                </a:cxn>
                <a:cxn ang="T158">
                  <a:pos x="T72" y="T73"/>
                </a:cxn>
                <a:cxn ang="T159">
                  <a:pos x="T74" y="T75"/>
                </a:cxn>
                <a:cxn ang="T160">
                  <a:pos x="T76" y="T77"/>
                </a:cxn>
                <a:cxn ang="T161">
                  <a:pos x="T78" y="T79"/>
                </a:cxn>
                <a:cxn ang="T162">
                  <a:pos x="T80" y="T81"/>
                </a:cxn>
                <a:cxn ang="T163">
                  <a:pos x="T82" y="T83"/>
                </a:cxn>
                <a:cxn ang="T164">
                  <a:pos x="T84" y="T85"/>
                </a:cxn>
                <a:cxn ang="T165">
                  <a:pos x="T86" y="T87"/>
                </a:cxn>
                <a:cxn ang="T166">
                  <a:pos x="T88" y="T89"/>
                </a:cxn>
                <a:cxn ang="T167">
                  <a:pos x="T90" y="T91"/>
                </a:cxn>
                <a:cxn ang="T168">
                  <a:pos x="T92" y="T93"/>
                </a:cxn>
                <a:cxn ang="T169">
                  <a:pos x="T94" y="T95"/>
                </a:cxn>
                <a:cxn ang="T170">
                  <a:pos x="T96" y="T97"/>
                </a:cxn>
                <a:cxn ang="T171">
                  <a:pos x="T98" y="T99"/>
                </a:cxn>
                <a:cxn ang="T172">
                  <a:pos x="T100" y="T101"/>
                </a:cxn>
                <a:cxn ang="T173">
                  <a:pos x="T102" y="T103"/>
                </a:cxn>
                <a:cxn ang="T174">
                  <a:pos x="T104" y="T105"/>
                </a:cxn>
                <a:cxn ang="T175">
                  <a:pos x="T106" y="T107"/>
                </a:cxn>
                <a:cxn ang="T176">
                  <a:pos x="T108" y="T109"/>
                </a:cxn>
                <a:cxn ang="T177">
                  <a:pos x="T110" y="T111"/>
                </a:cxn>
                <a:cxn ang="T178">
                  <a:pos x="T112" y="T113"/>
                </a:cxn>
                <a:cxn ang="T179">
                  <a:pos x="T114" y="T115"/>
                </a:cxn>
                <a:cxn ang="T180">
                  <a:pos x="T116" y="T117"/>
                </a:cxn>
                <a:cxn ang="T181">
                  <a:pos x="T118" y="T119"/>
                </a:cxn>
                <a:cxn ang="T182">
                  <a:pos x="T120" y="T121"/>
                </a:cxn>
              </a:cxnLst>
              <a:rect l="T183" t="T184" r="T185" b="T186"/>
              <a:pathLst>
                <a:path w="833" h="295">
                  <a:moveTo>
                    <a:pt x="804" y="7"/>
                  </a:moveTo>
                  <a:lnTo>
                    <a:pt x="816" y="0"/>
                  </a:lnTo>
                  <a:lnTo>
                    <a:pt x="831" y="0"/>
                  </a:lnTo>
                  <a:lnTo>
                    <a:pt x="831" y="2"/>
                  </a:lnTo>
                  <a:lnTo>
                    <a:pt x="831" y="6"/>
                  </a:lnTo>
                  <a:lnTo>
                    <a:pt x="831" y="12"/>
                  </a:lnTo>
                  <a:lnTo>
                    <a:pt x="831" y="17"/>
                  </a:lnTo>
                  <a:lnTo>
                    <a:pt x="833" y="24"/>
                  </a:lnTo>
                  <a:lnTo>
                    <a:pt x="831" y="31"/>
                  </a:lnTo>
                  <a:lnTo>
                    <a:pt x="831" y="34"/>
                  </a:lnTo>
                  <a:lnTo>
                    <a:pt x="831" y="36"/>
                  </a:lnTo>
                  <a:lnTo>
                    <a:pt x="824" y="36"/>
                  </a:lnTo>
                  <a:lnTo>
                    <a:pt x="819" y="39"/>
                  </a:lnTo>
                  <a:lnTo>
                    <a:pt x="814" y="44"/>
                  </a:lnTo>
                  <a:lnTo>
                    <a:pt x="811" y="51"/>
                  </a:lnTo>
                  <a:lnTo>
                    <a:pt x="807" y="58"/>
                  </a:lnTo>
                  <a:lnTo>
                    <a:pt x="805" y="63"/>
                  </a:lnTo>
                  <a:lnTo>
                    <a:pt x="804" y="66"/>
                  </a:lnTo>
                  <a:lnTo>
                    <a:pt x="797" y="63"/>
                  </a:lnTo>
                  <a:lnTo>
                    <a:pt x="790" y="63"/>
                  </a:lnTo>
                  <a:lnTo>
                    <a:pt x="782" y="68"/>
                  </a:lnTo>
                  <a:lnTo>
                    <a:pt x="773" y="75"/>
                  </a:lnTo>
                  <a:lnTo>
                    <a:pt x="767" y="83"/>
                  </a:lnTo>
                  <a:lnTo>
                    <a:pt x="760" y="90"/>
                  </a:lnTo>
                  <a:lnTo>
                    <a:pt x="755" y="94"/>
                  </a:lnTo>
                  <a:lnTo>
                    <a:pt x="753" y="94"/>
                  </a:lnTo>
                  <a:lnTo>
                    <a:pt x="751" y="88"/>
                  </a:lnTo>
                  <a:lnTo>
                    <a:pt x="748" y="87"/>
                  </a:lnTo>
                  <a:lnTo>
                    <a:pt x="746" y="85"/>
                  </a:lnTo>
                  <a:lnTo>
                    <a:pt x="743" y="85"/>
                  </a:lnTo>
                  <a:lnTo>
                    <a:pt x="739" y="87"/>
                  </a:lnTo>
                  <a:lnTo>
                    <a:pt x="736" y="88"/>
                  </a:lnTo>
                  <a:lnTo>
                    <a:pt x="733" y="92"/>
                  </a:lnTo>
                  <a:lnTo>
                    <a:pt x="731" y="97"/>
                  </a:lnTo>
                  <a:lnTo>
                    <a:pt x="728" y="100"/>
                  </a:lnTo>
                  <a:lnTo>
                    <a:pt x="724" y="105"/>
                  </a:lnTo>
                  <a:lnTo>
                    <a:pt x="723" y="110"/>
                  </a:lnTo>
                  <a:lnTo>
                    <a:pt x="721" y="114"/>
                  </a:lnTo>
                  <a:lnTo>
                    <a:pt x="717" y="119"/>
                  </a:lnTo>
                  <a:lnTo>
                    <a:pt x="717" y="121"/>
                  </a:lnTo>
                  <a:lnTo>
                    <a:pt x="716" y="122"/>
                  </a:lnTo>
                  <a:lnTo>
                    <a:pt x="716" y="124"/>
                  </a:lnTo>
                  <a:lnTo>
                    <a:pt x="707" y="126"/>
                  </a:lnTo>
                  <a:lnTo>
                    <a:pt x="699" y="129"/>
                  </a:lnTo>
                  <a:lnTo>
                    <a:pt x="690" y="134"/>
                  </a:lnTo>
                  <a:lnTo>
                    <a:pt x="682" y="141"/>
                  </a:lnTo>
                  <a:lnTo>
                    <a:pt x="677" y="146"/>
                  </a:lnTo>
                  <a:lnTo>
                    <a:pt x="670" y="153"/>
                  </a:lnTo>
                  <a:lnTo>
                    <a:pt x="667" y="156"/>
                  </a:lnTo>
                  <a:lnTo>
                    <a:pt x="665" y="158"/>
                  </a:lnTo>
                  <a:lnTo>
                    <a:pt x="655" y="158"/>
                  </a:lnTo>
                  <a:lnTo>
                    <a:pt x="646" y="161"/>
                  </a:lnTo>
                  <a:lnTo>
                    <a:pt x="640" y="165"/>
                  </a:lnTo>
                  <a:lnTo>
                    <a:pt x="633" y="170"/>
                  </a:lnTo>
                  <a:lnTo>
                    <a:pt x="630" y="175"/>
                  </a:lnTo>
                  <a:lnTo>
                    <a:pt x="626" y="180"/>
                  </a:lnTo>
                  <a:lnTo>
                    <a:pt x="624" y="183"/>
                  </a:lnTo>
                  <a:lnTo>
                    <a:pt x="624" y="185"/>
                  </a:lnTo>
                  <a:lnTo>
                    <a:pt x="623" y="192"/>
                  </a:lnTo>
                  <a:lnTo>
                    <a:pt x="619" y="197"/>
                  </a:lnTo>
                  <a:lnTo>
                    <a:pt x="616" y="202"/>
                  </a:lnTo>
                  <a:lnTo>
                    <a:pt x="611" y="204"/>
                  </a:lnTo>
                  <a:lnTo>
                    <a:pt x="608" y="205"/>
                  </a:lnTo>
                  <a:lnTo>
                    <a:pt x="602" y="205"/>
                  </a:lnTo>
                  <a:lnTo>
                    <a:pt x="599" y="205"/>
                  </a:lnTo>
                  <a:lnTo>
                    <a:pt x="599" y="239"/>
                  </a:lnTo>
                  <a:lnTo>
                    <a:pt x="470" y="253"/>
                  </a:lnTo>
                  <a:lnTo>
                    <a:pt x="218" y="275"/>
                  </a:lnTo>
                  <a:lnTo>
                    <a:pt x="7" y="293"/>
                  </a:lnTo>
                  <a:lnTo>
                    <a:pt x="7" y="295"/>
                  </a:lnTo>
                  <a:lnTo>
                    <a:pt x="2" y="295"/>
                  </a:lnTo>
                  <a:lnTo>
                    <a:pt x="0" y="293"/>
                  </a:lnTo>
                  <a:lnTo>
                    <a:pt x="0" y="292"/>
                  </a:lnTo>
                  <a:lnTo>
                    <a:pt x="3" y="290"/>
                  </a:lnTo>
                  <a:lnTo>
                    <a:pt x="7" y="286"/>
                  </a:lnTo>
                  <a:lnTo>
                    <a:pt x="8" y="285"/>
                  </a:lnTo>
                  <a:lnTo>
                    <a:pt x="12" y="283"/>
                  </a:lnTo>
                  <a:lnTo>
                    <a:pt x="14" y="283"/>
                  </a:lnTo>
                  <a:lnTo>
                    <a:pt x="19" y="276"/>
                  </a:lnTo>
                  <a:lnTo>
                    <a:pt x="20" y="270"/>
                  </a:lnTo>
                  <a:lnTo>
                    <a:pt x="22" y="264"/>
                  </a:lnTo>
                  <a:lnTo>
                    <a:pt x="20" y="259"/>
                  </a:lnTo>
                  <a:lnTo>
                    <a:pt x="19" y="256"/>
                  </a:lnTo>
                  <a:lnTo>
                    <a:pt x="17" y="254"/>
                  </a:lnTo>
                  <a:lnTo>
                    <a:pt x="15" y="251"/>
                  </a:lnTo>
                  <a:lnTo>
                    <a:pt x="20" y="239"/>
                  </a:lnTo>
                  <a:lnTo>
                    <a:pt x="20" y="237"/>
                  </a:lnTo>
                  <a:lnTo>
                    <a:pt x="22" y="236"/>
                  </a:lnTo>
                  <a:lnTo>
                    <a:pt x="24" y="234"/>
                  </a:lnTo>
                  <a:lnTo>
                    <a:pt x="25" y="231"/>
                  </a:lnTo>
                  <a:lnTo>
                    <a:pt x="29" y="227"/>
                  </a:lnTo>
                  <a:lnTo>
                    <a:pt x="30" y="224"/>
                  </a:lnTo>
                  <a:lnTo>
                    <a:pt x="32" y="222"/>
                  </a:lnTo>
                  <a:lnTo>
                    <a:pt x="34" y="222"/>
                  </a:lnTo>
                  <a:lnTo>
                    <a:pt x="39" y="215"/>
                  </a:lnTo>
                  <a:lnTo>
                    <a:pt x="41" y="210"/>
                  </a:lnTo>
                  <a:lnTo>
                    <a:pt x="41" y="209"/>
                  </a:lnTo>
                  <a:lnTo>
                    <a:pt x="39" y="205"/>
                  </a:lnTo>
                  <a:lnTo>
                    <a:pt x="36" y="205"/>
                  </a:lnTo>
                  <a:lnTo>
                    <a:pt x="32" y="204"/>
                  </a:lnTo>
                  <a:lnTo>
                    <a:pt x="30" y="204"/>
                  </a:lnTo>
                  <a:lnTo>
                    <a:pt x="32" y="202"/>
                  </a:lnTo>
                  <a:lnTo>
                    <a:pt x="34" y="200"/>
                  </a:lnTo>
                  <a:lnTo>
                    <a:pt x="36" y="198"/>
                  </a:lnTo>
                  <a:lnTo>
                    <a:pt x="39" y="195"/>
                  </a:lnTo>
                  <a:lnTo>
                    <a:pt x="41" y="193"/>
                  </a:lnTo>
                  <a:lnTo>
                    <a:pt x="42" y="192"/>
                  </a:lnTo>
                  <a:lnTo>
                    <a:pt x="44" y="190"/>
                  </a:lnTo>
                  <a:lnTo>
                    <a:pt x="49" y="183"/>
                  </a:lnTo>
                  <a:lnTo>
                    <a:pt x="52" y="178"/>
                  </a:lnTo>
                  <a:lnTo>
                    <a:pt x="54" y="175"/>
                  </a:lnTo>
                  <a:lnTo>
                    <a:pt x="54" y="171"/>
                  </a:lnTo>
                  <a:lnTo>
                    <a:pt x="54" y="168"/>
                  </a:lnTo>
                  <a:lnTo>
                    <a:pt x="52" y="166"/>
                  </a:lnTo>
                  <a:lnTo>
                    <a:pt x="51" y="165"/>
                  </a:lnTo>
                  <a:lnTo>
                    <a:pt x="61" y="148"/>
                  </a:lnTo>
                  <a:lnTo>
                    <a:pt x="63" y="148"/>
                  </a:lnTo>
                  <a:lnTo>
                    <a:pt x="64" y="148"/>
                  </a:lnTo>
                  <a:lnTo>
                    <a:pt x="64" y="146"/>
                  </a:lnTo>
                  <a:lnTo>
                    <a:pt x="63" y="143"/>
                  </a:lnTo>
                  <a:lnTo>
                    <a:pt x="58" y="139"/>
                  </a:lnTo>
                  <a:lnTo>
                    <a:pt x="54" y="136"/>
                  </a:lnTo>
                  <a:lnTo>
                    <a:pt x="52" y="132"/>
                  </a:lnTo>
                  <a:lnTo>
                    <a:pt x="52" y="131"/>
                  </a:lnTo>
                  <a:lnTo>
                    <a:pt x="54" y="129"/>
                  </a:lnTo>
                  <a:lnTo>
                    <a:pt x="58" y="129"/>
                  </a:lnTo>
                  <a:lnTo>
                    <a:pt x="59" y="129"/>
                  </a:lnTo>
                  <a:lnTo>
                    <a:pt x="61" y="129"/>
                  </a:lnTo>
                  <a:lnTo>
                    <a:pt x="63" y="129"/>
                  </a:lnTo>
                  <a:lnTo>
                    <a:pt x="64" y="100"/>
                  </a:lnTo>
                  <a:lnTo>
                    <a:pt x="64" y="99"/>
                  </a:lnTo>
                  <a:lnTo>
                    <a:pt x="212" y="87"/>
                  </a:lnTo>
                  <a:lnTo>
                    <a:pt x="212" y="63"/>
                  </a:lnTo>
                  <a:lnTo>
                    <a:pt x="213" y="65"/>
                  </a:lnTo>
                  <a:lnTo>
                    <a:pt x="217" y="65"/>
                  </a:lnTo>
                  <a:lnTo>
                    <a:pt x="222" y="65"/>
                  </a:lnTo>
                  <a:lnTo>
                    <a:pt x="228" y="65"/>
                  </a:lnTo>
                  <a:lnTo>
                    <a:pt x="235" y="66"/>
                  </a:lnTo>
                  <a:lnTo>
                    <a:pt x="242" y="66"/>
                  </a:lnTo>
                  <a:lnTo>
                    <a:pt x="250" y="66"/>
                  </a:lnTo>
                  <a:lnTo>
                    <a:pt x="252" y="66"/>
                  </a:lnTo>
                  <a:lnTo>
                    <a:pt x="256" y="66"/>
                  </a:lnTo>
                  <a:lnTo>
                    <a:pt x="261" y="65"/>
                  </a:lnTo>
                  <a:lnTo>
                    <a:pt x="267" y="65"/>
                  </a:lnTo>
                  <a:lnTo>
                    <a:pt x="276" y="63"/>
                  </a:lnTo>
                  <a:lnTo>
                    <a:pt x="286" y="63"/>
                  </a:lnTo>
                  <a:lnTo>
                    <a:pt x="296" y="61"/>
                  </a:lnTo>
                  <a:lnTo>
                    <a:pt x="310" y="61"/>
                  </a:lnTo>
                  <a:lnTo>
                    <a:pt x="323" y="60"/>
                  </a:lnTo>
                  <a:lnTo>
                    <a:pt x="337" y="58"/>
                  </a:lnTo>
                  <a:lnTo>
                    <a:pt x="352" y="58"/>
                  </a:lnTo>
                  <a:lnTo>
                    <a:pt x="369" y="56"/>
                  </a:lnTo>
                  <a:lnTo>
                    <a:pt x="386" y="55"/>
                  </a:lnTo>
                  <a:lnTo>
                    <a:pt x="403" y="53"/>
                  </a:lnTo>
                  <a:lnTo>
                    <a:pt x="420" y="51"/>
                  </a:lnTo>
                  <a:lnTo>
                    <a:pt x="437" y="50"/>
                  </a:lnTo>
                  <a:lnTo>
                    <a:pt x="455" y="48"/>
                  </a:lnTo>
                  <a:lnTo>
                    <a:pt x="472" y="48"/>
                  </a:lnTo>
                  <a:lnTo>
                    <a:pt x="489" y="46"/>
                  </a:lnTo>
                  <a:lnTo>
                    <a:pt x="504" y="44"/>
                  </a:lnTo>
                  <a:lnTo>
                    <a:pt x="521" y="43"/>
                  </a:lnTo>
                  <a:lnTo>
                    <a:pt x="536" y="41"/>
                  </a:lnTo>
                  <a:lnTo>
                    <a:pt x="552" y="39"/>
                  </a:lnTo>
                  <a:lnTo>
                    <a:pt x="565" y="39"/>
                  </a:lnTo>
                  <a:lnTo>
                    <a:pt x="577" y="38"/>
                  </a:lnTo>
                  <a:lnTo>
                    <a:pt x="589" y="36"/>
                  </a:lnTo>
                  <a:lnTo>
                    <a:pt x="599" y="36"/>
                  </a:lnTo>
                  <a:lnTo>
                    <a:pt x="608" y="36"/>
                  </a:lnTo>
                  <a:lnTo>
                    <a:pt x="613" y="34"/>
                  </a:lnTo>
                  <a:lnTo>
                    <a:pt x="618" y="34"/>
                  </a:lnTo>
                  <a:lnTo>
                    <a:pt x="621" y="34"/>
                  </a:lnTo>
                  <a:lnTo>
                    <a:pt x="623" y="34"/>
                  </a:lnTo>
                  <a:lnTo>
                    <a:pt x="804" y="7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1121" name="Group 70"/>
            <p:cNvGrpSpPr>
              <a:grpSpLocks/>
            </p:cNvGrpSpPr>
            <p:nvPr/>
          </p:nvGrpSpPr>
          <p:grpSpPr bwMode="auto">
            <a:xfrm>
              <a:off x="3183" y="2812"/>
              <a:ext cx="342" cy="594"/>
              <a:chOff x="3392" y="2451"/>
              <a:chExt cx="352" cy="612"/>
            </a:xfrm>
          </p:grpSpPr>
          <p:sp>
            <p:nvSpPr>
              <p:cNvPr id="1240" name="Freeform 71"/>
              <p:cNvSpPr>
                <a:spLocks/>
              </p:cNvSpPr>
              <p:nvPr/>
            </p:nvSpPr>
            <p:spPr bwMode="auto">
              <a:xfrm>
                <a:off x="3392" y="2451"/>
                <a:ext cx="352" cy="612"/>
              </a:xfrm>
              <a:custGeom>
                <a:avLst/>
                <a:gdLst>
                  <a:gd name="T0" fmla="*/ 262 w 352"/>
                  <a:gd name="T1" fmla="*/ 594 h 612"/>
                  <a:gd name="T2" fmla="*/ 276 w 352"/>
                  <a:gd name="T3" fmla="*/ 589 h 612"/>
                  <a:gd name="T4" fmla="*/ 291 w 352"/>
                  <a:gd name="T5" fmla="*/ 585 h 612"/>
                  <a:gd name="T6" fmla="*/ 305 w 352"/>
                  <a:gd name="T7" fmla="*/ 580 h 612"/>
                  <a:gd name="T8" fmla="*/ 293 w 352"/>
                  <a:gd name="T9" fmla="*/ 577 h 612"/>
                  <a:gd name="T10" fmla="*/ 313 w 352"/>
                  <a:gd name="T11" fmla="*/ 577 h 612"/>
                  <a:gd name="T12" fmla="*/ 315 w 352"/>
                  <a:gd name="T13" fmla="*/ 583 h 612"/>
                  <a:gd name="T14" fmla="*/ 333 w 352"/>
                  <a:gd name="T15" fmla="*/ 577 h 612"/>
                  <a:gd name="T16" fmla="*/ 343 w 352"/>
                  <a:gd name="T17" fmla="*/ 585 h 612"/>
                  <a:gd name="T18" fmla="*/ 352 w 352"/>
                  <a:gd name="T19" fmla="*/ 578 h 612"/>
                  <a:gd name="T20" fmla="*/ 333 w 352"/>
                  <a:gd name="T21" fmla="*/ 0 h 612"/>
                  <a:gd name="T22" fmla="*/ 122 w 352"/>
                  <a:gd name="T23" fmla="*/ 20 h 612"/>
                  <a:gd name="T24" fmla="*/ 120 w 352"/>
                  <a:gd name="T25" fmla="*/ 28 h 612"/>
                  <a:gd name="T26" fmla="*/ 93 w 352"/>
                  <a:gd name="T27" fmla="*/ 59 h 612"/>
                  <a:gd name="T28" fmla="*/ 64 w 352"/>
                  <a:gd name="T29" fmla="*/ 113 h 612"/>
                  <a:gd name="T30" fmla="*/ 56 w 352"/>
                  <a:gd name="T31" fmla="*/ 133 h 612"/>
                  <a:gd name="T32" fmla="*/ 57 w 352"/>
                  <a:gd name="T33" fmla="*/ 142 h 612"/>
                  <a:gd name="T34" fmla="*/ 46 w 352"/>
                  <a:gd name="T35" fmla="*/ 147 h 612"/>
                  <a:gd name="T36" fmla="*/ 44 w 352"/>
                  <a:gd name="T37" fmla="*/ 157 h 612"/>
                  <a:gd name="T38" fmla="*/ 47 w 352"/>
                  <a:gd name="T39" fmla="*/ 165 h 612"/>
                  <a:gd name="T40" fmla="*/ 41 w 352"/>
                  <a:gd name="T41" fmla="*/ 174 h 612"/>
                  <a:gd name="T42" fmla="*/ 42 w 352"/>
                  <a:gd name="T43" fmla="*/ 177 h 612"/>
                  <a:gd name="T44" fmla="*/ 47 w 352"/>
                  <a:gd name="T45" fmla="*/ 182 h 612"/>
                  <a:gd name="T46" fmla="*/ 35 w 352"/>
                  <a:gd name="T47" fmla="*/ 189 h 612"/>
                  <a:gd name="T48" fmla="*/ 29 w 352"/>
                  <a:gd name="T49" fmla="*/ 204 h 612"/>
                  <a:gd name="T50" fmla="*/ 44 w 352"/>
                  <a:gd name="T51" fmla="*/ 240 h 612"/>
                  <a:gd name="T52" fmla="*/ 47 w 352"/>
                  <a:gd name="T53" fmla="*/ 248 h 612"/>
                  <a:gd name="T54" fmla="*/ 42 w 352"/>
                  <a:gd name="T55" fmla="*/ 253 h 612"/>
                  <a:gd name="T56" fmla="*/ 39 w 352"/>
                  <a:gd name="T57" fmla="*/ 265 h 612"/>
                  <a:gd name="T58" fmla="*/ 37 w 352"/>
                  <a:gd name="T59" fmla="*/ 270 h 612"/>
                  <a:gd name="T60" fmla="*/ 37 w 352"/>
                  <a:gd name="T61" fmla="*/ 279 h 612"/>
                  <a:gd name="T62" fmla="*/ 42 w 352"/>
                  <a:gd name="T63" fmla="*/ 281 h 612"/>
                  <a:gd name="T64" fmla="*/ 47 w 352"/>
                  <a:gd name="T65" fmla="*/ 287 h 612"/>
                  <a:gd name="T66" fmla="*/ 46 w 352"/>
                  <a:gd name="T67" fmla="*/ 319 h 612"/>
                  <a:gd name="T68" fmla="*/ 56 w 352"/>
                  <a:gd name="T69" fmla="*/ 331 h 612"/>
                  <a:gd name="T70" fmla="*/ 52 w 352"/>
                  <a:gd name="T71" fmla="*/ 338 h 612"/>
                  <a:gd name="T72" fmla="*/ 61 w 352"/>
                  <a:gd name="T73" fmla="*/ 341 h 612"/>
                  <a:gd name="T74" fmla="*/ 61 w 352"/>
                  <a:gd name="T75" fmla="*/ 350 h 612"/>
                  <a:gd name="T76" fmla="*/ 68 w 352"/>
                  <a:gd name="T77" fmla="*/ 355 h 612"/>
                  <a:gd name="T78" fmla="*/ 63 w 352"/>
                  <a:gd name="T79" fmla="*/ 367 h 612"/>
                  <a:gd name="T80" fmla="*/ 56 w 352"/>
                  <a:gd name="T81" fmla="*/ 370 h 612"/>
                  <a:gd name="T82" fmla="*/ 44 w 352"/>
                  <a:gd name="T83" fmla="*/ 375 h 612"/>
                  <a:gd name="T84" fmla="*/ 54 w 352"/>
                  <a:gd name="T85" fmla="*/ 384 h 612"/>
                  <a:gd name="T86" fmla="*/ 44 w 352"/>
                  <a:gd name="T87" fmla="*/ 399 h 612"/>
                  <a:gd name="T88" fmla="*/ 32 w 352"/>
                  <a:gd name="T89" fmla="*/ 416 h 612"/>
                  <a:gd name="T90" fmla="*/ 25 w 352"/>
                  <a:gd name="T91" fmla="*/ 450 h 612"/>
                  <a:gd name="T92" fmla="*/ 15 w 352"/>
                  <a:gd name="T93" fmla="*/ 458 h 612"/>
                  <a:gd name="T94" fmla="*/ 17 w 352"/>
                  <a:gd name="T95" fmla="*/ 467 h 612"/>
                  <a:gd name="T96" fmla="*/ 10 w 352"/>
                  <a:gd name="T97" fmla="*/ 477 h 612"/>
                  <a:gd name="T98" fmla="*/ 15 w 352"/>
                  <a:gd name="T99" fmla="*/ 482 h 612"/>
                  <a:gd name="T100" fmla="*/ 5 w 352"/>
                  <a:gd name="T101" fmla="*/ 494 h 612"/>
                  <a:gd name="T102" fmla="*/ 0 w 352"/>
                  <a:gd name="T103" fmla="*/ 502 h 612"/>
                  <a:gd name="T104" fmla="*/ 7 w 352"/>
                  <a:gd name="T105" fmla="*/ 507 h 612"/>
                  <a:gd name="T106" fmla="*/ 3 w 352"/>
                  <a:gd name="T107" fmla="*/ 517 h 612"/>
                  <a:gd name="T108" fmla="*/ 203 w 352"/>
                  <a:gd name="T109" fmla="*/ 511 h 612"/>
                  <a:gd name="T110" fmla="*/ 198 w 352"/>
                  <a:gd name="T111" fmla="*/ 543 h 612"/>
                  <a:gd name="T112" fmla="*/ 198 w 352"/>
                  <a:gd name="T113" fmla="*/ 563 h 612"/>
                  <a:gd name="T114" fmla="*/ 211 w 352"/>
                  <a:gd name="T115" fmla="*/ 577 h 612"/>
                  <a:gd name="T116" fmla="*/ 223 w 352"/>
                  <a:gd name="T117" fmla="*/ 605 h 612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352"/>
                  <a:gd name="T178" fmla="*/ 0 h 612"/>
                  <a:gd name="T179" fmla="*/ 352 w 352"/>
                  <a:gd name="T180" fmla="*/ 612 h 612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352" h="612">
                    <a:moveTo>
                      <a:pt x="240" y="609"/>
                    </a:moveTo>
                    <a:lnTo>
                      <a:pt x="252" y="599"/>
                    </a:lnTo>
                    <a:lnTo>
                      <a:pt x="252" y="590"/>
                    </a:lnTo>
                    <a:lnTo>
                      <a:pt x="262" y="594"/>
                    </a:lnTo>
                    <a:lnTo>
                      <a:pt x="266" y="592"/>
                    </a:lnTo>
                    <a:lnTo>
                      <a:pt x="271" y="590"/>
                    </a:lnTo>
                    <a:lnTo>
                      <a:pt x="276" y="589"/>
                    </a:lnTo>
                    <a:lnTo>
                      <a:pt x="281" y="587"/>
                    </a:lnTo>
                    <a:lnTo>
                      <a:pt x="284" y="585"/>
                    </a:lnTo>
                    <a:lnTo>
                      <a:pt x="288" y="585"/>
                    </a:lnTo>
                    <a:lnTo>
                      <a:pt x="291" y="585"/>
                    </a:lnTo>
                    <a:lnTo>
                      <a:pt x="301" y="583"/>
                    </a:lnTo>
                    <a:lnTo>
                      <a:pt x="306" y="583"/>
                    </a:lnTo>
                    <a:lnTo>
                      <a:pt x="306" y="582"/>
                    </a:lnTo>
                    <a:lnTo>
                      <a:pt x="305" y="580"/>
                    </a:lnTo>
                    <a:lnTo>
                      <a:pt x="301" y="578"/>
                    </a:lnTo>
                    <a:lnTo>
                      <a:pt x="296" y="577"/>
                    </a:lnTo>
                    <a:lnTo>
                      <a:pt x="293" y="577"/>
                    </a:lnTo>
                    <a:lnTo>
                      <a:pt x="301" y="573"/>
                    </a:lnTo>
                    <a:lnTo>
                      <a:pt x="306" y="573"/>
                    </a:lnTo>
                    <a:lnTo>
                      <a:pt x="311" y="575"/>
                    </a:lnTo>
                    <a:lnTo>
                      <a:pt x="313" y="577"/>
                    </a:lnTo>
                    <a:lnTo>
                      <a:pt x="315" y="578"/>
                    </a:lnTo>
                    <a:lnTo>
                      <a:pt x="315" y="582"/>
                    </a:lnTo>
                    <a:lnTo>
                      <a:pt x="315" y="583"/>
                    </a:lnTo>
                    <a:lnTo>
                      <a:pt x="323" y="585"/>
                    </a:lnTo>
                    <a:lnTo>
                      <a:pt x="332" y="575"/>
                    </a:lnTo>
                    <a:lnTo>
                      <a:pt x="333" y="577"/>
                    </a:lnTo>
                    <a:lnTo>
                      <a:pt x="335" y="578"/>
                    </a:lnTo>
                    <a:lnTo>
                      <a:pt x="335" y="580"/>
                    </a:lnTo>
                    <a:lnTo>
                      <a:pt x="340" y="583"/>
                    </a:lnTo>
                    <a:lnTo>
                      <a:pt x="343" y="585"/>
                    </a:lnTo>
                    <a:lnTo>
                      <a:pt x="347" y="585"/>
                    </a:lnTo>
                    <a:lnTo>
                      <a:pt x="349" y="583"/>
                    </a:lnTo>
                    <a:lnTo>
                      <a:pt x="350" y="582"/>
                    </a:lnTo>
                    <a:lnTo>
                      <a:pt x="352" y="578"/>
                    </a:lnTo>
                    <a:lnTo>
                      <a:pt x="352" y="577"/>
                    </a:lnTo>
                    <a:lnTo>
                      <a:pt x="328" y="392"/>
                    </a:lnTo>
                    <a:lnTo>
                      <a:pt x="333" y="0"/>
                    </a:lnTo>
                    <a:lnTo>
                      <a:pt x="122" y="18"/>
                    </a:lnTo>
                    <a:lnTo>
                      <a:pt x="122" y="20"/>
                    </a:lnTo>
                    <a:lnTo>
                      <a:pt x="122" y="22"/>
                    </a:lnTo>
                    <a:lnTo>
                      <a:pt x="120" y="25"/>
                    </a:lnTo>
                    <a:lnTo>
                      <a:pt x="120" y="27"/>
                    </a:lnTo>
                    <a:lnTo>
                      <a:pt x="120" y="28"/>
                    </a:lnTo>
                    <a:lnTo>
                      <a:pt x="118" y="30"/>
                    </a:lnTo>
                    <a:lnTo>
                      <a:pt x="118" y="32"/>
                    </a:lnTo>
                    <a:lnTo>
                      <a:pt x="103" y="44"/>
                    </a:lnTo>
                    <a:lnTo>
                      <a:pt x="93" y="59"/>
                    </a:lnTo>
                    <a:lnTo>
                      <a:pt x="93" y="89"/>
                    </a:lnTo>
                    <a:lnTo>
                      <a:pt x="85" y="98"/>
                    </a:lnTo>
                    <a:lnTo>
                      <a:pt x="79" y="98"/>
                    </a:lnTo>
                    <a:lnTo>
                      <a:pt x="64" y="113"/>
                    </a:lnTo>
                    <a:lnTo>
                      <a:pt x="69" y="123"/>
                    </a:lnTo>
                    <a:lnTo>
                      <a:pt x="54" y="132"/>
                    </a:lnTo>
                    <a:lnTo>
                      <a:pt x="56" y="132"/>
                    </a:lnTo>
                    <a:lnTo>
                      <a:pt x="56" y="133"/>
                    </a:lnTo>
                    <a:lnTo>
                      <a:pt x="57" y="135"/>
                    </a:lnTo>
                    <a:lnTo>
                      <a:pt x="57" y="137"/>
                    </a:lnTo>
                    <a:lnTo>
                      <a:pt x="57" y="138"/>
                    </a:lnTo>
                    <a:lnTo>
                      <a:pt x="57" y="142"/>
                    </a:lnTo>
                    <a:lnTo>
                      <a:pt x="54" y="143"/>
                    </a:lnTo>
                    <a:lnTo>
                      <a:pt x="49" y="145"/>
                    </a:lnTo>
                    <a:lnTo>
                      <a:pt x="47" y="145"/>
                    </a:lnTo>
                    <a:lnTo>
                      <a:pt x="46" y="147"/>
                    </a:lnTo>
                    <a:lnTo>
                      <a:pt x="44" y="149"/>
                    </a:lnTo>
                    <a:lnTo>
                      <a:pt x="44" y="150"/>
                    </a:lnTo>
                    <a:lnTo>
                      <a:pt x="44" y="154"/>
                    </a:lnTo>
                    <a:lnTo>
                      <a:pt x="44" y="157"/>
                    </a:lnTo>
                    <a:lnTo>
                      <a:pt x="46" y="159"/>
                    </a:lnTo>
                    <a:lnTo>
                      <a:pt x="47" y="162"/>
                    </a:lnTo>
                    <a:lnTo>
                      <a:pt x="47" y="164"/>
                    </a:lnTo>
                    <a:lnTo>
                      <a:pt x="47" y="165"/>
                    </a:lnTo>
                    <a:lnTo>
                      <a:pt x="46" y="167"/>
                    </a:lnTo>
                    <a:lnTo>
                      <a:pt x="44" y="171"/>
                    </a:lnTo>
                    <a:lnTo>
                      <a:pt x="42" y="172"/>
                    </a:lnTo>
                    <a:lnTo>
                      <a:pt x="41" y="174"/>
                    </a:lnTo>
                    <a:lnTo>
                      <a:pt x="39" y="176"/>
                    </a:lnTo>
                    <a:lnTo>
                      <a:pt x="39" y="177"/>
                    </a:lnTo>
                    <a:lnTo>
                      <a:pt x="41" y="177"/>
                    </a:lnTo>
                    <a:lnTo>
                      <a:pt x="42" y="177"/>
                    </a:lnTo>
                    <a:lnTo>
                      <a:pt x="44" y="177"/>
                    </a:lnTo>
                    <a:lnTo>
                      <a:pt x="46" y="179"/>
                    </a:lnTo>
                    <a:lnTo>
                      <a:pt x="47" y="181"/>
                    </a:lnTo>
                    <a:lnTo>
                      <a:pt x="47" y="182"/>
                    </a:lnTo>
                    <a:lnTo>
                      <a:pt x="46" y="184"/>
                    </a:lnTo>
                    <a:lnTo>
                      <a:pt x="41" y="187"/>
                    </a:lnTo>
                    <a:lnTo>
                      <a:pt x="39" y="187"/>
                    </a:lnTo>
                    <a:lnTo>
                      <a:pt x="35" y="189"/>
                    </a:lnTo>
                    <a:lnTo>
                      <a:pt x="34" y="189"/>
                    </a:lnTo>
                    <a:lnTo>
                      <a:pt x="32" y="191"/>
                    </a:lnTo>
                    <a:lnTo>
                      <a:pt x="32" y="196"/>
                    </a:lnTo>
                    <a:lnTo>
                      <a:pt x="29" y="204"/>
                    </a:lnTo>
                    <a:lnTo>
                      <a:pt x="37" y="213"/>
                    </a:lnTo>
                    <a:lnTo>
                      <a:pt x="39" y="220"/>
                    </a:lnTo>
                    <a:lnTo>
                      <a:pt x="44" y="240"/>
                    </a:lnTo>
                    <a:lnTo>
                      <a:pt x="46" y="242"/>
                    </a:lnTo>
                    <a:lnTo>
                      <a:pt x="46" y="243"/>
                    </a:lnTo>
                    <a:lnTo>
                      <a:pt x="47" y="247"/>
                    </a:lnTo>
                    <a:lnTo>
                      <a:pt x="47" y="248"/>
                    </a:lnTo>
                    <a:lnTo>
                      <a:pt x="47" y="250"/>
                    </a:lnTo>
                    <a:lnTo>
                      <a:pt x="46" y="252"/>
                    </a:lnTo>
                    <a:lnTo>
                      <a:pt x="42" y="253"/>
                    </a:lnTo>
                    <a:lnTo>
                      <a:pt x="41" y="255"/>
                    </a:lnTo>
                    <a:lnTo>
                      <a:pt x="41" y="259"/>
                    </a:lnTo>
                    <a:lnTo>
                      <a:pt x="39" y="262"/>
                    </a:lnTo>
                    <a:lnTo>
                      <a:pt x="39" y="265"/>
                    </a:lnTo>
                    <a:lnTo>
                      <a:pt x="39" y="269"/>
                    </a:lnTo>
                    <a:lnTo>
                      <a:pt x="39" y="270"/>
                    </a:lnTo>
                    <a:lnTo>
                      <a:pt x="37" y="270"/>
                    </a:lnTo>
                    <a:lnTo>
                      <a:pt x="37" y="272"/>
                    </a:lnTo>
                    <a:lnTo>
                      <a:pt x="37" y="274"/>
                    </a:lnTo>
                    <a:lnTo>
                      <a:pt x="37" y="275"/>
                    </a:lnTo>
                    <a:lnTo>
                      <a:pt x="37" y="279"/>
                    </a:lnTo>
                    <a:lnTo>
                      <a:pt x="37" y="281"/>
                    </a:lnTo>
                    <a:lnTo>
                      <a:pt x="39" y="282"/>
                    </a:lnTo>
                    <a:lnTo>
                      <a:pt x="41" y="282"/>
                    </a:lnTo>
                    <a:lnTo>
                      <a:pt x="42" y="281"/>
                    </a:lnTo>
                    <a:lnTo>
                      <a:pt x="44" y="281"/>
                    </a:lnTo>
                    <a:lnTo>
                      <a:pt x="46" y="284"/>
                    </a:lnTo>
                    <a:lnTo>
                      <a:pt x="46" y="286"/>
                    </a:lnTo>
                    <a:lnTo>
                      <a:pt x="47" y="287"/>
                    </a:lnTo>
                    <a:lnTo>
                      <a:pt x="46" y="299"/>
                    </a:lnTo>
                    <a:lnTo>
                      <a:pt x="52" y="304"/>
                    </a:lnTo>
                    <a:lnTo>
                      <a:pt x="44" y="314"/>
                    </a:lnTo>
                    <a:lnTo>
                      <a:pt x="46" y="319"/>
                    </a:lnTo>
                    <a:lnTo>
                      <a:pt x="57" y="318"/>
                    </a:lnTo>
                    <a:lnTo>
                      <a:pt x="57" y="330"/>
                    </a:lnTo>
                    <a:lnTo>
                      <a:pt x="56" y="330"/>
                    </a:lnTo>
                    <a:lnTo>
                      <a:pt x="56" y="331"/>
                    </a:lnTo>
                    <a:lnTo>
                      <a:pt x="54" y="333"/>
                    </a:lnTo>
                    <a:lnTo>
                      <a:pt x="52" y="335"/>
                    </a:lnTo>
                    <a:lnTo>
                      <a:pt x="51" y="336"/>
                    </a:lnTo>
                    <a:lnTo>
                      <a:pt x="52" y="338"/>
                    </a:lnTo>
                    <a:lnTo>
                      <a:pt x="54" y="340"/>
                    </a:lnTo>
                    <a:lnTo>
                      <a:pt x="61" y="340"/>
                    </a:lnTo>
                    <a:lnTo>
                      <a:pt x="61" y="341"/>
                    </a:lnTo>
                    <a:lnTo>
                      <a:pt x="61" y="343"/>
                    </a:lnTo>
                    <a:lnTo>
                      <a:pt x="59" y="345"/>
                    </a:lnTo>
                    <a:lnTo>
                      <a:pt x="59" y="348"/>
                    </a:lnTo>
                    <a:lnTo>
                      <a:pt x="61" y="350"/>
                    </a:lnTo>
                    <a:lnTo>
                      <a:pt x="64" y="352"/>
                    </a:lnTo>
                    <a:lnTo>
                      <a:pt x="69" y="352"/>
                    </a:lnTo>
                    <a:lnTo>
                      <a:pt x="68" y="355"/>
                    </a:lnTo>
                    <a:lnTo>
                      <a:pt x="66" y="357"/>
                    </a:lnTo>
                    <a:lnTo>
                      <a:pt x="66" y="360"/>
                    </a:lnTo>
                    <a:lnTo>
                      <a:pt x="64" y="363"/>
                    </a:lnTo>
                    <a:lnTo>
                      <a:pt x="63" y="367"/>
                    </a:lnTo>
                    <a:lnTo>
                      <a:pt x="61" y="369"/>
                    </a:lnTo>
                    <a:lnTo>
                      <a:pt x="61" y="370"/>
                    </a:lnTo>
                    <a:lnTo>
                      <a:pt x="59" y="370"/>
                    </a:lnTo>
                    <a:lnTo>
                      <a:pt x="56" y="370"/>
                    </a:lnTo>
                    <a:lnTo>
                      <a:pt x="51" y="372"/>
                    </a:lnTo>
                    <a:lnTo>
                      <a:pt x="47" y="372"/>
                    </a:lnTo>
                    <a:lnTo>
                      <a:pt x="44" y="374"/>
                    </a:lnTo>
                    <a:lnTo>
                      <a:pt x="44" y="375"/>
                    </a:lnTo>
                    <a:lnTo>
                      <a:pt x="47" y="377"/>
                    </a:lnTo>
                    <a:lnTo>
                      <a:pt x="54" y="380"/>
                    </a:lnTo>
                    <a:lnTo>
                      <a:pt x="54" y="382"/>
                    </a:lnTo>
                    <a:lnTo>
                      <a:pt x="54" y="384"/>
                    </a:lnTo>
                    <a:lnTo>
                      <a:pt x="52" y="389"/>
                    </a:lnTo>
                    <a:lnTo>
                      <a:pt x="49" y="392"/>
                    </a:lnTo>
                    <a:lnTo>
                      <a:pt x="47" y="396"/>
                    </a:lnTo>
                    <a:lnTo>
                      <a:pt x="44" y="399"/>
                    </a:lnTo>
                    <a:lnTo>
                      <a:pt x="44" y="402"/>
                    </a:lnTo>
                    <a:lnTo>
                      <a:pt x="42" y="404"/>
                    </a:lnTo>
                    <a:lnTo>
                      <a:pt x="41" y="416"/>
                    </a:lnTo>
                    <a:lnTo>
                      <a:pt x="32" y="416"/>
                    </a:lnTo>
                    <a:lnTo>
                      <a:pt x="25" y="443"/>
                    </a:lnTo>
                    <a:lnTo>
                      <a:pt x="17" y="448"/>
                    </a:lnTo>
                    <a:lnTo>
                      <a:pt x="25" y="448"/>
                    </a:lnTo>
                    <a:lnTo>
                      <a:pt x="25" y="450"/>
                    </a:lnTo>
                    <a:lnTo>
                      <a:pt x="24" y="450"/>
                    </a:lnTo>
                    <a:lnTo>
                      <a:pt x="20" y="453"/>
                    </a:lnTo>
                    <a:lnTo>
                      <a:pt x="19" y="455"/>
                    </a:lnTo>
                    <a:lnTo>
                      <a:pt x="15" y="458"/>
                    </a:lnTo>
                    <a:lnTo>
                      <a:pt x="15" y="460"/>
                    </a:lnTo>
                    <a:lnTo>
                      <a:pt x="15" y="463"/>
                    </a:lnTo>
                    <a:lnTo>
                      <a:pt x="17" y="465"/>
                    </a:lnTo>
                    <a:lnTo>
                      <a:pt x="17" y="467"/>
                    </a:lnTo>
                    <a:lnTo>
                      <a:pt x="15" y="468"/>
                    </a:lnTo>
                    <a:lnTo>
                      <a:pt x="13" y="470"/>
                    </a:lnTo>
                    <a:lnTo>
                      <a:pt x="10" y="473"/>
                    </a:lnTo>
                    <a:lnTo>
                      <a:pt x="10" y="477"/>
                    </a:lnTo>
                    <a:lnTo>
                      <a:pt x="8" y="479"/>
                    </a:lnTo>
                    <a:lnTo>
                      <a:pt x="10" y="480"/>
                    </a:lnTo>
                    <a:lnTo>
                      <a:pt x="13" y="480"/>
                    </a:lnTo>
                    <a:lnTo>
                      <a:pt x="15" y="482"/>
                    </a:lnTo>
                    <a:lnTo>
                      <a:pt x="15" y="485"/>
                    </a:lnTo>
                    <a:lnTo>
                      <a:pt x="13" y="487"/>
                    </a:lnTo>
                    <a:lnTo>
                      <a:pt x="8" y="492"/>
                    </a:lnTo>
                    <a:lnTo>
                      <a:pt x="5" y="494"/>
                    </a:lnTo>
                    <a:lnTo>
                      <a:pt x="2" y="495"/>
                    </a:lnTo>
                    <a:lnTo>
                      <a:pt x="0" y="497"/>
                    </a:lnTo>
                    <a:lnTo>
                      <a:pt x="0" y="501"/>
                    </a:lnTo>
                    <a:lnTo>
                      <a:pt x="0" y="502"/>
                    </a:lnTo>
                    <a:lnTo>
                      <a:pt x="2" y="504"/>
                    </a:lnTo>
                    <a:lnTo>
                      <a:pt x="3" y="506"/>
                    </a:lnTo>
                    <a:lnTo>
                      <a:pt x="5" y="506"/>
                    </a:lnTo>
                    <a:lnTo>
                      <a:pt x="7" y="507"/>
                    </a:lnTo>
                    <a:lnTo>
                      <a:pt x="5" y="509"/>
                    </a:lnTo>
                    <a:lnTo>
                      <a:pt x="5" y="512"/>
                    </a:lnTo>
                    <a:lnTo>
                      <a:pt x="5" y="514"/>
                    </a:lnTo>
                    <a:lnTo>
                      <a:pt x="3" y="517"/>
                    </a:lnTo>
                    <a:lnTo>
                      <a:pt x="3" y="521"/>
                    </a:lnTo>
                    <a:lnTo>
                      <a:pt x="3" y="523"/>
                    </a:lnTo>
                    <a:lnTo>
                      <a:pt x="3" y="524"/>
                    </a:lnTo>
                    <a:lnTo>
                      <a:pt x="203" y="511"/>
                    </a:lnTo>
                    <a:lnTo>
                      <a:pt x="203" y="534"/>
                    </a:lnTo>
                    <a:lnTo>
                      <a:pt x="201" y="534"/>
                    </a:lnTo>
                    <a:lnTo>
                      <a:pt x="200" y="538"/>
                    </a:lnTo>
                    <a:lnTo>
                      <a:pt x="198" y="543"/>
                    </a:lnTo>
                    <a:lnTo>
                      <a:pt x="196" y="546"/>
                    </a:lnTo>
                    <a:lnTo>
                      <a:pt x="195" y="553"/>
                    </a:lnTo>
                    <a:lnTo>
                      <a:pt x="195" y="558"/>
                    </a:lnTo>
                    <a:lnTo>
                      <a:pt x="198" y="563"/>
                    </a:lnTo>
                    <a:lnTo>
                      <a:pt x="203" y="567"/>
                    </a:lnTo>
                    <a:lnTo>
                      <a:pt x="205" y="568"/>
                    </a:lnTo>
                    <a:lnTo>
                      <a:pt x="208" y="572"/>
                    </a:lnTo>
                    <a:lnTo>
                      <a:pt x="211" y="577"/>
                    </a:lnTo>
                    <a:lnTo>
                      <a:pt x="217" y="583"/>
                    </a:lnTo>
                    <a:lnTo>
                      <a:pt x="220" y="590"/>
                    </a:lnTo>
                    <a:lnTo>
                      <a:pt x="223" y="597"/>
                    </a:lnTo>
                    <a:lnTo>
                      <a:pt x="223" y="605"/>
                    </a:lnTo>
                    <a:lnTo>
                      <a:pt x="222" y="612"/>
                    </a:lnTo>
                    <a:lnTo>
                      <a:pt x="240" y="60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41" name="Freeform 72"/>
              <p:cNvSpPr>
                <a:spLocks/>
              </p:cNvSpPr>
              <p:nvPr/>
            </p:nvSpPr>
            <p:spPr bwMode="auto">
              <a:xfrm>
                <a:off x="3392" y="2451"/>
                <a:ext cx="352" cy="612"/>
              </a:xfrm>
              <a:custGeom>
                <a:avLst/>
                <a:gdLst>
                  <a:gd name="T0" fmla="*/ 262 w 352"/>
                  <a:gd name="T1" fmla="*/ 594 h 612"/>
                  <a:gd name="T2" fmla="*/ 281 w 352"/>
                  <a:gd name="T3" fmla="*/ 587 h 612"/>
                  <a:gd name="T4" fmla="*/ 301 w 352"/>
                  <a:gd name="T5" fmla="*/ 583 h 612"/>
                  <a:gd name="T6" fmla="*/ 296 w 352"/>
                  <a:gd name="T7" fmla="*/ 577 h 612"/>
                  <a:gd name="T8" fmla="*/ 306 w 352"/>
                  <a:gd name="T9" fmla="*/ 573 h 612"/>
                  <a:gd name="T10" fmla="*/ 315 w 352"/>
                  <a:gd name="T11" fmla="*/ 582 h 612"/>
                  <a:gd name="T12" fmla="*/ 332 w 352"/>
                  <a:gd name="T13" fmla="*/ 575 h 612"/>
                  <a:gd name="T14" fmla="*/ 340 w 352"/>
                  <a:gd name="T15" fmla="*/ 583 h 612"/>
                  <a:gd name="T16" fmla="*/ 352 w 352"/>
                  <a:gd name="T17" fmla="*/ 578 h 612"/>
                  <a:gd name="T18" fmla="*/ 333 w 352"/>
                  <a:gd name="T19" fmla="*/ 0 h 612"/>
                  <a:gd name="T20" fmla="*/ 122 w 352"/>
                  <a:gd name="T21" fmla="*/ 22 h 612"/>
                  <a:gd name="T22" fmla="*/ 118 w 352"/>
                  <a:gd name="T23" fmla="*/ 32 h 612"/>
                  <a:gd name="T24" fmla="*/ 79 w 352"/>
                  <a:gd name="T25" fmla="*/ 98 h 612"/>
                  <a:gd name="T26" fmla="*/ 56 w 352"/>
                  <a:gd name="T27" fmla="*/ 132 h 612"/>
                  <a:gd name="T28" fmla="*/ 57 w 352"/>
                  <a:gd name="T29" fmla="*/ 142 h 612"/>
                  <a:gd name="T30" fmla="*/ 46 w 352"/>
                  <a:gd name="T31" fmla="*/ 147 h 612"/>
                  <a:gd name="T32" fmla="*/ 46 w 352"/>
                  <a:gd name="T33" fmla="*/ 159 h 612"/>
                  <a:gd name="T34" fmla="*/ 46 w 352"/>
                  <a:gd name="T35" fmla="*/ 167 h 612"/>
                  <a:gd name="T36" fmla="*/ 39 w 352"/>
                  <a:gd name="T37" fmla="*/ 177 h 612"/>
                  <a:gd name="T38" fmla="*/ 46 w 352"/>
                  <a:gd name="T39" fmla="*/ 179 h 612"/>
                  <a:gd name="T40" fmla="*/ 41 w 352"/>
                  <a:gd name="T41" fmla="*/ 187 h 612"/>
                  <a:gd name="T42" fmla="*/ 32 w 352"/>
                  <a:gd name="T43" fmla="*/ 196 h 612"/>
                  <a:gd name="T44" fmla="*/ 44 w 352"/>
                  <a:gd name="T45" fmla="*/ 240 h 612"/>
                  <a:gd name="T46" fmla="*/ 47 w 352"/>
                  <a:gd name="T47" fmla="*/ 248 h 612"/>
                  <a:gd name="T48" fmla="*/ 42 w 352"/>
                  <a:gd name="T49" fmla="*/ 253 h 612"/>
                  <a:gd name="T50" fmla="*/ 39 w 352"/>
                  <a:gd name="T51" fmla="*/ 269 h 612"/>
                  <a:gd name="T52" fmla="*/ 37 w 352"/>
                  <a:gd name="T53" fmla="*/ 272 h 612"/>
                  <a:gd name="T54" fmla="*/ 39 w 352"/>
                  <a:gd name="T55" fmla="*/ 282 h 612"/>
                  <a:gd name="T56" fmla="*/ 46 w 352"/>
                  <a:gd name="T57" fmla="*/ 284 h 612"/>
                  <a:gd name="T58" fmla="*/ 44 w 352"/>
                  <a:gd name="T59" fmla="*/ 314 h 612"/>
                  <a:gd name="T60" fmla="*/ 56 w 352"/>
                  <a:gd name="T61" fmla="*/ 330 h 612"/>
                  <a:gd name="T62" fmla="*/ 52 w 352"/>
                  <a:gd name="T63" fmla="*/ 338 h 612"/>
                  <a:gd name="T64" fmla="*/ 61 w 352"/>
                  <a:gd name="T65" fmla="*/ 341 h 612"/>
                  <a:gd name="T66" fmla="*/ 64 w 352"/>
                  <a:gd name="T67" fmla="*/ 352 h 612"/>
                  <a:gd name="T68" fmla="*/ 66 w 352"/>
                  <a:gd name="T69" fmla="*/ 357 h 612"/>
                  <a:gd name="T70" fmla="*/ 61 w 352"/>
                  <a:gd name="T71" fmla="*/ 370 h 612"/>
                  <a:gd name="T72" fmla="*/ 47 w 352"/>
                  <a:gd name="T73" fmla="*/ 372 h 612"/>
                  <a:gd name="T74" fmla="*/ 54 w 352"/>
                  <a:gd name="T75" fmla="*/ 380 h 612"/>
                  <a:gd name="T76" fmla="*/ 47 w 352"/>
                  <a:gd name="T77" fmla="*/ 396 h 612"/>
                  <a:gd name="T78" fmla="*/ 32 w 352"/>
                  <a:gd name="T79" fmla="*/ 416 h 612"/>
                  <a:gd name="T80" fmla="*/ 25 w 352"/>
                  <a:gd name="T81" fmla="*/ 450 h 612"/>
                  <a:gd name="T82" fmla="*/ 15 w 352"/>
                  <a:gd name="T83" fmla="*/ 460 h 612"/>
                  <a:gd name="T84" fmla="*/ 15 w 352"/>
                  <a:gd name="T85" fmla="*/ 468 h 612"/>
                  <a:gd name="T86" fmla="*/ 10 w 352"/>
                  <a:gd name="T87" fmla="*/ 480 h 612"/>
                  <a:gd name="T88" fmla="*/ 13 w 352"/>
                  <a:gd name="T89" fmla="*/ 487 h 612"/>
                  <a:gd name="T90" fmla="*/ 0 w 352"/>
                  <a:gd name="T91" fmla="*/ 497 h 612"/>
                  <a:gd name="T92" fmla="*/ 5 w 352"/>
                  <a:gd name="T93" fmla="*/ 506 h 612"/>
                  <a:gd name="T94" fmla="*/ 5 w 352"/>
                  <a:gd name="T95" fmla="*/ 514 h 612"/>
                  <a:gd name="T96" fmla="*/ 203 w 352"/>
                  <a:gd name="T97" fmla="*/ 511 h 612"/>
                  <a:gd name="T98" fmla="*/ 198 w 352"/>
                  <a:gd name="T99" fmla="*/ 543 h 612"/>
                  <a:gd name="T100" fmla="*/ 203 w 352"/>
                  <a:gd name="T101" fmla="*/ 567 h 612"/>
                  <a:gd name="T102" fmla="*/ 217 w 352"/>
                  <a:gd name="T103" fmla="*/ 583 h 612"/>
                  <a:gd name="T104" fmla="*/ 240 w 352"/>
                  <a:gd name="T105" fmla="*/ 609 h 612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w 352"/>
                  <a:gd name="T160" fmla="*/ 0 h 612"/>
                  <a:gd name="T161" fmla="*/ 352 w 352"/>
                  <a:gd name="T162" fmla="*/ 612 h 612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T159" t="T160" r="T161" b="T162"/>
                <a:pathLst>
                  <a:path w="352" h="612">
                    <a:moveTo>
                      <a:pt x="240" y="609"/>
                    </a:moveTo>
                    <a:lnTo>
                      <a:pt x="252" y="599"/>
                    </a:lnTo>
                    <a:lnTo>
                      <a:pt x="252" y="590"/>
                    </a:lnTo>
                    <a:lnTo>
                      <a:pt x="262" y="594"/>
                    </a:lnTo>
                    <a:lnTo>
                      <a:pt x="266" y="592"/>
                    </a:lnTo>
                    <a:lnTo>
                      <a:pt x="271" y="590"/>
                    </a:lnTo>
                    <a:lnTo>
                      <a:pt x="276" y="589"/>
                    </a:lnTo>
                    <a:lnTo>
                      <a:pt x="281" y="587"/>
                    </a:lnTo>
                    <a:lnTo>
                      <a:pt x="284" y="585"/>
                    </a:lnTo>
                    <a:lnTo>
                      <a:pt x="288" y="585"/>
                    </a:lnTo>
                    <a:lnTo>
                      <a:pt x="291" y="585"/>
                    </a:lnTo>
                    <a:lnTo>
                      <a:pt x="301" y="583"/>
                    </a:lnTo>
                    <a:lnTo>
                      <a:pt x="306" y="583"/>
                    </a:lnTo>
                    <a:lnTo>
                      <a:pt x="306" y="582"/>
                    </a:lnTo>
                    <a:lnTo>
                      <a:pt x="305" y="580"/>
                    </a:lnTo>
                    <a:lnTo>
                      <a:pt x="301" y="578"/>
                    </a:lnTo>
                    <a:lnTo>
                      <a:pt x="296" y="577"/>
                    </a:lnTo>
                    <a:lnTo>
                      <a:pt x="293" y="577"/>
                    </a:lnTo>
                    <a:lnTo>
                      <a:pt x="301" y="573"/>
                    </a:lnTo>
                    <a:lnTo>
                      <a:pt x="306" y="573"/>
                    </a:lnTo>
                    <a:lnTo>
                      <a:pt x="311" y="575"/>
                    </a:lnTo>
                    <a:lnTo>
                      <a:pt x="313" y="577"/>
                    </a:lnTo>
                    <a:lnTo>
                      <a:pt x="315" y="578"/>
                    </a:lnTo>
                    <a:lnTo>
                      <a:pt x="315" y="582"/>
                    </a:lnTo>
                    <a:lnTo>
                      <a:pt x="315" y="583"/>
                    </a:lnTo>
                    <a:lnTo>
                      <a:pt x="323" y="585"/>
                    </a:lnTo>
                    <a:lnTo>
                      <a:pt x="332" y="575"/>
                    </a:lnTo>
                    <a:lnTo>
                      <a:pt x="333" y="577"/>
                    </a:lnTo>
                    <a:lnTo>
                      <a:pt x="335" y="578"/>
                    </a:lnTo>
                    <a:lnTo>
                      <a:pt x="335" y="580"/>
                    </a:lnTo>
                    <a:lnTo>
                      <a:pt x="340" y="583"/>
                    </a:lnTo>
                    <a:lnTo>
                      <a:pt x="343" y="585"/>
                    </a:lnTo>
                    <a:lnTo>
                      <a:pt x="347" y="585"/>
                    </a:lnTo>
                    <a:lnTo>
                      <a:pt x="349" y="583"/>
                    </a:lnTo>
                    <a:lnTo>
                      <a:pt x="350" y="582"/>
                    </a:lnTo>
                    <a:lnTo>
                      <a:pt x="352" y="578"/>
                    </a:lnTo>
                    <a:lnTo>
                      <a:pt x="352" y="577"/>
                    </a:lnTo>
                    <a:lnTo>
                      <a:pt x="328" y="392"/>
                    </a:lnTo>
                    <a:lnTo>
                      <a:pt x="333" y="0"/>
                    </a:lnTo>
                    <a:lnTo>
                      <a:pt x="122" y="18"/>
                    </a:lnTo>
                    <a:lnTo>
                      <a:pt x="122" y="20"/>
                    </a:lnTo>
                    <a:lnTo>
                      <a:pt x="122" y="22"/>
                    </a:lnTo>
                    <a:lnTo>
                      <a:pt x="120" y="25"/>
                    </a:lnTo>
                    <a:lnTo>
                      <a:pt x="120" y="27"/>
                    </a:lnTo>
                    <a:lnTo>
                      <a:pt x="120" y="28"/>
                    </a:lnTo>
                    <a:lnTo>
                      <a:pt x="118" y="30"/>
                    </a:lnTo>
                    <a:lnTo>
                      <a:pt x="118" y="32"/>
                    </a:lnTo>
                    <a:lnTo>
                      <a:pt x="103" y="44"/>
                    </a:lnTo>
                    <a:lnTo>
                      <a:pt x="93" y="59"/>
                    </a:lnTo>
                    <a:lnTo>
                      <a:pt x="93" y="89"/>
                    </a:lnTo>
                    <a:lnTo>
                      <a:pt x="85" y="98"/>
                    </a:lnTo>
                    <a:lnTo>
                      <a:pt x="79" y="98"/>
                    </a:lnTo>
                    <a:lnTo>
                      <a:pt x="64" y="113"/>
                    </a:lnTo>
                    <a:lnTo>
                      <a:pt x="69" y="123"/>
                    </a:lnTo>
                    <a:lnTo>
                      <a:pt x="54" y="132"/>
                    </a:lnTo>
                    <a:lnTo>
                      <a:pt x="56" y="132"/>
                    </a:lnTo>
                    <a:lnTo>
                      <a:pt x="56" y="133"/>
                    </a:lnTo>
                    <a:lnTo>
                      <a:pt x="57" y="135"/>
                    </a:lnTo>
                    <a:lnTo>
                      <a:pt x="57" y="137"/>
                    </a:lnTo>
                    <a:lnTo>
                      <a:pt x="57" y="138"/>
                    </a:lnTo>
                    <a:lnTo>
                      <a:pt x="57" y="142"/>
                    </a:lnTo>
                    <a:lnTo>
                      <a:pt x="54" y="143"/>
                    </a:lnTo>
                    <a:lnTo>
                      <a:pt x="49" y="145"/>
                    </a:lnTo>
                    <a:lnTo>
                      <a:pt x="47" y="145"/>
                    </a:lnTo>
                    <a:lnTo>
                      <a:pt x="46" y="147"/>
                    </a:lnTo>
                    <a:lnTo>
                      <a:pt x="44" y="149"/>
                    </a:lnTo>
                    <a:lnTo>
                      <a:pt x="44" y="150"/>
                    </a:lnTo>
                    <a:lnTo>
                      <a:pt x="44" y="154"/>
                    </a:lnTo>
                    <a:lnTo>
                      <a:pt x="44" y="157"/>
                    </a:lnTo>
                    <a:lnTo>
                      <a:pt x="46" y="159"/>
                    </a:lnTo>
                    <a:lnTo>
                      <a:pt x="47" y="162"/>
                    </a:lnTo>
                    <a:lnTo>
                      <a:pt x="47" y="164"/>
                    </a:lnTo>
                    <a:lnTo>
                      <a:pt x="47" y="165"/>
                    </a:lnTo>
                    <a:lnTo>
                      <a:pt x="46" y="167"/>
                    </a:lnTo>
                    <a:lnTo>
                      <a:pt x="44" y="171"/>
                    </a:lnTo>
                    <a:lnTo>
                      <a:pt x="42" y="172"/>
                    </a:lnTo>
                    <a:lnTo>
                      <a:pt x="41" y="174"/>
                    </a:lnTo>
                    <a:lnTo>
                      <a:pt x="39" y="176"/>
                    </a:lnTo>
                    <a:lnTo>
                      <a:pt x="39" y="177"/>
                    </a:lnTo>
                    <a:lnTo>
                      <a:pt x="41" y="177"/>
                    </a:lnTo>
                    <a:lnTo>
                      <a:pt x="42" y="177"/>
                    </a:lnTo>
                    <a:lnTo>
                      <a:pt x="44" y="177"/>
                    </a:lnTo>
                    <a:lnTo>
                      <a:pt x="46" y="179"/>
                    </a:lnTo>
                    <a:lnTo>
                      <a:pt x="47" y="181"/>
                    </a:lnTo>
                    <a:lnTo>
                      <a:pt x="47" y="182"/>
                    </a:lnTo>
                    <a:lnTo>
                      <a:pt x="46" y="184"/>
                    </a:lnTo>
                    <a:lnTo>
                      <a:pt x="41" y="187"/>
                    </a:lnTo>
                    <a:lnTo>
                      <a:pt x="39" y="187"/>
                    </a:lnTo>
                    <a:lnTo>
                      <a:pt x="35" y="189"/>
                    </a:lnTo>
                    <a:lnTo>
                      <a:pt x="34" y="189"/>
                    </a:lnTo>
                    <a:lnTo>
                      <a:pt x="32" y="191"/>
                    </a:lnTo>
                    <a:lnTo>
                      <a:pt x="32" y="196"/>
                    </a:lnTo>
                    <a:lnTo>
                      <a:pt x="29" y="204"/>
                    </a:lnTo>
                    <a:lnTo>
                      <a:pt x="37" y="213"/>
                    </a:lnTo>
                    <a:lnTo>
                      <a:pt x="39" y="220"/>
                    </a:lnTo>
                    <a:lnTo>
                      <a:pt x="44" y="240"/>
                    </a:lnTo>
                    <a:lnTo>
                      <a:pt x="46" y="242"/>
                    </a:lnTo>
                    <a:lnTo>
                      <a:pt x="46" y="243"/>
                    </a:lnTo>
                    <a:lnTo>
                      <a:pt x="47" y="247"/>
                    </a:lnTo>
                    <a:lnTo>
                      <a:pt x="47" y="248"/>
                    </a:lnTo>
                    <a:lnTo>
                      <a:pt x="47" y="250"/>
                    </a:lnTo>
                    <a:lnTo>
                      <a:pt x="46" y="252"/>
                    </a:lnTo>
                    <a:lnTo>
                      <a:pt x="42" y="253"/>
                    </a:lnTo>
                    <a:lnTo>
                      <a:pt x="41" y="255"/>
                    </a:lnTo>
                    <a:lnTo>
                      <a:pt x="41" y="259"/>
                    </a:lnTo>
                    <a:lnTo>
                      <a:pt x="39" y="262"/>
                    </a:lnTo>
                    <a:lnTo>
                      <a:pt x="39" y="265"/>
                    </a:lnTo>
                    <a:lnTo>
                      <a:pt x="39" y="269"/>
                    </a:lnTo>
                    <a:lnTo>
                      <a:pt x="39" y="270"/>
                    </a:lnTo>
                    <a:lnTo>
                      <a:pt x="37" y="270"/>
                    </a:lnTo>
                    <a:lnTo>
                      <a:pt x="37" y="272"/>
                    </a:lnTo>
                    <a:lnTo>
                      <a:pt x="37" y="274"/>
                    </a:lnTo>
                    <a:lnTo>
                      <a:pt x="37" y="275"/>
                    </a:lnTo>
                    <a:lnTo>
                      <a:pt x="37" y="279"/>
                    </a:lnTo>
                    <a:lnTo>
                      <a:pt x="37" y="281"/>
                    </a:lnTo>
                    <a:lnTo>
                      <a:pt x="39" y="282"/>
                    </a:lnTo>
                    <a:lnTo>
                      <a:pt x="41" y="282"/>
                    </a:lnTo>
                    <a:lnTo>
                      <a:pt x="42" y="281"/>
                    </a:lnTo>
                    <a:lnTo>
                      <a:pt x="44" y="281"/>
                    </a:lnTo>
                    <a:lnTo>
                      <a:pt x="46" y="284"/>
                    </a:lnTo>
                    <a:lnTo>
                      <a:pt x="46" y="286"/>
                    </a:lnTo>
                    <a:lnTo>
                      <a:pt x="47" y="287"/>
                    </a:lnTo>
                    <a:lnTo>
                      <a:pt x="46" y="299"/>
                    </a:lnTo>
                    <a:lnTo>
                      <a:pt x="52" y="304"/>
                    </a:lnTo>
                    <a:lnTo>
                      <a:pt x="44" y="314"/>
                    </a:lnTo>
                    <a:lnTo>
                      <a:pt x="46" y="319"/>
                    </a:lnTo>
                    <a:lnTo>
                      <a:pt x="57" y="318"/>
                    </a:lnTo>
                    <a:lnTo>
                      <a:pt x="57" y="330"/>
                    </a:lnTo>
                    <a:lnTo>
                      <a:pt x="56" y="330"/>
                    </a:lnTo>
                    <a:lnTo>
                      <a:pt x="56" y="331"/>
                    </a:lnTo>
                    <a:lnTo>
                      <a:pt x="54" y="333"/>
                    </a:lnTo>
                    <a:lnTo>
                      <a:pt x="52" y="335"/>
                    </a:lnTo>
                    <a:lnTo>
                      <a:pt x="51" y="336"/>
                    </a:lnTo>
                    <a:lnTo>
                      <a:pt x="52" y="338"/>
                    </a:lnTo>
                    <a:lnTo>
                      <a:pt x="54" y="340"/>
                    </a:lnTo>
                    <a:lnTo>
                      <a:pt x="61" y="340"/>
                    </a:lnTo>
                    <a:lnTo>
                      <a:pt x="61" y="341"/>
                    </a:lnTo>
                    <a:lnTo>
                      <a:pt x="61" y="343"/>
                    </a:lnTo>
                    <a:lnTo>
                      <a:pt x="59" y="345"/>
                    </a:lnTo>
                    <a:lnTo>
                      <a:pt x="59" y="348"/>
                    </a:lnTo>
                    <a:lnTo>
                      <a:pt x="61" y="350"/>
                    </a:lnTo>
                    <a:lnTo>
                      <a:pt x="64" y="352"/>
                    </a:lnTo>
                    <a:lnTo>
                      <a:pt x="69" y="352"/>
                    </a:lnTo>
                    <a:lnTo>
                      <a:pt x="68" y="355"/>
                    </a:lnTo>
                    <a:lnTo>
                      <a:pt x="66" y="357"/>
                    </a:lnTo>
                    <a:lnTo>
                      <a:pt x="66" y="360"/>
                    </a:lnTo>
                    <a:lnTo>
                      <a:pt x="64" y="363"/>
                    </a:lnTo>
                    <a:lnTo>
                      <a:pt x="63" y="367"/>
                    </a:lnTo>
                    <a:lnTo>
                      <a:pt x="61" y="369"/>
                    </a:lnTo>
                    <a:lnTo>
                      <a:pt x="61" y="370"/>
                    </a:lnTo>
                    <a:lnTo>
                      <a:pt x="59" y="370"/>
                    </a:lnTo>
                    <a:lnTo>
                      <a:pt x="56" y="370"/>
                    </a:lnTo>
                    <a:lnTo>
                      <a:pt x="51" y="372"/>
                    </a:lnTo>
                    <a:lnTo>
                      <a:pt x="47" y="372"/>
                    </a:lnTo>
                    <a:lnTo>
                      <a:pt x="44" y="374"/>
                    </a:lnTo>
                    <a:lnTo>
                      <a:pt x="44" y="375"/>
                    </a:lnTo>
                    <a:lnTo>
                      <a:pt x="47" y="377"/>
                    </a:lnTo>
                    <a:lnTo>
                      <a:pt x="54" y="380"/>
                    </a:lnTo>
                    <a:lnTo>
                      <a:pt x="54" y="382"/>
                    </a:lnTo>
                    <a:lnTo>
                      <a:pt x="54" y="384"/>
                    </a:lnTo>
                    <a:lnTo>
                      <a:pt x="52" y="389"/>
                    </a:lnTo>
                    <a:lnTo>
                      <a:pt x="49" y="392"/>
                    </a:lnTo>
                    <a:lnTo>
                      <a:pt x="47" y="396"/>
                    </a:lnTo>
                    <a:lnTo>
                      <a:pt x="44" y="399"/>
                    </a:lnTo>
                    <a:lnTo>
                      <a:pt x="44" y="402"/>
                    </a:lnTo>
                    <a:lnTo>
                      <a:pt x="42" y="404"/>
                    </a:lnTo>
                    <a:lnTo>
                      <a:pt x="41" y="416"/>
                    </a:lnTo>
                    <a:lnTo>
                      <a:pt x="32" y="416"/>
                    </a:lnTo>
                    <a:lnTo>
                      <a:pt x="25" y="443"/>
                    </a:lnTo>
                    <a:lnTo>
                      <a:pt x="17" y="448"/>
                    </a:lnTo>
                    <a:lnTo>
                      <a:pt x="25" y="448"/>
                    </a:lnTo>
                    <a:lnTo>
                      <a:pt x="25" y="450"/>
                    </a:lnTo>
                    <a:lnTo>
                      <a:pt x="24" y="450"/>
                    </a:lnTo>
                    <a:lnTo>
                      <a:pt x="20" y="453"/>
                    </a:lnTo>
                    <a:lnTo>
                      <a:pt x="19" y="455"/>
                    </a:lnTo>
                    <a:lnTo>
                      <a:pt x="15" y="458"/>
                    </a:lnTo>
                    <a:lnTo>
                      <a:pt x="15" y="460"/>
                    </a:lnTo>
                    <a:lnTo>
                      <a:pt x="15" y="463"/>
                    </a:lnTo>
                    <a:lnTo>
                      <a:pt x="17" y="465"/>
                    </a:lnTo>
                    <a:lnTo>
                      <a:pt x="17" y="467"/>
                    </a:lnTo>
                    <a:lnTo>
                      <a:pt x="15" y="468"/>
                    </a:lnTo>
                    <a:lnTo>
                      <a:pt x="13" y="470"/>
                    </a:lnTo>
                    <a:lnTo>
                      <a:pt x="10" y="473"/>
                    </a:lnTo>
                    <a:lnTo>
                      <a:pt x="10" y="477"/>
                    </a:lnTo>
                    <a:lnTo>
                      <a:pt x="8" y="479"/>
                    </a:lnTo>
                    <a:lnTo>
                      <a:pt x="10" y="480"/>
                    </a:lnTo>
                    <a:lnTo>
                      <a:pt x="13" y="480"/>
                    </a:lnTo>
                    <a:lnTo>
                      <a:pt x="15" y="482"/>
                    </a:lnTo>
                    <a:lnTo>
                      <a:pt x="15" y="485"/>
                    </a:lnTo>
                    <a:lnTo>
                      <a:pt x="13" y="487"/>
                    </a:lnTo>
                    <a:lnTo>
                      <a:pt x="8" y="492"/>
                    </a:lnTo>
                    <a:lnTo>
                      <a:pt x="5" y="494"/>
                    </a:lnTo>
                    <a:lnTo>
                      <a:pt x="2" y="495"/>
                    </a:lnTo>
                    <a:lnTo>
                      <a:pt x="0" y="497"/>
                    </a:lnTo>
                    <a:lnTo>
                      <a:pt x="0" y="501"/>
                    </a:lnTo>
                    <a:lnTo>
                      <a:pt x="0" y="502"/>
                    </a:lnTo>
                    <a:lnTo>
                      <a:pt x="2" y="504"/>
                    </a:lnTo>
                    <a:lnTo>
                      <a:pt x="3" y="506"/>
                    </a:lnTo>
                    <a:lnTo>
                      <a:pt x="5" y="506"/>
                    </a:lnTo>
                    <a:lnTo>
                      <a:pt x="7" y="507"/>
                    </a:lnTo>
                    <a:lnTo>
                      <a:pt x="5" y="509"/>
                    </a:lnTo>
                    <a:lnTo>
                      <a:pt x="5" y="512"/>
                    </a:lnTo>
                    <a:lnTo>
                      <a:pt x="5" y="514"/>
                    </a:lnTo>
                    <a:lnTo>
                      <a:pt x="3" y="517"/>
                    </a:lnTo>
                    <a:lnTo>
                      <a:pt x="3" y="521"/>
                    </a:lnTo>
                    <a:lnTo>
                      <a:pt x="3" y="523"/>
                    </a:lnTo>
                    <a:lnTo>
                      <a:pt x="3" y="524"/>
                    </a:lnTo>
                    <a:lnTo>
                      <a:pt x="203" y="511"/>
                    </a:lnTo>
                    <a:lnTo>
                      <a:pt x="203" y="534"/>
                    </a:lnTo>
                    <a:lnTo>
                      <a:pt x="201" y="534"/>
                    </a:lnTo>
                    <a:lnTo>
                      <a:pt x="200" y="538"/>
                    </a:lnTo>
                    <a:lnTo>
                      <a:pt x="198" y="543"/>
                    </a:lnTo>
                    <a:lnTo>
                      <a:pt x="196" y="546"/>
                    </a:lnTo>
                    <a:lnTo>
                      <a:pt x="195" y="553"/>
                    </a:lnTo>
                    <a:lnTo>
                      <a:pt x="195" y="558"/>
                    </a:lnTo>
                    <a:lnTo>
                      <a:pt x="198" y="563"/>
                    </a:lnTo>
                    <a:lnTo>
                      <a:pt x="203" y="567"/>
                    </a:lnTo>
                    <a:lnTo>
                      <a:pt x="205" y="568"/>
                    </a:lnTo>
                    <a:lnTo>
                      <a:pt x="208" y="572"/>
                    </a:lnTo>
                    <a:lnTo>
                      <a:pt x="211" y="577"/>
                    </a:lnTo>
                    <a:lnTo>
                      <a:pt x="217" y="583"/>
                    </a:lnTo>
                    <a:lnTo>
                      <a:pt x="220" y="590"/>
                    </a:lnTo>
                    <a:lnTo>
                      <a:pt x="223" y="597"/>
                    </a:lnTo>
                    <a:lnTo>
                      <a:pt x="223" y="605"/>
                    </a:lnTo>
                    <a:lnTo>
                      <a:pt x="222" y="612"/>
                    </a:lnTo>
                    <a:lnTo>
                      <a:pt x="240" y="609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1122" name="Group 73"/>
            <p:cNvGrpSpPr>
              <a:grpSpLocks/>
            </p:cNvGrpSpPr>
            <p:nvPr/>
          </p:nvGrpSpPr>
          <p:grpSpPr bwMode="auto">
            <a:xfrm>
              <a:off x="4248" y="2069"/>
              <a:ext cx="436" cy="217"/>
              <a:chOff x="4487" y="1686"/>
              <a:chExt cx="448" cy="223"/>
            </a:xfrm>
          </p:grpSpPr>
          <p:sp>
            <p:nvSpPr>
              <p:cNvPr id="1238" name="Freeform 74"/>
              <p:cNvSpPr>
                <a:spLocks/>
              </p:cNvSpPr>
              <p:nvPr/>
            </p:nvSpPr>
            <p:spPr bwMode="auto">
              <a:xfrm>
                <a:off x="4487" y="1686"/>
                <a:ext cx="448" cy="223"/>
              </a:xfrm>
              <a:custGeom>
                <a:avLst/>
                <a:gdLst>
                  <a:gd name="T0" fmla="*/ 249 w 448"/>
                  <a:gd name="T1" fmla="*/ 155 h 223"/>
                  <a:gd name="T2" fmla="*/ 238 w 448"/>
                  <a:gd name="T3" fmla="*/ 189 h 223"/>
                  <a:gd name="T4" fmla="*/ 252 w 448"/>
                  <a:gd name="T5" fmla="*/ 186 h 223"/>
                  <a:gd name="T6" fmla="*/ 264 w 448"/>
                  <a:gd name="T7" fmla="*/ 188 h 223"/>
                  <a:gd name="T8" fmla="*/ 284 w 448"/>
                  <a:gd name="T9" fmla="*/ 201 h 223"/>
                  <a:gd name="T10" fmla="*/ 330 w 448"/>
                  <a:gd name="T11" fmla="*/ 215 h 223"/>
                  <a:gd name="T12" fmla="*/ 299 w 448"/>
                  <a:gd name="T13" fmla="*/ 179 h 223"/>
                  <a:gd name="T14" fmla="*/ 308 w 448"/>
                  <a:gd name="T15" fmla="*/ 177 h 223"/>
                  <a:gd name="T16" fmla="*/ 316 w 448"/>
                  <a:gd name="T17" fmla="*/ 172 h 223"/>
                  <a:gd name="T18" fmla="*/ 299 w 448"/>
                  <a:gd name="T19" fmla="*/ 142 h 223"/>
                  <a:gd name="T20" fmla="*/ 299 w 448"/>
                  <a:gd name="T21" fmla="*/ 111 h 223"/>
                  <a:gd name="T22" fmla="*/ 291 w 448"/>
                  <a:gd name="T23" fmla="*/ 81 h 223"/>
                  <a:gd name="T24" fmla="*/ 301 w 448"/>
                  <a:gd name="T25" fmla="*/ 66 h 223"/>
                  <a:gd name="T26" fmla="*/ 301 w 448"/>
                  <a:gd name="T27" fmla="*/ 52 h 223"/>
                  <a:gd name="T28" fmla="*/ 308 w 448"/>
                  <a:gd name="T29" fmla="*/ 61 h 223"/>
                  <a:gd name="T30" fmla="*/ 321 w 448"/>
                  <a:gd name="T31" fmla="*/ 42 h 223"/>
                  <a:gd name="T32" fmla="*/ 320 w 448"/>
                  <a:gd name="T33" fmla="*/ 28 h 223"/>
                  <a:gd name="T34" fmla="*/ 331 w 448"/>
                  <a:gd name="T35" fmla="*/ 27 h 223"/>
                  <a:gd name="T36" fmla="*/ 337 w 448"/>
                  <a:gd name="T37" fmla="*/ 32 h 223"/>
                  <a:gd name="T38" fmla="*/ 331 w 448"/>
                  <a:gd name="T39" fmla="*/ 44 h 223"/>
                  <a:gd name="T40" fmla="*/ 316 w 448"/>
                  <a:gd name="T41" fmla="*/ 72 h 223"/>
                  <a:gd name="T42" fmla="*/ 326 w 448"/>
                  <a:gd name="T43" fmla="*/ 83 h 223"/>
                  <a:gd name="T44" fmla="*/ 335 w 448"/>
                  <a:gd name="T45" fmla="*/ 76 h 223"/>
                  <a:gd name="T46" fmla="*/ 326 w 448"/>
                  <a:gd name="T47" fmla="*/ 91 h 223"/>
                  <a:gd name="T48" fmla="*/ 325 w 448"/>
                  <a:gd name="T49" fmla="*/ 110 h 223"/>
                  <a:gd name="T50" fmla="*/ 320 w 448"/>
                  <a:gd name="T51" fmla="*/ 127 h 223"/>
                  <a:gd name="T52" fmla="*/ 340 w 448"/>
                  <a:gd name="T53" fmla="*/ 145 h 223"/>
                  <a:gd name="T54" fmla="*/ 325 w 448"/>
                  <a:gd name="T55" fmla="*/ 150 h 223"/>
                  <a:gd name="T56" fmla="*/ 335 w 448"/>
                  <a:gd name="T57" fmla="*/ 157 h 223"/>
                  <a:gd name="T58" fmla="*/ 337 w 448"/>
                  <a:gd name="T59" fmla="*/ 176 h 223"/>
                  <a:gd name="T60" fmla="*/ 348 w 448"/>
                  <a:gd name="T61" fmla="*/ 182 h 223"/>
                  <a:gd name="T62" fmla="*/ 360 w 448"/>
                  <a:gd name="T63" fmla="*/ 186 h 223"/>
                  <a:gd name="T64" fmla="*/ 355 w 448"/>
                  <a:gd name="T65" fmla="*/ 176 h 223"/>
                  <a:gd name="T66" fmla="*/ 364 w 448"/>
                  <a:gd name="T67" fmla="*/ 177 h 223"/>
                  <a:gd name="T68" fmla="*/ 372 w 448"/>
                  <a:gd name="T69" fmla="*/ 181 h 223"/>
                  <a:gd name="T70" fmla="*/ 369 w 448"/>
                  <a:gd name="T71" fmla="*/ 198 h 223"/>
                  <a:gd name="T72" fmla="*/ 382 w 448"/>
                  <a:gd name="T73" fmla="*/ 194 h 223"/>
                  <a:gd name="T74" fmla="*/ 381 w 448"/>
                  <a:gd name="T75" fmla="*/ 211 h 223"/>
                  <a:gd name="T76" fmla="*/ 387 w 448"/>
                  <a:gd name="T77" fmla="*/ 223 h 223"/>
                  <a:gd name="T78" fmla="*/ 409 w 448"/>
                  <a:gd name="T79" fmla="*/ 206 h 223"/>
                  <a:gd name="T80" fmla="*/ 440 w 448"/>
                  <a:gd name="T81" fmla="*/ 145 h 223"/>
                  <a:gd name="T82" fmla="*/ 441 w 448"/>
                  <a:gd name="T83" fmla="*/ 172 h 223"/>
                  <a:gd name="T84" fmla="*/ 435 w 448"/>
                  <a:gd name="T85" fmla="*/ 203 h 223"/>
                  <a:gd name="T86" fmla="*/ 433 w 448"/>
                  <a:gd name="T87" fmla="*/ 215 h 223"/>
                  <a:gd name="T88" fmla="*/ 436 w 448"/>
                  <a:gd name="T89" fmla="*/ 213 h 223"/>
                  <a:gd name="T90" fmla="*/ 447 w 448"/>
                  <a:gd name="T91" fmla="*/ 179 h 223"/>
                  <a:gd name="T92" fmla="*/ 448 w 448"/>
                  <a:gd name="T93" fmla="*/ 144 h 223"/>
                  <a:gd name="T94" fmla="*/ 0 w 448"/>
                  <a:gd name="T95" fmla="*/ 66 h 223"/>
                  <a:gd name="T96" fmla="*/ 52 w 448"/>
                  <a:gd name="T97" fmla="*/ 94 h 223"/>
                  <a:gd name="T98" fmla="*/ 84 w 448"/>
                  <a:gd name="T99" fmla="*/ 74 h 223"/>
                  <a:gd name="T100" fmla="*/ 111 w 448"/>
                  <a:gd name="T101" fmla="*/ 54 h 223"/>
                  <a:gd name="T102" fmla="*/ 147 w 448"/>
                  <a:gd name="T103" fmla="*/ 56 h 223"/>
                  <a:gd name="T104" fmla="*/ 159 w 448"/>
                  <a:gd name="T105" fmla="*/ 62 h 223"/>
                  <a:gd name="T106" fmla="*/ 176 w 448"/>
                  <a:gd name="T107" fmla="*/ 88 h 223"/>
                  <a:gd name="T108" fmla="*/ 193 w 448"/>
                  <a:gd name="T109" fmla="*/ 86 h 223"/>
                  <a:gd name="T110" fmla="*/ 198 w 448"/>
                  <a:gd name="T111" fmla="*/ 108 h 223"/>
                  <a:gd name="T112" fmla="*/ 228 w 448"/>
                  <a:gd name="T113" fmla="*/ 115 h 223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448"/>
                  <a:gd name="T172" fmla="*/ 0 h 223"/>
                  <a:gd name="T173" fmla="*/ 448 w 448"/>
                  <a:gd name="T174" fmla="*/ 223 h 223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448" h="223">
                    <a:moveTo>
                      <a:pt x="247" y="115"/>
                    </a:moveTo>
                    <a:lnTo>
                      <a:pt x="260" y="123"/>
                    </a:lnTo>
                    <a:lnTo>
                      <a:pt x="252" y="137"/>
                    </a:lnTo>
                    <a:lnTo>
                      <a:pt x="252" y="145"/>
                    </a:lnTo>
                    <a:lnTo>
                      <a:pt x="252" y="147"/>
                    </a:lnTo>
                    <a:lnTo>
                      <a:pt x="250" y="150"/>
                    </a:lnTo>
                    <a:lnTo>
                      <a:pt x="249" y="155"/>
                    </a:lnTo>
                    <a:lnTo>
                      <a:pt x="245" y="162"/>
                    </a:lnTo>
                    <a:lnTo>
                      <a:pt x="243" y="169"/>
                    </a:lnTo>
                    <a:lnTo>
                      <a:pt x="240" y="176"/>
                    </a:lnTo>
                    <a:lnTo>
                      <a:pt x="238" y="179"/>
                    </a:lnTo>
                    <a:lnTo>
                      <a:pt x="238" y="181"/>
                    </a:lnTo>
                    <a:lnTo>
                      <a:pt x="237" y="186"/>
                    </a:lnTo>
                    <a:lnTo>
                      <a:pt x="238" y="189"/>
                    </a:lnTo>
                    <a:lnTo>
                      <a:pt x="240" y="193"/>
                    </a:lnTo>
                    <a:lnTo>
                      <a:pt x="242" y="193"/>
                    </a:lnTo>
                    <a:lnTo>
                      <a:pt x="243" y="193"/>
                    </a:lnTo>
                    <a:lnTo>
                      <a:pt x="247" y="193"/>
                    </a:lnTo>
                    <a:lnTo>
                      <a:pt x="249" y="191"/>
                    </a:lnTo>
                    <a:lnTo>
                      <a:pt x="250" y="191"/>
                    </a:lnTo>
                    <a:lnTo>
                      <a:pt x="252" y="186"/>
                    </a:lnTo>
                    <a:lnTo>
                      <a:pt x="255" y="182"/>
                    </a:lnTo>
                    <a:lnTo>
                      <a:pt x="257" y="182"/>
                    </a:lnTo>
                    <a:lnTo>
                      <a:pt x="259" y="182"/>
                    </a:lnTo>
                    <a:lnTo>
                      <a:pt x="260" y="184"/>
                    </a:lnTo>
                    <a:lnTo>
                      <a:pt x="262" y="186"/>
                    </a:lnTo>
                    <a:lnTo>
                      <a:pt x="264" y="188"/>
                    </a:lnTo>
                    <a:lnTo>
                      <a:pt x="274" y="201"/>
                    </a:lnTo>
                    <a:lnTo>
                      <a:pt x="277" y="201"/>
                    </a:lnTo>
                    <a:lnTo>
                      <a:pt x="277" y="193"/>
                    </a:lnTo>
                    <a:lnTo>
                      <a:pt x="282" y="193"/>
                    </a:lnTo>
                    <a:lnTo>
                      <a:pt x="282" y="194"/>
                    </a:lnTo>
                    <a:lnTo>
                      <a:pt x="284" y="198"/>
                    </a:lnTo>
                    <a:lnTo>
                      <a:pt x="284" y="201"/>
                    </a:lnTo>
                    <a:lnTo>
                      <a:pt x="286" y="201"/>
                    </a:lnTo>
                    <a:lnTo>
                      <a:pt x="298" y="201"/>
                    </a:lnTo>
                    <a:lnTo>
                      <a:pt x="308" y="203"/>
                    </a:lnTo>
                    <a:lnTo>
                      <a:pt x="316" y="204"/>
                    </a:lnTo>
                    <a:lnTo>
                      <a:pt x="321" y="208"/>
                    </a:lnTo>
                    <a:lnTo>
                      <a:pt x="326" y="211"/>
                    </a:lnTo>
                    <a:lnTo>
                      <a:pt x="330" y="215"/>
                    </a:lnTo>
                    <a:lnTo>
                      <a:pt x="331" y="216"/>
                    </a:lnTo>
                    <a:lnTo>
                      <a:pt x="331" y="218"/>
                    </a:lnTo>
                    <a:lnTo>
                      <a:pt x="335" y="210"/>
                    </a:lnTo>
                    <a:lnTo>
                      <a:pt x="326" y="199"/>
                    </a:lnTo>
                    <a:lnTo>
                      <a:pt x="325" y="191"/>
                    </a:lnTo>
                    <a:lnTo>
                      <a:pt x="313" y="188"/>
                    </a:lnTo>
                    <a:lnTo>
                      <a:pt x="299" y="179"/>
                    </a:lnTo>
                    <a:lnTo>
                      <a:pt x="289" y="171"/>
                    </a:lnTo>
                    <a:lnTo>
                      <a:pt x="291" y="167"/>
                    </a:lnTo>
                    <a:lnTo>
                      <a:pt x="299" y="174"/>
                    </a:lnTo>
                    <a:lnTo>
                      <a:pt x="301" y="174"/>
                    </a:lnTo>
                    <a:lnTo>
                      <a:pt x="303" y="176"/>
                    </a:lnTo>
                    <a:lnTo>
                      <a:pt x="306" y="176"/>
                    </a:lnTo>
                    <a:lnTo>
                      <a:pt x="308" y="177"/>
                    </a:lnTo>
                    <a:lnTo>
                      <a:pt x="316" y="182"/>
                    </a:lnTo>
                    <a:lnTo>
                      <a:pt x="321" y="184"/>
                    </a:lnTo>
                    <a:lnTo>
                      <a:pt x="323" y="182"/>
                    </a:lnTo>
                    <a:lnTo>
                      <a:pt x="323" y="181"/>
                    </a:lnTo>
                    <a:lnTo>
                      <a:pt x="321" y="177"/>
                    </a:lnTo>
                    <a:lnTo>
                      <a:pt x="318" y="176"/>
                    </a:lnTo>
                    <a:lnTo>
                      <a:pt x="316" y="172"/>
                    </a:lnTo>
                    <a:lnTo>
                      <a:pt x="315" y="172"/>
                    </a:lnTo>
                    <a:lnTo>
                      <a:pt x="311" y="167"/>
                    </a:lnTo>
                    <a:lnTo>
                      <a:pt x="308" y="164"/>
                    </a:lnTo>
                    <a:lnTo>
                      <a:pt x="304" y="159"/>
                    </a:lnTo>
                    <a:lnTo>
                      <a:pt x="303" y="154"/>
                    </a:lnTo>
                    <a:lnTo>
                      <a:pt x="299" y="149"/>
                    </a:lnTo>
                    <a:lnTo>
                      <a:pt x="299" y="142"/>
                    </a:lnTo>
                    <a:lnTo>
                      <a:pt x="298" y="137"/>
                    </a:lnTo>
                    <a:lnTo>
                      <a:pt x="298" y="132"/>
                    </a:lnTo>
                    <a:lnTo>
                      <a:pt x="298" y="127"/>
                    </a:lnTo>
                    <a:lnTo>
                      <a:pt x="298" y="122"/>
                    </a:lnTo>
                    <a:lnTo>
                      <a:pt x="298" y="118"/>
                    </a:lnTo>
                    <a:lnTo>
                      <a:pt x="299" y="115"/>
                    </a:lnTo>
                    <a:lnTo>
                      <a:pt x="299" y="111"/>
                    </a:lnTo>
                    <a:lnTo>
                      <a:pt x="299" y="108"/>
                    </a:lnTo>
                    <a:lnTo>
                      <a:pt x="299" y="106"/>
                    </a:lnTo>
                    <a:lnTo>
                      <a:pt x="299" y="98"/>
                    </a:lnTo>
                    <a:lnTo>
                      <a:pt x="296" y="93"/>
                    </a:lnTo>
                    <a:lnTo>
                      <a:pt x="294" y="86"/>
                    </a:lnTo>
                    <a:lnTo>
                      <a:pt x="291" y="81"/>
                    </a:lnTo>
                    <a:lnTo>
                      <a:pt x="287" y="78"/>
                    </a:lnTo>
                    <a:lnTo>
                      <a:pt x="286" y="74"/>
                    </a:lnTo>
                    <a:lnTo>
                      <a:pt x="284" y="72"/>
                    </a:lnTo>
                    <a:lnTo>
                      <a:pt x="282" y="72"/>
                    </a:lnTo>
                    <a:lnTo>
                      <a:pt x="296" y="72"/>
                    </a:lnTo>
                    <a:lnTo>
                      <a:pt x="301" y="67"/>
                    </a:lnTo>
                    <a:lnTo>
                      <a:pt x="301" y="66"/>
                    </a:lnTo>
                    <a:lnTo>
                      <a:pt x="301" y="64"/>
                    </a:lnTo>
                    <a:lnTo>
                      <a:pt x="301" y="61"/>
                    </a:lnTo>
                    <a:lnTo>
                      <a:pt x="301" y="59"/>
                    </a:lnTo>
                    <a:lnTo>
                      <a:pt x="299" y="56"/>
                    </a:lnTo>
                    <a:lnTo>
                      <a:pt x="298" y="52"/>
                    </a:lnTo>
                    <a:lnTo>
                      <a:pt x="299" y="52"/>
                    </a:lnTo>
                    <a:lnTo>
                      <a:pt x="301" y="52"/>
                    </a:lnTo>
                    <a:lnTo>
                      <a:pt x="303" y="52"/>
                    </a:lnTo>
                    <a:lnTo>
                      <a:pt x="303" y="54"/>
                    </a:lnTo>
                    <a:lnTo>
                      <a:pt x="304" y="56"/>
                    </a:lnTo>
                    <a:lnTo>
                      <a:pt x="306" y="59"/>
                    </a:lnTo>
                    <a:lnTo>
                      <a:pt x="306" y="61"/>
                    </a:lnTo>
                    <a:lnTo>
                      <a:pt x="308" y="61"/>
                    </a:lnTo>
                    <a:lnTo>
                      <a:pt x="309" y="59"/>
                    </a:lnTo>
                    <a:lnTo>
                      <a:pt x="309" y="57"/>
                    </a:lnTo>
                    <a:lnTo>
                      <a:pt x="311" y="56"/>
                    </a:lnTo>
                    <a:lnTo>
                      <a:pt x="321" y="42"/>
                    </a:lnTo>
                    <a:lnTo>
                      <a:pt x="320" y="40"/>
                    </a:lnTo>
                    <a:lnTo>
                      <a:pt x="320" y="39"/>
                    </a:lnTo>
                    <a:lnTo>
                      <a:pt x="320" y="35"/>
                    </a:lnTo>
                    <a:lnTo>
                      <a:pt x="320" y="34"/>
                    </a:lnTo>
                    <a:lnTo>
                      <a:pt x="320" y="32"/>
                    </a:lnTo>
                    <a:lnTo>
                      <a:pt x="320" y="28"/>
                    </a:lnTo>
                    <a:lnTo>
                      <a:pt x="325" y="23"/>
                    </a:lnTo>
                    <a:lnTo>
                      <a:pt x="328" y="22"/>
                    </a:lnTo>
                    <a:lnTo>
                      <a:pt x="330" y="20"/>
                    </a:lnTo>
                    <a:lnTo>
                      <a:pt x="331" y="22"/>
                    </a:lnTo>
                    <a:lnTo>
                      <a:pt x="331" y="23"/>
                    </a:lnTo>
                    <a:lnTo>
                      <a:pt x="331" y="25"/>
                    </a:lnTo>
                    <a:lnTo>
                      <a:pt x="331" y="27"/>
                    </a:lnTo>
                    <a:lnTo>
                      <a:pt x="330" y="27"/>
                    </a:lnTo>
                    <a:lnTo>
                      <a:pt x="330" y="32"/>
                    </a:lnTo>
                    <a:lnTo>
                      <a:pt x="330" y="35"/>
                    </a:lnTo>
                    <a:lnTo>
                      <a:pt x="333" y="35"/>
                    </a:lnTo>
                    <a:lnTo>
                      <a:pt x="335" y="34"/>
                    </a:lnTo>
                    <a:lnTo>
                      <a:pt x="337" y="32"/>
                    </a:lnTo>
                    <a:lnTo>
                      <a:pt x="338" y="30"/>
                    </a:lnTo>
                    <a:lnTo>
                      <a:pt x="340" y="30"/>
                    </a:lnTo>
                    <a:lnTo>
                      <a:pt x="338" y="34"/>
                    </a:lnTo>
                    <a:lnTo>
                      <a:pt x="338" y="37"/>
                    </a:lnTo>
                    <a:lnTo>
                      <a:pt x="337" y="39"/>
                    </a:lnTo>
                    <a:lnTo>
                      <a:pt x="333" y="42"/>
                    </a:lnTo>
                    <a:lnTo>
                      <a:pt x="331" y="44"/>
                    </a:lnTo>
                    <a:lnTo>
                      <a:pt x="330" y="45"/>
                    </a:lnTo>
                    <a:lnTo>
                      <a:pt x="330" y="47"/>
                    </a:lnTo>
                    <a:lnTo>
                      <a:pt x="328" y="47"/>
                    </a:lnTo>
                    <a:lnTo>
                      <a:pt x="323" y="52"/>
                    </a:lnTo>
                    <a:lnTo>
                      <a:pt x="320" y="59"/>
                    </a:lnTo>
                    <a:lnTo>
                      <a:pt x="316" y="66"/>
                    </a:lnTo>
                    <a:lnTo>
                      <a:pt x="316" y="72"/>
                    </a:lnTo>
                    <a:lnTo>
                      <a:pt x="316" y="79"/>
                    </a:lnTo>
                    <a:lnTo>
                      <a:pt x="316" y="84"/>
                    </a:lnTo>
                    <a:lnTo>
                      <a:pt x="318" y="88"/>
                    </a:lnTo>
                    <a:lnTo>
                      <a:pt x="318" y="89"/>
                    </a:lnTo>
                    <a:lnTo>
                      <a:pt x="321" y="88"/>
                    </a:lnTo>
                    <a:lnTo>
                      <a:pt x="323" y="86"/>
                    </a:lnTo>
                    <a:lnTo>
                      <a:pt x="326" y="83"/>
                    </a:lnTo>
                    <a:lnTo>
                      <a:pt x="328" y="79"/>
                    </a:lnTo>
                    <a:lnTo>
                      <a:pt x="330" y="76"/>
                    </a:lnTo>
                    <a:lnTo>
                      <a:pt x="331" y="72"/>
                    </a:lnTo>
                    <a:lnTo>
                      <a:pt x="333" y="71"/>
                    </a:lnTo>
                    <a:lnTo>
                      <a:pt x="333" y="69"/>
                    </a:lnTo>
                    <a:lnTo>
                      <a:pt x="335" y="72"/>
                    </a:lnTo>
                    <a:lnTo>
                      <a:pt x="335" y="76"/>
                    </a:lnTo>
                    <a:lnTo>
                      <a:pt x="333" y="79"/>
                    </a:lnTo>
                    <a:lnTo>
                      <a:pt x="331" y="83"/>
                    </a:lnTo>
                    <a:lnTo>
                      <a:pt x="330" y="86"/>
                    </a:lnTo>
                    <a:lnTo>
                      <a:pt x="328" y="88"/>
                    </a:lnTo>
                    <a:lnTo>
                      <a:pt x="328" y="89"/>
                    </a:lnTo>
                    <a:lnTo>
                      <a:pt x="326" y="89"/>
                    </a:lnTo>
                    <a:lnTo>
                      <a:pt x="326" y="91"/>
                    </a:lnTo>
                    <a:lnTo>
                      <a:pt x="326" y="93"/>
                    </a:lnTo>
                    <a:lnTo>
                      <a:pt x="326" y="96"/>
                    </a:lnTo>
                    <a:lnTo>
                      <a:pt x="326" y="100"/>
                    </a:lnTo>
                    <a:lnTo>
                      <a:pt x="326" y="103"/>
                    </a:lnTo>
                    <a:lnTo>
                      <a:pt x="326" y="106"/>
                    </a:lnTo>
                    <a:lnTo>
                      <a:pt x="325" y="110"/>
                    </a:lnTo>
                    <a:lnTo>
                      <a:pt x="320" y="116"/>
                    </a:lnTo>
                    <a:lnTo>
                      <a:pt x="318" y="120"/>
                    </a:lnTo>
                    <a:lnTo>
                      <a:pt x="316" y="123"/>
                    </a:lnTo>
                    <a:lnTo>
                      <a:pt x="316" y="125"/>
                    </a:lnTo>
                    <a:lnTo>
                      <a:pt x="318" y="127"/>
                    </a:lnTo>
                    <a:lnTo>
                      <a:pt x="320" y="127"/>
                    </a:lnTo>
                    <a:lnTo>
                      <a:pt x="330" y="132"/>
                    </a:lnTo>
                    <a:lnTo>
                      <a:pt x="337" y="137"/>
                    </a:lnTo>
                    <a:lnTo>
                      <a:pt x="340" y="140"/>
                    </a:lnTo>
                    <a:lnTo>
                      <a:pt x="342" y="142"/>
                    </a:lnTo>
                    <a:lnTo>
                      <a:pt x="342" y="144"/>
                    </a:lnTo>
                    <a:lnTo>
                      <a:pt x="340" y="145"/>
                    </a:lnTo>
                    <a:lnTo>
                      <a:pt x="338" y="145"/>
                    </a:lnTo>
                    <a:lnTo>
                      <a:pt x="337" y="145"/>
                    </a:lnTo>
                    <a:lnTo>
                      <a:pt x="331" y="145"/>
                    </a:lnTo>
                    <a:lnTo>
                      <a:pt x="328" y="147"/>
                    </a:lnTo>
                    <a:lnTo>
                      <a:pt x="325" y="147"/>
                    </a:lnTo>
                    <a:lnTo>
                      <a:pt x="325" y="149"/>
                    </a:lnTo>
                    <a:lnTo>
                      <a:pt x="325" y="150"/>
                    </a:lnTo>
                    <a:lnTo>
                      <a:pt x="325" y="152"/>
                    </a:lnTo>
                    <a:lnTo>
                      <a:pt x="326" y="152"/>
                    </a:lnTo>
                    <a:lnTo>
                      <a:pt x="333" y="152"/>
                    </a:lnTo>
                    <a:lnTo>
                      <a:pt x="337" y="154"/>
                    </a:lnTo>
                    <a:lnTo>
                      <a:pt x="337" y="155"/>
                    </a:lnTo>
                    <a:lnTo>
                      <a:pt x="335" y="157"/>
                    </a:lnTo>
                    <a:lnTo>
                      <a:pt x="331" y="159"/>
                    </a:lnTo>
                    <a:lnTo>
                      <a:pt x="328" y="160"/>
                    </a:lnTo>
                    <a:lnTo>
                      <a:pt x="326" y="160"/>
                    </a:lnTo>
                    <a:lnTo>
                      <a:pt x="325" y="162"/>
                    </a:lnTo>
                    <a:lnTo>
                      <a:pt x="325" y="166"/>
                    </a:lnTo>
                    <a:lnTo>
                      <a:pt x="335" y="177"/>
                    </a:lnTo>
                    <a:lnTo>
                      <a:pt x="337" y="176"/>
                    </a:lnTo>
                    <a:lnTo>
                      <a:pt x="338" y="176"/>
                    </a:lnTo>
                    <a:lnTo>
                      <a:pt x="340" y="174"/>
                    </a:lnTo>
                    <a:lnTo>
                      <a:pt x="342" y="176"/>
                    </a:lnTo>
                    <a:lnTo>
                      <a:pt x="345" y="177"/>
                    </a:lnTo>
                    <a:lnTo>
                      <a:pt x="347" y="181"/>
                    </a:lnTo>
                    <a:lnTo>
                      <a:pt x="348" y="182"/>
                    </a:lnTo>
                    <a:lnTo>
                      <a:pt x="348" y="184"/>
                    </a:lnTo>
                    <a:lnTo>
                      <a:pt x="350" y="186"/>
                    </a:lnTo>
                    <a:lnTo>
                      <a:pt x="352" y="188"/>
                    </a:lnTo>
                    <a:lnTo>
                      <a:pt x="355" y="188"/>
                    </a:lnTo>
                    <a:lnTo>
                      <a:pt x="359" y="186"/>
                    </a:lnTo>
                    <a:lnTo>
                      <a:pt x="360" y="186"/>
                    </a:lnTo>
                    <a:lnTo>
                      <a:pt x="359" y="184"/>
                    </a:lnTo>
                    <a:lnTo>
                      <a:pt x="359" y="182"/>
                    </a:lnTo>
                    <a:lnTo>
                      <a:pt x="357" y="179"/>
                    </a:lnTo>
                    <a:lnTo>
                      <a:pt x="355" y="176"/>
                    </a:lnTo>
                    <a:lnTo>
                      <a:pt x="357" y="174"/>
                    </a:lnTo>
                    <a:lnTo>
                      <a:pt x="359" y="172"/>
                    </a:lnTo>
                    <a:lnTo>
                      <a:pt x="360" y="171"/>
                    </a:lnTo>
                    <a:lnTo>
                      <a:pt x="362" y="171"/>
                    </a:lnTo>
                    <a:lnTo>
                      <a:pt x="364" y="171"/>
                    </a:lnTo>
                    <a:lnTo>
                      <a:pt x="364" y="177"/>
                    </a:lnTo>
                    <a:lnTo>
                      <a:pt x="364" y="182"/>
                    </a:lnTo>
                    <a:lnTo>
                      <a:pt x="365" y="184"/>
                    </a:lnTo>
                    <a:lnTo>
                      <a:pt x="367" y="186"/>
                    </a:lnTo>
                    <a:lnTo>
                      <a:pt x="369" y="184"/>
                    </a:lnTo>
                    <a:lnTo>
                      <a:pt x="370" y="182"/>
                    </a:lnTo>
                    <a:lnTo>
                      <a:pt x="372" y="182"/>
                    </a:lnTo>
                    <a:lnTo>
                      <a:pt x="372" y="181"/>
                    </a:lnTo>
                    <a:lnTo>
                      <a:pt x="374" y="181"/>
                    </a:lnTo>
                    <a:lnTo>
                      <a:pt x="375" y="182"/>
                    </a:lnTo>
                    <a:lnTo>
                      <a:pt x="377" y="184"/>
                    </a:lnTo>
                    <a:lnTo>
                      <a:pt x="370" y="191"/>
                    </a:lnTo>
                    <a:lnTo>
                      <a:pt x="369" y="194"/>
                    </a:lnTo>
                    <a:lnTo>
                      <a:pt x="369" y="198"/>
                    </a:lnTo>
                    <a:lnTo>
                      <a:pt x="372" y="198"/>
                    </a:lnTo>
                    <a:lnTo>
                      <a:pt x="375" y="196"/>
                    </a:lnTo>
                    <a:lnTo>
                      <a:pt x="379" y="194"/>
                    </a:lnTo>
                    <a:lnTo>
                      <a:pt x="382" y="193"/>
                    </a:lnTo>
                    <a:lnTo>
                      <a:pt x="382" y="194"/>
                    </a:lnTo>
                    <a:lnTo>
                      <a:pt x="382" y="198"/>
                    </a:lnTo>
                    <a:lnTo>
                      <a:pt x="382" y="199"/>
                    </a:lnTo>
                    <a:lnTo>
                      <a:pt x="382" y="203"/>
                    </a:lnTo>
                    <a:lnTo>
                      <a:pt x="382" y="204"/>
                    </a:lnTo>
                    <a:lnTo>
                      <a:pt x="382" y="206"/>
                    </a:lnTo>
                    <a:lnTo>
                      <a:pt x="381" y="211"/>
                    </a:lnTo>
                    <a:lnTo>
                      <a:pt x="381" y="215"/>
                    </a:lnTo>
                    <a:lnTo>
                      <a:pt x="381" y="218"/>
                    </a:lnTo>
                    <a:lnTo>
                      <a:pt x="382" y="220"/>
                    </a:lnTo>
                    <a:lnTo>
                      <a:pt x="384" y="221"/>
                    </a:lnTo>
                    <a:lnTo>
                      <a:pt x="386" y="223"/>
                    </a:lnTo>
                    <a:lnTo>
                      <a:pt x="387" y="223"/>
                    </a:lnTo>
                    <a:lnTo>
                      <a:pt x="394" y="220"/>
                    </a:lnTo>
                    <a:lnTo>
                      <a:pt x="397" y="216"/>
                    </a:lnTo>
                    <a:lnTo>
                      <a:pt x="399" y="215"/>
                    </a:lnTo>
                    <a:lnTo>
                      <a:pt x="403" y="211"/>
                    </a:lnTo>
                    <a:lnTo>
                      <a:pt x="406" y="210"/>
                    </a:lnTo>
                    <a:lnTo>
                      <a:pt x="409" y="206"/>
                    </a:lnTo>
                    <a:lnTo>
                      <a:pt x="413" y="204"/>
                    </a:lnTo>
                    <a:lnTo>
                      <a:pt x="418" y="203"/>
                    </a:lnTo>
                    <a:lnTo>
                      <a:pt x="425" y="203"/>
                    </a:lnTo>
                    <a:lnTo>
                      <a:pt x="430" y="198"/>
                    </a:lnTo>
                    <a:lnTo>
                      <a:pt x="431" y="171"/>
                    </a:lnTo>
                    <a:lnTo>
                      <a:pt x="436" y="171"/>
                    </a:lnTo>
                    <a:lnTo>
                      <a:pt x="440" y="145"/>
                    </a:lnTo>
                    <a:lnTo>
                      <a:pt x="441" y="144"/>
                    </a:lnTo>
                    <a:lnTo>
                      <a:pt x="443" y="144"/>
                    </a:lnTo>
                    <a:lnTo>
                      <a:pt x="443" y="145"/>
                    </a:lnTo>
                    <a:lnTo>
                      <a:pt x="443" y="155"/>
                    </a:lnTo>
                    <a:lnTo>
                      <a:pt x="441" y="164"/>
                    </a:lnTo>
                    <a:lnTo>
                      <a:pt x="441" y="172"/>
                    </a:lnTo>
                    <a:lnTo>
                      <a:pt x="440" y="179"/>
                    </a:lnTo>
                    <a:lnTo>
                      <a:pt x="438" y="184"/>
                    </a:lnTo>
                    <a:lnTo>
                      <a:pt x="438" y="189"/>
                    </a:lnTo>
                    <a:lnTo>
                      <a:pt x="436" y="194"/>
                    </a:lnTo>
                    <a:lnTo>
                      <a:pt x="436" y="198"/>
                    </a:lnTo>
                    <a:lnTo>
                      <a:pt x="435" y="201"/>
                    </a:lnTo>
                    <a:lnTo>
                      <a:pt x="435" y="203"/>
                    </a:lnTo>
                    <a:lnTo>
                      <a:pt x="435" y="204"/>
                    </a:lnTo>
                    <a:lnTo>
                      <a:pt x="433" y="206"/>
                    </a:lnTo>
                    <a:lnTo>
                      <a:pt x="433" y="208"/>
                    </a:lnTo>
                    <a:lnTo>
                      <a:pt x="433" y="210"/>
                    </a:lnTo>
                    <a:lnTo>
                      <a:pt x="433" y="215"/>
                    </a:lnTo>
                    <a:lnTo>
                      <a:pt x="433" y="216"/>
                    </a:lnTo>
                    <a:lnTo>
                      <a:pt x="433" y="218"/>
                    </a:lnTo>
                    <a:lnTo>
                      <a:pt x="435" y="216"/>
                    </a:lnTo>
                    <a:lnTo>
                      <a:pt x="435" y="215"/>
                    </a:lnTo>
                    <a:lnTo>
                      <a:pt x="436" y="215"/>
                    </a:lnTo>
                    <a:lnTo>
                      <a:pt x="436" y="213"/>
                    </a:lnTo>
                    <a:lnTo>
                      <a:pt x="438" y="211"/>
                    </a:lnTo>
                    <a:lnTo>
                      <a:pt x="440" y="206"/>
                    </a:lnTo>
                    <a:lnTo>
                      <a:pt x="441" y="203"/>
                    </a:lnTo>
                    <a:lnTo>
                      <a:pt x="443" y="198"/>
                    </a:lnTo>
                    <a:lnTo>
                      <a:pt x="443" y="191"/>
                    </a:lnTo>
                    <a:lnTo>
                      <a:pt x="445" y="186"/>
                    </a:lnTo>
                    <a:lnTo>
                      <a:pt x="447" y="179"/>
                    </a:lnTo>
                    <a:lnTo>
                      <a:pt x="447" y="172"/>
                    </a:lnTo>
                    <a:lnTo>
                      <a:pt x="447" y="167"/>
                    </a:lnTo>
                    <a:lnTo>
                      <a:pt x="447" y="160"/>
                    </a:lnTo>
                    <a:lnTo>
                      <a:pt x="447" y="155"/>
                    </a:lnTo>
                    <a:lnTo>
                      <a:pt x="448" y="150"/>
                    </a:lnTo>
                    <a:lnTo>
                      <a:pt x="448" y="147"/>
                    </a:lnTo>
                    <a:lnTo>
                      <a:pt x="448" y="144"/>
                    </a:lnTo>
                    <a:lnTo>
                      <a:pt x="448" y="142"/>
                    </a:lnTo>
                    <a:lnTo>
                      <a:pt x="386" y="154"/>
                    </a:lnTo>
                    <a:lnTo>
                      <a:pt x="345" y="0"/>
                    </a:lnTo>
                    <a:lnTo>
                      <a:pt x="0" y="66"/>
                    </a:lnTo>
                    <a:lnTo>
                      <a:pt x="10" y="127"/>
                    </a:lnTo>
                    <a:lnTo>
                      <a:pt x="45" y="94"/>
                    </a:lnTo>
                    <a:lnTo>
                      <a:pt x="45" y="96"/>
                    </a:lnTo>
                    <a:lnTo>
                      <a:pt x="47" y="96"/>
                    </a:lnTo>
                    <a:lnTo>
                      <a:pt x="49" y="96"/>
                    </a:lnTo>
                    <a:lnTo>
                      <a:pt x="52" y="94"/>
                    </a:lnTo>
                    <a:lnTo>
                      <a:pt x="57" y="89"/>
                    </a:lnTo>
                    <a:lnTo>
                      <a:pt x="62" y="83"/>
                    </a:lnTo>
                    <a:lnTo>
                      <a:pt x="69" y="71"/>
                    </a:lnTo>
                    <a:lnTo>
                      <a:pt x="71" y="71"/>
                    </a:lnTo>
                    <a:lnTo>
                      <a:pt x="74" y="72"/>
                    </a:lnTo>
                    <a:lnTo>
                      <a:pt x="79" y="74"/>
                    </a:lnTo>
                    <a:lnTo>
                      <a:pt x="84" y="74"/>
                    </a:lnTo>
                    <a:lnTo>
                      <a:pt x="89" y="74"/>
                    </a:lnTo>
                    <a:lnTo>
                      <a:pt x="96" y="72"/>
                    </a:lnTo>
                    <a:lnTo>
                      <a:pt x="101" y="67"/>
                    </a:lnTo>
                    <a:lnTo>
                      <a:pt x="106" y="61"/>
                    </a:lnTo>
                    <a:lnTo>
                      <a:pt x="108" y="59"/>
                    </a:lnTo>
                    <a:lnTo>
                      <a:pt x="108" y="57"/>
                    </a:lnTo>
                    <a:lnTo>
                      <a:pt x="111" y="54"/>
                    </a:lnTo>
                    <a:lnTo>
                      <a:pt x="115" y="52"/>
                    </a:lnTo>
                    <a:lnTo>
                      <a:pt x="120" y="50"/>
                    </a:lnTo>
                    <a:lnTo>
                      <a:pt x="125" y="50"/>
                    </a:lnTo>
                    <a:lnTo>
                      <a:pt x="133" y="52"/>
                    </a:lnTo>
                    <a:lnTo>
                      <a:pt x="144" y="56"/>
                    </a:lnTo>
                    <a:lnTo>
                      <a:pt x="145" y="56"/>
                    </a:lnTo>
                    <a:lnTo>
                      <a:pt x="147" y="56"/>
                    </a:lnTo>
                    <a:lnTo>
                      <a:pt x="149" y="56"/>
                    </a:lnTo>
                    <a:lnTo>
                      <a:pt x="150" y="56"/>
                    </a:lnTo>
                    <a:lnTo>
                      <a:pt x="154" y="56"/>
                    </a:lnTo>
                    <a:lnTo>
                      <a:pt x="155" y="56"/>
                    </a:lnTo>
                    <a:lnTo>
                      <a:pt x="157" y="56"/>
                    </a:lnTo>
                    <a:lnTo>
                      <a:pt x="159" y="62"/>
                    </a:lnTo>
                    <a:lnTo>
                      <a:pt x="161" y="64"/>
                    </a:lnTo>
                    <a:lnTo>
                      <a:pt x="164" y="66"/>
                    </a:lnTo>
                    <a:lnTo>
                      <a:pt x="167" y="69"/>
                    </a:lnTo>
                    <a:lnTo>
                      <a:pt x="171" y="72"/>
                    </a:lnTo>
                    <a:lnTo>
                      <a:pt x="174" y="78"/>
                    </a:lnTo>
                    <a:lnTo>
                      <a:pt x="176" y="83"/>
                    </a:lnTo>
                    <a:lnTo>
                      <a:pt x="176" y="88"/>
                    </a:lnTo>
                    <a:lnTo>
                      <a:pt x="172" y="93"/>
                    </a:lnTo>
                    <a:lnTo>
                      <a:pt x="174" y="91"/>
                    </a:lnTo>
                    <a:lnTo>
                      <a:pt x="176" y="89"/>
                    </a:lnTo>
                    <a:lnTo>
                      <a:pt x="179" y="89"/>
                    </a:lnTo>
                    <a:lnTo>
                      <a:pt x="184" y="88"/>
                    </a:lnTo>
                    <a:lnTo>
                      <a:pt x="188" y="86"/>
                    </a:lnTo>
                    <a:lnTo>
                      <a:pt x="193" y="86"/>
                    </a:lnTo>
                    <a:lnTo>
                      <a:pt x="196" y="89"/>
                    </a:lnTo>
                    <a:lnTo>
                      <a:pt x="199" y="93"/>
                    </a:lnTo>
                    <a:lnTo>
                      <a:pt x="199" y="94"/>
                    </a:lnTo>
                    <a:lnTo>
                      <a:pt x="198" y="98"/>
                    </a:lnTo>
                    <a:lnTo>
                      <a:pt x="198" y="100"/>
                    </a:lnTo>
                    <a:lnTo>
                      <a:pt x="198" y="103"/>
                    </a:lnTo>
                    <a:lnTo>
                      <a:pt x="198" y="108"/>
                    </a:lnTo>
                    <a:lnTo>
                      <a:pt x="203" y="110"/>
                    </a:lnTo>
                    <a:lnTo>
                      <a:pt x="210" y="113"/>
                    </a:lnTo>
                    <a:lnTo>
                      <a:pt x="221" y="113"/>
                    </a:lnTo>
                    <a:lnTo>
                      <a:pt x="223" y="113"/>
                    </a:lnTo>
                    <a:lnTo>
                      <a:pt x="227" y="115"/>
                    </a:lnTo>
                    <a:lnTo>
                      <a:pt x="228" y="115"/>
                    </a:lnTo>
                    <a:lnTo>
                      <a:pt x="230" y="116"/>
                    </a:lnTo>
                    <a:lnTo>
                      <a:pt x="233" y="118"/>
                    </a:lnTo>
                    <a:lnTo>
                      <a:pt x="237" y="120"/>
                    </a:lnTo>
                    <a:lnTo>
                      <a:pt x="240" y="122"/>
                    </a:lnTo>
                    <a:lnTo>
                      <a:pt x="247" y="11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39" name="Freeform 75"/>
              <p:cNvSpPr>
                <a:spLocks/>
              </p:cNvSpPr>
              <p:nvPr/>
            </p:nvSpPr>
            <p:spPr bwMode="auto">
              <a:xfrm>
                <a:off x="4487" y="1686"/>
                <a:ext cx="448" cy="223"/>
              </a:xfrm>
              <a:custGeom>
                <a:avLst/>
                <a:gdLst>
                  <a:gd name="T0" fmla="*/ 249 w 448"/>
                  <a:gd name="T1" fmla="*/ 155 h 223"/>
                  <a:gd name="T2" fmla="*/ 238 w 448"/>
                  <a:gd name="T3" fmla="*/ 189 h 223"/>
                  <a:gd name="T4" fmla="*/ 252 w 448"/>
                  <a:gd name="T5" fmla="*/ 186 h 223"/>
                  <a:gd name="T6" fmla="*/ 274 w 448"/>
                  <a:gd name="T7" fmla="*/ 201 h 223"/>
                  <a:gd name="T8" fmla="*/ 286 w 448"/>
                  <a:gd name="T9" fmla="*/ 201 h 223"/>
                  <a:gd name="T10" fmla="*/ 331 w 448"/>
                  <a:gd name="T11" fmla="*/ 216 h 223"/>
                  <a:gd name="T12" fmla="*/ 291 w 448"/>
                  <a:gd name="T13" fmla="*/ 167 h 223"/>
                  <a:gd name="T14" fmla="*/ 316 w 448"/>
                  <a:gd name="T15" fmla="*/ 182 h 223"/>
                  <a:gd name="T16" fmla="*/ 315 w 448"/>
                  <a:gd name="T17" fmla="*/ 172 h 223"/>
                  <a:gd name="T18" fmla="*/ 298 w 448"/>
                  <a:gd name="T19" fmla="*/ 132 h 223"/>
                  <a:gd name="T20" fmla="*/ 299 w 448"/>
                  <a:gd name="T21" fmla="*/ 106 h 223"/>
                  <a:gd name="T22" fmla="*/ 284 w 448"/>
                  <a:gd name="T23" fmla="*/ 72 h 223"/>
                  <a:gd name="T24" fmla="*/ 301 w 448"/>
                  <a:gd name="T25" fmla="*/ 59 h 223"/>
                  <a:gd name="T26" fmla="*/ 304 w 448"/>
                  <a:gd name="T27" fmla="*/ 56 h 223"/>
                  <a:gd name="T28" fmla="*/ 309 w 448"/>
                  <a:gd name="T29" fmla="*/ 57 h 223"/>
                  <a:gd name="T30" fmla="*/ 320 w 448"/>
                  <a:gd name="T31" fmla="*/ 35 h 223"/>
                  <a:gd name="T32" fmla="*/ 330 w 448"/>
                  <a:gd name="T33" fmla="*/ 20 h 223"/>
                  <a:gd name="T34" fmla="*/ 330 w 448"/>
                  <a:gd name="T35" fmla="*/ 35 h 223"/>
                  <a:gd name="T36" fmla="*/ 338 w 448"/>
                  <a:gd name="T37" fmla="*/ 34 h 223"/>
                  <a:gd name="T38" fmla="*/ 328 w 448"/>
                  <a:gd name="T39" fmla="*/ 47 h 223"/>
                  <a:gd name="T40" fmla="*/ 318 w 448"/>
                  <a:gd name="T41" fmla="*/ 89 h 223"/>
                  <a:gd name="T42" fmla="*/ 333 w 448"/>
                  <a:gd name="T43" fmla="*/ 71 h 223"/>
                  <a:gd name="T44" fmla="*/ 328 w 448"/>
                  <a:gd name="T45" fmla="*/ 88 h 223"/>
                  <a:gd name="T46" fmla="*/ 326 w 448"/>
                  <a:gd name="T47" fmla="*/ 103 h 223"/>
                  <a:gd name="T48" fmla="*/ 316 w 448"/>
                  <a:gd name="T49" fmla="*/ 125 h 223"/>
                  <a:gd name="T50" fmla="*/ 340 w 448"/>
                  <a:gd name="T51" fmla="*/ 140 h 223"/>
                  <a:gd name="T52" fmla="*/ 328 w 448"/>
                  <a:gd name="T53" fmla="*/ 147 h 223"/>
                  <a:gd name="T54" fmla="*/ 333 w 448"/>
                  <a:gd name="T55" fmla="*/ 152 h 223"/>
                  <a:gd name="T56" fmla="*/ 325 w 448"/>
                  <a:gd name="T57" fmla="*/ 166 h 223"/>
                  <a:gd name="T58" fmla="*/ 342 w 448"/>
                  <a:gd name="T59" fmla="*/ 176 h 223"/>
                  <a:gd name="T60" fmla="*/ 352 w 448"/>
                  <a:gd name="T61" fmla="*/ 188 h 223"/>
                  <a:gd name="T62" fmla="*/ 359 w 448"/>
                  <a:gd name="T63" fmla="*/ 182 h 223"/>
                  <a:gd name="T64" fmla="*/ 362 w 448"/>
                  <a:gd name="T65" fmla="*/ 171 h 223"/>
                  <a:gd name="T66" fmla="*/ 370 w 448"/>
                  <a:gd name="T67" fmla="*/ 182 h 223"/>
                  <a:gd name="T68" fmla="*/ 377 w 448"/>
                  <a:gd name="T69" fmla="*/ 184 h 223"/>
                  <a:gd name="T70" fmla="*/ 382 w 448"/>
                  <a:gd name="T71" fmla="*/ 193 h 223"/>
                  <a:gd name="T72" fmla="*/ 382 w 448"/>
                  <a:gd name="T73" fmla="*/ 206 h 223"/>
                  <a:gd name="T74" fmla="*/ 386 w 448"/>
                  <a:gd name="T75" fmla="*/ 223 h 223"/>
                  <a:gd name="T76" fmla="*/ 403 w 448"/>
                  <a:gd name="T77" fmla="*/ 211 h 223"/>
                  <a:gd name="T78" fmla="*/ 436 w 448"/>
                  <a:gd name="T79" fmla="*/ 171 h 223"/>
                  <a:gd name="T80" fmla="*/ 443 w 448"/>
                  <a:gd name="T81" fmla="*/ 155 h 223"/>
                  <a:gd name="T82" fmla="*/ 435 w 448"/>
                  <a:gd name="T83" fmla="*/ 201 h 223"/>
                  <a:gd name="T84" fmla="*/ 433 w 448"/>
                  <a:gd name="T85" fmla="*/ 210 h 223"/>
                  <a:gd name="T86" fmla="*/ 436 w 448"/>
                  <a:gd name="T87" fmla="*/ 213 h 223"/>
                  <a:gd name="T88" fmla="*/ 447 w 448"/>
                  <a:gd name="T89" fmla="*/ 179 h 223"/>
                  <a:gd name="T90" fmla="*/ 448 w 448"/>
                  <a:gd name="T91" fmla="*/ 142 h 223"/>
                  <a:gd name="T92" fmla="*/ 45 w 448"/>
                  <a:gd name="T93" fmla="*/ 94 h 223"/>
                  <a:gd name="T94" fmla="*/ 62 w 448"/>
                  <a:gd name="T95" fmla="*/ 83 h 223"/>
                  <a:gd name="T96" fmla="*/ 96 w 448"/>
                  <a:gd name="T97" fmla="*/ 72 h 223"/>
                  <a:gd name="T98" fmla="*/ 120 w 448"/>
                  <a:gd name="T99" fmla="*/ 50 h 223"/>
                  <a:gd name="T100" fmla="*/ 150 w 448"/>
                  <a:gd name="T101" fmla="*/ 56 h 223"/>
                  <a:gd name="T102" fmla="*/ 164 w 448"/>
                  <a:gd name="T103" fmla="*/ 66 h 223"/>
                  <a:gd name="T104" fmla="*/ 174 w 448"/>
                  <a:gd name="T105" fmla="*/ 91 h 223"/>
                  <a:gd name="T106" fmla="*/ 199 w 448"/>
                  <a:gd name="T107" fmla="*/ 93 h 223"/>
                  <a:gd name="T108" fmla="*/ 221 w 448"/>
                  <a:gd name="T109" fmla="*/ 113 h 223"/>
                  <a:gd name="T110" fmla="*/ 237 w 448"/>
                  <a:gd name="T111" fmla="*/ 120 h 223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448"/>
                  <a:gd name="T169" fmla="*/ 0 h 223"/>
                  <a:gd name="T170" fmla="*/ 448 w 448"/>
                  <a:gd name="T171" fmla="*/ 223 h 223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448" h="223">
                    <a:moveTo>
                      <a:pt x="247" y="115"/>
                    </a:moveTo>
                    <a:lnTo>
                      <a:pt x="260" y="123"/>
                    </a:lnTo>
                    <a:lnTo>
                      <a:pt x="252" y="137"/>
                    </a:lnTo>
                    <a:lnTo>
                      <a:pt x="252" y="145"/>
                    </a:lnTo>
                    <a:lnTo>
                      <a:pt x="252" y="147"/>
                    </a:lnTo>
                    <a:lnTo>
                      <a:pt x="250" y="150"/>
                    </a:lnTo>
                    <a:lnTo>
                      <a:pt x="249" y="155"/>
                    </a:lnTo>
                    <a:lnTo>
                      <a:pt x="245" y="162"/>
                    </a:lnTo>
                    <a:lnTo>
                      <a:pt x="243" y="169"/>
                    </a:lnTo>
                    <a:lnTo>
                      <a:pt x="240" y="176"/>
                    </a:lnTo>
                    <a:lnTo>
                      <a:pt x="238" y="179"/>
                    </a:lnTo>
                    <a:lnTo>
                      <a:pt x="238" y="181"/>
                    </a:lnTo>
                    <a:lnTo>
                      <a:pt x="237" y="186"/>
                    </a:lnTo>
                    <a:lnTo>
                      <a:pt x="238" y="189"/>
                    </a:lnTo>
                    <a:lnTo>
                      <a:pt x="240" y="193"/>
                    </a:lnTo>
                    <a:lnTo>
                      <a:pt x="242" y="193"/>
                    </a:lnTo>
                    <a:lnTo>
                      <a:pt x="243" y="193"/>
                    </a:lnTo>
                    <a:lnTo>
                      <a:pt x="247" y="193"/>
                    </a:lnTo>
                    <a:lnTo>
                      <a:pt x="249" y="191"/>
                    </a:lnTo>
                    <a:lnTo>
                      <a:pt x="250" y="191"/>
                    </a:lnTo>
                    <a:lnTo>
                      <a:pt x="252" y="186"/>
                    </a:lnTo>
                    <a:lnTo>
                      <a:pt x="255" y="182"/>
                    </a:lnTo>
                    <a:lnTo>
                      <a:pt x="257" y="182"/>
                    </a:lnTo>
                    <a:lnTo>
                      <a:pt x="259" y="182"/>
                    </a:lnTo>
                    <a:lnTo>
                      <a:pt x="260" y="184"/>
                    </a:lnTo>
                    <a:lnTo>
                      <a:pt x="262" y="186"/>
                    </a:lnTo>
                    <a:lnTo>
                      <a:pt x="264" y="188"/>
                    </a:lnTo>
                    <a:lnTo>
                      <a:pt x="274" y="201"/>
                    </a:lnTo>
                    <a:lnTo>
                      <a:pt x="277" y="201"/>
                    </a:lnTo>
                    <a:lnTo>
                      <a:pt x="277" y="193"/>
                    </a:lnTo>
                    <a:lnTo>
                      <a:pt x="282" y="193"/>
                    </a:lnTo>
                    <a:lnTo>
                      <a:pt x="282" y="194"/>
                    </a:lnTo>
                    <a:lnTo>
                      <a:pt x="284" y="198"/>
                    </a:lnTo>
                    <a:lnTo>
                      <a:pt x="284" y="201"/>
                    </a:lnTo>
                    <a:lnTo>
                      <a:pt x="286" y="201"/>
                    </a:lnTo>
                    <a:lnTo>
                      <a:pt x="298" y="201"/>
                    </a:lnTo>
                    <a:lnTo>
                      <a:pt x="308" y="203"/>
                    </a:lnTo>
                    <a:lnTo>
                      <a:pt x="316" y="204"/>
                    </a:lnTo>
                    <a:lnTo>
                      <a:pt x="321" y="208"/>
                    </a:lnTo>
                    <a:lnTo>
                      <a:pt x="326" y="211"/>
                    </a:lnTo>
                    <a:lnTo>
                      <a:pt x="330" y="215"/>
                    </a:lnTo>
                    <a:lnTo>
                      <a:pt x="331" y="216"/>
                    </a:lnTo>
                    <a:lnTo>
                      <a:pt x="331" y="218"/>
                    </a:lnTo>
                    <a:lnTo>
                      <a:pt x="335" y="210"/>
                    </a:lnTo>
                    <a:lnTo>
                      <a:pt x="326" y="199"/>
                    </a:lnTo>
                    <a:lnTo>
                      <a:pt x="325" y="191"/>
                    </a:lnTo>
                    <a:lnTo>
                      <a:pt x="313" y="188"/>
                    </a:lnTo>
                    <a:lnTo>
                      <a:pt x="299" y="179"/>
                    </a:lnTo>
                    <a:lnTo>
                      <a:pt x="289" y="171"/>
                    </a:lnTo>
                    <a:lnTo>
                      <a:pt x="291" y="167"/>
                    </a:lnTo>
                    <a:lnTo>
                      <a:pt x="299" y="174"/>
                    </a:lnTo>
                    <a:lnTo>
                      <a:pt x="301" y="174"/>
                    </a:lnTo>
                    <a:lnTo>
                      <a:pt x="303" y="176"/>
                    </a:lnTo>
                    <a:lnTo>
                      <a:pt x="306" y="176"/>
                    </a:lnTo>
                    <a:lnTo>
                      <a:pt x="308" y="177"/>
                    </a:lnTo>
                    <a:lnTo>
                      <a:pt x="316" y="182"/>
                    </a:lnTo>
                    <a:lnTo>
                      <a:pt x="321" y="184"/>
                    </a:lnTo>
                    <a:lnTo>
                      <a:pt x="323" y="182"/>
                    </a:lnTo>
                    <a:lnTo>
                      <a:pt x="323" y="181"/>
                    </a:lnTo>
                    <a:lnTo>
                      <a:pt x="321" y="177"/>
                    </a:lnTo>
                    <a:lnTo>
                      <a:pt x="318" y="176"/>
                    </a:lnTo>
                    <a:lnTo>
                      <a:pt x="316" y="172"/>
                    </a:lnTo>
                    <a:lnTo>
                      <a:pt x="315" y="172"/>
                    </a:lnTo>
                    <a:lnTo>
                      <a:pt x="311" y="167"/>
                    </a:lnTo>
                    <a:lnTo>
                      <a:pt x="308" y="164"/>
                    </a:lnTo>
                    <a:lnTo>
                      <a:pt x="304" y="159"/>
                    </a:lnTo>
                    <a:lnTo>
                      <a:pt x="303" y="154"/>
                    </a:lnTo>
                    <a:lnTo>
                      <a:pt x="299" y="149"/>
                    </a:lnTo>
                    <a:lnTo>
                      <a:pt x="299" y="142"/>
                    </a:lnTo>
                    <a:lnTo>
                      <a:pt x="298" y="137"/>
                    </a:lnTo>
                    <a:lnTo>
                      <a:pt x="298" y="132"/>
                    </a:lnTo>
                    <a:lnTo>
                      <a:pt x="298" y="127"/>
                    </a:lnTo>
                    <a:lnTo>
                      <a:pt x="298" y="122"/>
                    </a:lnTo>
                    <a:lnTo>
                      <a:pt x="298" y="118"/>
                    </a:lnTo>
                    <a:lnTo>
                      <a:pt x="299" y="115"/>
                    </a:lnTo>
                    <a:lnTo>
                      <a:pt x="299" y="111"/>
                    </a:lnTo>
                    <a:lnTo>
                      <a:pt x="299" y="108"/>
                    </a:lnTo>
                    <a:lnTo>
                      <a:pt x="299" y="106"/>
                    </a:lnTo>
                    <a:lnTo>
                      <a:pt x="299" y="98"/>
                    </a:lnTo>
                    <a:lnTo>
                      <a:pt x="296" y="93"/>
                    </a:lnTo>
                    <a:lnTo>
                      <a:pt x="294" y="86"/>
                    </a:lnTo>
                    <a:lnTo>
                      <a:pt x="291" y="81"/>
                    </a:lnTo>
                    <a:lnTo>
                      <a:pt x="287" y="78"/>
                    </a:lnTo>
                    <a:lnTo>
                      <a:pt x="286" y="74"/>
                    </a:lnTo>
                    <a:lnTo>
                      <a:pt x="284" y="72"/>
                    </a:lnTo>
                    <a:lnTo>
                      <a:pt x="282" y="72"/>
                    </a:lnTo>
                    <a:lnTo>
                      <a:pt x="296" y="72"/>
                    </a:lnTo>
                    <a:lnTo>
                      <a:pt x="301" y="67"/>
                    </a:lnTo>
                    <a:lnTo>
                      <a:pt x="301" y="66"/>
                    </a:lnTo>
                    <a:lnTo>
                      <a:pt x="301" y="64"/>
                    </a:lnTo>
                    <a:lnTo>
                      <a:pt x="301" y="61"/>
                    </a:lnTo>
                    <a:lnTo>
                      <a:pt x="301" y="59"/>
                    </a:lnTo>
                    <a:lnTo>
                      <a:pt x="299" y="56"/>
                    </a:lnTo>
                    <a:lnTo>
                      <a:pt x="298" y="52"/>
                    </a:lnTo>
                    <a:lnTo>
                      <a:pt x="299" y="52"/>
                    </a:lnTo>
                    <a:lnTo>
                      <a:pt x="301" y="52"/>
                    </a:lnTo>
                    <a:lnTo>
                      <a:pt x="303" y="52"/>
                    </a:lnTo>
                    <a:lnTo>
                      <a:pt x="303" y="54"/>
                    </a:lnTo>
                    <a:lnTo>
                      <a:pt x="304" y="56"/>
                    </a:lnTo>
                    <a:lnTo>
                      <a:pt x="306" y="59"/>
                    </a:lnTo>
                    <a:lnTo>
                      <a:pt x="306" y="61"/>
                    </a:lnTo>
                    <a:lnTo>
                      <a:pt x="308" y="61"/>
                    </a:lnTo>
                    <a:lnTo>
                      <a:pt x="309" y="59"/>
                    </a:lnTo>
                    <a:lnTo>
                      <a:pt x="309" y="57"/>
                    </a:lnTo>
                    <a:lnTo>
                      <a:pt x="311" y="56"/>
                    </a:lnTo>
                    <a:lnTo>
                      <a:pt x="321" y="42"/>
                    </a:lnTo>
                    <a:lnTo>
                      <a:pt x="320" y="40"/>
                    </a:lnTo>
                    <a:lnTo>
                      <a:pt x="320" y="39"/>
                    </a:lnTo>
                    <a:lnTo>
                      <a:pt x="320" y="35"/>
                    </a:lnTo>
                    <a:lnTo>
                      <a:pt x="320" y="34"/>
                    </a:lnTo>
                    <a:lnTo>
                      <a:pt x="320" y="32"/>
                    </a:lnTo>
                    <a:lnTo>
                      <a:pt x="320" y="28"/>
                    </a:lnTo>
                    <a:lnTo>
                      <a:pt x="325" y="23"/>
                    </a:lnTo>
                    <a:lnTo>
                      <a:pt x="328" y="22"/>
                    </a:lnTo>
                    <a:lnTo>
                      <a:pt x="330" y="20"/>
                    </a:lnTo>
                    <a:lnTo>
                      <a:pt x="331" y="22"/>
                    </a:lnTo>
                    <a:lnTo>
                      <a:pt x="331" y="23"/>
                    </a:lnTo>
                    <a:lnTo>
                      <a:pt x="331" y="25"/>
                    </a:lnTo>
                    <a:lnTo>
                      <a:pt x="331" y="27"/>
                    </a:lnTo>
                    <a:lnTo>
                      <a:pt x="330" y="27"/>
                    </a:lnTo>
                    <a:lnTo>
                      <a:pt x="330" y="32"/>
                    </a:lnTo>
                    <a:lnTo>
                      <a:pt x="330" y="35"/>
                    </a:lnTo>
                    <a:lnTo>
                      <a:pt x="333" y="35"/>
                    </a:lnTo>
                    <a:lnTo>
                      <a:pt x="335" y="34"/>
                    </a:lnTo>
                    <a:lnTo>
                      <a:pt x="337" y="32"/>
                    </a:lnTo>
                    <a:lnTo>
                      <a:pt x="338" y="30"/>
                    </a:lnTo>
                    <a:lnTo>
                      <a:pt x="340" y="30"/>
                    </a:lnTo>
                    <a:lnTo>
                      <a:pt x="338" y="34"/>
                    </a:lnTo>
                    <a:lnTo>
                      <a:pt x="338" y="37"/>
                    </a:lnTo>
                    <a:lnTo>
                      <a:pt x="337" y="39"/>
                    </a:lnTo>
                    <a:lnTo>
                      <a:pt x="333" y="42"/>
                    </a:lnTo>
                    <a:lnTo>
                      <a:pt x="331" y="44"/>
                    </a:lnTo>
                    <a:lnTo>
                      <a:pt x="330" y="45"/>
                    </a:lnTo>
                    <a:lnTo>
                      <a:pt x="330" y="47"/>
                    </a:lnTo>
                    <a:lnTo>
                      <a:pt x="328" y="47"/>
                    </a:lnTo>
                    <a:lnTo>
                      <a:pt x="323" y="52"/>
                    </a:lnTo>
                    <a:lnTo>
                      <a:pt x="320" y="59"/>
                    </a:lnTo>
                    <a:lnTo>
                      <a:pt x="316" y="66"/>
                    </a:lnTo>
                    <a:lnTo>
                      <a:pt x="316" y="72"/>
                    </a:lnTo>
                    <a:lnTo>
                      <a:pt x="316" y="79"/>
                    </a:lnTo>
                    <a:lnTo>
                      <a:pt x="316" y="84"/>
                    </a:lnTo>
                    <a:lnTo>
                      <a:pt x="318" y="88"/>
                    </a:lnTo>
                    <a:lnTo>
                      <a:pt x="318" y="89"/>
                    </a:lnTo>
                    <a:lnTo>
                      <a:pt x="321" y="88"/>
                    </a:lnTo>
                    <a:lnTo>
                      <a:pt x="323" y="86"/>
                    </a:lnTo>
                    <a:lnTo>
                      <a:pt x="326" y="83"/>
                    </a:lnTo>
                    <a:lnTo>
                      <a:pt x="328" y="79"/>
                    </a:lnTo>
                    <a:lnTo>
                      <a:pt x="330" y="76"/>
                    </a:lnTo>
                    <a:lnTo>
                      <a:pt x="331" y="72"/>
                    </a:lnTo>
                    <a:lnTo>
                      <a:pt x="333" y="71"/>
                    </a:lnTo>
                    <a:lnTo>
                      <a:pt x="333" y="69"/>
                    </a:lnTo>
                    <a:lnTo>
                      <a:pt x="335" y="72"/>
                    </a:lnTo>
                    <a:lnTo>
                      <a:pt x="335" y="76"/>
                    </a:lnTo>
                    <a:lnTo>
                      <a:pt x="333" y="79"/>
                    </a:lnTo>
                    <a:lnTo>
                      <a:pt x="331" y="83"/>
                    </a:lnTo>
                    <a:lnTo>
                      <a:pt x="330" y="86"/>
                    </a:lnTo>
                    <a:lnTo>
                      <a:pt x="328" y="88"/>
                    </a:lnTo>
                    <a:lnTo>
                      <a:pt x="328" y="89"/>
                    </a:lnTo>
                    <a:lnTo>
                      <a:pt x="326" y="89"/>
                    </a:lnTo>
                    <a:lnTo>
                      <a:pt x="326" y="91"/>
                    </a:lnTo>
                    <a:lnTo>
                      <a:pt x="326" y="93"/>
                    </a:lnTo>
                    <a:lnTo>
                      <a:pt x="326" y="96"/>
                    </a:lnTo>
                    <a:lnTo>
                      <a:pt x="326" y="100"/>
                    </a:lnTo>
                    <a:lnTo>
                      <a:pt x="326" y="103"/>
                    </a:lnTo>
                    <a:lnTo>
                      <a:pt x="326" y="106"/>
                    </a:lnTo>
                    <a:lnTo>
                      <a:pt x="325" y="110"/>
                    </a:lnTo>
                    <a:lnTo>
                      <a:pt x="320" y="116"/>
                    </a:lnTo>
                    <a:lnTo>
                      <a:pt x="318" y="120"/>
                    </a:lnTo>
                    <a:lnTo>
                      <a:pt x="316" y="123"/>
                    </a:lnTo>
                    <a:lnTo>
                      <a:pt x="316" y="125"/>
                    </a:lnTo>
                    <a:lnTo>
                      <a:pt x="318" y="127"/>
                    </a:lnTo>
                    <a:lnTo>
                      <a:pt x="320" y="127"/>
                    </a:lnTo>
                    <a:lnTo>
                      <a:pt x="330" y="132"/>
                    </a:lnTo>
                    <a:lnTo>
                      <a:pt x="337" y="137"/>
                    </a:lnTo>
                    <a:lnTo>
                      <a:pt x="340" y="140"/>
                    </a:lnTo>
                    <a:lnTo>
                      <a:pt x="342" y="142"/>
                    </a:lnTo>
                    <a:lnTo>
                      <a:pt x="342" y="144"/>
                    </a:lnTo>
                    <a:lnTo>
                      <a:pt x="340" y="145"/>
                    </a:lnTo>
                    <a:lnTo>
                      <a:pt x="338" y="145"/>
                    </a:lnTo>
                    <a:lnTo>
                      <a:pt x="337" y="145"/>
                    </a:lnTo>
                    <a:lnTo>
                      <a:pt x="331" y="145"/>
                    </a:lnTo>
                    <a:lnTo>
                      <a:pt x="328" y="147"/>
                    </a:lnTo>
                    <a:lnTo>
                      <a:pt x="325" y="147"/>
                    </a:lnTo>
                    <a:lnTo>
                      <a:pt x="325" y="149"/>
                    </a:lnTo>
                    <a:lnTo>
                      <a:pt x="325" y="150"/>
                    </a:lnTo>
                    <a:lnTo>
                      <a:pt x="325" y="152"/>
                    </a:lnTo>
                    <a:lnTo>
                      <a:pt x="326" y="152"/>
                    </a:lnTo>
                    <a:lnTo>
                      <a:pt x="333" y="152"/>
                    </a:lnTo>
                    <a:lnTo>
                      <a:pt x="337" y="154"/>
                    </a:lnTo>
                    <a:lnTo>
                      <a:pt x="337" y="155"/>
                    </a:lnTo>
                    <a:lnTo>
                      <a:pt x="335" y="157"/>
                    </a:lnTo>
                    <a:lnTo>
                      <a:pt x="331" y="159"/>
                    </a:lnTo>
                    <a:lnTo>
                      <a:pt x="328" y="160"/>
                    </a:lnTo>
                    <a:lnTo>
                      <a:pt x="326" y="160"/>
                    </a:lnTo>
                    <a:lnTo>
                      <a:pt x="325" y="162"/>
                    </a:lnTo>
                    <a:lnTo>
                      <a:pt x="325" y="166"/>
                    </a:lnTo>
                    <a:lnTo>
                      <a:pt x="335" y="177"/>
                    </a:lnTo>
                    <a:lnTo>
                      <a:pt x="337" y="176"/>
                    </a:lnTo>
                    <a:lnTo>
                      <a:pt x="338" y="176"/>
                    </a:lnTo>
                    <a:lnTo>
                      <a:pt x="340" y="174"/>
                    </a:lnTo>
                    <a:lnTo>
                      <a:pt x="342" y="176"/>
                    </a:lnTo>
                    <a:lnTo>
                      <a:pt x="345" y="177"/>
                    </a:lnTo>
                    <a:lnTo>
                      <a:pt x="347" y="181"/>
                    </a:lnTo>
                    <a:lnTo>
                      <a:pt x="348" y="182"/>
                    </a:lnTo>
                    <a:lnTo>
                      <a:pt x="348" y="184"/>
                    </a:lnTo>
                    <a:lnTo>
                      <a:pt x="350" y="186"/>
                    </a:lnTo>
                    <a:lnTo>
                      <a:pt x="352" y="188"/>
                    </a:lnTo>
                    <a:lnTo>
                      <a:pt x="355" y="188"/>
                    </a:lnTo>
                    <a:lnTo>
                      <a:pt x="359" y="186"/>
                    </a:lnTo>
                    <a:lnTo>
                      <a:pt x="360" y="186"/>
                    </a:lnTo>
                    <a:lnTo>
                      <a:pt x="359" y="184"/>
                    </a:lnTo>
                    <a:lnTo>
                      <a:pt x="359" y="182"/>
                    </a:lnTo>
                    <a:lnTo>
                      <a:pt x="357" y="179"/>
                    </a:lnTo>
                    <a:lnTo>
                      <a:pt x="355" y="176"/>
                    </a:lnTo>
                    <a:lnTo>
                      <a:pt x="357" y="174"/>
                    </a:lnTo>
                    <a:lnTo>
                      <a:pt x="359" y="172"/>
                    </a:lnTo>
                    <a:lnTo>
                      <a:pt x="360" y="171"/>
                    </a:lnTo>
                    <a:lnTo>
                      <a:pt x="362" y="171"/>
                    </a:lnTo>
                    <a:lnTo>
                      <a:pt x="364" y="171"/>
                    </a:lnTo>
                    <a:lnTo>
                      <a:pt x="364" y="177"/>
                    </a:lnTo>
                    <a:lnTo>
                      <a:pt x="364" y="182"/>
                    </a:lnTo>
                    <a:lnTo>
                      <a:pt x="365" y="184"/>
                    </a:lnTo>
                    <a:lnTo>
                      <a:pt x="367" y="186"/>
                    </a:lnTo>
                    <a:lnTo>
                      <a:pt x="369" y="184"/>
                    </a:lnTo>
                    <a:lnTo>
                      <a:pt x="370" y="182"/>
                    </a:lnTo>
                    <a:lnTo>
                      <a:pt x="372" y="182"/>
                    </a:lnTo>
                    <a:lnTo>
                      <a:pt x="372" y="181"/>
                    </a:lnTo>
                    <a:lnTo>
                      <a:pt x="374" y="181"/>
                    </a:lnTo>
                    <a:lnTo>
                      <a:pt x="375" y="182"/>
                    </a:lnTo>
                    <a:lnTo>
                      <a:pt x="377" y="184"/>
                    </a:lnTo>
                    <a:lnTo>
                      <a:pt x="370" y="191"/>
                    </a:lnTo>
                    <a:lnTo>
                      <a:pt x="369" y="194"/>
                    </a:lnTo>
                    <a:lnTo>
                      <a:pt x="369" y="198"/>
                    </a:lnTo>
                    <a:lnTo>
                      <a:pt x="372" y="198"/>
                    </a:lnTo>
                    <a:lnTo>
                      <a:pt x="375" y="196"/>
                    </a:lnTo>
                    <a:lnTo>
                      <a:pt x="379" y="194"/>
                    </a:lnTo>
                    <a:lnTo>
                      <a:pt x="382" y="193"/>
                    </a:lnTo>
                    <a:lnTo>
                      <a:pt x="382" y="194"/>
                    </a:lnTo>
                    <a:lnTo>
                      <a:pt x="382" y="198"/>
                    </a:lnTo>
                    <a:lnTo>
                      <a:pt x="382" y="199"/>
                    </a:lnTo>
                    <a:lnTo>
                      <a:pt x="382" y="203"/>
                    </a:lnTo>
                    <a:lnTo>
                      <a:pt x="382" y="204"/>
                    </a:lnTo>
                    <a:lnTo>
                      <a:pt x="382" y="206"/>
                    </a:lnTo>
                    <a:lnTo>
                      <a:pt x="381" y="211"/>
                    </a:lnTo>
                    <a:lnTo>
                      <a:pt x="381" y="215"/>
                    </a:lnTo>
                    <a:lnTo>
                      <a:pt x="381" y="218"/>
                    </a:lnTo>
                    <a:lnTo>
                      <a:pt x="382" y="220"/>
                    </a:lnTo>
                    <a:lnTo>
                      <a:pt x="384" y="221"/>
                    </a:lnTo>
                    <a:lnTo>
                      <a:pt x="386" y="223"/>
                    </a:lnTo>
                    <a:lnTo>
                      <a:pt x="387" y="223"/>
                    </a:lnTo>
                    <a:lnTo>
                      <a:pt x="394" y="220"/>
                    </a:lnTo>
                    <a:lnTo>
                      <a:pt x="397" y="216"/>
                    </a:lnTo>
                    <a:lnTo>
                      <a:pt x="399" y="215"/>
                    </a:lnTo>
                    <a:lnTo>
                      <a:pt x="403" y="211"/>
                    </a:lnTo>
                    <a:lnTo>
                      <a:pt x="406" y="210"/>
                    </a:lnTo>
                    <a:lnTo>
                      <a:pt x="409" y="206"/>
                    </a:lnTo>
                    <a:lnTo>
                      <a:pt x="413" y="204"/>
                    </a:lnTo>
                    <a:lnTo>
                      <a:pt x="418" y="203"/>
                    </a:lnTo>
                    <a:lnTo>
                      <a:pt x="425" y="203"/>
                    </a:lnTo>
                    <a:lnTo>
                      <a:pt x="430" y="198"/>
                    </a:lnTo>
                    <a:lnTo>
                      <a:pt x="431" y="171"/>
                    </a:lnTo>
                    <a:lnTo>
                      <a:pt x="436" y="171"/>
                    </a:lnTo>
                    <a:lnTo>
                      <a:pt x="440" y="145"/>
                    </a:lnTo>
                    <a:lnTo>
                      <a:pt x="441" y="144"/>
                    </a:lnTo>
                    <a:lnTo>
                      <a:pt x="443" y="144"/>
                    </a:lnTo>
                    <a:lnTo>
                      <a:pt x="443" y="145"/>
                    </a:lnTo>
                    <a:lnTo>
                      <a:pt x="443" y="155"/>
                    </a:lnTo>
                    <a:lnTo>
                      <a:pt x="441" y="164"/>
                    </a:lnTo>
                    <a:lnTo>
                      <a:pt x="441" y="172"/>
                    </a:lnTo>
                    <a:lnTo>
                      <a:pt x="440" y="179"/>
                    </a:lnTo>
                    <a:lnTo>
                      <a:pt x="438" y="184"/>
                    </a:lnTo>
                    <a:lnTo>
                      <a:pt x="438" y="189"/>
                    </a:lnTo>
                    <a:lnTo>
                      <a:pt x="436" y="194"/>
                    </a:lnTo>
                    <a:lnTo>
                      <a:pt x="436" y="198"/>
                    </a:lnTo>
                    <a:lnTo>
                      <a:pt x="435" y="201"/>
                    </a:lnTo>
                    <a:lnTo>
                      <a:pt x="435" y="203"/>
                    </a:lnTo>
                    <a:lnTo>
                      <a:pt x="435" y="204"/>
                    </a:lnTo>
                    <a:lnTo>
                      <a:pt x="433" y="206"/>
                    </a:lnTo>
                    <a:lnTo>
                      <a:pt x="433" y="208"/>
                    </a:lnTo>
                    <a:lnTo>
                      <a:pt x="433" y="210"/>
                    </a:lnTo>
                    <a:lnTo>
                      <a:pt x="433" y="215"/>
                    </a:lnTo>
                    <a:lnTo>
                      <a:pt x="433" y="216"/>
                    </a:lnTo>
                    <a:lnTo>
                      <a:pt x="433" y="218"/>
                    </a:lnTo>
                    <a:lnTo>
                      <a:pt x="435" y="216"/>
                    </a:lnTo>
                    <a:lnTo>
                      <a:pt x="435" y="215"/>
                    </a:lnTo>
                    <a:lnTo>
                      <a:pt x="436" y="215"/>
                    </a:lnTo>
                    <a:lnTo>
                      <a:pt x="436" y="213"/>
                    </a:lnTo>
                    <a:lnTo>
                      <a:pt x="438" y="211"/>
                    </a:lnTo>
                    <a:lnTo>
                      <a:pt x="440" y="206"/>
                    </a:lnTo>
                    <a:lnTo>
                      <a:pt x="441" y="203"/>
                    </a:lnTo>
                    <a:lnTo>
                      <a:pt x="443" y="198"/>
                    </a:lnTo>
                    <a:lnTo>
                      <a:pt x="443" y="191"/>
                    </a:lnTo>
                    <a:lnTo>
                      <a:pt x="445" y="186"/>
                    </a:lnTo>
                    <a:lnTo>
                      <a:pt x="447" y="179"/>
                    </a:lnTo>
                    <a:lnTo>
                      <a:pt x="447" y="172"/>
                    </a:lnTo>
                    <a:lnTo>
                      <a:pt x="447" y="167"/>
                    </a:lnTo>
                    <a:lnTo>
                      <a:pt x="447" y="160"/>
                    </a:lnTo>
                    <a:lnTo>
                      <a:pt x="447" y="155"/>
                    </a:lnTo>
                    <a:lnTo>
                      <a:pt x="448" y="150"/>
                    </a:lnTo>
                    <a:lnTo>
                      <a:pt x="448" y="147"/>
                    </a:lnTo>
                    <a:lnTo>
                      <a:pt x="448" y="144"/>
                    </a:lnTo>
                    <a:lnTo>
                      <a:pt x="448" y="142"/>
                    </a:lnTo>
                    <a:lnTo>
                      <a:pt x="386" y="154"/>
                    </a:lnTo>
                    <a:lnTo>
                      <a:pt x="345" y="0"/>
                    </a:lnTo>
                    <a:lnTo>
                      <a:pt x="0" y="66"/>
                    </a:lnTo>
                    <a:lnTo>
                      <a:pt x="10" y="127"/>
                    </a:lnTo>
                    <a:lnTo>
                      <a:pt x="45" y="94"/>
                    </a:lnTo>
                    <a:lnTo>
                      <a:pt x="45" y="96"/>
                    </a:lnTo>
                    <a:lnTo>
                      <a:pt x="47" y="96"/>
                    </a:lnTo>
                    <a:lnTo>
                      <a:pt x="49" y="96"/>
                    </a:lnTo>
                    <a:lnTo>
                      <a:pt x="52" y="94"/>
                    </a:lnTo>
                    <a:lnTo>
                      <a:pt x="57" y="89"/>
                    </a:lnTo>
                    <a:lnTo>
                      <a:pt x="62" y="83"/>
                    </a:lnTo>
                    <a:lnTo>
                      <a:pt x="69" y="71"/>
                    </a:lnTo>
                    <a:lnTo>
                      <a:pt x="71" y="71"/>
                    </a:lnTo>
                    <a:lnTo>
                      <a:pt x="74" y="72"/>
                    </a:lnTo>
                    <a:lnTo>
                      <a:pt x="79" y="74"/>
                    </a:lnTo>
                    <a:lnTo>
                      <a:pt x="84" y="74"/>
                    </a:lnTo>
                    <a:lnTo>
                      <a:pt x="89" y="74"/>
                    </a:lnTo>
                    <a:lnTo>
                      <a:pt x="96" y="72"/>
                    </a:lnTo>
                    <a:lnTo>
                      <a:pt x="101" y="67"/>
                    </a:lnTo>
                    <a:lnTo>
                      <a:pt x="106" y="61"/>
                    </a:lnTo>
                    <a:lnTo>
                      <a:pt x="108" y="59"/>
                    </a:lnTo>
                    <a:lnTo>
                      <a:pt x="108" y="57"/>
                    </a:lnTo>
                    <a:lnTo>
                      <a:pt x="111" y="54"/>
                    </a:lnTo>
                    <a:lnTo>
                      <a:pt x="115" y="52"/>
                    </a:lnTo>
                    <a:lnTo>
                      <a:pt x="120" y="50"/>
                    </a:lnTo>
                    <a:lnTo>
                      <a:pt x="125" y="50"/>
                    </a:lnTo>
                    <a:lnTo>
                      <a:pt x="133" y="52"/>
                    </a:lnTo>
                    <a:lnTo>
                      <a:pt x="144" y="56"/>
                    </a:lnTo>
                    <a:lnTo>
                      <a:pt x="145" y="56"/>
                    </a:lnTo>
                    <a:lnTo>
                      <a:pt x="147" y="56"/>
                    </a:lnTo>
                    <a:lnTo>
                      <a:pt x="149" y="56"/>
                    </a:lnTo>
                    <a:lnTo>
                      <a:pt x="150" y="56"/>
                    </a:lnTo>
                    <a:lnTo>
                      <a:pt x="154" y="56"/>
                    </a:lnTo>
                    <a:lnTo>
                      <a:pt x="155" y="56"/>
                    </a:lnTo>
                    <a:lnTo>
                      <a:pt x="157" y="56"/>
                    </a:lnTo>
                    <a:lnTo>
                      <a:pt x="159" y="62"/>
                    </a:lnTo>
                    <a:lnTo>
                      <a:pt x="161" y="64"/>
                    </a:lnTo>
                    <a:lnTo>
                      <a:pt x="164" y="66"/>
                    </a:lnTo>
                    <a:lnTo>
                      <a:pt x="167" y="69"/>
                    </a:lnTo>
                    <a:lnTo>
                      <a:pt x="171" y="72"/>
                    </a:lnTo>
                    <a:lnTo>
                      <a:pt x="174" y="78"/>
                    </a:lnTo>
                    <a:lnTo>
                      <a:pt x="176" y="83"/>
                    </a:lnTo>
                    <a:lnTo>
                      <a:pt x="176" y="88"/>
                    </a:lnTo>
                    <a:lnTo>
                      <a:pt x="172" y="93"/>
                    </a:lnTo>
                    <a:lnTo>
                      <a:pt x="174" y="91"/>
                    </a:lnTo>
                    <a:lnTo>
                      <a:pt x="176" y="89"/>
                    </a:lnTo>
                    <a:lnTo>
                      <a:pt x="179" y="89"/>
                    </a:lnTo>
                    <a:lnTo>
                      <a:pt x="184" y="88"/>
                    </a:lnTo>
                    <a:lnTo>
                      <a:pt x="188" y="86"/>
                    </a:lnTo>
                    <a:lnTo>
                      <a:pt x="193" y="86"/>
                    </a:lnTo>
                    <a:lnTo>
                      <a:pt x="196" y="89"/>
                    </a:lnTo>
                    <a:lnTo>
                      <a:pt x="199" y="93"/>
                    </a:lnTo>
                    <a:lnTo>
                      <a:pt x="199" y="94"/>
                    </a:lnTo>
                    <a:lnTo>
                      <a:pt x="198" y="98"/>
                    </a:lnTo>
                    <a:lnTo>
                      <a:pt x="198" y="100"/>
                    </a:lnTo>
                    <a:lnTo>
                      <a:pt x="198" y="103"/>
                    </a:lnTo>
                    <a:lnTo>
                      <a:pt x="198" y="108"/>
                    </a:lnTo>
                    <a:lnTo>
                      <a:pt x="203" y="110"/>
                    </a:lnTo>
                    <a:lnTo>
                      <a:pt x="210" y="113"/>
                    </a:lnTo>
                    <a:lnTo>
                      <a:pt x="221" y="113"/>
                    </a:lnTo>
                    <a:lnTo>
                      <a:pt x="223" y="113"/>
                    </a:lnTo>
                    <a:lnTo>
                      <a:pt x="227" y="115"/>
                    </a:lnTo>
                    <a:lnTo>
                      <a:pt x="228" y="115"/>
                    </a:lnTo>
                    <a:lnTo>
                      <a:pt x="230" y="116"/>
                    </a:lnTo>
                    <a:lnTo>
                      <a:pt x="233" y="118"/>
                    </a:lnTo>
                    <a:lnTo>
                      <a:pt x="237" y="120"/>
                    </a:lnTo>
                    <a:lnTo>
                      <a:pt x="240" y="122"/>
                    </a:lnTo>
                    <a:lnTo>
                      <a:pt x="247" y="115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1123" name="Group 76"/>
            <p:cNvGrpSpPr>
              <a:grpSpLocks/>
            </p:cNvGrpSpPr>
            <p:nvPr/>
          </p:nvGrpSpPr>
          <p:grpSpPr bwMode="auto">
            <a:xfrm>
              <a:off x="311" y="3378"/>
              <a:ext cx="744" cy="497"/>
              <a:chOff x="439" y="3034"/>
              <a:chExt cx="765" cy="512"/>
            </a:xfrm>
          </p:grpSpPr>
          <p:sp>
            <p:nvSpPr>
              <p:cNvPr id="1200" name="Freeform 77"/>
              <p:cNvSpPr>
                <a:spLocks/>
              </p:cNvSpPr>
              <p:nvPr/>
            </p:nvSpPr>
            <p:spPr bwMode="auto">
              <a:xfrm>
                <a:off x="659" y="3034"/>
                <a:ext cx="545" cy="452"/>
              </a:xfrm>
              <a:custGeom>
                <a:avLst/>
                <a:gdLst>
                  <a:gd name="T0" fmla="*/ 543 w 545"/>
                  <a:gd name="T1" fmla="*/ 329 h 452"/>
                  <a:gd name="T2" fmla="*/ 514 w 545"/>
                  <a:gd name="T3" fmla="*/ 312 h 452"/>
                  <a:gd name="T4" fmla="*/ 381 w 545"/>
                  <a:gd name="T5" fmla="*/ 266 h 452"/>
                  <a:gd name="T6" fmla="*/ 347 w 545"/>
                  <a:gd name="T7" fmla="*/ 266 h 452"/>
                  <a:gd name="T8" fmla="*/ 232 w 545"/>
                  <a:gd name="T9" fmla="*/ 17 h 452"/>
                  <a:gd name="T10" fmla="*/ 193 w 545"/>
                  <a:gd name="T11" fmla="*/ 16 h 452"/>
                  <a:gd name="T12" fmla="*/ 173 w 545"/>
                  <a:gd name="T13" fmla="*/ 17 h 452"/>
                  <a:gd name="T14" fmla="*/ 147 w 545"/>
                  <a:gd name="T15" fmla="*/ 9 h 452"/>
                  <a:gd name="T16" fmla="*/ 108 w 545"/>
                  <a:gd name="T17" fmla="*/ 11 h 452"/>
                  <a:gd name="T18" fmla="*/ 86 w 545"/>
                  <a:gd name="T19" fmla="*/ 22 h 452"/>
                  <a:gd name="T20" fmla="*/ 59 w 545"/>
                  <a:gd name="T21" fmla="*/ 46 h 452"/>
                  <a:gd name="T22" fmla="*/ 30 w 545"/>
                  <a:gd name="T23" fmla="*/ 83 h 452"/>
                  <a:gd name="T24" fmla="*/ 63 w 545"/>
                  <a:gd name="T25" fmla="*/ 116 h 452"/>
                  <a:gd name="T26" fmla="*/ 63 w 545"/>
                  <a:gd name="T27" fmla="*/ 122 h 452"/>
                  <a:gd name="T28" fmla="*/ 27 w 545"/>
                  <a:gd name="T29" fmla="*/ 134 h 452"/>
                  <a:gd name="T30" fmla="*/ 8 w 545"/>
                  <a:gd name="T31" fmla="*/ 139 h 452"/>
                  <a:gd name="T32" fmla="*/ 7 w 545"/>
                  <a:gd name="T33" fmla="*/ 165 h 452"/>
                  <a:gd name="T34" fmla="*/ 29 w 545"/>
                  <a:gd name="T35" fmla="*/ 183 h 452"/>
                  <a:gd name="T36" fmla="*/ 78 w 545"/>
                  <a:gd name="T37" fmla="*/ 175 h 452"/>
                  <a:gd name="T38" fmla="*/ 79 w 545"/>
                  <a:gd name="T39" fmla="*/ 205 h 452"/>
                  <a:gd name="T40" fmla="*/ 51 w 545"/>
                  <a:gd name="T41" fmla="*/ 226 h 452"/>
                  <a:gd name="T42" fmla="*/ 30 w 545"/>
                  <a:gd name="T43" fmla="*/ 232 h 452"/>
                  <a:gd name="T44" fmla="*/ 20 w 545"/>
                  <a:gd name="T45" fmla="*/ 248 h 452"/>
                  <a:gd name="T46" fmla="*/ 8 w 545"/>
                  <a:gd name="T47" fmla="*/ 266 h 452"/>
                  <a:gd name="T48" fmla="*/ 20 w 545"/>
                  <a:gd name="T49" fmla="*/ 278 h 452"/>
                  <a:gd name="T50" fmla="*/ 29 w 545"/>
                  <a:gd name="T51" fmla="*/ 303 h 452"/>
                  <a:gd name="T52" fmla="*/ 52 w 545"/>
                  <a:gd name="T53" fmla="*/ 314 h 452"/>
                  <a:gd name="T54" fmla="*/ 61 w 545"/>
                  <a:gd name="T55" fmla="*/ 312 h 452"/>
                  <a:gd name="T56" fmla="*/ 66 w 545"/>
                  <a:gd name="T57" fmla="*/ 336 h 452"/>
                  <a:gd name="T58" fmla="*/ 78 w 545"/>
                  <a:gd name="T59" fmla="*/ 341 h 452"/>
                  <a:gd name="T60" fmla="*/ 91 w 545"/>
                  <a:gd name="T61" fmla="*/ 339 h 452"/>
                  <a:gd name="T62" fmla="*/ 103 w 545"/>
                  <a:gd name="T63" fmla="*/ 352 h 452"/>
                  <a:gd name="T64" fmla="*/ 127 w 545"/>
                  <a:gd name="T65" fmla="*/ 342 h 452"/>
                  <a:gd name="T66" fmla="*/ 127 w 545"/>
                  <a:gd name="T67" fmla="*/ 352 h 452"/>
                  <a:gd name="T68" fmla="*/ 112 w 545"/>
                  <a:gd name="T69" fmla="*/ 391 h 452"/>
                  <a:gd name="T70" fmla="*/ 88 w 545"/>
                  <a:gd name="T71" fmla="*/ 412 h 452"/>
                  <a:gd name="T72" fmla="*/ 78 w 545"/>
                  <a:gd name="T73" fmla="*/ 430 h 452"/>
                  <a:gd name="T74" fmla="*/ 63 w 545"/>
                  <a:gd name="T75" fmla="*/ 425 h 452"/>
                  <a:gd name="T76" fmla="*/ 52 w 545"/>
                  <a:gd name="T77" fmla="*/ 446 h 452"/>
                  <a:gd name="T78" fmla="*/ 68 w 545"/>
                  <a:gd name="T79" fmla="*/ 437 h 452"/>
                  <a:gd name="T80" fmla="*/ 96 w 545"/>
                  <a:gd name="T81" fmla="*/ 434 h 452"/>
                  <a:gd name="T82" fmla="*/ 113 w 545"/>
                  <a:gd name="T83" fmla="*/ 415 h 452"/>
                  <a:gd name="T84" fmla="*/ 144 w 545"/>
                  <a:gd name="T85" fmla="*/ 381 h 452"/>
                  <a:gd name="T86" fmla="*/ 183 w 545"/>
                  <a:gd name="T87" fmla="*/ 339 h 452"/>
                  <a:gd name="T88" fmla="*/ 174 w 545"/>
                  <a:gd name="T89" fmla="*/ 322 h 452"/>
                  <a:gd name="T90" fmla="*/ 220 w 545"/>
                  <a:gd name="T91" fmla="*/ 264 h 452"/>
                  <a:gd name="T92" fmla="*/ 210 w 545"/>
                  <a:gd name="T93" fmla="*/ 298 h 452"/>
                  <a:gd name="T94" fmla="*/ 210 w 545"/>
                  <a:gd name="T95" fmla="*/ 317 h 452"/>
                  <a:gd name="T96" fmla="*/ 237 w 545"/>
                  <a:gd name="T97" fmla="*/ 300 h 452"/>
                  <a:gd name="T98" fmla="*/ 247 w 545"/>
                  <a:gd name="T99" fmla="*/ 286 h 452"/>
                  <a:gd name="T100" fmla="*/ 286 w 545"/>
                  <a:gd name="T101" fmla="*/ 278 h 452"/>
                  <a:gd name="T102" fmla="*/ 357 w 545"/>
                  <a:gd name="T103" fmla="*/ 276 h 452"/>
                  <a:gd name="T104" fmla="*/ 374 w 545"/>
                  <a:gd name="T105" fmla="*/ 280 h 452"/>
                  <a:gd name="T106" fmla="*/ 418 w 545"/>
                  <a:gd name="T107" fmla="*/ 295 h 452"/>
                  <a:gd name="T108" fmla="*/ 425 w 545"/>
                  <a:gd name="T109" fmla="*/ 278 h 452"/>
                  <a:gd name="T110" fmla="*/ 430 w 545"/>
                  <a:gd name="T111" fmla="*/ 264 h 452"/>
                  <a:gd name="T112" fmla="*/ 472 w 545"/>
                  <a:gd name="T113" fmla="*/ 300 h 452"/>
                  <a:gd name="T114" fmla="*/ 509 w 545"/>
                  <a:gd name="T115" fmla="*/ 322 h 452"/>
                  <a:gd name="T116" fmla="*/ 521 w 545"/>
                  <a:gd name="T117" fmla="*/ 322 h 452"/>
                  <a:gd name="T118" fmla="*/ 541 w 545"/>
                  <a:gd name="T119" fmla="*/ 349 h 452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w 545"/>
                  <a:gd name="T181" fmla="*/ 0 h 452"/>
                  <a:gd name="T182" fmla="*/ 545 w 545"/>
                  <a:gd name="T183" fmla="*/ 452 h 452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T180" t="T181" r="T182" b="T183"/>
                <a:pathLst>
                  <a:path w="545" h="452">
                    <a:moveTo>
                      <a:pt x="541" y="349"/>
                    </a:moveTo>
                    <a:lnTo>
                      <a:pt x="541" y="349"/>
                    </a:lnTo>
                    <a:lnTo>
                      <a:pt x="541" y="347"/>
                    </a:lnTo>
                    <a:lnTo>
                      <a:pt x="543" y="346"/>
                    </a:lnTo>
                    <a:lnTo>
                      <a:pt x="543" y="344"/>
                    </a:lnTo>
                    <a:lnTo>
                      <a:pt x="545" y="341"/>
                    </a:lnTo>
                    <a:lnTo>
                      <a:pt x="545" y="339"/>
                    </a:lnTo>
                    <a:lnTo>
                      <a:pt x="545" y="336"/>
                    </a:lnTo>
                    <a:lnTo>
                      <a:pt x="545" y="332"/>
                    </a:lnTo>
                    <a:lnTo>
                      <a:pt x="543" y="329"/>
                    </a:lnTo>
                    <a:lnTo>
                      <a:pt x="541" y="325"/>
                    </a:lnTo>
                    <a:lnTo>
                      <a:pt x="538" y="320"/>
                    </a:lnTo>
                    <a:lnTo>
                      <a:pt x="535" y="317"/>
                    </a:lnTo>
                    <a:lnTo>
                      <a:pt x="533" y="315"/>
                    </a:lnTo>
                    <a:lnTo>
                      <a:pt x="530" y="315"/>
                    </a:lnTo>
                    <a:lnTo>
                      <a:pt x="526" y="314"/>
                    </a:lnTo>
                    <a:lnTo>
                      <a:pt x="523" y="314"/>
                    </a:lnTo>
                    <a:lnTo>
                      <a:pt x="519" y="314"/>
                    </a:lnTo>
                    <a:lnTo>
                      <a:pt x="516" y="312"/>
                    </a:lnTo>
                    <a:lnTo>
                      <a:pt x="514" y="312"/>
                    </a:lnTo>
                    <a:lnTo>
                      <a:pt x="506" y="310"/>
                    </a:lnTo>
                    <a:lnTo>
                      <a:pt x="452" y="271"/>
                    </a:lnTo>
                    <a:lnTo>
                      <a:pt x="435" y="259"/>
                    </a:lnTo>
                    <a:lnTo>
                      <a:pt x="421" y="251"/>
                    </a:lnTo>
                    <a:lnTo>
                      <a:pt x="413" y="263"/>
                    </a:lnTo>
                    <a:lnTo>
                      <a:pt x="413" y="271"/>
                    </a:lnTo>
                    <a:lnTo>
                      <a:pt x="403" y="280"/>
                    </a:lnTo>
                    <a:lnTo>
                      <a:pt x="381" y="266"/>
                    </a:lnTo>
                    <a:lnTo>
                      <a:pt x="379" y="264"/>
                    </a:lnTo>
                    <a:lnTo>
                      <a:pt x="377" y="261"/>
                    </a:lnTo>
                    <a:lnTo>
                      <a:pt x="374" y="259"/>
                    </a:lnTo>
                    <a:lnTo>
                      <a:pt x="369" y="258"/>
                    </a:lnTo>
                    <a:lnTo>
                      <a:pt x="365" y="258"/>
                    </a:lnTo>
                    <a:lnTo>
                      <a:pt x="360" y="259"/>
                    </a:lnTo>
                    <a:lnTo>
                      <a:pt x="355" y="263"/>
                    </a:lnTo>
                    <a:lnTo>
                      <a:pt x="354" y="264"/>
                    </a:lnTo>
                    <a:lnTo>
                      <a:pt x="350" y="264"/>
                    </a:lnTo>
                    <a:lnTo>
                      <a:pt x="347" y="266"/>
                    </a:lnTo>
                    <a:lnTo>
                      <a:pt x="345" y="266"/>
                    </a:lnTo>
                    <a:lnTo>
                      <a:pt x="271" y="17"/>
                    </a:lnTo>
                    <a:lnTo>
                      <a:pt x="269" y="17"/>
                    </a:lnTo>
                    <a:lnTo>
                      <a:pt x="266" y="16"/>
                    </a:lnTo>
                    <a:lnTo>
                      <a:pt x="261" y="14"/>
                    </a:lnTo>
                    <a:lnTo>
                      <a:pt x="255" y="12"/>
                    </a:lnTo>
                    <a:lnTo>
                      <a:pt x="249" y="11"/>
                    </a:lnTo>
                    <a:lnTo>
                      <a:pt x="244" y="12"/>
                    </a:lnTo>
                    <a:lnTo>
                      <a:pt x="237" y="14"/>
                    </a:lnTo>
                    <a:lnTo>
                      <a:pt x="232" y="17"/>
                    </a:lnTo>
                    <a:lnTo>
                      <a:pt x="230" y="17"/>
                    </a:lnTo>
                    <a:lnTo>
                      <a:pt x="225" y="17"/>
                    </a:lnTo>
                    <a:lnTo>
                      <a:pt x="218" y="17"/>
                    </a:lnTo>
                    <a:lnTo>
                      <a:pt x="211" y="17"/>
                    </a:lnTo>
                    <a:lnTo>
                      <a:pt x="205" y="17"/>
                    </a:lnTo>
                    <a:lnTo>
                      <a:pt x="200" y="17"/>
                    </a:lnTo>
                    <a:lnTo>
                      <a:pt x="195" y="16"/>
                    </a:lnTo>
                    <a:lnTo>
                      <a:pt x="193" y="16"/>
                    </a:lnTo>
                    <a:lnTo>
                      <a:pt x="191" y="16"/>
                    </a:lnTo>
                    <a:lnTo>
                      <a:pt x="189" y="16"/>
                    </a:lnTo>
                    <a:lnTo>
                      <a:pt x="188" y="16"/>
                    </a:lnTo>
                    <a:lnTo>
                      <a:pt x="184" y="16"/>
                    </a:lnTo>
                    <a:lnTo>
                      <a:pt x="183" y="16"/>
                    </a:lnTo>
                    <a:lnTo>
                      <a:pt x="181" y="16"/>
                    </a:lnTo>
                    <a:lnTo>
                      <a:pt x="179" y="16"/>
                    </a:lnTo>
                    <a:lnTo>
                      <a:pt x="176" y="17"/>
                    </a:lnTo>
                    <a:lnTo>
                      <a:pt x="173" y="17"/>
                    </a:lnTo>
                    <a:lnTo>
                      <a:pt x="169" y="17"/>
                    </a:lnTo>
                    <a:lnTo>
                      <a:pt x="166" y="16"/>
                    </a:lnTo>
                    <a:lnTo>
                      <a:pt x="162" y="12"/>
                    </a:lnTo>
                    <a:lnTo>
                      <a:pt x="157" y="7"/>
                    </a:lnTo>
                    <a:lnTo>
                      <a:pt x="156" y="7"/>
                    </a:lnTo>
                    <a:lnTo>
                      <a:pt x="154" y="9"/>
                    </a:lnTo>
                    <a:lnTo>
                      <a:pt x="152" y="9"/>
                    </a:lnTo>
                    <a:lnTo>
                      <a:pt x="149" y="9"/>
                    </a:lnTo>
                    <a:lnTo>
                      <a:pt x="147" y="9"/>
                    </a:lnTo>
                    <a:lnTo>
                      <a:pt x="145" y="11"/>
                    </a:lnTo>
                    <a:lnTo>
                      <a:pt x="137" y="2"/>
                    </a:lnTo>
                    <a:lnTo>
                      <a:pt x="130" y="7"/>
                    </a:lnTo>
                    <a:lnTo>
                      <a:pt x="129" y="0"/>
                    </a:lnTo>
                    <a:lnTo>
                      <a:pt x="117" y="0"/>
                    </a:lnTo>
                    <a:lnTo>
                      <a:pt x="110" y="9"/>
                    </a:lnTo>
                    <a:lnTo>
                      <a:pt x="108" y="11"/>
                    </a:lnTo>
                    <a:lnTo>
                      <a:pt x="108" y="12"/>
                    </a:lnTo>
                    <a:lnTo>
                      <a:pt x="107" y="12"/>
                    </a:lnTo>
                    <a:lnTo>
                      <a:pt x="103" y="14"/>
                    </a:lnTo>
                    <a:lnTo>
                      <a:pt x="100" y="14"/>
                    </a:lnTo>
                    <a:lnTo>
                      <a:pt x="95" y="14"/>
                    </a:lnTo>
                    <a:lnTo>
                      <a:pt x="93" y="16"/>
                    </a:lnTo>
                    <a:lnTo>
                      <a:pt x="91" y="17"/>
                    </a:lnTo>
                    <a:lnTo>
                      <a:pt x="90" y="19"/>
                    </a:lnTo>
                    <a:lnTo>
                      <a:pt x="86" y="22"/>
                    </a:lnTo>
                    <a:lnTo>
                      <a:pt x="85" y="24"/>
                    </a:lnTo>
                    <a:lnTo>
                      <a:pt x="83" y="26"/>
                    </a:lnTo>
                    <a:lnTo>
                      <a:pt x="81" y="26"/>
                    </a:lnTo>
                    <a:lnTo>
                      <a:pt x="78" y="26"/>
                    </a:lnTo>
                    <a:lnTo>
                      <a:pt x="74" y="29"/>
                    </a:lnTo>
                    <a:lnTo>
                      <a:pt x="69" y="33"/>
                    </a:lnTo>
                    <a:lnTo>
                      <a:pt x="64" y="38"/>
                    </a:lnTo>
                    <a:lnTo>
                      <a:pt x="59" y="46"/>
                    </a:lnTo>
                    <a:lnTo>
                      <a:pt x="54" y="56"/>
                    </a:lnTo>
                    <a:lnTo>
                      <a:pt x="52" y="58"/>
                    </a:lnTo>
                    <a:lnTo>
                      <a:pt x="51" y="61"/>
                    </a:lnTo>
                    <a:lnTo>
                      <a:pt x="47" y="63"/>
                    </a:lnTo>
                    <a:lnTo>
                      <a:pt x="47" y="65"/>
                    </a:lnTo>
                    <a:lnTo>
                      <a:pt x="30" y="65"/>
                    </a:lnTo>
                    <a:lnTo>
                      <a:pt x="22" y="78"/>
                    </a:lnTo>
                    <a:lnTo>
                      <a:pt x="22" y="80"/>
                    </a:lnTo>
                    <a:lnTo>
                      <a:pt x="25" y="82"/>
                    </a:lnTo>
                    <a:lnTo>
                      <a:pt x="30" y="83"/>
                    </a:lnTo>
                    <a:lnTo>
                      <a:pt x="35" y="87"/>
                    </a:lnTo>
                    <a:lnTo>
                      <a:pt x="42" y="92"/>
                    </a:lnTo>
                    <a:lnTo>
                      <a:pt x="46" y="97"/>
                    </a:lnTo>
                    <a:lnTo>
                      <a:pt x="49" y="105"/>
                    </a:lnTo>
                    <a:lnTo>
                      <a:pt x="51" y="114"/>
                    </a:lnTo>
                    <a:lnTo>
                      <a:pt x="54" y="116"/>
                    </a:lnTo>
                    <a:lnTo>
                      <a:pt x="56" y="116"/>
                    </a:lnTo>
                    <a:lnTo>
                      <a:pt x="59" y="116"/>
                    </a:lnTo>
                    <a:lnTo>
                      <a:pt x="63" y="116"/>
                    </a:lnTo>
                    <a:lnTo>
                      <a:pt x="66" y="116"/>
                    </a:lnTo>
                    <a:lnTo>
                      <a:pt x="68" y="117"/>
                    </a:lnTo>
                    <a:lnTo>
                      <a:pt x="71" y="129"/>
                    </a:lnTo>
                    <a:lnTo>
                      <a:pt x="81" y="129"/>
                    </a:lnTo>
                    <a:lnTo>
                      <a:pt x="79" y="132"/>
                    </a:lnTo>
                    <a:lnTo>
                      <a:pt x="68" y="132"/>
                    </a:lnTo>
                    <a:lnTo>
                      <a:pt x="63" y="122"/>
                    </a:lnTo>
                    <a:lnTo>
                      <a:pt x="59" y="126"/>
                    </a:lnTo>
                    <a:lnTo>
                      <a:pt x="68" y="136"/>
                    </a:lnTo>
                    <a:lnTo>
                      <a:pt x="76" y="138"/>
                    </a:lnTo>
                    <a:lnTo>
                      <a:pt x="68" y="144"/>
                    </a:lnTo>
                    <a:lnTo>
                      <a:pt x="46" y="139"/>
                    </a:lnTo>
                    <a:lnTo>
                      <a:pt x="46" y="127"/>
                    </a:lnTo>
                    <a:lnTo>
                      <a:pt x="27" y="132"/>
                    </a:lnTo>
                    <a:lnTo>
                      <a:pt x="27" y="134"/>
                    </a:lnTo>
                    <a:lnTo>
                      <a:pt x="27" y="138"/>
                    </a:lnTo>
                    <a:lnTo>
                      <a:pt x="27" y="139"/>
                    </a:lnTo>
                    <a:lnTo>
                      <a:pt x="27" y="141"/>
                    </a:lnTo>
                    <a:lnTo>
                      <a:pt x="25" y="141"/>
                    </a:lnTo>
                    <a:lnTo>
                      <a:pt x="22" y="139"/>
                    </a:lnTo>
                    <a:lnTo>
                      <a:pt x="19" y="136"/>
                    </a:lnTo>
                    <a:lnTo>
                      <a:pt x="15" y="138"/>
                    </a:lnTo>
                    <a:lnTo>
                      <a:pt x="12" y="138"/>
                    </a:lnTo>
                    <a:lnTo>
                      <a:pt x="8" y="139"/>
                    </a:lnTo>
                    <a:lnTo>
                      <a:pt x="5" y="143"/>
                    </a:lnTo>
                    <a:lnTo>
                      <a:pt x="2" y="144"/>
                    </a:lnTo>
                    <a:lnTo>
                      <a:pt x="0" y="148"/>
                    </a:lnTo>
                    <a:lnTo>
                      <a:pt x="0" y="151"/>
                    </a:lnTo>
                    <a:lnTo>
                      <a:pt x="0" y="153"/>
                    </a:lnTo>
                    <a:lnTo>
                      <a:pt x="0" y="154"/>
                    </a:lnTo>
                    <a:lnTo>
                      <a:pt x="2" y="156"/>
                    </a:lnTo>
                    <a:lnTo>
                      <a:pt x="3" y="160"/>
                    </a:lnTo>
                    <a:lnTo>
                      <a:pt x="5" y="161"/>
                    </a:lnTo>
                    <a:lnTo>
                      <a:pt x="7" y="165"/>
                    </a:lnTo>
                    <a:lnTo>
                      <a:pt x="8" y="165"/>
                    </a:lnTo>
                    <a:lnTo>
                      <a:pt x="8" y="166"/>
                    </a:lnTo>
                    <a:lnTo>
                      <a:pt x="13" y="171"/>
                    </a:lnTo>
                    <a:lnTo>
                      <a:pt x="13" y="173"/>
                    </a:lnTo>
                    <a:lnTo>
                      <a:pt x="13" y="175"/>
                    </a:lnTo>
                    <a:lnTo>
                      <a:pt x="15" y="178"/>
                    </a:lnTo>
                    <a:lnTo>
                      <a:pt x="17" y="180"/>
                    </a:lnTo>
                    <a:lnTo>
                      <a:pt x="22" y="182"/>
                    </a:lnTo>
                    <a:lnTo>
                      <a:pt x="29" y="183"/>
                    </a:lnTo>
                    <a:lnTo>
                      <a:pt x="39" y="183"/>
                    </a:lnTo>
                    <a:lnTo>
                      <a:pt x="41" y="183"/>
                    </a:lnTo>
                    <a:lnTo>
                      <a:pt x="44" y="185"/>
                    </a:lnTo>
                    <a:lnTo>
                      <a:pt x="47" y="187"/>
                    </a:lnTo>
                    <a:lnTo>
                      <a:pt x="49" y="187"/>
                    </a:lnTo>
                    <a:lnTo>
                      <a:pt x="59" y="187"/>
                    </a:lnTo>
                    <a:lnTo>
                      <a:pt x="71" y="176"/>
                    </a:lnTo>
                    <a:lnTo>
                      <a:pt x="74" y="176"/>
                    </a:lnTo>
                    <a:lnTo>
                      <a:pt x="78" y="175"/>
                    </a:lnTo>
                    <a:lnTo>
                      <a:pt x="81" y="175"/>
                    </a:lnTo>
                    <a:lnTo>
                      <a:pt x="83" y="176"/>
                    </a:lnTo>
                    <a:lnTo>
                      <a:pt x="83" y="178"/>
                    </a:lnTo>
                    <a:lnTo>
                      <a:pt x="81" y="182"/>
                    </a:lnTo>
                    <a:lnTo>
                      <a:pt x="74" y="185"/>
                    </a:lnTo>
                    <a:lnTo>
                      <a:pt x="74" y="187"/>
                    </a:lnTo>
                    <a:lnTo>
                      <a:pt x="76" y="190"/>
                    </a:lnTo>
                    <a:lnTo>
                      <a:pt x="78" y="195"/>
                    </a:lnTo>
                    <a:lnTo>
                      <a:pt x="79" y="200"/>
                    </a:lnTo>
                    <a:lnTo>
                      <a:pt x="79" y="205"/>
                    </a:lnTo>
                    <a:lnTo>
                      <a:pt x="78" y="209"/>
                    </a:lnTo>
                    <a:lnTo>
                      <a:pt x="71" y="212"/>
                    </a:lnTo>
                    <a:lnTo>
                      <a:pt x="63" y="212"/>
                    </a:lnTo>
                    <a:lnTo>
                      <a:pt x="61" y="214"/>
                    </a:lnTo>
                    <a:lnTo>
                      <a:pt x="59" y="214"/>
                    </a:lnTo>
                    <a:lnTo>
                      <a:pt x="57" y="217"/>
                    </a:lnTo>
                    <a:lnTo>
                      <a:pt x="56" y="219"/>
                    </a:lnTo>
                    <a:lnTo>
                      <a:pt x="54" y="220"/>
                    </a:lnTo>
                    <a:lnTo>
                      <a:pt x="52" y="224"/>
                    </a:lnTo>
                    <a:lnTo>
                      <a:pt x="51" y="226"/>
                    </a:lnTo>
                    <a:lnTo>
                      <a:pt x="51" y="224"/>
                    </a:lnTo>
                    <a:lnTo>
                      <a:pt x="47" y="222"/>
                    </a:lnTo>
                    <a:lnTo>
                      <a:pt x="44" y="220"/>
                    </a:lnTo>
                    <a:lnTo>
                      <a:pt x="41" y="220"/>
                    </a:lnTo>
                    <a:lnTo>
                      <a:pt x="35" y="220"/>
                    </a:lnTo>
                    <a:lnTo>
                      <a:pt x="34" y="220"/>
                    </a:lnTo>
                    <a:lnTo>
                      <a:pt x="30" y="224"/>
                    </a:lnTo>
                    <a:lnTo>
                      <a:pt x="30" y="231"/>
                    </a:lnTo>
                    <a:lnTo>
                      <a:pt x="30" y="232"/>
                    </a:lnTo>
                    <a:lnTo>
                      <a:pt x="30" y="234"/>
                    </a:lnTo>
                    <a:lnTo>
                      <a:pt x="30" y="236"/>
                    </a:lnTo>
                    <a:lnTo>
                      <a:pt x="29" y="237"/>
                    </a:lnTo>
                    <a:lnTo>
                      <a:pt x="29" y="239"/>
                    </a:lnTo>
                    <a:lnTo>
                      <a:pt x="27" y="242"/>
                    </a:lnTo>
                    <a:lnTo>
                      <a:pt x="25" y="242"/>
                    </a:lnTo>
                    <a:lnTo>
                      <a:pt x="22" y="242"/>
                    </a:lnTo>
                    <a:lnTo>
                      <a:pt x="22" y="244"/>
                    </a:lnTo>
                    <a:lnTo>
                      <a:pt x="20" y="244"/>
                    </a:lnTo>
                    <a:lnTo>
                      <a:pt x="20" y="248"/>
                    </a:lnTo>
                    <a:lnTo>
                      <a:pt x="19" y="249"/>
                    </a:lnTo>
                    <a:lnTo>
                      <a:pt x="17" y="251"/>
                    </a:lnTo>
                    <a:lnTo>
                      <a:pt x="17" y="254"/>
                    </a:lnTo>
                    <a:lnTo>
                      <a:pt x="17" y="256"/>
                    </a:lnTo>
                    <a:lnTo>
                      <a:pt x="15" y="256"/>
                    </a:lnTo>
                    <a:lnTo>
                      <a:pt x="13" y="258"/>
                    </a:lnTo>
                    <a:lnTo>
                      <a:pt x="12" y="261"/>
                    </a:lnTo>
                    <a:lnTo>
                      <a:pt x="10" y="263"/>
                    </a:lnTo>
                    <a:lnTo>
                      <a:pt x="8" y="266"/>
                    </a:lnTo>
                    <a:lnTo>
                      <a:pt x="10" y="266"/>
                    </a:lnTo>
                    <a:lnTo>
                      <a:pt x="12" y="266"/>
                    </a:lnTo>
                    <a:lnTo>
                      <a:pt x="19" y="264"/>
                    </a:lnTo>
                    <a:lnTo>
                      <a:pt x="19" y="268"/>
                    </a:lnTo>
                    <a:lnTo>
                      <a:pt x="17" y="271"/>
                    </a:lnTo>
                    <a:lnTo>
                      <a:pt x="17" y="273"/>
                    </a:lnTo>
                    <a:lnTo>
                      <a:pt x="19" y="275"/>
                    </a:lnTo>
                    <a:lnTo>
                      <a:pt x="20" y="278"/>
                    </a:lnTo>
                    <a:lnTo>
                      <a:pt x="24" y="280"/>
                    </a:lnTo>
                    <a:lnTo>
                      <a:pt x="27" y="283"/>
                    </a:lnTo>
                    <a:lnTo>
                      <a:pt x="30" y="286"/>
                    </a:lnTo>
                    <a:lnTo>
                      <a:pt x="35" y="288"/>
                    </a:lnTo>
                    <a:lnTo>
                      <a:pt x="41" y="288"/>
                    </a:lnTo>
                    <a:lnTo>
                      <a:pt x="39" y="290"/>
                    </a:lnTo>
                    <a:lnTo>
                      <a:pt x="37" y="292"/>
                    </a:lnTo>
                    <a:lnTo>
                      <a:pt x="34" y="295"/>
                    </a:lnTo>
                    <a:lnTo>
                      <a:pt x="30" y="300"/>
                    </a:lnTo>
                    <a:lnTo>
                      <a:pt x="29" y="303"/>
                    </a:lnTo>
                    <a:lnTo>
                      <a:pt x="27" y="307"/>
                    </a:lnTo>
                    <a:lnTo>
                      <a:pt x="29" y="308"/>
                    </a:lnTo>
                    <a:lnTo>
                      <a:pt x="32" y="310"/>
                    </a:lnTo>
                    <a:lnTo>
                      <a:pt x="34" y="310"/>
                    </a:lnTo>
                    <a:lnTo>
                      <a:pt x="35" y="314"/>
                    </a:lnTo>
                    <a:lnTo>
                      <a:pt x="37" y="317"/>
                    </a:lnTo>
                    <a:lnTo>
                      <a:pt x="41" y="319"/>
                    </a:lnTo>
                    <a:lnTo>
                      <a:pt x="44" y="320"/>
                    </a:lnTo>
                    <a:lnTo>
                      <a:pt x="47" y="319"/>
                    </a:lnTo>
                    <a:lnTo>
                      <a:pt x="52" y="314"/>
                    </a:lnTo>
                    <a:lnTo>
                      <a:pt x="56" y="305"/>
                    </a:lnTo>
                    <a:lnTo>
                      <a:pt x="57" y="303"/>
                    </a:lnTo>
                    <a:lnTo>
                      <a:pt x="59" y="300"/>
                    </a:lnTo>
                    <a:lnTo>
                      <a:pt x="59" y="298"/>
                    </a:lnTo>
                    <a:lnTo>
                      <a:pt x="59" y="300"/>
                    </a:lnTo>
                    <a:lnTo>
                      <a:pt x="59" y="302"/>
                    </a:lnTo>
                    <a:lnTo>
                      <a:pt x="59" y="305"/>
                    </a:lnTo>
                    <a:lnTo>
                      <a:pt x="59" y="308"/>
                    </a:lnTo>
                    <a:lnTo>
                      <a:pt x="61" y="312"/>
                    </a:lnTo>
                    <a:lnTo>
                      <a:pt x="63" y="315"/>
                    </a:lnTo>
                    <a:lnTo>
                      <a:pt x="64" y="319"/>
                    </a:lnTo>
                    <a:lnTo>
                      <a:pt x="68" y="322"/>
                    </a:lnTo>
                    <a:lnTo>
                      <a:pt x="69" y="322"/>
                    </a:lnTo>
                    <a:lnTo>
                      <a:pt x="69" y="324"/>
                    </a:lnTo>
                    <a:lnTo>
                      <a:pt x="69" y="327"/>
                    </a:lnTo>
                    <a:lnTo>
                      <a:pt x="68" y="329"/>
                    </a:lnTo>
                    <a:lnTo>
                      <a:pt x="68" y="332"/>
                    </a:lnTo>
                    <a:lnTo>
                      <a:pt x="66" y="334"/>
                    </a:lnTo>
                    <a:lnTo>
                      <a:pt x="66" y="336"/>
                    </a:lnTo>
                    <a:lnTo>
                      <a:pt x="64" y="346"/>
                    </a:lnTo>
                    <a:lnTo>
                      <a:pt x="64" y="347"/>
                    </a:lnTo>
                    <a:lnTo>
                      <a:pt x="66" y="351"/>
                    </a:lnTo>
                    <a:lnTo>
                      <a:pt x="66" y="352"/>
                    </a:lnTo>
                    <a:lnTo>
                      <a:pt x="68" y="352"/>
                    </a:lnTo>
                    <a:lnTo>
                      <a:pt x="69" y="352"/>
                    </a:lnTo>
                    <a:lnTo>
                      <a:pt x="73" y="349"/>
                    </a:lnTo>
                    <a:lnTo>
                      <a:pt x="78" y="341"/>
                    </a:lnTo>
                    <a:lnTo>
                      <a:pt x="79" y="341"/>
                    </a:lnTo>
                    <a:lnTo>
                      <a:pt x="79" y="339"/>
                    </a:lnTo>
                    <a:lnTo>
                      <a:pt x="79" y="336"/>
                    </a:lnTo>
                    <a:lnTo>
                      <a:pt x="81" y="334"/>
                    </a:lnTo>
                    <a:lnTo>
                      <a:pt x="83" y="336"/>
                    </a:lnTo>
                    <a:lnTo>
                      <a:pt x="86" y="337"/>
                    </a:lnTo>
                    <a:lnTo>
                      <a:pt x="90" y="341"/>
                    </a:lnTo>
                    <a:lnTo>
                      <a:pt x="91" y="341"/>
                    </a:lnTo>
                    <a:lnTo>
                      <a:pt x="91" y="339"/>
                    </a:lnTo>
                    <a:lnTo>
                      <a:pt x="91" y="337"/>
                    </a:lnTo>
                    <a:lnTo>
                      <a:pt x="93" y="336"/>
                    </a:lnTo>
                    <a:lnTo>
                      <a:pt x="93" y="334"/>
                    </a:lnTo>
                    <a:lnTo>
                      <a:pt x="95" y="336"/>
                    </a:lnTo>
                    <a:lnTo>
                      <a:pt x="96" y="337"/>
                    </a:lnTo>
                    <a:lnTo>
                      <a:pt x="98" y="344"/>
                    </a:lnTo>
                    <a:lnTo>
                      <a:pt x="100" y="346"/>
                    </a:lnTo>
                    <a:lnTo>
                      <a:pt x="100" y="347"/>
                    </a:lnTo>
                    <a:lnTo>
                      <a:pt x="101" y="351"/>
                    </a:lnTo>
                    <a:lnTo>
                      <a:pt x="103" y="352"/>
                    </a:lnTo>
                    <a:lnTo>
                      <a:pt x="105" y="354"/>
                    </a:lnTo>
                    <a:lnTo>
                      <a:pt x="107" y="352"/>
                    </a:lnTo>
                    <a:lnTo>
                      <a:pt x="108" y="351"/>
                    </a:lnTo>
                    <a:lnTo>
                      <a:pt x="108" y="344"/>
                    </a:lnTo>
                    <a:lnTo>
                      <a:pt x="110" y="344"/>
                    </a:lnTo>
                    <a:lnTo>
                      <a:pt x="113" y="346"/>
                    </a:lnTo>
                    <a:lnTo>
                      <a:pt x="117" y="346"/>
                    </a:lnTo>
                    <a:lnTo>
                      <a:pt x="122" y="346"/>
                    </a:lnTo>
                    <a:lnTo>
                      <a:pt x="127" y="342"/>
                    </a:lnTo>
                    <a:lnTo>
                      <a:pt x="132" y="337"/>
                    </a:lnTo>
                    <a:lnTo>
                      <a:pt x="139" y="329"/>
                    </a:lnTo>
                    <a:lnTo>
                      <a:pt x="137" y="332"/>
                    </a:lnTo>
                    <a:lnTo>
                      <a:pt x="135" y="336"/>
                    </a:lnTo>
                    <a:lnTo>
                      <a:pt x="134" y="341"/>
                    </a:lnTo>
                    <a:lnTo>
                      <a:pt x="130" y="344"/>
                    </a:lnTo>
                    <a:lnTo>
                      <a:pt x="130" y="347"/>
                    </a:lnTo>
                    <a:lnTo>
                      <a:pt x="129" y="351"/>
                    </a:lnTo>
                    <a:lnTo>
                      <a:pt x="127" y="352"/>
                    </a:lnTo>
                    <a:lnTo>
                      <a:pt x="127" y="358"/>
                    </a:lnTo>
                    <a:lnTo>
                      <a:pt x="125" y="364"/>
                    </a:lnTo>
                    <a:lnTo>
                      <a:pt x="125" y="371"/>
                    </a:lnTo>
                    <a:lnTo>
                      <a:pt x="122" y="378"/>
                    </a:lnTo>
                    <a:lnTo>
                      <a:pt x="120" y="383"/>
                    </a:lnTo>
                    <a:lnTo>
                      <a:pt x="117" y="388"/>
                    </a:lnTo>
                    <a:lnTo>
                      <a:pt x="112" y="390"/>
                    </a:lnTo>
                    <a:lnTo>
                      <a:pt x="112" y="391"/>
                    </a:lnTo>
                    <a:lnTo>
                      <a:pt x="113" y="391"/>
                    </a:lnTo>
                    <a:lnTo>
                      <a:pt x="113" y="393"/>
                    </a:lnTo>
                    <a:lnTo>
                      <a:pt x="112" y="396"/>
                    </a:lnTo>
                    <a:lnTo>
                      <a:pt x="110" y="398"/>
                    </a:lnTo>
                    <a:lnTo>
                      <a:pt x="107" y="402"/>
                    </a:lnTo>
                    <a:lnTo>
                      <a:pt x="100" y="405"/>
                    </a:lnTo>
                    <a:lnTo>
                      <a:pt x="96" y="407"/>
                    </a:lnTo>
                    <a:lnTo>
                      <a:pt x="91" y="408"/>
                    </a:lnTo>
                    <a:lnTo>
                      <a:pt x="88" y="412"/>
                    </a:lnTo>
                    <a:lnTo>
                      <a:pt x="85" y="413"/>
                    </a:lnTo>
                    <a:lnTo>
                      <a:pt x="83" y="418"/>
                    </a:lnTo>
                    <a:lnTo>
                      <a:pt x="83" y="422"/>
                    </a:lnTo>
                    <a:lnTo>
                      <a:pt x="85" y="425"/>
                    </a:lnTo>
                    <a:lnTo>
                      <a:pt x="85" y="427"/>
                    </a:lnTo>
                    <a:lnTo>
                      <a:pt x="85" y="429"/>
                    </a:lnTo>
                    <a:lnTo>
                      <a:pt x="83" y="430"/>
                    </a:lnTo>
                    <a:lnTo>
                      <a:pt x="81" y="430"/>
                    </a:lnTo>
                    <a:lnTo>
                      <a:pt x="79" y="432"/>
                    </a:lnTo>
                    <a:lnTo>
                      <a:pt x="78" y="430"/>
                    </a:lnTo>
                    <a:lnTo>
                      <a:pt x="76" y="429"/>
                    </a:lnTo>
                    <a:lnTo>
                      <a:pt x="76" y="424"/>
                    </a:lnTo>
                    <a:lnTo>
                      <a:pt x="74" y="424"/>
                    </a:lnTo>
                    <a:lnTo>
                      <a:pt x="71" y="424"/>
                    </a:lnTo>
                    <a:lnTo>
                      <a:pt x="69" y="424"/>
                    </a:lnTo>
                    <a:lnTo>
                      <a:pt x="68" y="425"/>
                    </a:lnTo>
                    <a:lnTo>
                      <a:pt x="64" y="425"/>
                    </a:lnTo>
                    <a:lnTo>
                      <a:pt x="63" y="425"/>
                    </a:lnTo>
                    <a:lnTo>
                      <a:pt x="46" y="442"/>
                    </a:lnTo>
                    <a:lnTo>
                      <a:pt x="44" y="442"/>
                    </a:lnTo>
                    <a:lnTo>
                      <a:pt x="44" y="444"/>
                    </a:lnTo>
                    <a:lnTo>
                      <a:pt x="42" y="447"/>
                    </a:lnTo>
                    <a:lnTo>
                      <a:pt x="41" y="449"/>
                    </a:lnTo>
                    <a:lnTo>
                      <a:pt x="41" y="452"/>
                    </a:lnTo>
                    <a:lnTo>
                      <a:pt x="42" y="452"/>
                    </a:lnTo>
                    <a:lnTo>
                      <a:pt x="44" y="451"/>
                    </a:lnTo>
                    <a:lnTo>
                      <a:pt x="51" y="447"/>
                    </a:lnTo>
                    <a:lnTo>
                      <a:pt x="52" y="446"/>
                    </a:lnTo>
                    <a:lnTo>
                      <a:pt x="56" y="444"/>
                    </a:lnTo>
                    <a:lnTo>
                      <a:pt x="57" y="440"/>
                    </a:lnTo>
                    <a:lnTo>
                      <a:pt x="61" y="439"/>
                    </a:lnTo>
                    <a:lnTo>
                      <a:pt x="64" y="435"/>
                    </a:lnTo>
                    <a:lnTo>
                      <a:pt x="66" y="434"/>
                    </a:lnTo>
                    <a:lnTo>
                      <a:pt x="68" y="432"/>
                    </a:lnTo>
                    <a:lnTo>
                      <a:pt x="68" y="434"/>
                    </a:lnTo>
                    <a:lnTo>
                      <a:pt x="68" y="437"/>
                    </a:lnTo>
                    <a:lnTo>
                      <a:pt x="68" y="439"/>
                    </a:lnTo>
                    <a:lnTo>
                      <a:pt x="69" y="440"/>
                    </a:lnTo>
                    <a:lnTo>
                      <a:pt x="73" y="440"/>
                    </a:lnTo>
                    <a:lnTo>
                      <a:pt x="78" y="439"/>
                    </a:lnTo>
                    <a:lnTo>
                      <a:pt x="86" y="434"/>
                    </a:lnTo>
                    <a:lnTo>
                      <a:pt x="88" y="430"/>
                    </a:lnTo>
                    <a:lnTo>
                      <a:pt x="90" y="429"/>
                    </a:lnTo>
                    <a:lnTo>
                      <a:pt x="91" y="429"/>
                    </a:lnTo>
                    <a:lnTo>
                      <a:pt x="95" y="434"/>
                    </a:lnTo>
                    <a:lnTo>
                      <a:pt x="96" y="434"/>
                    </a:lnTo>
                    <a:lnTo>
                      <a:pt x="96" y="432"/>
                    </a:lnTo>
                    <a:lnTo>
                      <a:pt x="96" y="430"/>
                    </a:lnTo>
                    <a:lnTo>
                      <a:pt x="98" y="427"/>
                    </a:lnTo>
                    <a:lnTo>
                      <a:pt x="101" y="424"/>
                    </a:lnTo>
                    <a:lnTo>
                      <a:pt x="105" y="422"/>
                    </a:lnTo>
                    <a:lnTo>
                      <a:pt x="110" y="420"/>
                    </a:lnTo>
                    <a:lnTo>
                      <a:pt x="117" y="420"/>
                    </a:lnTo>
                    <a:lnTo>
                      <a:pt x="117" y="418"/>
                    </a:lnTo>
                    <a:lnTo>
                      <a:pt x="115" y="418"/>
                    </a:lnTo>
                    <a:lnTo>
                      <a:pt x="113" y="415"/>
                    </a:lnTo>
                    <a:lnTo>
                      <a:pt x="113" y="413"/>
                    </a:lnTo>
                    <a:lnTo>
                      <a:pt x="115" y="408"/>
                    </a:lnTo>
                    <a:lnTo>
                      <a:pt x="120" y="405"/>
                    </a:lnTo>
                    <a:lnTo>
                      <a:pt x="127" y="398"/>
                    </a:lnTo>
                    <a:lnTo>
                      <a:pt x="139" y="391"/>
                    </a:lnTo>
                    <a:lnTo>
                      <a:pt x="140" y="391"/>
                    </a:lnTo>
                    <a:lnTo>
                      <a:pt x="139" y="390"/>
                    </a:lnTo>
                    <a:lnTo>
                      <a:pt x="139" y="388"/>
                    </a:lnTo>
                    <a:lnTo>
                      <a:pt x="140" y="385"/>
                    </a:lnTo>
                    <a:lnTo>
                      <a:pt x="144" y="381"/>
                    </a:lnTo>
                    <a:lnTo>
                      <a:pt x="151" y="374"/>
                    </a:lnTo>
                    <a:lnTo>
                      <a:pt x="161" y="366"/>
                    </a:lnTo>
                    <a:lnTo>
                      <a:pt x="174" y="354"/>
                    </a:lnTo>
                    <a:lnTo>
                      <a:pt x="176" y="352"/>
                    </a:lnTo>
                    <a:lnTo>
                      <a:pt x="178" y="347"/>
                    </a:lnTo>
                    <a:lnTo>
                      <a:pt x="178" y="344"/>
                    </a:lnTo>
                    <a:lnTo>
                      <a:pt x="179" y="342"/>
                    </a:lnTo>
                    <a:lnTo>
                      <a:pt x="181" y="341"/>
                    </a:lnTo>
                    <a:lnTo>
                      <a:pt x="183" y="339"/>
                    </a:lnTo>
                    <a:lnTo>
                      <a:pt x="183" y="337"/>
                    </a:lnTo>
                    <a:lnTo>
                      <a:pt x="184" y="336"/>
                    </a:lnTo>
                    <a:lnTo>
                      <a:pt x="183" y="332"/>
                    </a:lnTo>
                    <a:lnTo>
                      <a:pt x="181" y="330"/>
                    </a:lnTo>
                    <a:lnTo>
                      <a:pt x="174" y="330"/>
                    </a:lnTo>
                    <a:lnTo>
                      <a:pt x="173" y="330"/>
                    </a:lnTo>
                    <a:lnTo>
                      <a:pt x="173" y="329"/>
                    </a:lnTo>
                    <a:lnTo>
                      <a:pt x="173" y="327"/>
                    </a:lnTo>
                    <a:lnTo>
                      <a:pt x="174" y="322"/>
                    </a:lnTo>
                    <a:lnTo>
                      <a:pt x="178" y="317"/>
                    </a:lnTo>
                    <a:lnTo>
                      <a:pt x="183" y="310"/>
                    </a:lnTo>
                    <a:lnTo>
                      <a:pt x="191" y="302"/>
                    </a:lnTo>
                    <a:lnTo>
                      <a:pt x="193" y="298"/>
                    </a:lnTo>
                    <a:lnTo>
                      <a:pt x="195" y="293"/>
                    </a:lnTo>
                    <a:lnTo>
                      <a:pt x="196" y="285"/>
                    </a:lnTo>
                    <a:lnTo>
                      <a:pt x="200" y="276"/>
                    </a:lnTo>
                    <a:lnTo>
                      <a:pt x="205" y="268"/>
                    </a:lnTo>
                    <a:lnTo>
                      <a:pt x="211" y="264"/>
                    </a:lnTo>
                    <a:lnTo>
                      <a:pt x="220" y="264"/>
                    </a:lnTo>
                    <a:lnTo>
                      <a:pt x="230" y="271"/>
                    </a:lnTo>
                    <a:lnTo>
                      <a:pt x="228" y="271"/>
                    </a:lnTo>
                    <a:lnTo>
                      <a:pt x="225" y="271"/>
                    </a:lnTo>
                    <a:lnTo>
                      <a:pt x="220" y="273"/>
                    </a:lnTo>
                    <a:lnTo>
                      <a:pt x="213" y="273"/>
                    </a:lnTo>
                    <a:lnTo>
                      <a:pt x="210" y="276"/>
                    </a:lnTo>
                    <a:lnTo>
                      <a:pt x="206" y="281"/>
                    </a:lnTo>
                    <a:lnTo>
                      <a:pt x="206" y="288"/>
                    </a:lnTo>
                    <a:lnTo>
                      <a:pt x="210" y="297"/>
                    </a:lnTo>
                    <a:lnTo>
                      <a:pt x="210" y="298"/>
                    </a:lnTo>
                    <a:lnTo>
                      <a:pt x="208" y="302"/>
                    </a:lnTo>
                    <a:lnTo>
                      <a:pt x="205" y="305"/>
                    </a:lnTo>
                    <a:lnTo>
                      <a:pt x="203" y="308"/>
                    </a:lnTo>
                    <a:lnTo>
                      <a:pt x="203" y="310"/>
                    </a:lnTo>
                    <a:lnTo>
                      <a:pt x="205" y="312"/>
                    </a:lnTo>
                    <a:lnTo>
                      <a:pt x="208" y="310"/>
                    </a:lnTo>
                    <a:lnTo>
                      <a:pt x="215" y="307"/>
                    </a:lnTo>
                    <a:lnTo>
                      <a:pt x="213" y="308"/>
                    </a:lnTo>
                    <a:lnTo>
                      <a:pt x="211" y="312"/>
                    </a:lnTo>
                    <a:lnTo>
                      <a:pt x="210" y="317"/>
                    </a:lnTo>
                    <a:lnTo>
                      <a:pt x="208" y="320"/>
                    </a:lnTo>
                    <a:lnTo>
                      <a:pt x="208" y="324"/>
                    </a:lnTo>
                    <a:lnTo>
                      <a:pt x="210" y="322"/>
                    </a:lnTo>
                    <a:lnTo>
                      <a:pt x="217" y="319"/>
                    </a:lnTo>
                    <a:lnTo>
                      <a:pt x="227" y="308"/>
                    </a:lnTo>
                    <a:lnTo>
                      <a:pt x="227" y="307"/>
                    </a:lnTo>
                    <a:lnTo>
                      <a:pt x="230" y="305"/>
                    </a:lnTo>
                    <a:lnTo>
                      <a:pt x="232" y="303"/>
                    </a:lnTo>
                    <a:lnTo>
                      <a:pt x="233" y="302"/>
                    </a:lnTo>
                    <a:lnTo>
                      <a:pt x="237" y="300"/>
                    </a:lnTo>
                    <a:lnTo>
                      <a:pt x="239" y="298"/>
                    </a:lnTo>
                    <a:lnTo>
                      <a:pt x="240" y="297"/>
                    </a:lnTo>
                    <a:lnTo>
                      <a:pt x="242" y="297"/>
                    </a:lnTo>
                    <a:lnTo>
                      <a:pt x="244" y="297"/>
                    </a:lnTo>
                    <a:lnTo>
                      <a:pt x="245" y="295"/>
                    </a:lnTo>
                    <a:lnTo>
                      <a:pt x="247" y="293"/>
                    </a:lnTo>
                    <a:lnTo>
                      <a:pt x="249" y="290"/>
                    </a:lnTo>
                    <a:lnTo>
                      <a:pt x="247" y="286"/>
                    </a:lnTo>
                    <a:lnTo>
                      <a:pt x="245" y="281"/>
                    </a:lnTo>
                    <a:lnTo>
                      <a:pt x="245" y="280"/>
                    </a:lnTo>
                    <a:lnTo>
                      <a:pt x="244" y="276"/>
                    </a:lnTo>
                    <a:lnTo>
                      <a:pt x="242" y="273"/>
                    </a:lnTo>
                    <a:lnTo>
                      <a:pt x="240" y="271"/>
                    </a:lnTo>
                    <a:lnTo>
                      <a:pt x="250" y="264"/>
                    </a:lnTo>
                    <a:lnTo>
                      <a:pt x="255" y="268"/>
                    </a:lnTo>
                    <a:lnTo>
                      <a:pt x="266" y="263"/>
                    </a:lnTo>
                    <a:lnTo>
                      <a:pt x="281" y="271"/>
                    </a:lnTo>
                    <a:lnTo>
                      <a:pt x="286" y="278"/>
                    </a:lnTo>
                    <a:lnTo>
                      <a:pt x="293" y="270"/>
                    </a:lnTo>
                    <a:lnTo>
                      <a:pt x="303" y="286"/>
                    </a:lnTo>
                    <a:lnTo>
                      <a:pt x="305" y="285"/>
                    </a:lnTo>
                    <a:lnTo>
                      <a:pt x="310" y="281"/>
                    </a:lnTo>
                    <a:lnTo>
                      <a:pt x="315" y="278"/>
                    </a:lnTo>
                    <a:lnTo>
                      <a:pt x="323" y="276"/>
                    </a:lnTo>
                    <a:lnTo>
                      <a:pt x="333" y="275"/>
                    </a:lnTo>
                    <a:lnTo>
                      <a:pt x="343" y="275"/>
                    </a:lnTo>
                    <a:lnTo>
                      <a:pt x="357" y="276"/>
                    </a:lnTo>
                    <a:lnTo>
                      <a:pt x="359" y="276"/>
                    </a:lnTo>
                    <a:lnTo>
                      <a:pt x="360" y="275"/>
                    </a:lnTo>
                    <a:lnTo>
                      <a:pt x="362" y="273"/>
                    </a:lnTo>
                    <a:lnTo>
                      <a:pt x="364" y="271"/>
                    </a:lnTo>
                    <a:lnTo>
                      <a:pt x="365" y="271"/>
                    </a:lnTo>
                    <a:lnTo>
                      <a:pt x="369" y="271"/>
                    </a:lnTo>
                    <a:lnTo>
                      <a:pt x="371" y="275"/>
                    </a:lnTo>
                    <a:lnTo>
                      <a:pt x="371" y="278"/>
                    </a:lnTo>
                    <a:lnTo>
                      <a:pt x="371" y="280"/>
                    </a:lnTo>
                    <a:lnTo>
                      <a:pt x="374" y="280"/>
                    </a:lnTo>
                    <a:lnTo>
                      <a:pt x="377" y="281"/>
                    </a:lnTo>
                    <a:lnTo>
                      <a:pt x="381" y="281"/>
                    </a:lnTo>
                    <a:lnTo>
                      <a:pt x="384" y="281"/>
                    </a:lnTo>
                    <a:lnTo>
                      <a:pt x="387" y="283"/>
                    </a:lnTo>
                    <a:lnTo>
                      <a:pt x="389" y="283"/>
                    </a:lnTo>
                    <a:lnTo>
                      <a:pt x="391" y="283"/>
                    </a:lnTo>
                    <a:lnTo>
                      <a:pt x="411" y="295"/>
                    </a:lnTo>
                    <a:lnTo>
                      <a:pt x="413" y="295"/>
                    </a:lnTo>
                    <a:lnTo>
                      <a:pt x="415" y="295"/>
                    </a:lnTo>
                    <a:lnTo>
                      <a:pt x="418" y="295"/>
                    </a:lnTo>
                    <a:lnTo>
                      <a:pt x="421" y="295"/>
                    </a:lnTo>
                    <a:lnTo>
                      <a:pt x="425" y="295"/>
                    </a:lnTo>
                    <a:lnTo>
                      <a:pt x="425" y="292"/>
                    </a:lnTo>
                    <a:lnTo>
                      <a:pt x="423" y="288"/>
                    </a:lnTo>
                    <a:lnTo>
                      <a:pt x="416" y="280"/>
                    </a:lnTo>
                    <a:lnTo>
                      <a:pt x="418" y="280"/>
                    </a:lnTo>
                    <a:lnTo>
                      <a:pt x="420" y="278"/>
                    </a:lnTo>
                    <a:lnTo>
                      <a:pt x="423" y="276"/>
                    </a:lnTo>
                    <a:lnTo>
                      <a:pt x="425" y="278"/>
                    </a:lnTo>
                    <a:lnTo>
                      <a:pt x="428" y="280"/>
                    </a:lnTo>
                    <a:lnTo>
                      <a:pt x="431" y="283"/>
                    </a:lnTo>
                    <a:lnTo>
                      <a:pt x="435" y="286"/>
                    </a:lnTo>
                    <a:lnTo>
                      <a:pt x="438" y="288"/>
                    </a:lnTo>
                    <a:lnTo>
                      <a:pt x="438" y="286"/>
                    </a:lnTo>
                    <a:lnTo>
                      <a:pt x="435" y="281"/>
                    </a:lnTo>
                    <a:lnTo>
                      <a:pt x="430" y="271"/>
                    </a:lnTo>
                    <a:lnTo>
                      <a:pt x="428" y="270"/>
                    </a:lnTo>
                    <a:lnTo>
                      <a:pt x="430" y="266"/>
                    </a:lnTo>
                    <a:lnTo>
                      <a:pt x="430" y="264"/>
                    </a:lnTo>
                    <a:lnTo>
                      <a:pt x="431" y="264"/>
                    </a:lnTo>
                    <a:lnTo>
                      <a:pt x="445" y="283"/>
                    </a:lnTo>
                    <a:lnTo>
                      <a:pt x="455" y="280"/>
                    </a:lnTo>
                    <a:lnTo>
                      <a:pt x="455" y="281"/>
                    </a:lnTo>
                    <a:lnTo>
                      <a:pt x="457" y="281"/>
                    </a:lnTo>
                    <a:lnTo>
                      <a:pt x="460" y="283"/>
                    </a:lnTo>
                    <a:lnTo>
                      <a:pt x="462" y="286"/>
                    </a:lnTo>
                    <a:lnTo>
                      <a:pt x="465" y="290"/>
                    </a:lnTo>
                    <a:lnTo>
                      <a:pt x="469" y="295"/>
                    </a:lnTo>
                    <a:lnTo>
                      <a:pt x="472" y="300"/>
                    </a:lnTo>
                    <a:lnTo>
                      <a:pt x="475" y="305"/>
                    </a:lnTo>
                    <a:lnTo>
                      <a:pt x="479" y="312"/>
                    </a:lnTo>
                    <a:lnTo>
                      <a:pt x="482" y="314"/>
                    </a:lnTo>
                    <a:lnTo>
                      <a:pt x="484" y="314"/>
                    </a:lnTo>
                    <a:lnTo>
                      <a:pt x="486" y="312"/>
                    </a:lnTo>
                    <a:lnTo>
                      <a:pt x="487" y="310"/>
                    </a:lnTo>
                    <a:lnTo>
                      <a:pt x="487" y="308"/>
                    </a:lnTo>
                    <a:lnTo>
                      <a:pt x="487" y="307"/>
                    </a:lnTo>
                    <a:lnTo>
                      <a:pt x="509" y="322"/>
                    </a:lnTo>
                    <a:lnTo>
                      <a:pt x="508" y="325"/>
                    </a:lnTo>
                    <a:lnTo>
                      <a:pt x="508" y="327"/>
                    </a:lnTo>
                    <a:lnTo>
                      <a:pt x="508" y="330"/>
                    </a:lnTo>
                    <a:lnTo>
                      <a:pt x="508" y="332"/>
                    </a:lnTo>
                    <a:lnTo>
                      <a:pt x="509" y="332"/>
                    </a:lnTo>
                    <a:lnTo>
                      <a:pt x="514" y="329"/>
                    </a:lnTo>
                    <a:lnTo>
                      <a:pt x="519" y="324"/>
                    </a:lnTo>
                    <a:lnTo>
                      <a:pt x="521" y="322"/>
                    </a:lnTo>
                    <a:lnTo>
                      <a:pt x="523" y="322"/>
                    </a:lnTo>
                    <a:lnTo>
                      <a:pt x="525" y="324"/>
                    </a:lnTo>
                    <a:lnTo>
                      <a:pt x="528" y="325"/>
                    </a:lnTo>
                    <a:lnTo>
                      <a:pt x="531" y="330"/>
                    </a:lnTo>
                    <a:lnTo>
                      <a:pt x="535" y="339"/>
                    </a:lnTo>
                    <a:lnTo>
                      <a:pt x="536" y="341"/>
                    </a:lnTo>
                    <a:lnTo>
                      <a:pt x="538" y="344"/>
                    </a:lnTo>
                    <a:lnTo>
                      <a:pt x="540" y="347"/>
                    </a:lnTo>
                    <a:lnTo>
                      <a:pt x="541" y="349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01" name="Freeform 78"/>
              <p:cNvSpPr>
                <a:spLocks/>
              </p:cNvSpPr>
              <p:nvPr/>
            </p:nvSpPr>
            <p:spPr bwMode="auto">
              <a:xfrm>
                <a:off x="659" y="3034"/>
                <a:ext cx="545" cy="452"/>
              </a:xfrm>
              <a:custGeom>
                <a:avLst/>
                <a:gdLst>
                  <a:gd name="T0" fmla="*/ 545 w 545"/>
                  <a:gd name="T1" fmla="*/ 332 h 452"/>
                  <a:gd name="T2" fmla="*/ 516 w 545"/>
                  <a:gd name="T3" fmla="*/ 312 h 452"/>
                  <a:gd name="T4" fmla="*/ 381 w 545"/>
                  <a:gd name="T5" fmla="*/ 266 h 452"/>
                  <a:gd name="T6" fmla="*/ 350 w 545"/>
                  <a:gd name="T7" fmla="*/ 264 h 452"/>
                  <a:gd name="T8" fmla="*/ 237 w 545"/>
                  <a:gd name="T9" fmla="*/ 14 h 452"/>
                  <a:gd name="T10" fmla="*/ 195 w 545"/>
                  <a:gd name="T11" fmla="*/ 16 h 452"/>
                  <a:gd name="T12" fmla="*/ 179 w 545"/>
                  <a:gd name="T13" fmla="*/ 16 h 452"/>
                  <a:gd name="T14" fmla="*/ 152 w 545"/>
                  <a:gd name="T15" fmla="*/ 9 h 452"/>
                  <a:gd name="T16" fmla="*/ 110 w 545"/>
                  <a:gd name="T17" fmla="*/ 9 h 452"/>
                  <a:gd name="T18" fmla="*/ 91 w 545"/>
                  <a:gd name="T19" fmla="*/ 17 h 452"/>
                  <a:gd name="T20" fmla="*/ 69 w 545"/>
                  <a:gd name="T21" fmla="*/ 33 h 452"/>
                  <a:gd name="T22" fmla="*/ 22 w 545"/>
                  <a:gd name="T23" fmla="*/ 78 h 452"/>
                  <a:gd name="T24" fmla="*/ 54 w 545"/>
                  <a:gd name="T25" fmla="*/ 116 h 452"/>
                  <a:gd name="T26" fmla="*/ 68 w 545"/>
                  <a:gd name="T27" fmla="*/ 132 h 452"/>
                  <a:gd name="T28" fmla="*/ 27 w 545"/>
                  <a:gd name="T29" fmla="*/ 132 h 452"/>
                  <a:gd name="T30" fmla="*/ 15 w 545"/>
                  <a:gd name="T31" fmla="*/ 138 h 452"/>
                  <a:gd name="T32" fmla="*/ 3 w 545"/>
                  <a:gd name="T33" fmla="*/ 160 h 452"/>
                  <a:gd name="T34" fmla="*/ 17 w 545"/>
                  <a:gd name="T35" fmla="*/ 180 h 452"/>
                  <a:gd name="T36" fmla="*/ 71 w 545"/>
                  <a:gd name="T37" fmla="*/ 176 h 452"/>
                  <a:gd name="T38" fmla="*/ 76 w 545"/>
                  <a:gd name="T39" fmla="*/ 190 h 452"/>
                  <a:gd name="T40" fmla="*/ 56 w 545"/>
                  <a:gd name="T41" fmla="*/ 219 h 452"/>
                  <a:gd name="T42" fmla="*/ 34 w 545"/>
                  <a:gd name="T43" fmla="*/ 220 h 452"/>
                  <a:gd name="T44" fmla="*/ 22 w 545"/>
                  <a:gd name="T45" fmla="*/ 242 h 452"/>
                  <a:gd name="T46" fmla="*/ 15 w 545"/>
                  <a:gd name="T47" fmla="*/ 256 h 452"/>
                  <a:gd name="T48" fmla="*/ 17 w 545"/>
                  <a:gd name="T49" fmla="*/ 271 h 452"/>
                  <a:gd name="T50" fmla="*/ 41 w 545"/>
                  <a:gd name="T51" fmla="*/ 288 h 452"/>
                  <a:gd name="T52" fmla="*/ 35 w 545"/>
                  <a:gd name="T53" fmla="*/ 314 h 452"/>
                  <a:gd name="T54" fmla="*/ 59 w 545"/>
                  <a:gd name="T55" fmla="*/ 298 h 452"/>
                  <a:gd name="T56" fmla="*/ 69 w 545"/>
                  <a:gd name="T57" fmla="*/ 322 h 452"/>
                  <a:gd name="T58" fmla="*/ 64 w 545"/>
                  <a:gd name="T59" fmla="*/ 347 h 452"/>
                  <a:gd name="T60" fmla="*/ 79 w 545"/>
                  <a:gd name="T61" fmla="*/ 336 h 452"/>
                  <a:gd name="T62" fmla="*/ 95 w 545"/>
                  <a:gd name="T63" fmla="*/ 336 h 452"/>
                  <a:gd name="T64" fmla="*/ 108 w 545"/>
                  <a:gd name="T65" fmla="*/ 344 h 452"/>
                  <a:gd name="T66" fmla="*/ 139 w 545"/>
                  <a:gd name="T67" fmla="*/ 329 h 452"/>
                  <a:gd name="T68" fmla="*/ 125 w 545"/>
                  <a:gd name="T69" fmla="*/ 364 h 452"/>
                  <a:gd name="T70" fmla="*/ 112 w 545"/>
                  <a:gd name="T71" fmla="*/ 396 h 452"/>
                  <a:gd name="T72" fmla="*/ 83 w 545"/>
                  <a:gd name="T73" fmla="*/ 422 h 452"/>
                  <a:gd name="T74" fmla="*/ 76 w 545"/>
                  <a:gd name="T75" fmla="*/ 424 h 452"/>
                  <a:gd name="T76" fmla="*/ 44 w 545"/>
                  <a:gd name="T77" fmla="*/ 442 h 452"/>
                  <a:gd name="T78" fmla="*/ 57 w 545"/>
                  <a:gd name="T79" fmla="*/ 440 h 452"/>
                  <a:gd name="T80" fmla="*/ 69 w 545"/>
                  <a:gd name="T81" fmla="*/ 440 h 452"/>
                  <a:gd name="T82" fmla="*/ 96 w 545"/>
                  <a:gd name="T83" fmla="*/ 432 h 452"/>
                  <a:gd name="T84" fmla="*/ 113 w 545"/>
                  <a:gd name="T85" fmla="*/ 413 h 452"/>
                  <a:gd name="T86" fmla="*/ 151 w 545"/>
                  <a:gd name="T87" fmla="*/ 374 h 452"/>
                  <a:gd name="T88" fmla="*/ 183 w 545"/>
                  <a:gd name="T89" fmla="*/ 339 h 452"/>
                  <a:gd name="T90" fmla="*/ 174 w 545"/>
                  <a:gd name="T91" fmla="*/ 322 h 452"/>
                  <a:gd name="T92" fmla="*/ 220 w 545"/>
                  <a:gd name="T93" fmla="*/ 264 h 452"/>
                  <a:gd name="T94" fmla="*/ 210 w 545"/>
                  <a:gd name="T95" fmla="*/ 297 h 452"/>
                  <a:gd name="T96" fmla="*/ 211 w 545"/>
                  <a:gd name="T97" fmla="*/ 312 h 452"/>
                  <a:gd name="T98" fmla="*/ 233 w 545"/>
                  <a:gd name="T99" fmla="*/ 302 h 452"/>
                  <a:gd name="T100" fmla="*/ 249 w 545"/>
                  <a:gd name="T101" fmla="*/ 290 h 452"/>
                  <a:gd name="T102" fmla="*/ 281 w 545"/>
                  <a:gd name="T103" fmla="*/ 271 h 452"/>
                  <a:gd name="T104" fmla="*/ 343 w 545"/>
                  <a:gd name="T105" fmla="*/ 275 h 452"/>
                  <a:gd name="T106" fmla="*/ 371 w 545"/>
                  <a:gd name="T107" fmla="*/ 278 h 452"/>
                  <a:gd name="T108" fmla="*/ 413 w 545"/>
                  <a:gd name="T109" fmla="*/ 295 h 452"/>
                  <a:gd name="T110" fmla="*/ 423 w 545"/>
                  <a:gd name="T111" fmla="*/ 276 h 452"/>
                  <a:gd name="T112" fmla="*/ 430 w 545"/>
                  <a:gd name="T113" fmla="*/ 271 h 452"/>
                  <a:gd name="T114" fmla="*/ 462 w 545"/>
                  <a:gd name="T115" fmla="*/ 286 h 452"/>
                  <a:gd name="T116" fmla="*/ 487 w 545"/>
                  <a:gd name="T117" fmla="*/ 310 h 452"/>
                  <a:gd name="T118" fmla="*/ 514 w 545"/>
                  <a:gd name="T119" fmla="*/ 329 h 452"/>
                  <a:gd name="T120" fmla="*/ 535 w 545"/>
                  <a:gd name="T121" fmla="*/ 339 h 452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w 545"/>
                  <a:gd name="T184" fmla="*/ 0 h 452"/>
                  <a:gd name="T185" fmla="*/ 545 w 545"/>
                  <a:gd name="T186" fmla="*/ 452 h 452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T183" t="T184" r="T185" b="T186"/>
                <a:pathLst>
                  <a:path w="545" h="452">
                    <a:moveTo>
                      <a:pt x="541" y="349"/>
                    </a:moveTo>
                    <a:lnTo>
                      <a:pt x="541" y="349"/>
                    </a:lnTo>
                    <a:lnTo>
                      <a:pt x="541" y="347"/>
                    </a:lnTo>
                    <a:lnTo>
                      <a:pt x="543" y="346"/>
                    </a:lnTo>
                    <a:lnTo>
                      <a:pt x="543" y="344"/>
                    </a:lnTo>
                    <a:lnTo>
                      <a:pt x="545" y="341"/>
                    </a:lnTo>
                    <a:lnTo>
                      <a:pt x="545" y="339"/>
                    </a:lnTo>
                    <a:lnTo>
                      <a:pt x="545" y="336"/>
                    </a:lnTo>
                    <a:lnTo>
                      <a:pt x="545" y="332"/>
                    </a:lnTo>
                    <a:lnTo>
                      <a:pt x="543" y="329"/>
                    </a:lnTo>
                    <a:lnTo>
                      <a:pt x="541" y="325"/>
                    </a:lnTo>
                    <a:lnTo>
                      <a:pt x="538" y="320"/>
                    </a:lnTo>
                    <a:lnTo>
                      <a:pt x="535" y="317"/>
                    </a:lnTo>
                    <a:lnTo>
                      <a:pt x="533" y="315"/>
                    </a:lnTo>
                    <a:lnTo>
                      <a:pt x="530" y="315"/>
                    </a:lnTo>
                    <a:lnTo>
                      <a:pt x="526" y="314"/>
                    </a:lnTo>
                    <a:lnTo>
                      <a:pt x="523" y="314"/>
                    </a:lnTo>
                    <a:lnTo>
                      <a:pt x="519" y="314"/>
                    </a:lnTo>
                    <a:lnTo>
                      <a:pt x="516" y="312"/>
                    </a:lnTo>
                    <a:lnTo>
                      <a:pt x="514" y="312"/>
                    </a:lnTo>
                    <a:lnTo>
                      <a:pt x="506" y="310"/>
                    </a:lnTo>
                    <a:lnTo>
                      <a:pt x="452" y="271"/>
                    </a:lnTo>
                    <a:lnTo>
                      <a:pt x="435" y="259"/>
                    </a:lnTo>
                    <a:lnTo>
                      <a:pt x="421" y="251"/>
                    </a:lnTo>
                    <a:lnTo>
                      <a:pt x="413" y="263"/>
                    </a:lnTo>
                    <a:lnTo>
                      <a:pt x="413" y="271"/>
                    </a:lnTo>
                    <a:lnTo>
                      <a:pt x="403" y="280"/>
                    </a:lnTo>
                    <a:lnTo>
                      <a:pt x="381" y="266"/>
                    </a:lnTo>
                    <a:lnTo>
                      <a:pt x="379" y="264"/>
                    </a:lnTo>
                    <a:lnTo>
                      <a:pt x="377" y="261"/>
                    </a:lnTo>
                    <a:lnTo>
                      <a:pt x="374" y="259"/>
                    </a:lnTo>
                    <a:lnTo>
                      <a:pt x="369" y="258"/>
                    </a:lnTo>
                    <a:lnTo>
                      <a:pt x="365" y="258"/>
                    </a:lnTo>
                    <a:lnTo>
                      <a:pt x="360" y="259"/>
                    </a:lnTo>
                    <a:lnTo>
                      <a:pt x="355" y="263"/>
                    </a:lnTo>
                    <a:lnTo>
                      <a:pt x="354" y="264"/>
                    </a:lnTo>
                    <a:lnTo>
                      <a:pt x="350" y="264"/>
                    </a:lnTo>
                    <a:lnTo>
                      <a:pt x="347" y="266"/>
                    </a:lnTo>
                    <a:lnTo>
                      <a:pt x="345" y="266"/>
                    </a:lnTo>
                    <a:lnTo>
                      <a:pt x="271" y="17"/>
                    </a:lnTo>
                    <a:lnTo>
                      <a:pt x="269" y="17"/>
                    </a:lnTo>
                    <a:lnTo>
                      <a:pt x="266" y="16"/>
                    </a:lnTo>
                    <a:lnTo>
                      <a:pt x="261" y="14"/>
                    </a:lnTo>
                    <a:lnTo>
                      <a:pt x="255" y="12"/>
                    </a:lnTo>
                    <a:lnTo>
                      <a:pt x="249" y="11"/>
                    </a:lnTo>
                    <a:lnTo>
                      <a:pt x="244" y="12"/>
                    </a:lnTo>
                    <a:lnTo>
                      <a:pt x="237" y="14"/>
                    </a:lnTo>
                    <a:lnTo>
                      <a:pt x="232" y="17"/>
                    </a:lnTo>
                    <a:lnTo>
                      <a:pt x="230" y="17"/>
                    </a:lnTo>
                    <a:lnTo>
                      <a:pt x="225" y="17"/>
                    </a:lnTo>
                    <a:lnTo>
                      <a:pt x="218" y="17"/>
                    </a:lnTo>
                    <a:lnTo>
                      <a:pt x="211" y="17"/>
                    </a:lnTo>
                    <a:lnTo>
                      <a:pt x="205" y="17"/>
                    </a:lnTo>
                    <a:lnTo>
                      <a:pt x="200" y="17"/>
                    </a:lnTo>
                    <a:lnTo>
                      <a:pt x="195" y="16"/>
                    </a:lnTo>
                    <a:lnTo>
                      <a:pt x="193" y="16"/>
                    </a:lnTo>
                    <a:lnTo>
                      <a:pt x="191" y="16"/>
                    </a:lnTo>
                    <a:lnTo>
                      <a:pt x="189" y="16"/>
                    </a:lnTo>
                    <a:lnTo>
                      <a:pt x="188" y="16"/>
                    </a:lnTo>
                    <a:lnTo>
                      <a:pt x="184" y="16"/>
                    </a:lnTo>
                    <a:lnTo>
                      <a:pt x="183" y="16"/>
                    </a:lnTo>
                    <a:lnTo>
                      <a:pt x="181" y="16"/>
                    </a:lnTo>
                    <a:lnTo>
                      <a:pt x="179" y="16"/>
                    </a:lnTo>
                    <a:lnTo>
                      <a:pt x="176" y="17"/>
                    </a:lnTo>
                    <a:lnTo>
                      <a:pt x="173" y="17"/>
                    </a:lnTo>
                    <a:lnTo>
                      <a:pt x="169" y="17"/>
                    </a:lnTo>
                    <a:lnTo>
                      <a:pt x="166" y="16"/>
                    </a:lnTo>
                    <a:lnTo>
                      <a:pt x="162" y="12"/>
                    </a:lnTo>
                    <a:lnTo>
                      <a:pt x="157" y="7"/>
                    </a:lnTo>
                    <a:lnTo>
                      <a:pt x="156" y="7"/>
                    </a:lnTo>
                    <a:lnTo>
                      <a:pt x="154" y="9"/>
                    </a:lnTo>
                    <a:lnTo>
                      <a:pt x="152" y="9"/>
                    </a:lnTo>
                    <a:lnTo>
                      <a:pt x="149" y="9"/>
                    </a:lnTo>
                    <a:lnTo>
                      <a:pt x="147" y="9"/>
                    </a:lnTo>
                    <a:lnTo>
                      <a:pt x="145" y="11"/>
                    </a:lnTo>
                    <a:lnTo>
                      <a:pt x="137" y="2"/>
                    </a:lnTo>
                    <a:lnTo>
                      <a:pt x="130" y="7"/>
                    </a:lnTo>
                    <a:lnTo>
                      <a:pt x="129" y="0"/>
                    </a:lnTo>
                    <a:lnTo>
                      <a:pt x="117" y="0"/>
                    </a:lnTo>
                    <a:lnTo>
                      <a:pt x="110" y="9"/>
                    </a:lnTo>
                    <a:lnTo>
                      <a:pt x="108" y="11"/>
                    </a:lnTo>
                    <a:lnTo>
                      <a:pt x="108" y="12"/>
                    </a:lnTo>
                    <a:lnTo>
                      <a:pt x="107" y="12"/>
                    </a:lnTo>
                    <a:lnTo>
                      <a:pt x="103" y="14"/>
                    </a:lnTo>
                    <a:lnTo>
                      <a:pt x="100" y="14"/>
                    </a:lnTo>
                    <a:lnTo>
                      <a:pt x="95" y="14"/>
                    </a:lnTo>
                    <a:lnTo>
                      <a:pt x="93" y="16"/>
                    </a:lnTo>
                    <a:lnTo>
                      <a:pt x="91" y="17"/>
                    </a:lnTo>
                    <a:lnTo>
                      <a:pt x="90" y="19"/>
                    </a:lnTo>
                    <a:lnTo>
                      <a:pt x="86" y="22"/>
                    </a:lnTo>
                    <a:lnTo>
                      <a:pt x="85" y="24"/>
                    </a:lnTo>
                    <a:lnTo>
                      <a:pt x="83" y="26"/>
                    </a:lnTo>
                    <a:lnTo>
                      <a:pt x="81" y="26"/>
                    </a:lnTo>
                    <a:lnTo>
                      <a:pt x="78" y="26"/>
                    </a:lnTo>
                    <a:lnTo>
                      <a:pt x="74" y="29"/>
                    </a:lnTo>
                    <a:lnTo>
                      <a:pt x="69" y="33"/>
                    </a:lnTo>
                    <a:lnTo>
                      <a:pt x="64" y="38"/>
                    </a:lnTo>
                    <a:lnTo>
                      <a:pt x="59" y="46"/>
                    </a:lnTo>
                    <a:lnTo>
                      <a:pt x="54" y="56"/>
                    </a:lnTo>
                    <a:lnTo>
                      <a:pt x="52" y="58"/>
                    </a:lnTo>
                    <a:lnTo>
                      <a:pt x="51" y="61"/>
                    </a:lnTo>
                    <a:lnTo>
                      <a:pt x="47" y="63"/>
                    </a:lnTo>
                    <a:lnTo>
                      <a:pt x="47" y="65"/>
                    </a:lnTo>
                    <a:lnTo>
                      <a:pt x="30" y="65"/>
                    </a:lnTo>
                    <a:lnTo>
                      <a:pt x="22" y="78"/>
                    </a:lnTo>
                    <a:lnTo>
                      <a:pt x="22" y="80"/>
                    </a:lnTo>
                    <a:lnTo>
                      <a:pt x="25" y="82"/>
                    </a:lnTo>
                    <a:lnTo>
                      <a:pt x="30" y="83"/>
                    </a:lnTo>
                    <a:lnTo>
                      <a:pt x="35" y="87"/>
                    </a:lnTo>
                    <a:lnTo>
                      <a:pt x="42" y="92"/>
                    </a:lnTo>
                    <a:lnTo>
                      <a:pt x="46" y="97"/>
                    </a:lnTo>
                    <a:lnTo>
                      <a:pt x="49" y="105"/>
                    </a:lnTo>
                    <a:lnTo>
                      <a:pt x="51" y="114"/>
                    </a:lnTo>
                    <a:lnTo>
                      <a:pt x="54" y="116"/>
                    </a:lnTo>
                    <a:lnTo>
                      <a:pt x="56" y="116"/>
                    </a:lnTo>
                    <a:lnTo>
                      <a:pt x="59" y="116"/>
                    </a:lnTo>
                    <a:lnTo>
                      <a:pt x="63" y="116"/>
                    </a:lnTo>
                    <a:lnTo>
                      <a:pt x="66" y="116"/>
                    </a:lnTo>
                    <a:lnTo>
                      <a:pt x="68" y="117"/>
                    </a:lnTo>
                    <a:lnTo>
                      <a:pt x="71" y="129"/>
                    </a:lnTo>
                    <a:lnTo>
                      <a:pt x="81" y="129"/>
                    </a:lnTo>
                    <a:lnTo>
                      <a:pt x="79" y="132"/>
                    </a:lnTo>
                    <a:lnTo>
                      <a:pt x="68" y="132"/>
                    </a:lnTo>
                    <a:lnTo>
                      <a:pt x="63" y="122"/>
                    </a:lnTo>
                    <a:lnTo>
                      <a:pt x="59" y="126"/>
                    </a:lnTo>
                    <a:lnTo>
                      <a:pt x="68" y="136"/>
                    </a:lnTo>
                    <a:lnTo>
                      <a:pt x="76" y="138"/>
                    </a:lnTo>
                    <a:lnTo>
                      <a:pt x="68" y="144"/>
                    </a:lnTo>
                    <a:lnTo>
                      <a:pt x="46" y="139"/>
                    </a:lnTo>
                    <a:lnTo>
                      <a:pt x="46" y="127"/>
                    </a:lnTo>
                    <a:lnTo>
                      <a:pt x="27" y="132"/>
                    </a:lnTo>
                    <a:lnTo>
                      <a:pt x="27" y="134"/>
                    </a:lnTo>
                    <a:lnTo>
                      <a:pt x="27" y="138"/>
                    </a:lnTo>
                    <a:lnTo>
                      <a:pt x="27" y="139"/>
                    </a:lnTo>
                    <a:lnTo>
                      <a:pt x="27" y="141"/>
                    </a:lnTo>
                    <a:lnTo>
                      <a:pt x="25" y="141"/>
                    </a:lnTo>
                    <a:lnTo>
                      <a:pt x="22" y="139"/>
                    </a:lnTo>
                    <a:lnTo>
                      <a:pt x="19" y="136"/>
                    </a:lnTo>
                    <a:lnTo>
                      <a:pt x="15" y="138"/>
                    </a:lnTo>
                    <a:lnTo>
                      <a:pt x="12" y="138"/>
                    </a:lnTo>
                    <a:lnTo>
                      <a:pt x="8" y="139"/>
                    </a:lnTo>
                    <a:lnTo>
                      <a:pt x="5" y="143"/>
                    </a:lnTo>
                    <a:lnTo>
                      <a:pt x="2" y="144"/>
                    </a:lnTo>
                    <a:lnTo>
                      <a:pt x="0" y="148"/>
                    </a:lnTo>
                    <a:lnTo>
                      <a:pt x="0" y="151"/>
                    </a:lnTo>
                    <a:lnTo>
                      <a:pt x="0" y="153"/>
                    </a:lnTo>
                    <a:lnTo>
                      <a:pt x="0" y="154"/>
                    </a:lnTo>
                    <a:lnTo>
                      <a:pt x="2" y="156"/>
                    </a:lnTo>
                    <a:lnTo>
                      <a:pt x="3" y="160"/>
                    </a:lnTo>
                    <a:lnTo>
                      <a:pt x="5" y="161"/>
                    </a:lnTo>
                    <a:lnTo>
                      <a:pt x="7" y="165"/>
                    </a:lnTo>
                    <a:lnTo>
                      <a:pt x="8" y="165"/>
                    </a:lnTo>
                    <a:lnTo>
                      <a:pt x="8" y="166"/>
                    </a:lnTo>
                    <a:lnTo>
                      <a:pt x="13" y="171"/>
                    </a:lnTo>
                    <a:lnTo>
                      <a:pt x="13" y="173"/>
                    </a:lnTo>
                    <a:lnTo>
                      <a:pt x="13" y="175"/>
                    </a:lnTo>
                    <a:lnTo>
                      <a:pt x="15" y="178"/>
                    </a:lnTo>
                    <a:lnTo>
                      <a:pt x="17" y="180"/>
                    </a:lnTo>
                    <a:lnTo>
                      <a:pt x="22" y="182"/>
                    </a:lnTo>
                    <a:lnTo>
                      <a:pt x="29" y="183"/>
                    </a:lnTo>
                    <a:lnTo>
                      <a:pt x="39" y="183"/>
                    </a:lnTo>
                    <a:lnTo>
                      <a:pt x="41" y="183"/>
                    </a:lnTo>
                    <a:lnTo>
                      <a:pt x="44" y="185"/>
                    </a:lnTo>
                    <a:lnTo>
                      <a:pt x="47" y="187"/>
                    </a:lnTo>
                    <a:lnTo>
                      <a:pt x="49" y="187"/>
                    </a:lnTo>
                    <a:lnTo>
                      <a:pt x="59" y="187"/>
                    </a:lnTo>
                    <a:lnTo>
                      <a:pt x="71" y="176"/>
                    </a:lnTo>
                    <a:lnTo>
                      <a:pt x="74" y="176"/>
                    </a:lnTo>
                    <a:lnTo>
                      <a:pt x="78" y="175"/>
                    </a:lnTo>
                    <a:lnTo>
                      <a:pt x="81" y="175"/>
                    </a:lnTo>
                    <a:lnTo>
                      <a:pt x="83" y="176"/>
                    </a:lnTo>
                    <a:lnTo>
                      <a:pt x="83" y="178"/>
                    </a:lnTo>
                    <a:lnTo>
                      <a:pt x="81" y="182"/>
                    </a:lnTo>
                    <a:lnTo>
                      <a:pt x="74" y="185"/>
                    </a:lnTo>
                    <a:lnTo>
                      <a:pt x="74" y="187"/>
                    </a:lnTo>
                    <a:lnTo>
                      <a:pt x="76" y="190"/>
                    </a:lnTo>
                    <a:lnTo>
                      <a:pt x="78" y="195"/>
                    </a:lnTo>
                    <a:lnTo>
                      <a:pt x="79" y="200"/>
                    </a:lnTo>
                    <a:lnTo>
                      <a:pt x="79" y="205"/>
                    </a:lnTo>
                    <a:lnTo>
                      <a:pt x="78" y="209"/>
                    </a:lnTo>
                    <a:lnTo>
                      <a:pt x="71" y="212"/>
                    </a:lnTo>
                    <a:lnTo>
                      <a:pt x="63" y="212"/>
                    </a:lnTo>
                    <a:lnTo>
                      <a:pt x="61" y="214"/>
                    </a:lnTo>
                    <a:lnTo>
                      <a:pt x="59" y="214"/>
                    </a:lnTo>
                    <a:lnTo>
                      <a:pt x="57" y="217"/>
                    </a:lnTo>
                    <a:lnTo>
                      <a:pt x="56" y="219"/>
                    </a:lnTo>
                    <a:lnTo>
                      <a:pt x="54" y="220"/>
                    </a:lnTo>
                    <a:lnTo>
                      <a:pt x="52" y="224"/>
                    </a:lnTo>
                    <a:lnTo>
                      <a:pt x="51" y="226"/>
                    </a:lnTo>
                    <a:lnTo>
                      <a:pt x="51" y="224"/>
                    </a:lnTo>
                    <a:lnTo>
                      <a:pt x="47" y="222"/>
                    </a:lnTo>
                    <a:lnTo>
                      <a:pt x="44" y="220"/>
                    </a:lnTo>
                    <a:lnTo>
                      <a:pt x="41" y="220"/>
                    </a:lnTo>
                    <a:lnTo>
                      <a:pt x="35" y="220"/>
                    </a:lnTo>
                    <a:lnTo>
                      <a:pt x="34" y="220"/>
                    </a:lnTo>
                    <a:lnTo>
                      <a:pt x="30" y="224"/>
                    </a:lnTo>
                    <a:lnTo>
                      <a:pt x="30" y="231"/>
                    </a:lnTo>
                    <a:lnTo>
                      <a:pt x="30" y="232"/>
                    </a:lnTo>
                    <a:lnTo>
                      <a:pt x="30" y="234"/>
                    </a:lnTo>
                    <a:lnTo>
                      <a:pt x="30" y="236"/>
                    </a:lnTo>
                    <a:lnTo>
                      <a:pt x="29" y="237"/>
                    </a:lnTo>
                    <a:lnTo>
                      <a:pt x="29" y="239"/>
                    </a:lnTo>
                    <a:lnTo>
                      <a:pt x="27" y="242"/>
                    </a:lnTo>
                    <a:lnTo>
                      <a:pt x="25" y="242"/>
                    </a:lnTo>
                    <a:lnTo>
                      <a:pt x="22" y="242"/>
                    </a:lnTo>
                    <a:lnTo>
                      <a:pt x="22" y="244"/>
                    </a:lnTo>
                    <a:lnTo>
                      <a:pt x="20" y="244"/>
                    </a:lnTo>
                    <a:lnTo>
                      <a:pt x="20" y="248"/>
                    </a:lnTo>
                    <a:lnTo>
                      <a:pt x="19" y="249"/>
                    </a:lnTo>
                    <a:lnTo>
                      <a:pt x="17" y="251"/>
                    </a:lnTo>
                    <a:lnTo>
                      <a:pt x="17" y="254"/>
                    </a:lnTo>
                    <a:lnTo>
                      <a:pt x="17" y="256"/>
                    </a:lnTo>
                    <a:lnTo>
                      <a:pt x="15" y="256"/>
                    </a:lnTo>
                    <a:lnTo>
                      <a:pt x="13" y="258"/>
                    </a:lnTo>
                    <a:lnTo>
                      <a:pt x="12" y="261"/>
                    </a:lnTo>
                    <a:lnTo>
                      <a:pt x="10" y="263"/>
                    </a:lnTo>
                    <a:lnTo>
                      <a:pt x="8" y="266"/>
                    </a:lnTo>
                    <a:lnTo>
                      <a:pt x="10" y="266"/>
                    </a:lnTo>
                    <a:lnTo>
                      <a:pt x="12" y="266"/>
                    </a:lnTo>
                    <a:lnTo>
                      <a:pt x="19" y="264"/>
                    </a:lnTo>
                    <a:lnTo>
                      <a:pt x="19" y="268"/>
                    </a:lnTo>
                    <a:lnTo>
                      <a:pt x="17" y="271"/>
                    </a:lnTo>
                    <a:lnTo>
                      <a:pt x="17" y="273"/>
                    </a:lnTo>
                    <a:lnTo>
                      <a:pt x="19" y="275"/>
                    </a:lnTo>
                    <a:lnTo>
                      <a:pt x="20" y="278"/>
                    </a:lnTo>
                    <a:lnTo>
                      <a:pt x="24" y="280"/>
                    </a:lnTo>
                    <a:lnTo>
                      <a:pt x="27" y="283"/>
                    </a:lnTo>
                    <a:lnTo>
                      <a:pt x="30" y="286"/>
                    </a:lnTo>
                    <a:lnTo>
                      <a:pt x="35" y="288"/>
                    </a:lnTo>
                    <a:lnTo>
                      <a:pt x="41" y="288"/>
                    </a:lnTo>
                    <a:lnTo>
                      <a:pt x="39" y="290"/>
                    </a:lnTo>
                    <a:lnTo>
                      <a:pt x="37" y="292"/>
                    </a:lnTo>
                    <a:lnTo>
                      <a:pt x="34" y="295"/>
                    </a:lnTo>
                    <a:lnTo>
                      <a:pt x="30" y="300"/>
                    </a:lnTo>
                    <a:lnTo>
                      <a:pt x="29" y="303"/>
                    </a:lnTo>
                    <a:lnTo>
                      <a:pt x="27" y="307"/>
                    </a:lnTo>
                    <a:lnTo>
                      <a:pt x="29" y="308"/>
                    </a:lnTo>
                    <a:lnTo>
                      <a:pt x="32" y="310"/>
                    </a:lnTo>
                    <a:lnTo>
                      <a:pt x="34" y="310"/>
                    </a:lnTo>
                    <a:lnTo>
                      <a:pt x="35" y="314"/>
                    </a:lnTo>
                    <a:lnTo>
                      <a:pt x="37" y="317"/>
                    </a:lnTo>
                    <a:lnTo>
                      <a:pt x="41" y="319"/>
                    </a:lnTo>
                    <a:lnTo>
                      <a:pt x="44" y="320"/>
                    </a:lnTo>
                    <a:lnTo>
                      <a:pt x="47" y="319"/>
                    </a:lnTo>
                    <a:lnTo>
                      <a:pt x="52" y="314"/>
                    </a:lnTo>
                    <a:lnTo>
                      <a:pt x="56" y="305"/>
                    </a:lnTo>
                    <a:lnTo>
                      <a:pt x="57" y="303"/>
                    </a:lnTo>
                    <a:lnTo>
                      <a:pt x="59" y="300"/>
                    </a:lnTo>
                    <a:lnTo>
                      <a:pt x="59" y="298"/>
                    </a:lnTo>
                    <a:lnTo>
                      <a:pt x="59" y="300"/>
                    </a:lnTo>
                    <a:lnTo>
                      <a:pt x="59" y="302"/>
                    </a:lnTo>
                    <a:lnTo>
                      <a:pt x="59" y="305"/>
                    </a:lnTo>
                    <a:lnTo>
                      <a:pt x="59" y="308"/>
                    </a:lnTo>
                    <a:lnTo>
                      <a:pt x="61" y="312"/>
                    </a:lnTo>
                    <a:lnTo>
                      <a:pt x="63" y="315"/>
                    </a:lnTo>
                    <a:lnTo>
                      <a:pt x="64" y="319"/>
                    </a:lnTo>
                    <a:lnTo>
                      <a:pt x="68" y="322"/>
                    </a:lnTo>
                    <a:lnTo>
                      <a:pt x="69" y="322"/>
                    </a:lnTo>
                    <a:lnTo>
                      <a:pt x="69" y="324"/>
                    </a:lnTo>
                    <a:lnTo>
                      <a:pt x="69" y="327"/>
                    </a:lnTo>
                    <a:lnTo>
                      <a:pt x="68" y="329"/>
                    </a:lnTo>
                    <a:lnTo>
                      <a:pt x="68" y="332"/>
                    </a:lnTo>
                    <a:lnTo>
                      <a:pt x="66" y="334"/>
                    </a:lnTo>
                    <a:lnTo>
                      <a:pt x="66" y="336"/>
                    </a:lnTo>
                    <a:lnTo>
                      <a:pt x="64" y="346"/>
                    </a:lnTo>
                    <a:lnTo>
                      <a:pt x="64" y="347"/>
                    </a:lnTo>
                    <a:lnTo>
                      <a:pt x="66" y="351"/>
                    </a:lnTo>
                    <a:lnTo>
                      <a:pt x="66" y="352"/>
                    </a:lnTo>
                    <a:lnTo>
                      <a:pt x="68" y="352"/>
                    </a:lnTo>
                    <a:lnTo>
                      <a:pt x="69" y="352"/>
                    </a:lnTo>
                    <a:lnTo>
                      <a:pt x="73" y="349"/>
                    </a:lnTo>
                    <a:lnTo>
                      <a:pt x="78" y="341"/>
                    </a:lnTo>
                    <a:lnTo>
                      <a:pt x="79" y="341"/>
                    </a:lnTo>
                    <a:lnTo>
                      <a:pt x="79" y="339"/>
                    </a:lnTo>
                    <a:lnTo>
                      <a:pt x="79" y="336"/>
                    </a:lnTo>
                    <a:lnTo>
                      <a:pt x="81" y="334"/>
                    </a:lnTo>
                    <a:lnTo>
                      <a:pt x="83" y="336"/>
                    </a:lnTo>
                    <a:lnTo>
                      <a:pt x="86" y="337"/>
                    </a:lnTo>
                    <a:lnTo>
                      <a:pt x="90" y="341"/>
                    </a:lnTo>
                    <a:lnTo>
                      <a:pt x="91" y="341"/>
                    </a:lnTo>
                    <a:lnTo>
                      <a:pt x="91" y="339"/>
                    </a:lnTo>
                    <a:lnTo>
                      <a:pt x="91" y="337"/>
                    </a:lnTo>
                    <a:lnTo>
                      <a:pt x="93" y="336"/>
                    </a:lnTo>
                    <a:lnTo>
                      <a:pt x="93" y="334"/>
                    </a:lnTo>
                    <a:lnTo>
                      <a:pt x="95" y="336"/>
                    </a:lnTo>
                    <a:lnTo>
                      <a:pt x="96" y="337"/>
                    </a:lnTo>
                    <a:lnTo>
                      <a:pt x="98" y="344"/>
                    </a:lnTo>
                    <a:lnTo>
                      <a:pt x="100" y="346"/>
                    </a:lnTo>
                    <a:lnTo>
                      <a:pt x="100" y="347"/>
                    </a:lnTo>
                    <a:lnTo>
                      <a:pt x="101" y="351"/>
                    </a:lnTo>
                    <a:lnTo>
                      <a:pt x="103" y="352"/>
                    </a:lnTo>
                    <a:lnTo>
                      <a:pt x="105" y="354"/>
                    </a:lnTo>
                    <a:lnTo>
                      <a:pt x="107" y="352"/>
                    </a:lnTo>
                    <a:lnTo>
                      <a:pt x="108" y="351"/>
                    </a:lnTo>
                    <a:lnTo>
                      <a:pt x="108" y="344"/>
                    </a:lnTo>
                    <a:lnTo>
                      <a:pt x="110" y="344"/>
                    </a:lnTo>
                    <a:lnTo>
                      <a:pt x="113" y="346"/>
                    </a:lnTo>
                    <a:lnTo>
                      <a:pt x="117" y="346"/>
                    </a:lnTo>
                    <a:lnTo>
                      <a:pt x="122" y="346"/>
                    </a:lnTo>
                    <a:lnTo>
                      <a:pt x="127" y="342"/>
                    </a:lnTo>
                    <a:lnTo>
                      <a:pt x="132" y="337"/>
                    </a:lnTo>
                    <a:lnTo>
                      <a:pt x="139" y="329"/>
                    </a:lnTo>
                    <a:lnTo>
                      <a:pt x="137" y="332"/>
                    </a:lnTo>
                    <a:lnTo>
                      <a:pt x="135" y="336"/>
                    </a:lnTo>
                    <a:lnTo>
                      <a:pt x="134" y="341"/>
                    </a:lnTo>
                    <a:lnTo>
                      <a:pt x="130" y="344"/>
                    </a:lnTo>
                    <a:lnTo>
                      <a:pt x="130" y="347"/>
                    </a:lnTo>
                    <a:lnTo>
                      <a:pt x="129" y="351"/>
                    </a:lnTo>
                    <a:lnTo>
                      <a:pt x="127" y="352"/>
                    </a:lnTo>
                    <a:lnTo>
                      <a:pt x="127" y="358"/>
                    </a:lnTo>
                    <a:lnTo>
                      <a:pt x="125" y="364"/>
                    </a:lnTo>
                    <a:lnTo>
                      <a:pt x="125" y="371"/>
                    </a:lnTo>
                    <a:lnTo>
                      <a:pt x="122" y="378"/>
                    </a:lnTo>
                    <a:lnTo>
                      <a:pt x="120" y="383"/>
                    </a:lnTo>
                    <a:lnTo>
                      <a:pt x="117" y="388"/>
                    </a:lnTo>
                    <a:lnTo>
                      <a:pt x="112" y="390"/>
                    </a:lnTo>
                    <a:lnTo>
                      <a:pt x="112" y="391"/>
                    </a:lnTo>
                    <a:lnTo>
                      <a:pt x="113" y="391"/>
                    </a:lnTo>
                    <a:lnTo>
                      <a:pt x="113" y="393"/>
                    </a:lnTo>
                    <a:lnTo>
                      <a:pt x="112" y="396"/>
                    </a:lnTo>
                    <a:lnTo>
                      <a:pt x="110" y="398"/>
                    </a:lnTo>
                    <a:lnTo>
                      <a:pt x="107" y="402"/>
                    </a:lnTo>
                    <a:lnTo>
                      <a:pt x="100" y="405"/>
                    </a:lnTo>
                    <a:lnTo>
                      <a:pt x="96" y="407"/>
                    </a:lnTo>
                    <a:lnTo>
                      <a:pt x="91" y="408"/>
                    </a:lnTo>
                    <a:lnTo>
                      <a:pt x="88" y="412"/>
                    </a:lnTo>
                    <a:lnTo>
                      <a:pt x="85" y="413"/>
                    </a:lnTo>
                    <a:lnTo>
                      <a:pt x="83" y="418"/>
                    </a:lnTo>
                    <a:lnTo>
                      <a:pt x="83" y="422"/>
                    </a:lnTo>
                    <a:lnTo>
                      <a:pt x="85" y="425"/>
                    </a:lnTo>
                    <a:lnTo>
                      <a:pt x="85" y="427"/>
                    </a:lnTo>
                    <a:lnTo>
                      <a:pt x="85" y="429"/>
                    </a:lnTo>
                    <a:lnTo>
                      <a:pt x="83" y="430"/>
                    </a:lnTo>
                    <a:lnTo>
                      <a:pt x="81" y="430"/>
                    </a:lnTo>
                    <a:lnTo>
                      <a:pt x="79" y="432"/>
                    </a:lnTo>
                    <a:lnTo>
                      <a:pt x="78" y="430"/>
                    </a:lnTo>
                    <a:lnTo>
                      <a:pt x="76" y="429"/>
                    </a:lnTo>
                    <a:lnTo>
                      <a:pt x="76" y="424"/>
                    </a:lnTo>
                    <a:lnTo>
                      <a:pt x="74" y="424"/>
                    </a:lnTo>
                    <a:lnTo>
                      <a:pt x="71" y="424"/>
                    </a:lnTo>
                    <a:lnTo>
                      <a:pt x="69" y="424"/>
                    </a:lnTo>
                    <a:lnTo>
                      <a:pt x="68" y="425"/>
                    </a:lnTo>
                    <a:lnTo>
                      <a:pt x="64" y="425"/>
                    </a:lnTo>
                    <a:lnTo>
                      <a:pt x="63" y="425"/>
                    </a:lnTo>
                    <a:lnTo>
                      <a:pt x="46" y="442"/>
                    </a:lnTo>
                    <a:lnTo>
                      <a:pt x="44" y="442"/>
                    </a:lnTo>
                    <a:lnTo>
                      <a:pt x="44" y="444"/>
                    </a:lnTo>
                    <a:lnTo>
                      <a:pt x="42" y="447"/>
                    </a:lnTo>
                    <a:lnTo>
                      <a:pt x="41" y="449"/>
                    </a:lnTo>
                    <a:lnTo>
                      <a:pt x="41" y="452"/>
                    </a:lnTo>
                    <a:lnTo>
                      <a:pt x="42" y="452"/>
                    </a:lnTo>
                    <a:lnTo>
                      <a:pt x="44" y="451"/>
                    </a:lnTo>
                    <a:lnTo>
                      <a:pt x="51" y="447"/>
                    </a:lnTo>
                    <a:lnTo>
                      <a:pt x="52" y="446"/>
                    </a:lnTo>
                    <a:lnTo>
                      <a:pt x="56" y="444"/>
                    </a:lnTo>
                    <a:lnTo>
                      <a:pt x="57" y="440"/>
                    </a:lnTo>
                    <a:lnTo>
                      <a:pt x="61" y="439"/>
                    </a:lnTo>
                    <a:lnTo>
                      <a:pt x="64" y="435"/>
                    </a:lnTo>
                    <a:lnTo>
                      <a:pt x="66" y="434"/>
                    </a:lnTo>
                    <a:lnTo>
                      <a:pt x="68" y="432"/>
                    </a:lnTo>
                    <a:lnTo>
                      <a:pt x="68" y="434"/>
                    </a:lnTo>
                    <a:lnTo>
                      <a:pt x="68" y="437"/>
                    </a:lnTo>
                    <a:lnTo>
                      <a:pt x="68" y="439"/>
                    </a:lnTo>
                    <a:lnTo>
                      <a:pt x="69" y="440"/>
                    </a:lnTo>
                    <a:lnTo>
                      <a:pt x="73" y="440"/>
                    </a:lnTo>
                    <a:lnTo>
                      <a:pt x="78" y="439"/>
                    </a:lnTo>
                    <a:lnTo>
                      <a:pt x="86" y="434"/>
                    </a:lnTo>
                    <a:lnTo>
                      <a:pt x="88" y="430"/>
                    </a:lnTo>
                    <a:lnTo>
                      <a:pt x="90" y="429"/>
                    </a:lnTo>
                    <a:lnTo>
                      <a:pt x="91" y="429"/>
                    </a:lnTo>
                    <a:lnTo>
                      <a:pt x="95" y="434"/>
                    </a:lnTo>
                    <a:lnTo>
                      <a:pt x="96" y="434"/>
                    </a:lnTo>
                    <a:lnTo>
                      <a:pt x="96" y="432"/>
                    </a:lnTo>
                    <a:lnTo>
                      <a:pt x="96" y="430"/>
                    </a:lnTo>
                    <a:lnTo>
                      <a:pt x="98" y="427"/>
                    </a:lnTo>
                    <a:lnTo>
                      <a:pt x="101" y="424"/>
                    </a:lnTo>
                    <a:lnTo>
                      <a:pt x="105" y="422"/>
                    </a:lnTo>
                    <a:lnTo>
                      <a:pt x="110" y="420"/>
                    </a:lnTo>
                    <a:lnTo>
                      <a:pt x="117" y="420"/>
                    </a:lnTo>
                    <a:lnTo>
                      <a:pt x="117" y="418"/>
                    </a:lnTo>
                    <a:lnTo>
                      <a:pt x="115" y="418"/>
                    </a:lnTo>
                    <a:lnTo>
                      <a:pt x="113" y="415"/>
                    </a:lnTo>
                    <a:lnTo>
                      <a:pt x="113" y="413"/>
                    </a:lnTo>
                    <a:lnTo>
                      <a:pt x="115" y="408"/>
                    </a:lnTo>
                    <a:lnTo>
                      <a:pt x="120" y="405"/>
                    </a:lnTo>
                    <a:lnTo>
                      <a:pt x="127" y="398"/>
                    </a:lnTo>
                    <a:lnTo>
                      <a:pt x="139" y="391"/>
                    </a:lnTo>
                    <a:lnTo>
                      <a:pt x="140" y="391"/>
                    </a:lnTo>
                    <a:lnTo>
                      <a:pt x="139" y="390"/>
                    </a:lnTo>
                    <a:lnTo>
                      <a:pt x="139" y="388"/>
                    </a:lnTo>
                    <a:lnTo>
                      <a:pt x="140" y="385"/>
                    </a:lnTo>
                    <a:lnTo>
                      <a:pt x="144" y="381"/>
                    </a:lnTo>
                    <a:lnTo>
                      <a:pt x="151" y="374"/>
                    </a:lnTo>
                    <a:lnTo>
                      <a:pt x="161" y="366"/>
                    </a:lnTo>
                    <a:lnTo>
                      <a:pt x="174" y="354"/>
                    </a:lnTo>
                    <a:lnTo>
                      <a:pt x="176" y="352"/>
                    </a:lnTo>
                    <a:lnTo>
                      <a:pt x="178" y="347"/>
                    </a:lnTo>
                    <a:lnTo>
                      <a:pt x="178" y="344"/>
                    </a:lnTo>
                    <a:lnTo>
                      <a:pt x="179" y="342"/>
                    </a:lnTo>
                    <a:lnTo>
                      <a:pt x="181" y="341"/>
                    </a:lnTo>
                    <a:lnTo>
                      <a:pt x="183" y="339"/>
                    </a:lnTo>
                    <a:lnTo>
                      <a:pt x="183" y="337"/>
                    </a:lnTo>
                    <a:lnTo>
                      <a:pt x="184" y="336"/>
                    </a:lnTo>
                    <a:lnTo>
                      <a:pt x="183" y="332"/>
                    </a:lnTo>
                    <a:lnTo>
                      <a:pt x="181" y="330"/>
                    </a:lnTo>
                    <a:lnTo>
                      <a:pt x="174" y="330"/>
                    </a:lnTo>
                    <a:lnTo>
                      <a:pt x="173" y="330"/>
                    </a:lnTo>
                    <a:lnTo>
                      <a:pt x="173" y="329"/>
                    </a:lnTo>
                    <a:lnTo>
                      <a:pt x="173" y="327"/>
                    </a:lnTo>
                    <a:lnTo>
                      <a:pt x="174" y="322"/>
                    </a:lnTo>
                    <a:lnTo>
                      <a:pt x="178" y="317"/>
                    </a:lnTo>
                    <a:lnTo>
                      <a:pt x="183" y="310"/>
                    </a:lnTo>
                    <a:lnTo>
                      <a:pt x="191" y="302"/>
                    </a:lnTo>
                    <a:lnTo>
                      <a:pt x="193" y="298"/>
                    </a:lnTo>
                    <a:lnTo>
                      <a:pt x="195" y="293"/>
                    </a:lnTo>
                    <a:lnTo>
                      <a:pt x="196" y="285"/>
                    </a:lnTo>
                    <a:lnTo>
                      <a:pt x="200" y="276"/>
                    </a:lnTo>
                    <a:lnTo>
                      <a:pt x="205" y="268"/>
                    </a:lnTo>
                    <a:lnTo>
                      <a:pt x="211" y="264"/>
                    </a:lnTo>
                    <a:lnTo>
                      <a:pt x="220" y="264"/>
                    </a:lnTo>
                    <a:lnTo>
                      <a:pt x="230" y="271"/>
                    </a:lnTo>
                    <a:lnTo>
                      <a:pt x="228" y="271"/>
                    </a:lnTo>
                    <a:lnTo>
                      <a:pt x="225" y="271"/>
                    </a:lnTo>
                    <a:lnTo>
                      <a:pt x="220" y="273"/>
                    </a:lnTo>
                    <a:lnTo>
                      <a:pt x="213" y="273"/>
                    </a:lnTo>
                    <a:lnTo>
                      <a:pt x="210" y="276"/>
                    </a:lnTo>
                    <a:lnTo>
                      <a:pt x="206" y="281"/>
                    </a:lnTo>
                    <a:lnTo>
                      <a:pt x="206" y="288"/>
                    </a:lnTo>
                    <a:lnTo>
                      <a:pt x="210" y="297"/>
                    </a:lnTo>
                    <a:lnTo>
                      <a:pt x="210" y="298"/>
                    </a:lnTo>
                    <a:lnTo>
                      <a:pt x="208" y="302"/>
                    </a:lnTo>
                    <a:lnTo>
                      <a:pt x="205" y="305"/>
                    </a:lnTo>
                    <a:lnTo>
                      <a:pt x="203" y="308"/>
                    </a:lnTo>
                    <a:lnTo>
                      <a:pt x="203" y="310"/>
                    </a:lnTo>
                    <a:lnTo>
                      <a:pt x="205" y="312"/>
                    </a:lnTo>
                    <a:lnTo>
                      <a:pt x="208" y="310"/>
                    </a:lnTo>
                    <a:lnTo>
                      <a:pt x="215" y="307"/>
                    </a:lnTo>
                    <a:lnTo>
                      <a:pt x="213" y="308"/>
                    </a:lnTo>
                    <a:lnTo>
                      <a:pt x="211" y="312"/>
                    </a:lnTo>
                    <a:lnTo>
                      <a:pt x="210" y="317"/>
                    </a:lnTo>
                    <a:lnTo>
                      <a:pt x="208" y="320"/>
                    </a:lnTo>
                    <a:lnTo>
                      <a:pt x="208" y="324"/>
                    </a:lnTo>
                    <a:lnTo>
                      <a:pt x="210" y="322"/>
                    </a:lnTo>
                    <a:lnTo>
                      <a:pt x="217" y="319"/>
                    </a:lnTo>
                    <a:lnTo>
                      <a:pt x="227" y="308"/>
                    </a:lnTo>
                    <a:lnTo>
                      <a:pt x="227" y="307"/>
                    </a:lnTo>
                    <a:lnTo>
                      <a:pt x="230" y="305"/>
                    </a:lnTo>
                    <a:lnTo>
                      <a:pt x="232" y="303"/>
                    </a:lnTo>
                    <a:lnTo>
                      <a:pt x="233" y="302"/>
                    </a:lnTo>
                    <a:lnTo>
                      <a:pt x="237" y="300"/>
                    </a:lnTo>
                    <a:lnTo>
                      <a:pt x="239" y="298"/>
                    </a:lnTo>
                    <a:lnTo>
                      <a:pt x="240" y="297"/>
                    </a:lnTo>
                    <a:lnTo>
                      <a:pt x="242" y="297"/>
                    </a:lnTo>
                    <a:lnTo>
                      <a:pt x="244" y="297"/>
                    </a:lnTo>
                    <a:lnTo>
                      <a:pt x="245" y="295"/>
                    </a:lnTo>
                    <a:lnTo>
                      <a:pt x="247" y="293"/>
                    </a:lnTo>
                    <a:lnTo>
                      <a:pt x="249" y="290"/>
                    </a:lnTo>
                    <a:lnTo>
                      <a:pt x="247" y="286"/>
                    </a:lnTo>
                    <a:lnTo>
                      <a:pt x="245" y="281"/>
                    </a:lnTo>
                    <a:lnTo>
                      <a:pt x="245" y="280"/>
                    </a:lnTo>
                    <a:lnTo>
                      <a:pt x="244" y="276"/>
                    </a:lnTo>
                    <a:lnTo>
                      <a:pt x="242" y="273"/>
                    </a:lnTo>
                    <a:lnTo>
                      <a:pt x="240" y="271"/>
                    </a:lnTo>
                    <a:lnTo>
                      <a:pt x="250" y="264"/>
                    </a:lnTo>
                    <a:lnTo>
                      <a:pt x="255" y="268"/>
                    </a:lnTo>
                    <a:lnTo>
                      <a:pt x="266" y="263"/>
                    </a:lnTo>
                    <a:lnTo>
                      <a:pt x="281" y="271"/>
                    </a:lnTo>
                    <a:lnTo>
                      <a:pt x="286" y="278"/>
                    </a:lnTo>
                    <a:lnTo>
                      <a:pt x="293" y="270"/>
                    </a:lnTo>
                    <a:lnTo>
                      <a:pt x="303" y="286"/>
                    </a:lnTo>
                    <a:lnTo>
                      <a:pt x="305" y="285"/>
                    </a:lnTo>
                    <a:lnTo>
                      <a:pt x="310" y="281"/>
                    </a:lnTo>
                    <a:lnTo>
                      <a:pt x="315" y="278"/>
                    </a:lnTo>
                    <a:lnTo>
                      <a:pt x="323" y="276"/>
                    </a:lnTo>
                    <a:lnTo>
                      <a:pt x="333" y="275"/>
                    </a:lnTo>
                    <a:lnTo>
                      <a:pt x="343" y="275"/>
                    </a:lnTo>
                    <a:lnTo>
                      <a:pt x="357" y="276"/>
                    </a:lnTo>
                    <a:lnTo>
                      <a:pt x="359" y="276"/>
                    </a:lnTo>
                    <a:lnTo>
                      <a:pt x="360" y="275"/>
                    </a:lnTo>
                    <a:lnTo>
                      <a:pt x="362" y="273"/>
                    </a:lnTo>
                    <a:lnTo>
                      <a:pt x="364" y="271"/>
                    </a:lnTo>
                    <a:lnTo>
                      <a:pt x="365" y="271"/>
                    </a:lnTo>
                    <a:lnTo>
                      <a:pt x="369" y="271"/>
                    </a:lnTo>
                    <a:lnTo>
                      <a:pt x="371" y="275"/>
                    </a:lnTo>
                    <a:lnTo>
                      <a:pt x="371" y="278"/>
                    </a:lnTo>
                    <a:lnTo>
                      <a:pt x="371" y="280"/>
                    </a:lnTo>
                    <a:lnTo>
                      <a:pt x="374" y="280"/>
                    </a:lnTo>
                    <a:lnTo>
                      <a:pt x="377" y="281"/>
                    </a:lnTo>
                    <a:lnTo>
                      <a:pt x="381" y="281"/>
                    </a:lnTo>
                    <a:lnTo>
                      <a:pt x="384" y="281"/>
                    </a:lnTo>
                    <a:lnTo>
                      <a:pt x="387" y="283"/>
                    </a:lnTo>
                    <a:lnTo>
                      <a:pt x="389" y="283"/>
                    </a:lnTo>
                    <a:lnTo>
                      <a:pt x="391" y="283"/>
                    </a:lnTo>
                    <a:lnTo>
                      <a:pt x="411" y="295"/>
                    </a:lnTo>
                    <a:lnTo>
                      <a:pt x="413" y="295"/>
                    </a:lnTo>
                    <a:lnTo>
                      <a:pt x="415" y="295"/>
                    </a:lnTo>
                    <a:lnTo>
                      <a:pt x="418" y="295"/>
                    </a:lnTo>
                    <a:lnTo>
                      <a:pt x="421" y="295"/>
                    </a:lnTo>
                    <a:lnTo>
                      <a:pt x="425" y="295"/>
                    </a:lnTo>
                    <a:lnTo>
                      <a:pt x="425" y="292"/>
                    </a:lnTo>
                    <a:lnTo>
                      <a:pt x="423" y="288"/>
                    </a:lnTo>
                    <a:lnTo>
                      <a:pt x="416" y="280"/>
                    </a:lnTo>
                    <a:lnTo>
                      <a:pt x="418" y="280"/>
                    </a:lnTo>
                    <a:lnTo>
                      <a:pt x="420" y="278"/>
                    </a:lnTo>
                    <a:lnTo>
                      <a:pt x="423" y="276"/>
                    </a:lnTo>
                    <a:lnTo>
                      <a:pt x="425" y="278"/>
                    </a:lnTo>
                    <a:lnTo>
                      <a:pt x="428" y="280"/>
                    </a:lnTo>
                    <a:lnTo>
                      <a:pt x="431" y="283"/>
                    </a:lnTo>
                    <a:lnTo>
                      <a:pt x="435" y="286"/>
                    </a:lnTo>
                    <a:lnTo>
                      <a:pt x="438" y="288"/>
                    </a:lnTo>
                    <a:lnTo>
                      <a:pt x="438" y="286"/>
                    </a:lnTo>
                    <a:lnTo>
                      <a:pt x="435" y="281"/>
                    </a:lnTo>
                    <a:lnTo>
                      <a:pt x="430" y="271"/>
                    </a:lnTo>
                    <a:lnTo>
                      <a:pt x="428" y="270"/>
                    </a:lnTo>
                    <a:lnTo>
                      <a:pt x="430" y="266"/>
                    </a:lnTo>
                    <a:lnTo>
                      <a:pt x="430" y="264"/>
                    </a:lnTo>
                    <a:lnTo>
                      <a:pt x="431" y="264"/>
                    </a:lnTo>
                    <a:lnTo>
                      <a:pt x="445" y="283"/>
                    </a:lnTo>
                    <a:lnTo>
                      <a:pt x="455" y="280"/>
                    </a:lnTo>
                    <a:lnTo>
                      <a:pt x="455" y="281"/>
                    </a:lnTo>
                    <a:lnTo>
                      <a:pt x="457" y="281"/>
                    </a:lnTo>
                    <a:lnTo>
                      <a:pt x="460" y="283"/>
                    </a:lnTo>
                    <a:lnTo>
                      <a:pt x="462" y="286"/>
                    </a:lnTo>
                    <a:lnTo>
                      <a:pt x="465" y="290"/>
                    </a:lnTo>
                    <a:lnTo>
                      <a:pt x="469" y="295"/>
                    </a:lnTo>
                    <a:lnTo>
                      <a:pt x="472" y="300"/>
                    </a:lnTo>
                    <a:lnTo>
                      <a:pt x="475" y="305"/>
                    </a:lnTo>
                    <a:lnTo>
                      <a:pt x="479" y="312"/>
                    </a:lnTo>
                    <a:lnTo>
                      <a:pt x="482" y="314"/>
                    </a:lnTo>
                    <a:lnTo>
                      <a:pt x="484" y="314"/>
                    </a:lnTo>
                    <a:lnTo>
                      <a:pt x="486" y="312"/>
                    </a:lnTo>
                    <a:lnTo>
                      <a:pt x="487" y="310"/>
                    </a:lnTo>
                    <a:lnTo>
                      <a:pt x="487" y="308"/>
                    </a:lnTo>
                    <a:lnTo>
                      <a:pt x="487" y="307"/>
                    </a:lnTo>
                    <a:lnTo>
                      <a:pt x="509" y="322"/>
                    </a:lnTo>
                    <a:lnTo>
                      <a:pt x="508" y="325"/>
                    </a:lnTo>
                    <a:lnTo>
                      <a:pt x="508" y="327"/>
                    </a:lnTo>
                    <a:lnTo>
                      <a:pt x="508" y="330"/>
                    </a:lnTo>
                    <a:lnTo>
                      <a:pt x="508" y="332"/>
                    </a:lnTo>
                    <a:lnTo>
                      <a:pt x="509" y="332"/>
                    </a:lnTo>
                    <a:lnTo>
                      <a:pt x="514" y="329"/>
                    </a:lnTo>
                    <a:lnTo>
                      <a:pt x="519" y="324"/>
                    </a:lnTo>
                    <a:lnTo>
                      <a:pt x="521" y="322"/>
                    </a:lnTo>
                    <a:lnTo>
                      <a:pt x="523" y="322"/>
                    </a:lnTo>
                    <a:lnTo>
                      <a:pt x="525" y="324"/>
                    </a:lnTo>
                    <a:lnTo>
                      <a:pt x="528" y="325"/>
                    </a:lnTo>
                    <a:lnTo>
                      <a:pt x="531" y="330"/>
                    </a:lnTo>
                    <a:lnTo>
                      <a:pt x="535" y="339"/>
                    </a:lnTo>
                    <a:lnTo>
                      <a:pt x="536" y="341"/>
                    </a:lnTo>
                    <a:lnTo>
                      <a:pt x="538" y="344"/>
                    </a:lnTo>
                    <a:lnTo>
                      <a:pt x="540" y="347"/>
                    </a:lnTo>
                    <a:lnTo>
                      <a:pt x="541" y="349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02" name="Freeform 79"/>
              <p:cNvSpPr>
                <a:spLocks/>
              </p:cNvSpPr>
              <p:nvPr/>
            </p:nvSpPr>
            <p:spPr bwMode="auto">
              <a:xfrm>
                <a:off x="1085" y="3327"/>
                <a:ext cx="27" cy="22"/>
              </a:xfrm>
              <a:custGeom>
                <a:avLst/>
                <a:gdLst>
                  <a:gd name="T0" fmla="*/ 0 w 27"/>
                  <a:gd name="T1" fmla="*/ 10 h 22"/>
                  <a:gd name="T2" fmla="*/ 0 w 27"/>
                  <a:gd name="T3" fmla="*/ 7 h 22"/>
                  <a:gd name="T4" fmla="*/ 2 w 27"/>
                  <a:gd name="T5" fmla="*/ 4 h 22"/>
                  <a:gd name="T6" fmla="*/ 14 w 27"/>
                  <a:gd name="T7" fmla="*/ 0 h 22"/>
                  <a:gd name="T8" fmla="*/ 27 w 27"/>
                  <a:gd name="T9" fmla="*/ 14 h 22"/>
                  <a:gd name="T10" fmla="*/ 22 w 27"/>
                  <a:gd name="T11" fmla="*/ 15 h 22"/>
                  <a:gd name="T12" fmla="*/ 22 w 27"/>
                  <a:gd name="T13" fmla="*/ 15 h 22"/>
                  <a:gd name="T14" fmla="*/ 17 w 27"/>
                  <a:gd name="T15" fmla="*/ 10 h 22"/>
                  <a:gd name="T16" fmla="*/ 12 w 27"/>
                  <a:gd name="T17" fmla="*/ 14 h 22"/>
                  <a:gd name="T18" fmla="*/ 17 w 27"/>
                  <a:gd name="T19" fmla="*/ 19 h 22"/>
                  <a:gd name="T20" fmla="*/ 14 w 27"/>
                  <a:gd name="T21" fmla="*/ 22 h 22"/>
                  <a:gd name="T22" fmla="*/ 0 w 27"/>
                  <a:gd name="T23" fmla="*/ 10 h 22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w 27"/>
                  <a:gd name="T37" fmla="*/ 0 h 22"/>
                  <a:gd name="T38" fmla="*/ 27 w 27"/>
                  <a:gd name="T39" fmla="*/ 22 h 22"/>
                </a:gdLst>
                <a:ahLst/>
                <a:cxnLst>
                  <a:cxn ang="T24">
                    <a:pos x="T0" y="T1"/>
                  </a:cxn>
                  <a:cxn ang="T25">
                    <a:pos x="T2" y="T3"/>
                  </a:cxn>
                  <a:cxn ang="T26">
                    <a:pos x="T4" y="T5"/>
                  </a:cxn>
                  <a:cxn ang="T27">
                    <a:pos x="T6" y="T7"/>
                  </a:cxn>
                  <a:cxn ang="T28">
                    <a:pos x="T8" y="T9"/>
                  </a:cxn>
                  <a:cxn ang="T29">
                    <a:pos x="T10" y="T11"/>
                  </a:cxn>
                  <a:cxn ang="T30">
                    <a:pos x="T12" y="T13"/>
                  </a:cxn>
                  <a:cxn ang="T31">
                    <a:pos x="T14" y="T15"/>
                  </a:cxn>
                  <a:cxn ang="T32">
                    <a:pos x="T16" y="T17"/>
                  </a:cxn>
                  <a:cxn ang="T33">
                    <a:pos x="T18" y="T19"/>
                  </a:cxn>
                  <a:cxn ang="T34">
                    <a:pos x="T20" y="T21"/>
                  </a:cxn>
                  <a:cxn ang="T35">
                    <a:pos x="T22" y="T23"/>
                  </a:cxn>
                </a:cxnLst>
                <a:rect l="T36" t="T37" r="T38" b="T39"/>
                <a:pathLst>
                  <a:path w="27" h="22">
                    <a:moveTo>
                      <a:pt x="0" y="10"/>
                    </a:moveTo>
                    <a:lnTo>
                      <a:pt x="0" y="7"/>
                    </a:lnTo>
                    <a:lnTo>
                      <a:pt x="2" y="4"/>
                    </a:lnTo>
                    <a:lnTo>
                      <a:pt x="14" y="0"/>
                    </a:lnTo>
                    <a:lnTo>
                      <a:pt x="27" y="14"/>
                    </a:lnTo>
                    <a:lnTo>
                      <a:pt x="22" y="15"/>
                    </a:lnTo>
                    <a:lnTo>
                      <a:pt x="17" y="10"/>
                    </a:lnTo>
                    <a:lnTo>
                      <a:pt x="12" y="14"/>
                    </a:lnTo>
                    <a:lnTo>
                      <a:pt x="17" y="19"/>
                    </a:lnTo>
                    <a:lnTo>
                      <a:pt x="14" y="22"/>
                    </a:lnTo>
                    <a:lnTo>
                      <a:pt x="0" y="1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03" name="Freeform 80"/>
              <p:cNvSpPr>
                <a:spLocks/>
              </p:cNvSpPr>
              <p:nvPr/>
            </p:nvSpPr>
            <p:spPr bwMode="auto">
              <a:xfrm>
                <a:off x="1085" y="3327"/>
                <a:ext cx="27" cy="22"/>
              </a:xfrm>
              <a:custGeom>
                <a:avLst/>
                <a:gdLst>
                  <a:gd name="T0" fmla="*/ 0 w 27"/>
                  <a:gd name="T1" fmla="*/ 10 h 22"/>
                  <a:gd name="T2" fmla="*/ 0 w 27"/>
                  <a:gd name="T3" fmla="*/ 7 h 22"/>
                  <a:gd name="T4" fmla="*/ 2 w 27"/>
                  <a:gd name="T5" fmla="*/ 4 h 22"/>
                  <a:gd name="T6" fmla="*/ 14 w 27"/>
                  <a:gd name="T7" fmla="*/ 0 h 22"/>
                  <a:gd name="T8" fmla="*/ 27 w 27"/>
                  <a:gd name="T9" fmla="*/ 14 h 22"/>
                  <a:gd name="T10" fmla="*/ 22 w 27"/>
                  <a:gd name="T11" fmla="*/ 15 h 22"/>
                  <a:gd name="T12" fmla="*/ 22 w 27"/>
                  <a:gd name="T13" fmla="*/ 15 h 22"/>
                  <a:gd name="T14" fmla="*/ 17 w 27"/>
                  <a:gd name="T15" fmla="*/ 10 h 22"/>
                  <a:gd name="T16" fmla="*/ 12 w 27"/>
                  <a:gd name="T17" fmla="*/ 14 h 22"/>
                  <a:gd name="T18" fmla="*/ 17 w 27"/>
                  <a:gd name="T19" fmla="*/ 19 h 22"/>
                  <a:gd name="T20" fmla="*/ 14 w 27"/>
                  <a:gd name="T21" fmla="*/ 22 h 22"/>
                  <a:gd name="T22" fmla="*/ 0 w 27"/>
                  <a:gd name="T23" fmla="*/ 10 h 22"/>
                  <a:gd name="T24" fmla="*/ 0 60000 65536"/>
                  <a:gd name="T25" fmla="*/ 0 60000 65536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w 27"/>
                  <a:gd name="T37" fmla="*/ 0 h 22"/>
                  <a:gd name="T38" fmla="*/ 27 w 27"/>
                  <a:gd name="T39" fmla="*/ 22 h 22"/>
                </a:gdLst>
                <a:ahLst/>
                <a:cxnLst>
                  <a:cxn ang="T24">
                    <a:pos x="T0" y="T1"/>
                  </a:cxn>
                  <a:cxn ang="T25">
                    <a:pos x="T2" y="T3"/>
                  </a:cxn>
                  <a:cxn ang="T26">
                    <a:pos x="T4" y="T5"/>
                  </a:cxn>
                  <a:cxn ang="T27">
                    <a:pos x="T6" y="T7"/>
                  </a:cxn>
                  <a:cxn ang="T28">
                    <a:pos x="T8" y="T9"/>
                  </a:cxn>
                  <a:cxn ang="T29">
                    <a:pos x="T10" y="T11"/>
                  </a:cxn>
                  <a:cxn ang="T30">
                    <a:pos x="T12" y="T13"/>
                  </a:cxn>
                  <a:cxn ang="T31">
                    <a:pos x="T14" y="T15"/>
                  </a:cxn>
                  <a:cxn ang="T32">
                    <a:pos x="T16" y="T17"/>
                  </a:cxn>
                  <a:cxn ang="T33">
                    <a:pos x="T18" y="T19"/>
                  </a:cxn>
                  <a:cxn ang="T34">
                    <a:pos x="T20" y="T21"/>
                  </a:cxn>
                  <a:cxn ang="T35">
                    <a:pos x="T22" y="T23"/>
                  </a:cxn>
                </a:cxnLst>
                <a:rect l="T36" t="T37" r="T38" b="T39"/>
                <a:pathLst>
                  <a:path w="27" h="22">
                    <a:moveTo>
                      <a:pt x="0" y="10"/>
                    </a:moveTo>
                    <a:lnTo>
                      <a:pt x="0" y="7"/>
                    </a:lnTo>
                    <a:lnTo>
                      <a:pt x="2" y="4"/>
                    </a:lnTo>
                    <a:lnTo>
                      <a:pt x="14" y="0"/>
                    </a:lnTo>
                    <a:lnTo>
                      <a:pt x="27" y="14"/>
                    </a:lnTo>
                    <a:lnTo>
                      <a:pt x="22" y="15"/>
                    </a:lnTo>
                    <a:lnTo>
                      <a:pt x="17" y="10"/>
                    </a:lnTo>
                    <a:lnTo>
                      <a:pt x="12" y="14"/>
                    </a:lnTo>
                    <a:lnTo>
                      <a:pt x="17" y="19"/>
                    </a:lnTo>
                    <a:lnTo>
                      <a:pt x="14" y="22"/>
                    </a:lnTo>
                    <a:lnTo>
                      <a:pt x="0" y="1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04" name="Freeform 81"/>
              <p:cNvSpPr>
                <a:spLocks/>
              </p:cNvSpPr>
              <p:nvPr/>
            </p:nvSpPr>
            <p:spPr bwMode="auto">
              <a:xfrm>
                <a:off x="1107" y="3348"/>
                <a:ext cx="21" cy="23"/>
              </a:xfrm>
              <a:custGeom>
                <a:avLst/>
                <a:gdLst>
                  <a:gd name="T0" fmla="*/ 5 w 21"/>
                  <a:gd name="T1" fmla="*/ 0 h 23"/>
                  <a:gd name="T2" fmla="*/ 0 w 21"/>
                  <a:gd name="T3" fmla="*/ 3 h 23"/>
                  <a:gd name="T4" fmla="*/ 11 w 21"/>
                  <a:gd name="T5" fmla="*/ 16 h 23"/>
                  <a:gd name="T6" fmla="*/ 21 w 21"/>
                  <a:gd name="T7" fmla="*/ 23 h 23"/>
                  <a:gd name="T8" fmla="*/ 14 w 21"/>
                  <a:gd name="T9" fmla="*/ 6 h 23"/>
                  <a:gd name="T10" fmla="*/ 5 w 21"/>
                  <a:gd name="T11" fmla="*/ 0 h 23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21"/>
                  <a:gd name="T19" fmla="*/ 0 h 23"/>
                  <a:gd name="T20" fmla="*/ 21 w 21"/>
                  <a:gd name="T21" fmla="*/ 23 h 23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21" h="23">
                    <a:moveTo>
                      <a:pt x="5" y="0"/>
                    </a:moveTo>
                    <a:lnTo>
                      <a:pt x="0" y="3"/>
                    </a:lnTo>
                    <a:lnTo>
                      <a:pt x="11" y="16"/>
                    </a:lnTo>
                    <a:lnTo>
                      <a:pt x="21" y="23"/>
                    </a:lnTo>
                    <a:lnTo>
                      <a:pt x="14" y="6"/>
                    </a:lnTo>
                    <a:lnTo>
                      <a:pt x="5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05" name="Freeform 82"/>
              <p:cNvSpPr>
                <a:spLocks/>
              </p:cNvSpPr>
              <p:nvPr/>
            </p:nvSpPr>
            <p:spPr bwMode="auto">
              <a:xfrm>
                <a:off x="1107" y="3348"/>
                <a:ext cx="21" cy="23"/>
              </a:xfrm>
              <a:custGeom>
                <a:avLst/>
                <a:gdLst>
                  <a:gd name="T0" fmla="*/ 5 w 21"/>
                  <a:gd name="T1" fmla="*/ 0 h 23"/>
                  <a:gd name="T2" fmla="*/ 0 w 21"/>
                  <a:gd name="T3" fmla="*/ 3 h 23"/>
                  <a:gd name="T4" fmla="*/ 11 w 21"/>
                  <a:gd name="T5" fmla="*/ 16 h 23"/>
                  <a:gd name="T6" fmla="*/ 21 w 21"/>
                  <a:gd name="T7" fmla="*/ 23 h 23"/>
                  <a:gd name="T8" fmla="*/ 14 w 21"/>
                  <a:gd name="T9" fmla="*/ 6 h 23"/>
                  <a:gd name="T10" fmla="*/ 5 w 21"/>
                  <a:gd name="T11" fmla="*/ 0 h 23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21"/>
                  <a:gd name="T19" fmla="*/ 0 h 23"/>
                  <a:gd name="T20" fmla="*/ 21 w 21"/>
                  <a:gd name="T21" fmla="*/ 23 h 23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21" h="23">
                    <a:moveTo>
                      <a:pt x="5" y="0"/>
                    </a:moveTo>
                    <a:lnTo>
                      <a:pt x="0" y="3"/>
                    </a:lnTo>
                    <a:lnTo>
                      <a:pt x="11" y="16"/>
                    </a:lnTo>
                    <a:lnTo>
                      <a:pt x="21" y="23"/>
                    </a:lnTo>
                    <a:lnTo>
                      <a:pt x="14" y="6"/>
                    </a:lnTo>
                    <a:lnTo>
                      <a:pt x="5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06" name="Freeform 83"/>
              <p:cNvSpPr>
                <a:spLocks/>
              </p:cNvSpPr>
              <p:nvPr/>
            </p:nvSpPr>
            <p:spPr bwMode="auto">
              <a:xfrm>
                <a:off x="1107" y="3322"/>
                <a:ext cx="19" cy="24"/>
              </a:xfrm>
              <a:custGeom>
                <a:avLst/>
                <a:gdLst>
                  <a:gd name="T0" fmla="*/ 4 w 19"/>
                  <a:gd name="T1" fmla="*/ 0 h 24"/>
                  <a:gd name="T2" fmla="*/ 19 w 19"/>
                  <a:gd name="T3" fmla="*/ 15 h 24"/>
                  <a:gd name="T4" fmla="*/ 17 w 19"/>
                  <a:gd name="T5" fmla="*/ 24 h 24"/>
                  <a:gd name="T6" fmla="*/ 11 w 19"/>
                  <a:gd name="T7" fmla="*/ 22 h 24"/>
                  <a:gd name="T8" fmla="*/ 11 w 19"/>
                  <a:gd name="T9" fmla="*/ 15 h 24"/>
                  <a:gd name="T10" fmla="*/ 0 w 19"/>
                  <a:gd name="T11" fmla="*/ 2 h 24"/>
                  <a:gd name="T12" fmla="*/ 4 w 19"/>
                  <a:gd name="T13" fmla="*/ 0 h 24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w 19"/>
                  <a:gd name="T22" fmla="*/ 0 h 24"/>
                  <a:gd name="T23" fmla="*/ 19 w 19"/>
                  <a:gd name="T24" fmla="*/ 24 h 24"/>
                </a:gdLst>
                <a:ahLst/>
                <a:cxnLst>
                  <a:cxn ang="T14">
                    <a:pos x="T0" y="T1"/>
                  </a:cxn>
                  <a:cxn ang="T15">
                    <a:pos x="T2" y="T3"/>
                  </a:cxn>
                  <a:cxn ang="T16">
                    <a:pos x="T4" y="T5"/>
                  </a:cxn>
                  <a:cxn ang="T17">
                    <a:pos x="T6" y="T7"/>
                  </a:cxn>
                  <a:cxn ang="T18">
                    <a:pos x="T8" y="T9"/>
                  </a:cxn>
                  <a:cxn ang="T19">
                    <a:pos x="T10" y="T11"/>
                  </a:cxn>
                  <a:cxn ang="T20">
                    <a:pos x="T12" y="T13"/>
                  </a:cxn>
                </a:cxnLst>
                <a:rect l="T21" t="T22" r="T23" b="T24"/>
                <a:pathLst>
                  <a:path w="19" h="24">
                    <a:moveTo>
                      <a:pt x="4" y="0"/>
                    </a:moveTo>
                    <a:lnTo>
                      <a:pt x="19" y="15"/>
                    </a:lnTo>
                    <a:lnTo>
                      <a:pt x="17" y="24"/>
                    </a:lnTo>
                    <a:lnTo>
                      <a:pt x="11" y="22"/>
                    </a:lnTo>
                    <a:lnTo>
                      <a:pt x="11" y="15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07" name="Freeform 84"/>
              <p:cNvSpPr>
                <a:spLocks/>
              </p:cNvSpPr>
              <p:nvPr/>
            </p:nvSpPr>
            <p:spPr bwMode="auto">
              <a:xfrm>
                <a:off x="1107" y="3322"/>
                <a:ext cx="19" cy="24"/>
              </a:xfrm>
              <a:custGeom>
                <a:avLst/>
                <a:gdLst>
                  <a:gd name="T0" fmla="*/ 4 w 19"/>
                  <a:gd name="T1" fmla="*/ 0 h 24"/>
                  <a:gd name="T2" fmla="*/ 19 w 19"/>
                  <a:gd name="T3" fmla="*/ 15 h 24"/>
                  <a:gd name="T4" fmla="*/ 17 w 19"/>
                  <a:gd name="T5" fmla="*/ 24 h 24"/>
                  <a:gd name="T6" fmla="*/ 11 w 19"/>
                  <a:gd name="T7" fmla="*/ 22 h 24"/>
                  <a:gd name="T8" fmla="*/ 11 w 19"/>
                  <a:gd name="T9" fmla="*/ 15 h 24"/>
                  <a:gd name="T10" fmla="*/ 0 w 19"/>
                  <a:gd name="T11" fmla="*/ 2 h 24"/>
                  <a:gd name="T12" fmla="*/ 4 w 19"/>
                  <a:gd name="T13" fmla="*/ 0 h 24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w 19"/>
                  <a:gd name="T22" fmla="*/ 0 h 24"/>
                  <a:gd name="T23" fmla="*/ 19 w 19"/>
                  <a:gd name="T24" fmla="*/ 24 h 24"/>
                </a:gdLst>
                <a:ahLst/>
                <a:cxnLst>
                  <a:cxn ang="T14">
                    <a:pos x="T0" y="T1"/>
                  </a:cxn>
                  <a:cxn ang="T15">
                    <a:pos x="T2" y="T3"/>
                  </a:cxn>
                  <a:cxn ang="T16">
                    <a:pos x="T4" y="T5"/>
                  </a:cxn>
                  <a:cxn ang="T17">
                    <a:pos x="T6" y="T7"/>
                  </a:cxn>
                  <a:cxn ang="T18">
                    <a:pos x="T8" y="T9"/>
                  </a:cxn>
                  <a:cxn ang="T19">
                    <a:pos x="T10" y="T11"/>
                  </a:cxn>
                  <a:cxn ang="T20">
                    <a:pos x="T12" y="T13"/>
                  </a:cxn>
                </a:cxnLst>
                <a:rect l="T21" t="T22" r="T23" b="T24"/>
                <a:pathLst>
                  <a:path w="19" h="24">
                    <a:moveTo>
                      <a:pt x="4" y="0"/>
                    </a:moveTo>
                    <a:lnTo>
                      <a:pt x="19" y="15"/>
                    </a:lnTo>
                    <a:lnTo>
                      <a:pt x="17" y="24"/>
                    </a:lnTo>
                    <a:lnTo>
                      <a:pt x="11" y="22"/>
                    </a:lnTo>
                    <a:lnTo>
                      <a:pt x="11" y="15"/>
                    </a:lnTo>
                    <a:lnTo>
                      <a:pt x="0" y="2"/>
                    </a:lnTo>
                    <a:lnTo>
                      <a:pt x="4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08" name="Freeform 85"/>
              <p:cNvSpPr>
                <a:spLocks/>
              </p:cNvSpPr>
              <p:nvPr/>
            </p:nvSpPr>
            <p:spPr bwMode="auto">
              <a:xfrm>
                <a:off x="1153" y="3370"/>
                <a:ext cx="27" cy="25"/>
              </a:xfrm>
              <a:custGeom>
                <a:avLst/>
                <a:gdLst>
                  <a:gd name="T0" fmla="*/ 2 w 27"/>
                  <a:gd name="T1" fmla="*/ 0 h 25"/>
                  <a:gd name="T2" fmla="*/ 10 w 27"/>
                  <a:gd name="T3" fmla="*/ 1 h 25"/>
                  <a:gd name="T4" fmla="*/ 27 w 27"/>
                  <a:gd name="T5" fmla="*/ 20 h 25"/>
                  <a:gd name="T6" fmla="*/ 24 w 27"/>
                  <a:gd name="T7" fmla="*/ 25 h 25"/>
                  <a:gd name="T8" fmla="*/ 14 w 27"/>
                  <a:gd name="T9" fmla="*/ 16 h 25"/>
                  <a:gd name="T10" fmla="*/ 7 w 27"/>
                  <a:gd name="T11" fmla="*/ 15 h 25"/>
                  <a:gd name="T12" fmla="*/ 0 w 27"/>
                  <a:gd name="T13" fmla="*/ 6 h 25"/>
                  <a:gd name="T14" fmla="*/ 2 w 27"/>
                  <a:gd name="T15" fmla="*/ 0 h 2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7"/>
                  <a:gd name="T25" fmla="*/ 0 h 25"/>
                  <a:gd name="T26" fmla="*/ 27 w 27"/>
                  <a:gd name="T27" fmla="*/ 25 h 2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7" h="25">
                    <a:moveTo>
                      <a:pt x="2" y="0"/>
                    </a:moveTo>
                    <a:lnTo>
                      <a:pt x="10" y="1"/>
                    </a:lnTo>
                    <a:lnTo>
                      <a:pt x="27" y="20"/>
                    </a:lnTo>
                    <a:lnTo>
                      <a:pt x="24" y="25"/>
                    </a:lnTo>
                    <a:lnTo>
                      <a:pt x="14" y="16"/>
                    </a:lnTo>
                    <a:lnTo>
                      <a:pt x="7" y="15"/>
                    </a:lnTo>
                    <a:lnTo>
                      <a:pt x="0" y="6"/>
                    </a:lnTo>
                    <a:lnTo>
                      <a:pt x="2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09" name="Freeform 86"/>
              <p:cNvSpPr>
                <a:spLocks/>
              </p:cNvSpPr>
              <p:nvPr/>
            </p:nvSpPr>
            <p:spPr bwMode="auto">
              <a:xfrm>
                <a:off x="1153" y="3370"/>
                <a:ext cx="27" cy="25"/>
              </a:xfrm>
              <a:custGeom>
                <a:avLst/>
                <a:gdLst>
                  <a:gd name="T0" fmla="*/ 2 w 27"/>
                  <a:gd name="T1" fmla="*/ 0 h 25"/>
                  <a:gd name="T2" fmla="*/ 10 w 27"/>
                  <a:gd name="T3" fmla="*/ 1 h 25"/>
                  <a:gd name="T4" fmla="*/ 27 w 27"/>
                  <a:gd name="T5" fmla="*/ 20 h 25"/>
                  <a:gd name="T6" fmla="*/ 24 w 27"/>
                  <a:gd name="T7" fmla="*/ 25 h 25"/>
                  <a:gd name="T8" fmla="*/ 14 w 27"/>
                  <a:gd name="T9" fmla="*/ 16 h 25"/>
                  <a:gd name="T10" fmla="*/ 7 w 27"/>
                  <a:gd name="T11" fmla="*/ 15 h 25"/>
                  <a:gd name="T12" fmla="*/ 0 w 27"/>
                  <a:gd name="T13" fmla="*/ 6 h 25"/>
                  <a:gd name="T14" fmla="*/ 2 w 27"/>
                  <a:gd name="T15" fmla="*/ 0 h 2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7"/>
                  <a:gd name="T25" fmla="*/ 0 h 25"/>
                  <a:gd name="T26" fmla="*/ 27 w 27"/>
                  <a:gd name="T27" fmla="*/ 25 h 2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7" h="25">
                    <a:moveTo>
                      <a:pt x="2" y="0"/>
                    </a:moveTo>
                    <a:lnTo>
                      <a:pt x="10" y="1"/>
                    </a:lnTo>
                    <a:lnTo>
                      <a:pt x="27" y="20"/>
                    </a:lnTo>
                    <a:lnTo>
                      <a:pt x="24" y="25"/>
                    </a:lnTo>
                    <a:lnTo>
                      <a:pt x="14" y="16"/>
                    </a:lnTo>
                    <a:lnTo>
                      <a:pt x="7" y="15"/>
                    </a:lnTo>
                    <a:lnTo>
                      <a:pt x="0" y="6"/>
                    </a:lnTo>
                    <a:lnTo>
                      <a:pt x="2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10" name="Freeform 87"/>
              <p:cNvSpPr>
                <a:spLocks/>
              </p:cNvSpPr>
              <p:nvPr/>
            </p:nvSpPr>
            <p:spPr bwMode="auto">
              <a:xfrm>
                <a:off x="1175" y="3412"/>
                <a:ext cx="25" cy="20"/>
              </a:xfrm>
              <a:custGeom>
                <a:avLst/>
                <a:gdLst>
                  <a:gd name="T0" fmla="*/ 0 w 25"/>
                  <a:gd name="T1" fmla="*/ 2 h 20"/>
                  <a:gd name="T2" fmla="*/ 12 w 25"/>
                  <a:gd name="T3" fmla="*/ 2 h 20"/>
                  <a:gd name="T4" fmla="*/ 12 w 25"/>
                  <a:gd name="T5" fmla="*/ 12 h 20"/>
                  <a:gd name="T6" fmla="*/ 19 w 25"/>
                  <a:gd name="T7" fmla="*/ 10 h 20"/>
                  <a:gd name="T8" fmla="*/ 17 w 25"/>
                  <a:gd name="T9" fmla="*/ 0 h 20"/>
                  <a:gd name="T10" fmla="*/ 19 w 25"/>
                  <a:gd name="T11" fmla="*/ 0 h 20"/>
                  <a:gd name="T12" fmla="*/ 20 w 25"/>
                  <a:gd name="T13" fmla="*/ 2 h 20"/>
                  <a:gd name="T14" fmla="*/ 22 w 25"/>
                  <a:gd name="T15" fmla="*/ 3 h 20"/>
                  <a:gd name="T16" fmla="*/ 24 w 25"/>
                  <a:gd name="T17" fmla="*/ 5 h 20"/>
                  <a:gd name="T18" fmla="*/ 25 w 25"/>
                  <a:gd name="T19" fmla="*/ 8 h 20"/>
                  <a:gd name="T20" fmla="*/ 25 w 25"/>
                  <a:gd name="T21" fmla="*/ 12 h 20"/>
                  <a:gd name="T22" fmla="*/ 24 w 25"/>
                  <a:gd name="T23" fmla="*/ 15 h 20"/>
                  <a:gd name="T24" fmla="*/ 22 w 25"/>
                  <a:gd name="T25" fmla="*/ 20 h 20"/>
                  <a:gd name="T26" fmla="*/ 20 w 25"/>
                  <a:gd name="T27" fmla="*/ 20 h 20"/>
                  <a:gd name="T28" fmla="*/ 19 w 25"/>
                  <a:gd name="T29" fmla="*/ 20 h 20"/>
                  <a:gd name="T30" fmla="*/ 17 w 25"/>
                  <a:gd name="T31" fmla="*/ 20 h 20"/>
                  <a:gd name="T32" fmla="*/ 14 w 25"/>
                  <a:gd name="T33" fmla="*/ 18 h 20"/>
                  <a:gd name="T34" fmla="*/ 12 w 25"/>
                  <a:gd name="T35" fmla="*/ 18 h 20"/>
                  <a:gd name="T36" fmla="*/ 10 w 25"/>
                  <a:gd name="T37" fmla="*/ 18 h 20"/>
                  <a:gd name="T38" fmla="*/ 9 w 25"/>
                  <a:gd name="T39" fmla="*/ 18 h 20"/>
                  <a:gd name="T40" fmla="*/ 9 w 25"/>
                  <a:gd name="T41" fmla="*/ 18 h 20"/>
                  <a:gd name="T42" fmla="*/ 2 w 25"/>
                  <a:gd name="T43" fmla="*/ 10 h 20"/>
                  <a:gd name="T44" fmla="*/ 0 w 25"/>
                  <a:gd name="T45" fmla="*/ 2 h 20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w 25"/>
                  <a:gd name="T70" fmla="*/ 0 h 20"/>
                  <a:gd name="T71" fmla="*/ 25 w 25"/>
                  <a:gd name="T72" fmla="*/ 20 h 20"/>
                </a:gdLst>
                <a:ahLst/>
                <a:cxnLst>
                  <a:cxn ang="T46">
                    <a:pos x="T0" y="T1"/>
                  </a:cxn>
                  <a:cxn ang="T47">
                    <a:pos x="T2" y="T3"/>
                  </a:cxn>
                  <a:cxn ang="T48">
                    <a:pos x="T4" y="T5"/>
                  </a:cxn>
                  <a:cxn ang="T49">
                    <a:pos x="T6" y="T7"/>
                  </a:cxn>
                  <a:cxn ang="T50">
                    <a:pos x="T8" y="T9"/>
                  </a:cxn>
                  <a:cxn ang="T51">
                    <a:pos x="T10" y="T11"/>
                  </a:cxn>
                  <a:cxn ang="T52">
                    <a:pos x="T12" y="T13"/>
                  </a:cxn>
                  <a:cxn ang="T53">
                    <a:pos x="T14" y="T15"/>
                  </a:cxn>
                  <a:cxn ang="T54">
                    <a:pos x="T16" y="T17"/>
                  </a:cxn>
                  <a:cxn ang="T55">
                    <a:pos x="T18" y="T19"/>
                  </a:cxn>
                  <a:cxn ang="T56">
                    <a:pos x="T20" y="T21"/>
                  </a:cxn>
                  <a:cxn ang="T57">
                    <a:pos x="T22" y="T23"/>
                  </a:cxn>
                  <a:cxn ang="T58">
                    <a:pos x="T24" y="T25"/>
                  </a:cxn>
                  <a:cxn ang="T59">
                    <a:pos x="T26" y="T27"/>
                  </a:cxn>
                  <a:cxn ang="T60">
                    <a:pos x="T28" y="T29"/>
                  </a:cxn>
                  <a:cxn ang="T61">
                    <a:pos x="T30" y="T31"/>
                  </a:cxn>
                  <a:cxn ang="T62">
                    <a:pos x="T32" y="T33"/>
                  </a:cxn>
                  <a:cxn ang="T63">
                    <a:pos x="T34" y="T35"/>
                  </a:cxn>
                  <a:cxn ang="T64">
                    <a:pos x="T36" y="T37"/>
                  </a:cxn>
                  <a:cxn ang="T65">
                    <a:pos x="T38" y="T39"/>
                  </a:cxn>
                  <a:cxn ang="T66">
                    <a:pos x="T40" y="T41"/>
                  </a:cxn>
                  <a:cxn ang="T67">
                    <a:pos x="T42" y="T43"/>
                  </a:cxn>
                  <a:cxn ang="T68">
                    <a:pos x="T44" y="T45"/>
                  </a:cxn>
                </a:cxnLst>
                <a:rect l="T69" t="T70" r="T71" b="T72"/>
                <a:pathLst>
                  <a:path w="25" h="20">
                    <a:moveTo>
                      <a:pt x="0" y="2"/>
                    </a:moveTo>
                    <a:lnTo>
                      <a:pt x="12" y="2"/>
                    </a:lnTo>
                    <a:lnTo>
                      <a:pt x="12" y="12"/>
                    </a:lnTo>
                    <a:lnTo>
                      <a:pt x="19" y="10"/>
                    </a:lnTo>
                    <a:lnTo>
                      <a:pt x="17" y="0"/>
                    </a:lnTo>
                    <a:lnTo>
                      <a:pt x="19" y="0"/>
                    </a:lnTo>
                    <a:lnTo>
                      <a:pt x="20" y="2"/>
                    </a:lnTo>
                    <a:lnTo>
                      <a:pt x="22" y="3"/>
                    </a:lnTo>
                    <a:lnTo>
                      <a:pt x="24" y="5"/>
                    </a:lnTo>
                    <a:lnTo>
                      <a:pt x="25" y="8"/>
                    </a:lnTo>
                    <a:lnTo>
                      <a:pt x="25" y="12"/>
                    </a:lnTo>
                    <a:lnTo>
                      <a:pt x="24" y="15"/>
                    </a:lnTo>
                    <a:lnTo>
                      <a:pt x="22" y="20"/>
                    </a:lnTo>
                    <a:lnTo>
                      <a:pt x="20" y="20"/>
                    </a:lnTo>
                    <a:lnTo>
                      <a:pt x="19" y="20"/>
                    </a:lnTo>
                    <a:lnTo>
                      <a:pt x="17" y="20"/>
                    </a:lnTo>
                    <a:lnTo>
                      <a:pt x="14" y="18"/>
                    </a:lnTo>
                    <a:lnTo>
                      <a:pt x="12" y="18"/>
                    </a:lnTo>
                    <a:lnTo>
                      <a:pt x="10" y="18"/>
                    </a:lnTo>
                    <a:lnTo>
                      <a:pt x="9" y="18"/>
                    </a:lnTo>
                    <a:lnTo>
                      <a:pt x="2" y="10"/>
                    </a:lnTo>
                    <a:lnTo>
                      <a:pt x="0" y="2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11" name="Freeform 88"/>
              <p:cNvSpPr>
                <a:spLocks/>
              </p:cNvSpPr>
              <p:nvPr/>
            </p:nvSpPr>
            <p:spPr bwMode="auto">
              <a:xfrm>
                <a:off x="1175" y="3412"/>
                <a:ext cx="25" cy="20"/>
              </a:xfrm>
              <a:custGeom>
                <a:avLst/>
                <a:gdLst>
                  <a:gd name="T0" fmla="*/ 0 w 25"/>
                  <a:gd name="T1" fmla="*/ 2 h 20"/>
                  <a:gd name="T2" fmla="*/ 12 w 25"/>
                  <a:gd name="T3" fmla="*/ 2 h 20"/>
                  <a:gd name="T4" fmla="*/ 12 w 25"/>
                  <a:gd name="T5" fmla="*/ 12 h 20"/>
                  <a:gd name="T6" fmla="*/ 19 w 25"/>
                  <a:gd name="T7" fmla="*/ 10 h 20"/>
                  <a:gd name="T8" fmla="*/ 17 w 25"/>
                  <a:gd name="T9" fmla="*/ 0 h 20"/>
                  <a:gd name="T10" fmla="*/ 17 w 25"/>
                  <a:gd name="T11" fmla="*/ 0 h 20"/>
                  <a:gd name="T12" fmla="*/ 19 w 25"/>
                  <a:gd name="T13" fmla="*/ 0 h 20"/>
                  <a:gd name="T14" fmla="*/ 20 w 25"/>
                  <a:gd name="T15" fmla="*/ 2 h 20"/>
                  <a:gd name="T16" fmla="*/ 22 w 25"/>
                  <a:gd name="T17" fmla="*/ 3 h 20"/>
                  <a:gd name="T18" fmla="*/ 24 w 25"/>
                  <a:gd name="T19" fmla="*/ 5 h 20"/>
                  <a:gd name="T20" fmla="*/ 25 w 25"/>
                  <a:gd name="T21" fmla="*/ 8 h 20"/>
                  <a:gd name="T22" fmla="*/ 25 w 25"/>
                  <a:gd name="T23" fmla="*/ 12 h 20"/>
                  <a:gd name="T24" fmla="*/ 24 w 25"/>
                  <a:gd name="T25" fmla="*/ 15 h 20"/>
                  <a:gd name="T26" fmla="*/ 22 w 25"/>
                  <a:gd name="T27" fmla="*/ 20 h 20"/>
                  <a:gd name="T28" fmla="*/ 22 w 25"/>
                  <a:gd name="T29" fmla="*/ 20 h 20"/>
                  <a:gd name="T30" fmla="*/ 20 w 25"/>
                  <a:gd name="T31" fmla="*/ 20 h 20"/>
                  <a:gd name="T32" fmla="*/ 19 w 25"/>
                  <a:gd name="T33" fmla="*/ 20 h 20"/>
                  <a:gd name="T34" fmla="*/ 17 w 25"/>
                  <a:gd name="T35" fmla="*/ 20 h 20"/>
                  <a:gd name="T36" fmla="*/ 14 w 25"/>
                  <a:gd name="T37" fmla="*/ 18 h 20"/>
                  <a:gd name="T38" fmla="*/ 12 w 25"/>
                  <a:gd name="T39" fmla="*/ 18 h 20"/>
                  <a:gd name="T40" fmla="*/ 10 w 25"/>
                  <a:gd name="T41" fmla="*/ 18 h 20"/>
                  <a:gd name="T42" fmla="*/ 9 w 25"/>
                  <a:gd name="T43" fmla="*/ 18 h 20"/>
                  <a:gd name="T44" fmla="*/ 9 w 25"/>
                  <a:gd name="T45" fmla="*/ 18 h 20"/>
                  <a:gd name="T46" fmla="*/ 2 w 25"/>
                  <a:gd name="T47" fmla="*/ 10 h 20"/>
                  <a:gd name="T48" fmla="*/ 0 w 25"/>
                  <a:gd name="T49" fmla="*/ 2 h 20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25"/>
                  <a:gd name="T76" fmla="*/ 0 h 20"/>
                  <a:gd name="T77" fmla="*/ 25 w 25"/>
                  <a:gd name="T78" fmla="*/ 20 h 20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25" h="20">
                    <a:moveTo>
                      <a:pt x="0" y="2"/>
                    </a:moveTo>
                    <a:lnTo>
                      <a:pt x="12" y="2"/>
                    </a:lnTo>
                    <a:lnTo>
                      <a:pt x="12" y="12"/>
                    </a:lnTo>
                    <a:lnTo>
                      <a:pt x="19" y="10"/>
                    </a:lnTo>
                    <a:lnTo>
                      <a:pt x="17" y="0"/>
                    </a:lnTo>
                    <a:lnTo>
                      <a:pt x="19" y="0"/>
                    </a:lnTo>
                    <a:lnTo>
                      <a:pt x="20" y="2"/>
                    </a:lnTo>
                    <a:lnTo>
                      <a:pt x="22" y="3"/>
                    </a:lnTo>
                    <a:lnTo>
                      <a:pt x="24" y="5"/>
                    </a:lnTo>
                    <a:lnTo>
                      <a:pt x="25" y="8"/>
                    </a:lnTo>
                    <a:lnTo>
                      <a:pt x="25" y="12"/>
                    </a:lnTo>
                    <a:lnTo>
                      <a:pt x="24" y="15"/>
                    </a:lnTo>
                    <a:lnTo>
                      <a:pt x="22" y="20"/>
                    </a:lnTo>
                    <a:lnTo>
                      <a:pt x="20" y="20"/>
                    </a:lnTo>
                    <a:lnTo>
                      <a:pt x="19" y="20"/>
                    </a:lnTo>
                    <a:lnTo>
                      <a:pt x="17" y="20"/>
                    </a:lnTo>
                    <a:lnTo>
                      <a:pt x="14" y="18"/>
                    </a:lnTo>
                    <a:lnTo>
                      <a:pt x="12" y="18"/>
                    </a:lnTo>
                    <a:lnTo>
                      <a:pt x="10" y="18"/>
                    </a:lnTo>
                    <a:lnTo>
                      <a:pt x="9" y="18"/>
                    </a:lnTo>
                    <a:lnTo>
                      <a:pt x="2" y="10"/>
                    </a:lnTo>
                    <a:lnTo>
                      <a:pt x="0" y="2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12" name="Freeform 89"/>
              <p:cNvSpPr>
                <a:spLocks/>
              </p:cNvSpPr>
              <p:nvPr/>
            </p:nvSpPr>
            <p:spPr bwMode="auto">
              <a:xfrm>
                <a:off x="1126" y="3351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3 h 10"/>
                  <a:gd name="T4" fmla="*/ 0 w 8"/>
                  <a:gd name="T5" fmla="*/ 2 h 10"/>
                  <a:gd name="T6" fmla="*/ 2 w 8"/>
                  <a:gd name="T7" fmla="*/ 0 h 10"/>
                  <a:gd name="T8" fmla="*/ 3 w 8"/>
                  <a:gd name="T9" fmla="*/ 0 h 10"/>
                  <a:gd name="T10" fmla="*/ 5 w 8"/>
                  <a:gd name="T11" fmla="*/ 0 h 10"/>
                  <a:gd name="T12" fmla="*/ 7 w 8"/>
                  <a:gd name="T13" fmla="*/ 2 h 10"/>
                  <a:gd name="T14" fmla="*/ 7 w 8"/>
                  <a:gd name="T15" fmla="*/ 3 h 10"/>
                  <a:gd name="T16" fmla="*/ 8 w 8"/>
                  <a:gd name="T17" fmla="*/ 5 h 10"/>
                  <a:gd name="T18" fmla="*/ 7 w 8"/>
                  <a:gd name="T19" fmla="*/ 7 h 10"/>
                  <a:gd name="T20" fmla="*/ 7 w 8"/>
                  <a:gd name="T21" fmla="*/ 8 h 10"/>
                  <a:gd name="T22" fmla="*/ 5 w 8"/>
                  <a:gd name="T23" fmla="*/ 10 h 10"/>
                  <a:gd name="T24" fmla="*/ 3 w 8"/>
                  <a:gd name="T25" fmla="*/ 10 h 10"/>
                  <a:gd name="T26" fmla="*/ 2 w 8"/>
                  <a:gd name="T27" fmla="*/ 10 h 10"/>
                  <a:gd name="T28" fmla="*/ 0 w 8"/>
                  <a:gd name="T29" fmla="*/ 8 h 10"/>
                  <a:gd name="T30" fmla="*/ 0 w 8"/>
                  <a:gd name="T31" fmla="*/ 7 h 10"/>
                  <a:gd name="T32" fmla="*/ 0 w 8"/>
                  <a:gd name="T33" fmla="*/ 5 h 1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8"/>
                  <a:gd name="T52" fmla="*/ 0 h 10"/>
                  <a:gd name="T53" fmla="*/ 8 w 8"/>
                  <a:gd name="T54" fmla="*/ 10 h 10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8" h="10">
                    <a:moveTo>
                      <a:pt x="0" y="5"/>
                    </a:moveTo>
                    <a:lnTo>
                      <a:pt x="0" y="3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2"/>
                    </a:lnTo>
                    <a:lnTo>
                      <a:pt x="7" y="3"/>
                    </a:lnTo>
                    <a:lnTo>
                      <a:pt x="8" y="5"/>
                    </a:lnTo>
                    <a:lnTo>
                      <a:pt x="7" y="7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13" name="Freeform 90"/>
              <p:cNvSpPr>
                <a:spLocks/>
              </p:cNvSpPr>
              <p:nvPr/>
            </p:nvSpPr>
            <p:spPr bwMode="auto">
              <a:xfrm>
                <a:off x="1126" y="3351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5 h 10"/>
                  <a:gd name="T4" fmla="*/ 0 w 8"/>
                  <a:gd name="T5" fmla="*/ 3 h 10"/>
                  <a:gd name="T6" fmla="*/ 0 w 8"/>
                  <a:gd name="T7" fmla="*/ 2 h 10"/>
                  <a:gd name="T8" fmla="*/ 2 w 8"/>
                  <a:gd name="T9" fmla="*/ 0 h 10"/>
                  <a:gd name="T10" fmla="*/ 3 w 8"/>
                  <a:gd name="T11" fmla="*/ 0 h 10"/>
                  <a:gd name="T12" fmla="*/ 3 w 8"/>
                  <a:gd name="T13" fmla="*/ 0 h 10"/>
                  <a:gd name="T14" fmla="*/ 5 w 8"/>
                  <a:gd name="T15" fmla="*/ 0 h 10"/>
                  <a:gd name="T16" fmla="*/ 7 w 8"/>
                  <a:gd name="T17" fmla="*/ 2 h 10"/>
                  <a:gd name="T18" fmla="*/ 7 w 8"/>
                  <a:gd name="T19" fmla="*/ 3 h 10"/>
                  <a:gd name="T20" fmla="*/ 8 w 8"/>
                  <a:gd name="T21" fmla="*/ 5 h 10"/>
                  <a:gd name="T22" fmla="*/ 8 w 8"/>
                  <a:gd name="T23" fmla="*/ 5 h 10"/>
                  <a:gd name="T24" fmla="*/ 7 w 8"/>
                  <a:gd name="T25" fmla="*/ 7 h 10"/>
                  <a:gd name="T26" fmla="*/ 7 w 8"/>
                  <a:gd name="T27" fmla="*/ 8 h 10"/>
                  <a:gd name="T28" fmla="*/ 5 w 8"/>
                  <a:gd name="T29" fmla="*/ 10 h 10"/>
                  <a:gd name="T30" fmla="*/ 3 w 8"/>
                  <a:gd name="T31" fmla="*/ 10 h 10"/>
                  <a:gd name="T32" fmla="*/ 3 w 8"/>
                  <a:gd name="T33" fmla="*/ 10 h 10"/>
                  <a:gd name="T34" fmla="*/ 2 w 8"/>
                  <a:gd name="T35" fmla="*/ 10 h 10"/>
                  <a:gd name="T36" fmla="*/ 0 w 8"/>
                  <a:gd name="T37" fmla="*/ 8 h 10"/>
                  <a:gd name="T38" fmla="*/ 0 w 8"/>
                  <a:gd name="T39" fmla="*/ 7 h 10"/>
                  <a:gd name="T40" fmla="*/ 0 w 8"/>
                  <a:gd name="T41" fmla="*/ 5 h 1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8"/>
                  <a:gd name="T64" fmla="*/ 0 h 10"/>
                  <a:gd name="T65" fmla="*/ 8 w 8"/>
                  <a:gd name="T66" fmla="*/ 10 h 10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8" h="10">
                    <a:moveTo>
                      <a:pt x="0" y="5"/>
                    </a:moveTo>
                    <a:lnTo>
                      <a:pt x="0" y="5"/>
                    </a:lnTo>
                    <a:lnTo>
                      <a:pt x="0" y="3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2"/>
                    </a:lnTo>
                    <a:lnTo>
                      <a:pt x="7" y="3"/>
                    </a:lnTo>
                    <a:lnTo>
                      <a:pt x="8" y="5"/>
                    </a:lnTo>
                    <a:lnTo>
                      <a:pt x="7" y="7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14" name="Freeform 91"/>
              <p:cNvSpPr>
                <a:spLocks/>
              </p:cNvSpPr>
              <p:nvPr/>
            </p:nvSpPr>
            <p:spPr bwMode="auto">
              <a:xfrm>
                <a:off x="1138" y="3351"/>
                <a:ext cx="10" cy="10"/>
              </a:xfrm>
              <a:custGeom>
                <a:avLst/>
                <a:gdLst>
                  <a:gd name="T0" fmla="*/ 0 w 10"/>
                  <a:gd name="T1" fmla="*/ 5 h 10"/>
                  <a:gd name="T2" fmla="*/ 0 w 10"/>
                  <a:gd name="T3" fmla="*/ 2 h 10"/>
                  <a:gd name="T4" fmla="*/ 2 w 10"/>
                  <a:gd name="T5" fmla="*/ 0 h 10"/>
                  <a:gd name="T6" fmla="*/ 3 w 10"/>
                  <a:gd name="T7" fmla="*/ 0 h 10"/>
                  <a:gd name="T8" fmla="*/ 5 w 10"/>
                  <a:gd name="T9" fmla="*/ 0 h 10"/>
                  <a:gd name="T10" fmla="*/ 7 w 10"/>
                  <a:gd name="T11" fmla="*/ 0 h 10"/>
                  <a:gd name="T12" fmla="*/ 8 w 10"/>
                  <a:gd name="T13" fmla="*/ 0 h 10"/>
                  <a:gd name="T14" fmla="*/ 8 w 10"/>
                  <a:gd name="T15" fmla="*/ 2 h 10"/>
                  <a:gd name="T16" fmla="*/ 10 w 10"/>
                  <a:gd name="T17" fmla="*/ 5 h 10"/>
                  <a:gd name="T18" fmla="*/ 8 w 10"/>
                  <a:gd name="T19" fmla="*/ 7 h 10"/>
                  <a:gd name="T20" fmla="*/ 8 w 10"/>
                  <a:gd name="T21" fmla="*/ 8 h 10"/>
                  <a:gd name="T22" fmla="*/ 7 w 10"/>
                  <a:gd name="T23" fmla="*/ 10 h 10"/>
                  <a:gd name="T24" fmla="*/ 5 w 10"/>
                  <a:gd name="T25" fmla="*/ 10 h 10"/>
                  <a:gd name="T26" fmla="*/ 3 w 10"/>
                  <a:gd name="T27" fmla="*/ 10 h 10"/>
                  <a:gd name="T28" fmla="*/ 2 w 10"/>
                  <a:gd name="T29" fmla="*/ 8 h 10"/>
                  <a:gd name="T30" fmla="*/ 0 w 10"/>
                  <a:gd name="T31" fmla="*/ 7 h 10"/>
                  <a:gd name="T32" fmla="*/ 0 w 10"/>
                  <a:gd name="T33" fmla="*/ 5 h 1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0"/>
                  <a:gd name="T52" fmla="*/ 0 h 10"/>
                  <a:gd name="T53" fmla="*/ 10 w 10"/>
                  <a:gd name="T54" fmla="*/ 10 h 10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0" h="10">
                    <a:moveTo>
                      <a:pt x="0" y="5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8" y="0"/>
                    </a:lnTo>
                    <a:lnTo>
                      <a:pt x="8" y="2"/>
                    </a:lnTo>
                    <a:lnTo>
                      <a:pt x="10" y="5"/>
                    </a:lnTo>
                    <a:lnTo>
                      <a:pt x="8" y="7"/>
                    </a:lnTo>
                    <a:lnTo>
                      <a:pt x="8" y="8"/>
                    </a:lnTo>
                    <a:lnTo>
                      <a:pt x="7" y="10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8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15" name="Freeform 92"/>
              <p:cNvSpPr>
                <a:spLocks/>
              </p:cNvSpPr>
              <p:nvPr/>
            </p:nvSpPr>
            <p:spPr bwMode="auto">
              <a:xfrm>
                <a:off x="1138" y="3351"/>
                <a:ext cx="10" cy="10"/>
              </a:xfrm>
              <a:custGeom>
                <a:avLst/>
                <a:gdLst>
                  <a:gd name="T0" fmla="*/ 0 w 10"/>
                  <a:gd name="T1" fmla="*/ 5 h 10"/>
                  <a:gd name="T2" fmla="*/ 0 w 10"/>
                  <a:gd name="T3" fmla="*/ 5 h 10"/>
                  <a:gd name="T4" fmla="*/ 0 w 10"/>
                  <a:gd name="T5" fmla="*/ 2 h 10"/>
                  <a:gd name="T6" fmla="*/ 2 w 10"/>
                  <a:gd name="T7" fmla="*/ 0 h 10"/>
                  <a:gd name="T8" fmla="*/ 3 w 10"/>
                  <a:gd name="T9" fmla="*/ 0 h 10"/>
                  <a:gd name="T10" fmla="*/ 5 w 10"/>
                  <a:gd name="T11" fmla="*/ 0 h 10"/>
                  <a:gd name="T12" fmla="*/ 5 w 10"/>
                  <a:gd name="T13" fmla="*/ 0 h 10"/>
                  <a:gd name="T14" fmla="*/ 7 w 10"/>
                  <a:gd name="T15" fmla="*/ 0 h 10"/>
                  <a:gd name="T16" fmla="*/ 8 w 10"/>
                  <a:gd name="T17" fmla="*/ 0 h 10"/>
                  <a:gd name="T18" fmla="*/ 8 w 10"/>
                  <a:gd name="T19" fmla="*/ 2 h 10"/>
                  <a:gd name="T20" fmla="*/ 10 w 10"/>
                  <a:gd name="T21" fmla="*/ 5 h 10"/>
                  <a:gd name="T22" fmla="*/ 10 w 10"/>
                  <a:gd name="T23" fmla="*/ 5 h 10"/>
                  <a:gd name="T24" fmla="*/ 8 w 10"/>
                  <a:gd name="T25" fmla="*/ 7 h 10"/>
                  <a:gd name="T26" fmla="*/ 8 w 10"/>
                  <a:gd name="T27" fmla="*/ 8 h 10"/>
                  <a:gd name="T28" fmla="*/ 7 w 10"/>
                  <a:gd name="T29" fmla="*/ 10 h 10"/>
                  <a:gd name="T30" fmla="*/ 5 w 10"/>
                  <a:gd name="T31" fmla="*/ 10 h 10"/>
                  <a:gd name="T32" fmla="*/ 5 w 10"/>
                  <a:gd name="T33" fmla="*/ 10 h 10"/>
                  <a:gd name="T34" fmla="*/ 3 w 10"/>
                  <a:gd name="T35" fmla="*/ 10 h 10"/>
                  <a:gd name="T36" fmla="*/ 2 w 10"/>
                  <a:gd name="T37" fmla="*/ 8 h 10"/>
                  <a:gd name="T38" fmla="*/ 0 w 10"/>
                  <a:gd name="T39" fmla="*/ 7 h 10"/>
                  <a:gd name="T40" fmla="*/ 0 w 10"/>
                  <a:gd name="T41" fmla="*/ 5 h 1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0"/>
                  <a:gd name="T64" fmla="*/ 0 h 10"/>
                  <a:gd name="T65" fmla="*/ 10 w 10"/>
                  <a:gd name="T66" fmla="*/ 10 h 10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0" h="10">
                    <a:moveTo>
                      <a:pt x="0" y="5"/>
                    </a:moveTo>
                    <a:lnTo>
                      <a:pt x="0" y="5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8" y="0"/>
                    </a:lnTo>
                    <a:lnTo>
                      <a:pt x="8" y="2"/>
                    </a:lnTo>
                    <a:lnTo>
                      <a:pt x="10" y="5"/>
                    </a:lnTo>
                    <a:lnTo>
                      <a:pt x="8" y="7"/>
                    </a:lnTo>
                    <a:lnTo>
                      <a:pt x="8" y="8"/>
                    </a:lnTo>
                    <a:lnTo>
                      <a:pt x="7" y="10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8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16" name="Freeform 93"/>
              <p:cNvSpPr>
                <a:spLocks/>
              </p:cNvSpPr>
              <p:nvPr/>
            </p:nvSpPr>
            <p:spPr bwMode="auto">
              <a:xfrm>
                <a:off x="828" y="3395"/>
                <a:ext cx="36" cy="29"/>
              </a:xfrm>
              <a:custGeom>
                <a:avLst/>
                <a:gdLst>
                  <a:gd name="T0" fmla="*/ 32 w 36"/>
                  <a:gd name="T1" fmla="*/ 0 h 29"/>
                  <a:gd name="T2" fmla="*/ 22 w 36"/>
                  <a:gd name="T3" fmla="*/ 2 h 29"/>
                  <a:gd name="T4" fmla="*/ 15 w 36"/>
                  <a:gd name="T5" fmla="*/ 5 h 29"/>
                  <a:gd name="T6" fmla="*/ 17 w 36"/>
                  <a:gd name="T7" fmla="*/ 12 h 29"/>
                  <a:gd name="T8" fmla="*/ 12 w 36"/>
                  <a:gd name="T9" fmla="*/ 17 h 29"/>
                  <a:gd name="T10" fmla="*/ 5 w 36"/>
                  <a:gd name="T11" fmla="*/ 8 h 29"/>
                  <a:gd name="T12" fmla="*/ 0 w 36"/>
                  <a:gd name="T13" fmla="*/ 19 h 29"/>
                  <a:gd name="T14" fmla="*/ 5 w 36"/>
                  <a:gd name="T15" fmla="*/ 29 h 29"/>
                  <a:gd name="T16" fmla="*/ 19 w 36"/>
                  <a:gd name="T17" fmla="*/ 22 h 29"/>
                  <a:gd name="T18" fmla="*/ 27 w 36"/>
                  <a:gd name="T19" fmla="*/ 12 h 29"/>
                  <a:gd name="T20" fmla="*/ 36 w 36"/>
                  <a:gd name="T21" fmla="*/ 12 h 29"/>
                  <a:gd name="T22" fmla="*/ 34 w 36"/>
                  <a:gd name="T23" fmla="*/ 5 h 29"/>
                  <a:gd name="T24" fmla="*/ 32 w 36"/>
                  <a:gd name="T25" fmla="*/ 0 h 29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w 36"/>
                  <a:gd name="T40" fmla="*/ 0 h 29"/>
                  <a:gd name="T41" fmla="*/ 36 w 36"/>
                  <a:gd name="T42" fmla="*/ 29 h 29"/>
                </a:gdLst>
                <a:ahLst/>
                <a:cxnLst>
                  <a:cxn ang="T26">
                    <a:pos x="T0" y="T1"/>
                  </a:cxn>
                  <a:cxn ang="T27">
                    <a:pos x="T2" y="T3"/>
                  </a:cxn>
                  <a:cxn ang="T28">
                    <a:pos x="T4" y="T5"/>
                  </a:cxn>
                  <a:cxn ang="T29">
                    <a:pos x="T6" y="T7"/>
                  </a:cxn>
                  <a:cxn ang="T30">
                    <a:pos x="T8" y="T9"/>
                  </a:cxn>
                  <a:cxn ang="T31">
                    <a:pos x="T10" y="T11"/>
                  </a:cxn>
                  <a:cxn ang="T32">
                    <a:pos x="T12" y="T13"/>
                  </a:cxn>
                  <a:cxn ang="T33">
                    <a:pos x="T14" y="T15"/>
                  </a:cxn>
                  <a:cxn ang="T34">
                    <a:pos x="T16" y="T17"/>
                  </a:cxn>
                  <a:cxn ang="T35">
                    <a:pos x="T18" y="T19"/>
                  </a:cxn>
                  <a:cxn ang="T36">
                    <a:pos x="T20" y="T21"/>
                  </a:cxn>
                  <a:cxn ang="T37">
                    <a:pos x="T22" y="T23"/>
                  </a:cxn>
                  <a:cxn ang="T38">
                    <a:pos x="T24" y="T25"/>
                  </a:cxn>
                </a:cxnLst>
                <a:rect l="T39" t="T40" r="T41" b="T42"/>
                <a:pathLst>
                  <a:path w="36" h="29">
                    <a:moveTo>
                      <a:pt x="32" y="0"/>
                    </a:moveTo>
                    <a:lnTo>
                      <a:pt x="22" y="2"/>
                    </a:lnTo>
                    <a:lnTo>
                      <a:pt x="15" y="5"/>
                    </a:lnTo>
                    <a:lnTo>
                      <a:pt x="17" y="12"/>
                    </a:lnTo>
                    <a:lnTo>
                      <a:pt x="12" y="17"/>
                    </a:lnTo>
                    <a:lnTo>
                      <a:pt x="5" y="8"/>
                    </a:lnTo>
                    <a:lnTo>
                      <a:pt x="0" y="19"/>
                    </a:lnTo>
                    <a:lnTo>
                      <a:pt x="5" y="29"/>
                    </a:lnTo>
                    <a:lnTo>
                      <a:pt x="19" y="22"/>
                    </a:lnTo>
                    <a:lnTo>
                      <a:pt x="27" y="12"/>
                    </a:lnTo>
                    <a:lnTo>
                      <a:pt x="36" y="12"/>
                    </a:lnTo>
                    <a:lnTo>
                      <a:pt x="34" y="5"/>
                    </a:lnTo>
                    <a:lnTo>
                      <a:pt x="32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17" name="Freeform 94"/>
              <p:cNvSpPr>
                <a:spLocks/>
              </p:cNvSpPr>
              <p:nvPr/>
            </p:nvSpPr>
            <p:spPr bwMode="auto">
              <a:xfrm>
                <a:off x="828" y="3395"/>
                <a:ext cx="36" cy="29"/>
              </a:xfrm>
              <a:custGeom>
                <a:avLst/>
                <a:gdLst>
                  <a:gd name="T0" fmla="*/ 32 w 36"/>
                  <a:gd name="T1" fmla="*/ 0 h 29"/>
                  <a:gd name="T2" fmla="*/ 22 w 36"/>
                  <a:gd name="T3" fmla="*/ 2 h 29"/>
                  <a:gd name="T4" fmla="*/ 15 w 36"/>
                  <a:gd name="T5" fmla="*/ 5 h 29"/>
                  <a:gd name="T6" fmla="*/ 17 w 36"/>
                  <a:gd name="T7" fmla="*/ 12 h 29"/>
                  <a:gd name="T8" fmla="*/ 12 w 36"/>
                  <a:gd name="T9" fmla="*/ 17 h 29"/>
                  <a:gd name="T10" fmla="*/ 5 w 36"/>
                  <a:gd name="T11" fmla="*/ 8 h 29"/>
                  <a:gd name="T12" fmla="*/ 0 w 36"/>
                  <a:gd name="T13" fmla="*/ 19 h 29"/>
                  <a:gd name="T14" fmla="*/ 5 w 36"/>
                  <a:gd name="T15" fmla="*/ 29 h 29"/>
                  <a:gd name="T16" fmla="*/ 19 w 36"/>
                  <a:gd name="T17" fmla="*/ 22 h 29"/>
                  <a:gd name="T18" fmla="*/ 27 w 36"/>
                  <a:gd name="T19" fmla="*/ 12 h 29"/>
                  <a:gd name="T20" fmla="*/ 36 w 36"/>
                  <a:gd name="T21" fmla="*/ 12 h 29"/>
                  <a:gd name="T22" fmla="*/ 34 w 36"/>
                  <a:gd name="T23" fmla="*/ 5 h 29"/>
                  <a:gd name="T24" fmla="*/ 32 w 36"/>
                  <a:gd name="T25" fmla="*/ 0 h 29"/>
                  <a:gd name="T26" fmla="*/ 0 60000 65536"/>
                  <a:gd name="T27" fmla="*/ 0 60000 65536"/>
                  <a:gd name="T28" fmla="*/ 0 60000 65536"/>
                  <a:gd name="T29" fmla="*/ 0 60000 65536"/>
                  <a:gd name="T30" fmla="*/ 0 60000 65536"/>
                  <a:gd name="T31" fmla="*/ 0 60000 65536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w 36"/>
                  <a:gd name="T40" fmla="*/ 0 h 29"/>
                  <a:gd name="T41" fmla="*/ 36 w 36"/>
                  <a:gd name="T42" fmla="*/ 29 h 29"/>
                </a:gdLst>
                <a:ahLst/>
                <a:cxnLst>
                  <a:cxn ang="T26">
                    <a:pos x="T0" y="T1"/>
                  </a:cxn>
                  <a:cxn ang="T27">
                    <a:pos x="T2" y="T3"/>
                  </a:cxn>
                  <a:cxn ang="T28">
                    <a:pos x="T4" y="T5"/>
                  </a:cxn>
                  <a:cxn ang="T29">
                    <a:pos x="T6" y="T7"/>
                  </a:cxn>
                  <a:cxn ang="T30">
                    <a:pos x="T8" y="T9"/>
                  </a:cxn>
                  <a:cxn ang="T31">
                    <a:pos x="T10" y="T11"/>
                  </a:cxn>
                  <a:cxn ang="T32">
                    <a:pos x="T12" y="T13"/>
                  </a:cxn>
                  <a:cxn ang="T33">
                    <a:pos x="T14" y="T15"/>
                  </a:cxn>
                  <a:cxn ang="T34">
                    <a:pos x="T16" y="T17"/>
                  </a:cxn>
                  <a:cxn ang="T35">
                    <a:pos x="T18" y="T19"/>
                  </a:cxn>
                  <a:cxn ang="T36">
                    <a:pos x="T20" y="T21"/>
                  </a:cxn>
                  <a:cxn ang="T37">
                    <a:pos x="T22" y="T23"/>
                  </a:cxn>
                  <a:cxn ang="T38">
                    <a:pos x="T24" y="T25"/>
                  </a:cxn>
                </a:cxnLst>
                <a:rect l="T39" t="T40" r="T41" b="T42"/>
                <a:pathLst>
                  <a:path w="36" h="29">
                    <a:moveTo>
                      <a:pt x="32" y="0"/>
                    </a:moveTo>
                    <a:lnTo>
                      <a:pt x="22" y="2"/>
                    </a:lnTo>
                    <a:lnTo>
                      <a:pt x="15" y="5"/>
                    </a:lnTo>
                    <a:lnTo>
                      <a:pt x="17" y="12"/>
                    </a:lnTo>
                    <a:lnTo>
                      <a:pt x="12" y="17"/>
                    </a:lnTo>
                    <a:lnTo>
                      <a:pt x="5" y="8"/>
                    </a:lnTo>
                    <a:lnTo>
                      <a:pt x="0" y="19"/>
                    </a:lnTo>
                    <a:lnTo>
                      <a:pt x="5" y="29"/>
                    </a:lnTo>
                    <a:lnTo>
                      <a:pt x="19" y="22"/>
                    </a:lnTo>
                    <a:lnTo>
                      <a:pt x="27" y="12"/>
                    </a:lnTo>
                    <a:lnTo>
                      <a:pt x="36" y="12"/>
                    </a:lnTo>
                    <a:lnTo>
                      <a:pt x="34" y="5"/>
                    </a:lnTo>
                    <a:lnTo>
                      <a:pt x="32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18" name="Freeform 95"/>
              <p:cNvSpPr>
                <a:spLocks/>
              </p:cNvSpPr>
              <p:nvPr/>
            </p:nvSpPr>
            <p:spPr bwMode="auto">
              <a:xfrm>
                <a:off x="627" y="3507"/>
                <a:ext cx="20" cy="15"/>
              </a:xfrm>
              <a:custGeom>
                <a:avLst/>
                <a:gdLst>
                  <a:gd name="T0" fmla="*/ 8 w 20"/>
                  <a:gd name="T1" fmla="*/ 3 h 15"/>
                  <a:gd name="T2" fmla="*/ 15 w 20"/>
                  <a:gd name="T3" fmla="*/ 0 h 15"/>
                  <a:gd name="T4" fmla="*/ 20 w 20"/>
                  <a:gd name="T5" fmla="*/ 8 h 15"/>
                  <a:gd name="T6" fmla="*/ 7 w 20"/>
                  <a:gd name="T7" fmla="*/ 15 h 15"/>
                  <a:gd name="T8" fmla="*/ 0 w 20"/>
                  <a:gd name="T9" fmla="*/ 15 h 15"/>
                  <a:gd name="T10" fmla="*/ 5 w 20"/>
                  <a:gd name="T11" fmla="*/ 10 h 15"/>
                  <a:gd name="T12" fmla="*/ 13 w 20"/>
                  <a:gd name="T13" fmla="*/ 8 h 15"/>
                  <a:gd name="T14" fmla="*/ 8 w 20"/>
                  <a:gd name="T15" fmla="*/ 3 h 1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0"/>
                  <a:gd name="T25" fmla="*/ 0 h 15"/>
                  <a:gd name="T26" fmla="*/ 20 w 20"/>
                  <a:gd name="T27" fmla="*/ 15 h 1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0" h="15">
                    <a:moveTo>
                      <a:pt x="8" y="3"/>
                    </a:moveTo>
                    <a:lnTo>
                      <a:pt x="15" y="0"/>
                    </a:lnTo>
                    <a:lnTo>
                      <a:pt x="20" y="8"/>
                    </a:lnTo>
                    <a:lnTo>
                      <a:pt x="7" y="15"/>
                    </a:lnTo>
                    <a:lnTo>
                      <a:pt x="0" y="15"/>
                    </a:lnTo>
                    <a:lnTo>
                      <a:pt x="5" y="10"/>
                    </a:lnTo>
                    <a:lnTo>
                      <a:pt x="13" y="8"/>
                    </a:lnTo>
                    <a:lnTo>
                      <a:pt x="8" y="3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19" name="Freeform 96"/>
              <p:cNvSpPr>
                <a:spLocks/>
              </p:cNvSpPr>
              <p:nvPr/>
            </p:nvSpPr>
            <p:spPr bwMode="auto">
              <a:xfrm>
                <a:off x="627" y="3507"/>
                <a:ext cx="20" cy="15"/>
              </a:xfrm>
              <a:custGeom>
                <a:avLst/>
                <a:gdLst>
                  <a:gd name="T0" fmla="*/ 8 w 20"/>
                  <a:gd name="T1" fmla="*/ 3 h 15"/>
                  <a:gd name="T2" fmla="*/ 15 w 20"/>
                  <a:gd name="T3" fmla="*/ 0 h 15"/>
                  <a:gd name="T4" fmla="*/ 20 w 20"/>
                  <a:gd name="T5" fmla="*/ 8 h 15"/>
                  <a:gd name="T6" fmla="*/ 7 w 20"/>
                  <a:gd name="T7" fmla="*/ 15 h 15"/>
                  <a:gd name="T8" fmla="*/ 0 w 20"/>
                  <a:gd name="T9" fmla="*/ 15 h 15"/>
                  <a:gd name="T10" fmla="*/ 5 w 20"/>
                  <a:gd name="T11" fmla="*/ 10 h 15"/>
                  <a:gd name="T12" fmla="*/ 13 w 20"/>
                  <a:gd name="T13" fmla="*/ 8 h 15"/>
                  <a:gd name="T14" fmla="*/ 8 w 20"/>
                  <a:gd name="T15" fmla="*/ 3 h 15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20"/>
                  <a:gd name="T25" fmla="*/ 0 h 15"/>
                  <a:gd name="T26" fmla="*/ 20 w 20"/>
                  <a:gd name="T27" fmla="*/ 15 h 15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0" h="15">
                    <a:moveTo>
                      <a:pt x="8" y="3"/>
                    </a:moveTo>
                    <a:lnTo>
                      <a:pt x="15" y="0"/>
                    </a:lnTo>
                    <a:lnTo>
                      <a:pt x="20" y="8"/>
                    </a:lnTo>
                    <a:lnTo>
                      <a:pt x="7" y="15"/>
                    </a:lnTo>
                    <a:lnTo>
                      <a:pt x="0" y="15"/>
                    </a:lnTo>
                    <a:lnTo>
                      <a:pt x="5" y="10"/>
                    </a:lnTo>
                    <a:lnTo>
                      <a:pt x="13" y="8"/>
                    </a:lnTo>
                    <a:lnTo>
                      <a:pt x="8" y="3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20" name="Freeform 97"/>
              <p:cNvSpPr>
                <a:spLocks/>
              </p:cNvSpPr>
              <p:nvPr/>
            </p:nvSpPr>
            <p:spPr bwMode="auto">
              <a:xfrm>
                <a:off x="600" y="3513"/>
                <a:ext cx="23" cy="19"/>
              </a:xfrm>
              <a:custGeom>
                <a:avLst/>
                <a:gdLst>
                  <a:gd name="T0" fmla="*/ 0 w 23"/>
                  <a:gd name="T1" fmla="*/ 19 h 19"/>
                  <a:gd name="T2" fmla="*/ 0 w 23"/>
                  <a:gd name="T3" fmla="*/ 17 h 19"/>
                  <a:gd name="T4" fmla="*/ 0 w 23"/>
                  <a:gd name="T5" fmla="*/ 17 h 19"/>
                  <a:gd name="T6" fmla="*/ 1 w 23"/>
                  <a:gd name="T7" fmla="*/ 16 h 19"/>
                  <a:gd name="T8" fmla="*/ 1 w 23"/>
                  <a:gd name="T9" fmla="*/ 14 h 19"/>
                  <a:gd name="T10" fmla="*/ 3 w 23"/>
                  <a:gd name="T11" fmla="*/ 12 h 19"/>
                  <a:gd name="T12" fmla="*/ 5 w 23"/>
                  <a:gd name="T13" fmla="*/ 11 h 19"/>
                  <a:gd name="T14" fmla="*/ 6 w 23"/>
                  <a:gd name="T15" fmla="*/ 9 h 19"/>
                  <a:gd name="T16" fmla="*/ 8 w 23"/>
                  <a:gd name="T17" fmla="*/ 5 h 19"/>
                  <a:gd name="T18" fmla="*/ 12 w 23"/>
                  <a:gd name="T19" fmla="*/ 4 h 19"/>
                  <a:gd name="T20" fmla="*/ 13 w 23"/>
                  <a:gd name="T21" fmla="*/ 4 h 19"/>
                  <a:gd name="T22" fmla="*/ 15 w 23"/>
                  <a:gd name="T23" fmla="*/ 2 h 19"/>
                  <a:gd name="T24" fmla="*/ 18 w 23"/>
                  <a:gd name="T25" fmla="*/ 0 h 19"/>
                  <a:gd name="T26" fmla="*/ 18 w 23"/>
                  <a:gd name="T27" fmla="*/ 0 h 19"/>
                  <a:gd name="T28" fmla="*/ 20 w 23"/>
                  <a:gd name="T29" fmla="*/ 0 h 19"/>
                  <a:gd name="T30" fmla="*/ 22 w 23"/>
                  <a:gd name="T31" fmla="*/ 0 h 19"/>
                  <a:gd name="T32" fmla="*/ 22 w 23"/>
                  <a:gd name="T33" fmla="*/ 0 h 19"/>
                  <a:gd name="T34" fmla="*/ 23 w 23"/>
                  <a:gd name="T35" fmla="*/ 2 h 19"/>
                  <a:gd name="T36" fmla="*/ 22 w 23"/>
                  <a:gd name="T37" fmla="*/ 4 h 19"/>
                  <a:gd name="T38" fmla="*/ 22 w 23"/>
                  <a:gd name="T39" fmla="*/ 4 h 19"/>
                  <a:gd name="T40" fmla="*/ 20 w 23"/>
                  <a:gd name="T41" fmla="*/ 5 h 19"/>
                  <a:gd name="T42" fmla="*/ 20 w 23"/>
                  <a:gd name="T43" fmla="*/ 7 h 19"/>
                  <a:gd name="T44" fmla="*/ 18 w 23"/>
                  <a:gd name="T45" fmla="*/ 9 h 19"/>
                  <a:gd name="T46" fmla="*/ 17 w 23"/>
                  <a:gd name="T47" fmla="*/ 11 h 19"/>
                  <a:gd name="T48" fmla="*/ 13 w 23"/>
                  <a:gd name="T49" fmla="*/ 12 h 19"/>
                  <a:gd name="T50" fmla="*/ 12 w 23"/>
                  <a:gd name="T51" fmla="*/ 14 h 19"/>
                  <a:gd name="T52" fmla="*/ 10 w 23"/>
                  <a:gd name="T53" fmla="*/ 16 h 19"/>
                  <a:gd name="T54" fmla="*/ 6 w 23"/>
                  <a:gd name="T55" fmla="*/ 17 h 19"/>
                  <a:gd name="T56" fmla="*/ 5 w 23"/>
                  <a:gd name="T57" fmla="*/ 17 h 19"/>
                  <a:gd name="T58" fmla="*/ 3 w 23"/>
                  <a:gd name="T59" fmla="*/ 19 h 19"/>
                  <a:gd name="T60" fmla="*/ 1 w 23"/>
                  <a:gd name="T61" fmla="*/ 19 h 19"/>
                  <a:gd name="T62" fmla="*/ 1 w 23"/>
                  <a:gd name="T63" fmla="*/ 19 h 19"/>
                  <a:gd name="T64" fmla="*/ 0 w 23"/>
                  <a:gd name="T65" fmla="*/ 19 h 19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w 23"/>
                  <a:gd name="T100" fmla="*/ 0 h 19"/>
                  <a:gd name="T101" fmla="*/ 23 w 23"/>
                  <a:gd name="T102" fmla="*/ 19 h 19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T99" t="T100" r="T101" b="T102"/>
                <a:pathLst>
                  <a:path w="23" h="19">
                    <a:moveTo>
                      <a:pt x="0" y="19"/>
                    </a:moveTo>
                    <a:lnTo>
                      <a:pt x="0" y="17"/>
                    </a:lnTo>
                    <a:lnTo>
                      <a:pt x="1" y="16"/>
                    </a:lnTo>
                    <a:lnTo>
                      <a:pt x="1" y="14"/>
                    </a:lnTo>
                    <a:lnTo>
                      <a:pt x="3" y="12"/>
                    </a:lnTo>
                    <a:lnTo>
                      <a:pt x="5" y="11"/>
                    </a:lnTo>
                    <a:lnTo>
                      <a:pt x="6" y="9"/>
                    </a:lnTo>
                    <a:lnTo>
                      <a:pt x="8" y="5"/>
                    </a:lnTo>
                    <a:lnTo>
                      <a:pt x="12" y="4"/>
                    </a:lnTo>
                    <a:lnTo>
                      <a:pt x="13" y="4"/>
                    </a:lnTo>
                    <a:lnTo>
                      <a:pt x="15" y="2"/>
                    </a:lnTo>
                    <a:lnTo>
                      <a:pt x="18" y="0"/>
                    </a:lnTo>
                    <a:lnTo>
                      <a:pt x="20" y="0"/>
                    </a:lnTo>
                    <a:lnTo>
                      <a:pt x="22" y="0"/>
                    </a:lnTo>
                    <a:lnTo>
                      <a:pt x="23" y="2"/>
                    </a:lnTo>
                    <a:lnTo>
                      <a:pt x="22" y="4"/>
                    </a:lnTo>
                    <a:lnTo>
                      <a:pt x="20" y="5"/>
                    </a:lnTo>
                    <a:lnTo>
                      <a:pt x="20" y="7"/>
                    </a:lnTo>
                    <a:lnTo>
                      <a:pt x="18" y="9"/>
                    </a:lnTo>
                    <a:lnTo>
                      <a:pt x="17" y="11"/>
                    </a:lnTo>
                    <a:lnTo>
                      <a:pt x="13" y="12"/>
                    </a:lnTo>
                    <a:lnTo>
                      <a:pt x="12" y="14"/>
                    </a:lnTo>
                    <a:lnTo>
                      <a:pt x="10" y="16"/>
                    </a:lnTo>
                    <a:lnTo>
                      <a:pt x="6" y="17"/>
                    </a:lnTo>
                    <a:lnTo>
                      <a:pt x="5" y="17"/>
                    </a:lnTo>
                    <a:lnTo>
                      <a:pt x="3" y="19"/>
                    </a:lnTo>
                    <a:lnTo>
                      <a:pt x="1" y="19"/>
                    </a:lnTo>
                    <a:lnTo>
                      <a:pt x="0" y="19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21" name="Freeform 98"/>
              <p:cNvSpPr>
                <a:spLocks/>
              </p:cNvSpPr>
              <p:nvPr/>
            </p:nvSpPr>
            <p:spPr bwMode="auto">
              <a:xfrm>
                <a:off x="600" y="3513"/>
                <a:ext cx="23" cy="19"/>
              </a:xfrm>
              <a:custGeom>
                <a:avLst/>
                <a:gdLst>
                  <a:gd name="T0" fmla="*/ 0 w 23"/>
                  <a:gd name="T1" fmla="*/ 19 h 19"/>
                  <a:gd name="T2" fmla="*/ 0 w 23"/>
                  <a:gd name="T3" fmla="*/ 19 h 19"/>
                  <a:gd name="T4" fmla="*/ 0 w 23"/>
                  <a:gd name="T5" fmla="*/ 17 h 19"/>
                  <a:gd name="T6" fmla="*/ 0 w 23"/>
                  <a:gd name="T7" fmla="*/ 17 h 19"/>
                  <a:gd name="T8" fmla="*/ 1 w 23"/>
                  <a:gd name="T9" fmla="*/ 16 h 19"/>
                  <a:gd name="T10" fmla="*/ 1 w 23"/>
                  <a:gd name="T11" fmla="*/ 14 h 19"/>
                  <a:gd name="T12" fmla="*/ 3 w 23"/>
                  <a:gd name="T13" fmla="*/ 12 h 19"/>
                  <a:gd name="T14" fmla="*/ 5 w 23"/>
                  <a:gd name="T15" fmla="*/ 11 h 19"/>
                  <a:gd name="T16" fmla="*/ 6 w 23"/>
                  <a:gd name="T17" fmla="*/ 9 h 19"/>
                  <a:gd name="T18" fmla="*/ 8 w 23"/>
                  <a:gd name="T19" fmla="*/ 5 h 19"/>
                  <a:gd name="T20" fmla="*/ 8 w 23"/>
                  <a:gd name="T21" fmla="*/ 5 h 19"/>
                  <a:gd name="T22" fmla="*/ 12 w 23"/>
                  <a:gd name="T23" fmla="*/ 4 h 19"/>
                  <a:gd name="T24" fmla="*/ 13 w 23"/>
                  <a:gd name="T25" fmla="*/ 4 h 19"/>
                  <a:gd name="T26" fmla="*/ 15 w 23"/>
                  <a:gd name="T27" fmla="*/ 2 h 19"/>
                  <a:gd name="T28" fmla="*/ 18 w 23"/>
                  <a:gd name="T29" fmla="*/ 0 h 19"/>
                  <a:gd name="T30" fmla="*/ 18 w 23"/>
                  <a:gd name="T31" fmla="*/ 0 h 19"/>
                  <a:gd name="T32" fmla="*/ 20 w 23"/>
                  <a:gd name="T33" fmla="*/ 0 h 19"/>
                  <a:gd name="T34" fmla="*/ 22 w 23"/>
                  <a:gd name="T35" fmla="*/ 0 h 19"/>
                  <a:gd name="T36" fmla="*/ 22 w 23"/>
                  <a:gd name="T37" fmla="*/ 0 h 19"/>
                  <a:gd name="T38" fmla="*/ 22 w 23"/>
                  <a:gd name="T39" fmla="*/ 0 h 19"/>
                  <a:gd name="T40" fmla="*/ 23 w 23"/>
                  <a:gd name="T41" fmla="*/ 2 h 19"/>
                  <a:gd name="T42" fmla="*/ 22 w 23"/>
                  <a:gd name="T43" fmla="*/ 4 h 19"/>
                  <a:gd name="T44" fmla="*/ 22 w 23"/>
                  <a:gd name="T45" fmla="*/ 4 h 19"/>
                  <a:gd name="T46" fmla="*/ 20 w 23"/>
                  <a:gd name="T47" fmla="*/ 5 h 19"/>
                  <a:gd name="T48" fmla="*/ 20 w 23"/>
                  <a:gd name="T49" fmla="*/ 7 h 19"/>
                  <a:gd name="T50" fmla="*/ 18 w 23"/>
                  <a:gd name="T51" fmla="*/ 9 h 19"/>
                  <a:gd name="T52" fmla="*/ 17 w 23"/>
                  <a:gd name="T53" fmla="*/ 11 h 19"/>
                  <a:gd name="T54" fmla="*/ 13 w 23"/>
                  <a:gd name="T55" fmla="*/ 12 h 19"/>
                  <a:gd name="T56" fmla="*/ 13 w 23"/>
                  <a:gd name="T57" fmla="*/ 12 h 19"/>
                  <a:gd name="T58" fmla="*/ 12 w 23"/>
                  <a:gd name="T59" fmla="*/ 14 h 19"/>
                  <a:gd name="T60" fmla="*/ 10 w 23"/>
                  <a:gd name="T61" fmla="*/ 16 h 19"/>
                  <a:gd name="T62" fmla="*/ 6 w 23"/>
                  <a:gd name="T63" fmla="*/ 17 h 19"/>
                  <a:gd name="T64" fmla="*/ 5 w 23"/>
                  <a:gd name="T65" fmla="*/ 17 h 19"/>
                  <a:gd name="T66" fmla="*/ 3 w 23"/>
                  <a:gd name="T67" fmla="*/ 19 h 19"/>
                  <a:gd name="T68" fmla="*/ 1 w 23"/>
                  <a:gd name="T69" fmla="*/ 19 h 19"/>
                  <a:gd name="T70" fmla="*/ 1 w 23"/>
                  <a:gd name="T71" fmla="*/ 19 h 19"/>
                  <a:gd name="T72" fmla="*/ 0 w 23"/>
                  <a:gd name="T73" fmla="*/ 19 h 19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w 23"/>
                  <a:gd name="T112" fmla="*/ 0 h 19"/>
                  <a:gd name="T113" fmla="*/ 23 w 23"/>
                  <a:gd name="T114" fmla="*/ 19 h 19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T111" t="T112" r="T113" b="T114"/>
                <a:pathLst>
                  <a:path w="23" h="19">
                    <a:moveTo>
                      <a:pt x="0" y="19"/>
                    </a:moveTo>
                    <a:lnTo>
                      <a:pt x="0" y="19"/>
                    </a:lnTo>
                    <a:lnTo>
                      <a:pt x="0" y="17"/>
                    </a:lnTo>
                    <a:lnTo>
                      <a:pt x="1" y="16"/>
                    </a:lnTo>
                    <a:lnTo>
                      <a:pt x="1" y="14"/>
                    </a:lnTo>
                    <a:lnTo>
                      <a:pt x="3" y="12"/>
                    </a:lnTo>
                    <a:lnTo>
                      <a:pt x="5" y="11"/>
                    </a:lnTo>
                    <a:lnTo>
                      <a:pt x="6" y="9"/>
                    </a:lnTo>
                    <a:lnTo>
                      <a:pt x="8" y="5"/>
                    </a:lnTo>
                    <a:lnTo>
                      <a:pt x="12" y="4"/>
                    </a:lnTo>
                    <a:lnTo>
                      <a:pt x="13" y="4"/>
                    </a:lnTo>
                    <a:lnTo>
                      <a:pt x="15" y="2"/>
                    </a:lnTo>
                    <a:lnTo>
                      <a:pt x="18" y="0"/>
                    </a:lnTo>
                    <a:lnTo>
                      <a:pt x="20" y="0"/>
                    </a:lnTo>
                    <a:lnTo>
                      <a:pt x="22" y="0"/>
                    </a:lnTo>
                    <a:lnTo>
                      <a:pt x="23" y="2"/>
                    </a:lnTo>
                    <a:lnTo>
                      <a:pt x="22" y="4"/>
                    </a:lnTo>
                    <a:lnTo>
                      <a:pt x="20" y="5"/>
                    </a:lnTo>
                    <a:lnTo>
                      <a:pt x="20" y="7"/>
                    </a:lnTo>
                    <a:lnTo>
                      <a:pt x="18" y="9"/>
                    </a:lnTo>
                    <a:lnTo>
                      <a:pt x="17" y="11"/>
                    </a:lnTo>
                    <a:lnTo>
                      <a:pt x="13" y="12"/>
                    </a:lnTo>
                    <a:lnTo>
                      <a:pt x="12" y="14"/>
                    </a:lnTo>
                    <a:lnTo>
                      <a:pt x="10" y="16"/>
                    </a:lnTo>
                    <a:lnTo>
                      <a:pt x="6" y="17"/>
                    </a:lnTo>
                    <a:lnTo>
                      <a:pt x="5" y="17"/>
                    </a:lnTo>
                    <a:lnTo>
                      <a:pt x="3" y="19"/>
                    </a:lnTo>
                    <a:lnTo>
                      <a:pt x="1" y="19"/>
                    </a:lnTo>
                    <a:lnTo>
                      <a:pt x="0" y="19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22" name="Freeform 99"/>
              <p:cNvSpPr>
                <a:spLocks/>
              </p:cNvSpPr>
              <p:nvPr/>
            </p:nvSpPr>
            <p:spPr bwMode="auto">
              <a:xfrm>
                <a:off x="674" y="3486"/>
                <a:ext cx="12" cy="12"/>
              </a:xfrm>
              <a:custGeom>
                <a:avLst/>
                <a:gdLst>
                  <a:gd name="T0" fmla="*/ 0 w 12"/>
                  <a:gd name="T1" fmla="*/ 5 h 12"/>
                  <a:gd name="T2" fmla="*/ 0 w 12"/>
                  <a:gd name="T3" fmla="*/ 4 h 12"/>
                  <a:gd name="T4" fmla="*/ 2 w 12"/>
                  <a:gd name="T5" fmla="*/ 2 h 12"/>
                  <a:gd name="T6" fmla="*/ 4 w 12"/>
                  <a:gd name="T7" fmla="*/ 0 h 12"/>
                  <a:gd name="T8" fmla="*/ 7 w 12"/>
                  <a:gd name="T9" fmla="*/ 0 h 12"/>
                  <a:gd name="T10" fmla="*/ 9 w 12"/>
                  <a:gd name="T11" fmla="*/ 0 h 12"/>
                  <a:gd name="T12" fmla="*/ 10 w 12"/>
                  <a:gd name="T13" fmla="*/ 2 h 12"/>
                  <a:gd name="T14" fmla="*/ 12 w 12"/>
                  <a:gd name="T15" fmla="*/ 4 h 12"/>
                  <a:gd name="T16" fmla="*/ 12 w 12"/>
                  <a:gd name="T17" fmla="*/ 5 h 12"/>
                  <a:gd name="T18" fmla="*/ 12 w 12"/>
                  <a:gd name="T19" fmla="*/ 9 h 12"/>
                  <a:gd name="T20" fmla="*/ 10 w 12"/>
                  <a:gd name="T21" fmla="*/ 10 h 12"/>
                  <a:gd name="T22" fmla="*/ 9 w 12"/>
                  <a:gd name="T23" fmla="*/ 10 h 12"/>
                  <a:gd name="T24" fmla="*/ 7 w 12"/>
                  <a:gd name="T25" fmla="*/ 12 h 12"/>
                  <a:gd name="T26" fmla="*/ 4 w 12"/>
                  <a:gd name="T27" fmla="*/ 10 h 12"/>
                  <a:gd name="T28" fmla="*/ 2 w 12"/>
                  <a:gd name="T29" fmla="*/ 10 h 12"/>
                  <a:gd name="T30" fmla="*/ 0 w 12"/>
                  <a:gd name="T31" fmla="*/ 9 h 12"/>
                  <a:gd name="T32" fmla="*/ 0 w 12"/>
                  <a:gd name="T33" fmla="*/ 5 h 12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2"/>
                  <a:gd name="T52" fmla="*/ 0 h 12"/>
                  <a:gd name="T53" fmla="*/ 12 w 12"/>
                  <a:gd name="T54" fmla="*/ 12 h 12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2" h="12">
                    <a:moveTo>
                      <a:pt x="0" y="5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7" y="0"/>
                    </a:lnTo>
                    <a:lnTo>
                      <a:pt x="9" y="0"/>
                    </a:lnTo>
                    <a:lnTo>
                      <a:pt x="10" y="2"/>
                    </a:lnTo>
                    <a:lnTo>
                      <a:pt x="12" y="4"/>
                    </a:lnTo>
                    <a:lnTo>
                      <a:pt x="12" y="5"/>
                    </a:lnTo>
                    <a:lnTo>
                      <a:pt x="12" y="9"/>
                    </a:lnTo>
                    <a:lnTo>
                      <a:pt x="10" y="10"/>
                    </a:lnTo>
                    <a:lnTo>
                      <a:pt x="9" y="10"/>
                    </a:lnTo>
                    <a:lnTo>
                      <a:pt x="7" y="12"/>
                    </a:lnTo>
                    <a:lnTo>
                      <a:pt x="4" y="10"/>
                    </a:lnTo>
                    <a:lnTo>
                      <a:pt x="2" y="10"/>
                    </a:lnTo>
                    <a:lnTo>
                      <a:pt x="0" y="9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23" name="Freeform 100"/>
              <p:cNvSpPr>
                <a:spLocks/>
              </p:cNvSpPr>
              <p:nvPr/>
            </p:nvSpPr>
            <p:spPr bwMode="auto">
              <a:xfrm>
                <a:off x="674" y="3486"/>
                <a:ext cx="12" cy="12"/>
              </a:xfrm>
              <a:custGeom>
                <a:avLst/>
                <a:gdLst>
                  <a:gd name="T0" fmla="*/ 0 w 12"/>
                  <a:gd name="T1" fmla="*/ 5 h 12"/>
                  <a:gd name="T2" fmla="*/ 0 w 12"/>
                  <a:gd name="T3" fmla="*/ 5 h 12"/>
                  <a:gd name="T4" fmla="*/ 0 w 12"/>
                  <a:gd name="T5" fmla="*/ 4 h 12"/>
                  <a:gd name="T6" fmla="*/ 2 w 12"/>
                  <a:gd name="T7" fmla="*/ 2 h 12"/>
                  <a:gd name="T8" fmla="*/ 4 w 12"/>
                  <a:gd name="T9" fmla="*/ 0 h 12"/>
                  <a:gd name="T10" fmla="*/ 7 w 12"/>
                  <a:gd name="T11" fmla="*/ 0 h 12"/>
                  <a:gd name="T12" fmla="*/ 7 w 12"/>
                  <a:gd name="T13" fmla="*/ 0 h 12"/>
                  <a:gd name="T14" fmla="*/ 9 w 12"/>
                  <a:gd name="T15" fmla="*/ 0 h 12"/>
                  <a:gd name="T16" fmla="*/ 10 w 12"/>
                  <a:gd name="T17" fmla="*/ 2 h 12"/>
                  <a:gd name="T18" fmla="*/ 12 w 12"/>
                  <a:gd name="T19" fmla="*/ 4 h 12"/>
                  <a:gd name="T20" fmla="*/ 12 w 12"/>
                  <a:gd name="T21" fmla="*/ 5 h 12"/>
                  <a:gd name="T22" fmla="*/ 12 w 12"/>
                  <a:gd name="T23" fmla="*/ 5 h 12"/>
                  <a:gd name="T24" fmla="*/ 12 w 12"/>
                  <a:gd name="T25" fmla="*/ 9 h 12"/>
                  <a:gd name="T26" fmla="*/ 10 w 12"/>
                  <a:gd name="T27" fmla="*/ 10 h 12"/>
                  <a:gd name="T28" fmla="*/ 9 w 12"/>
                  <a:gd name="T29" fmla="*/ 10 h 12"/>
                  <a:gd name="T30" fmla="*/ 7 w 12"/>
                  <a:gd name="T31" fmla="*/ 12 h 12"/>
                  <a:gd name="T32" fmla="*/ 7 w 12"/>
                  <a:gd name="T33" fmla="*/ 12 h 12"/>
                  <a:gd name="T34" fmla="*/ 4 w 12"/>
                  <a:gd name="T35" fmla="*/ 10 h 12"/>
                  <a:gd name="T36" fmla="*/ 2 w 12"/>
                  <a:gd name="T37" fmla="*/ 10 h 12"/>
                  <a:gd name="T38" fmla="*/ 0 w 12"/>
                  <a:gd name="T39" fmla="*/ 9 h 12"/>
                  <a:gd name="T40" fmla="*/ 0 w 12"/>
                  <a:gd name="T41" fmla="*/ 5 h 12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2"/>
                  <a:gd name="T64" fmla="*/ 0 h 12"/>
                  <a:gd name="T65" fmla="*/ 12 w 12"/>
                  <a:gd name="T66" fmla="*/ 12 h 12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2" h="12">
                    <a:moveTo>
                      <a:pt x="0" y="5"/>
                    </a:moveTo>
                    <a:lnTo>
                      <a:pt x="0" y="5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7" y="0"/>
                    </a:lnTo>
                    <a:lnTo>
                      <a:pt x="9" y="0"/>
                    </a:lnTo>
                    <a:lnTo>
                      <a:pt x="10" y="2"/>
                    </a:lnTo>
                    <a:lnTo>
                      <a:pt x="12" y="4"/>
                    </a:lnTo>
                    <a:lnTo>
                      <a:pt x="12" y="5"/>
                    </a:lnTo>
                    <a:lnTo>
                      <a:pt x="12" y="9"/>
                    </a:lnTo>
                    <a:lnTo>
                      <a:pt x="10" y="10"/>
                    </a:lnTo>
                    <a:lnTo>
                      <a:pt x="9" y="10"/>
                    </a:lnTo>
                    <a:lnTo>
                      <a:pt x="7" y="12"/>
                    </a:lnTo>
                    <a:lnTo>
                      <a:pt x="4" y="10"/>
                    </a:lnTo>
                    <a:lnTo>
                      <a:pt x="2" y="10"/>
                    </a:lnTo>
                    <a:lnTo>
                      <a:pt x="0" y="9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24" name="Freeform 101"/>
              <p:cNvSpPr>
                <a:spLocks/>
              </p:cNvSpPr>
              <p:nvPr/>
            </p:nvSpPr>
            <p:spPr bwMode="auto">
              <a:xfrm>
                <a:off x="463" y="3535"/>
                <a:ext cx="10" cy="9"/>
              </a:xfrm>
              <a:custGeom>
                <a:avLst/>
                <a:gdLst>
                  <a:gd name="T0" fmla="*/ 0 w 10"/>
                  <a:gd name="T1" fmla="*/ 5 h 9"/>
                  <a:gd name="T2" fmla="*/ 0 w 10"/>
                  <a:gd name="T3" fmla="*/ 4 h 9"/>
                  <a:gd name="T4" fmla="*/ 1 w 10"/>
                  <a:gd name="T5" fmla="*/ 2 h 9"/>
                  <a:gd name="T6" fmla="*/ 3 w 10"/>
                  <a:gd name="T7" fmla="*/ 0 h 9"/>
                  <a:gd name="T8" fmla="*/ 5 w 10"/>
                  <a:gd name="T9" fmla="*/ 0 h 9"/>
                  <a:gd name="T10" fmla="*/ 6 w 10"/>
                  <a:gd name="T11" fmla="*/ 0 h 9"/>
                  <a:gd name="T12" fmla="*/ 8 w 10"/>
                  <a:gd name="T13" fmla="*/ 2 h 9"/>
                  <a:gd name="T14" fmla="*/ 10 w 10"/>
                  <a:gd name="T15" fmla="*/ 4 h 9"/>
                  <a:gd name="T16" fmla="*/ 10 w 10"/>
                  <a:gd name="T17" fmla="*/ 5 h 9"/>
                  <a:gd name="T18" fmla="*/ 10 w 10"/>
                  <a:gd name="T19" fmla="*/ 7 h 9"/>
                  <a:gd name="T20" fmla="*/ 8 w 10"/>
                  <a:gd name="T21" fmla="*/ 9 h 9"/>
                  <a:gd name="T22" fmla="*/ 6 w 10"/>
                  <a:gd name="T23" fmla="*/ 9 h 9"/>
                  <a:gd name="T24" fmla="*/ 5 w 10"/>
                  <a:gd name="T25" fmla="*/ 9 h 9"/>
                  <a:gd name="T26" fmla="*/ 3 w 10"/>
                  <a:gd name="T27" fmla="*/ 9 h 9"/>
                  <a:gd name="T28" fmla="*/ 1 w 10"/>
                  <a:gd name="T29" fmla="*/ 9 h 9"/>
                  <a:gd name="T30" fmla="*/ 0 w 10"/>
                  <a:gd name="T31" fmla="*/ 7 h 9"/>
                  <a:gd name="T32" fmla="*/ 0 w 10"/>
                  <a:gd name="T33" fmla="*/ 5 h 9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0"/>
                  <a:gd name="T52" fmla="*/ 0 h 9"/>
                  <a:gd name="T53" fmla="*/ 10 w 10"/>
                  <a:gd name="T54" fmla="*/ 9 h 9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0" h="9">
                    <a:moveTo>
                      <a:pt x="0" y="5"/>
                    </a:moveTo>
                    <a:lnTo>
                      <a:pt x="0" y="4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6" y="0"/>
                    </a:lnTo>
                    <a:lnTo>
                      <a:pt x="8" y="2"/>
                    </a:lnTo>
                    <a:lnTo>
                      <a:pt x="10" y="4"/>
                    </a:lnTo>
                    <a:lnTo>
                      <a:pt x="10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5" y="9"/>
                    </a:lnTo>
                    <a:lnTo>
                      <a:pt x="3" y="9"/>
                    </a:lnTo>
                    <a:lnTo>
                      <a:pt x="1" y="9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25" name="Freeform 102"/>
              <p:cNvSpPr>
                <a:spLocks/>
              </p:cNvSpPr>
              <p:nvPr/>
            </p:nvSpPr>
            <p:spPr bwMode="auto">
              <a:xfrm>
                <a:off x="463" y="3535"/>
                <a:ext cx="10" cy="9"/>
              </a:xfrm>
              <a:custGeom>
                <a:avLst/>
                <a:gdLst>
                  <a:gd name="T0" fmla="*/ 0 w 10"/>
                  <a:gd name="T1" fmla="*/ 5 h 9"/>
                  <a:gd name="T2" fmla="*/ 0 w 10"/>
                  <a:gd name="T3" fmla="*/ 5 h 9"/>
                  <a:gd name="T4" fmla="*/ 0 w 10"/>
                  <a:gd name="T5" fmla="*/ 4 h 9"/>
                  <a:gd name="T6" fmla="*/ 1 w 10"/>
                  <a:gd name="T7" fmla="*/ 2 h 9"/>
                  <a:gd name="T8" fmla="*/ 3 w 10"/>
                  <a:gd name="T9" fmla="*/ 0 h 9"/>
                  <a:gd name="T10" fmla="*/ 5 w 10"/>
                  <a:gd name="T11" fmla="*/ 0 h 9"/>
                  <a:gd name="T12" fmla="*/ 5 w 10"/>
                  <a:gd name="T13" fmla="*/ 0 h 9"/>
                  <a:gd name="T14" fmla="*/ 6 w 10"/>
                  <a:gd name="T15" fmla="*/ 0 h 9"/>
                  <a:gd name="T16" fmla="*/ 8 w 10"/>
                  <a:gd name="T17" fmla="*/ 2 h 9"/>
                  <a:gd name="T18" fmla="*/ 10 w 10"/>
                  <a:gd name="T19" fmla="*/ 4 h 9"/>
                  <a:gd name="T20" fmla="*/ 10 w 10"/>
                  <a:gd name="T21" fmla="*/ 5 h 9"/>
                  <a:gd name="T22" fmla="*/ 10 w 10"/>
                  <a:gd name="T23" fmla="*/ 5 h 9"/>
                  <a:gd name="T24" fmla="*/ 10 w 10"/>
                  <a:gd name="T25" fmla="*/ 7 h 9"/>
                  <a:gd name="T26" fmla="*/ 8 w 10"/>
                  <a:gd name="T27" fmla="*/ 9 h 9"/>
                  <a:gd name="T28" fmla="*/ 6 w 10"/>
                  <a:gd name="T29" fmla="*/ 9 h 9"/>
                  <a:gd name="T30" fmla="*/ 5 w 10"/>
                  <a:gd name="T31" fmla="*/ 9 h 9"/>
                  <a:gd name="T32" fmla="*/ 5 w 10"/>
                  <a:gd name="T33" fmla="*/ 9 h 9"/>
                  <a:gd name="T34" fmla="*/ 3 w 10"/>
                  <a:gd name="T35" fmla="*/ 9 h 9"/>
                  <a:gd name="T36" fmla="*/ 1 w 10"/>
                  <a:gd name="T37" fmla="*/ 9 h 9"/>
                  <a:gd name="T38" fmla="*/ 0 w 10"/>
                  <a:gd name="T39" fmla="*/ 7 h 9"/>
                  <a:gd name="T40" fmla="*/ 0 w 10"/>
                  <a:gd name="T41" fmla="*/ 5 h 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0"/>
                  <a:gd name="T64" fmla="*/ 0 h 9"/>
                  <a:gd name="T65" fmla="*/ 10 w 10"/>
                  <a:gd name="T66" fmla="*/ 9 h 9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0" h="9">
                    <a:moveTo>
                      <a:pt x="0" y="5"/>
                    </a:moveTo>
                    <a:lnTo>
                      <a:pt x="0" y="5"/>
                    </a:lnTo>
                    <a:lnTo>
                      <a:pt x="0" y="4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6" y="0"/>
                    </a:lnTo>
                    <a:lnTo>
                      <a:pt x="8" y="2"/>
                    </a:lnTo>
                    <a:lnTo>
                      <a:pt x="10" y="4"/>
                    </a:lnTo>
                    <a:lnTo>
                      <a:pt x="10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5" y="9"/>
                    </a:lnTo>
                    <a:lnTo>
                      <a:pt x="3" y="9"/>
                    </a:lnTo>
                    <a:lnTo>
                      <a:pt x="1" y="9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26" name="Freeform 103"/>
              <p:cNvSpPr>
                <a:spLocks/>
              </p:cNvSpPr>
              <p:nvPr/>
            </p:nvSpPr>
            <p:spPr bwMode="auto">
              <a:xfrm>
                <a:off x="515" y="3537"/>
                <a:ext cx="15" cy="9"/>
              </a:xfrm>
              <a:custGeom>
                <a:avLst/>
                <a:gdLst>
                  <a:gd name="T0" fmla="*/ 0 w 15"/>
                  <a:gd name="T1" fmla="*/ 5 h 9"/>
                  <a:gd name="T2" fmla="*/ 0 w 15"/>
                  <a:gd name="T3" fmla="*/ 3 h 9"/>
                  <a:gd name="T4" fmla="*/ 2 w 15"/>
                  <a:gd name="T5" fmla="*/ 2 h 9"/>
                  <a:gd name="T6" fmla="*/ 5 w 15"/>
                  <a:gd name="T7" fmla="*/ 0 h 9"/>
                  <a:gd name="T8" fmla="*/ 7 w 15"/>
                  <a:gd name="T9" fmla="*/ 0 h 9"/>
                  <a:gd name="T10" fmla="*/ 10 w 15"/>
                  <a:gd name="T11" fmla="*/ 0 h 9"/>
                  <a:gd name="T12" fmla="*/ 12 w 15"/>
                  <a:gd name="T13" fmla="*/ 2 h 9"/>
                  <a:gd name="T14" fmla="*/ 14 w 15"/>
                  <a:gd name="T15" fmla="*/ 3 h 9"/>
                  <a:gd name="T16" fmla="*/ 15 w 15"/>
                  <a:gd name="T17" fmla="*/ 5 h 9"/>
                  <a:gd name="T18" fmla="*/ 14 w 15"/>
                  <a:gd name="T19" fmla="*/ 7 h 9"/>
                  <a:gd name="T20" fmla="*/ 12 w 15"/>
                  <a:gd name="T21" fmla="*/ 7 h 9"/>
                  <a:gd name="T22" fmla="*/ 10 w 15"/>
                  <a:gd name="T23" fmla="*/ 9 h 9"/>
                  <a:gd name="T24" fmla="*/ 7 w 15"/>
                  <a:gd name="T25" fmla="*/ 9 h 9"/>
                  <a:gd name="T26" fmla="*/ 5 w 15"/>
                  <a:gd name="T27" fmla="*/ 9 h 9"/>
                  <a:gd name="T28" fmla="*/ 2 w 15"/>
                  <a:gd name="T29" fmla="*/ 7 h 9"/>
                  <a:gd name="T30" fmla="*/ 0 w 15"/>
                  <a:gd name="T31" fmla="*/ 7 h 9"/>
                  <a:gd name="T32" fmla="*/ 0 w 15"/>
                  <a:gd name="T33" fmla="*/ 5 h 9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5"/>
                  <a:gd name="T52" fmla="*/ 0 h 9"/>
                  <a:gd name="T53" fmla="*/ 15 w 15"/>
                  <a:gd name="T54" fmla="*/ 9 h 9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5" h="9">
                    <a:moveTo>
                      <a:pt x="0" y="5"/>
                    </a:moveTo>
                    <a:lnTo>
                      <a:pt x="0" y="3"/>
                    </a:lnTo>
                    <a:lnTo>
                      <a:pt x="2" y="2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10" y="0"/>
                    </a:lnTo>
                    <a:lnTo>
                      <a:pt x="12" y="2"/>
                    </a:lnTo>
                    <a:lnTo>
                      <a:pt x="14" y="3"/>
                    </a:lnTo>
                    <a:lnTo>
                      <a:pt x="15" y="5"/>
                    </a:lnTo>
                    <a:lnTo>
                      <a:pt x="14" y="7"/>
                    </a:lnTo>
                    <a:lnTo>
                      <a:pt x="12" y="7"/>
                    </a:lnTo>
                    <a:lnTo>
                      <a:pt x="10" y="9"/>
                    </a:lnTo>
                    <a:lnTo>
                      <a:pt x="7" y="9"/>
                    </a:lnTo>
                    <a:lnTo>
                      <a:pt x="5" y="9"/>
                    </a:lnTo>
                    <a:lnTo>
                      <a:pt x="2" y="7"/>
                    </a:lnTo>
                    <a:lnTo>
                      <a:pt x="0" y="7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27" name="Freeform 104"/>
              <p:cNvSpPr>
                <a:spLocks/>
              </p:cNvSpPr>
              <p:nvPr/>
            </p:nvSpPr>
            <p:spPr bwMode="auto">
              <a:xfrm>
                <a:off x="515" y="3537"/>
                <a:ext cx="15" cy="9"/>
              </a:xfrm>
              <a:custGeom>
                <a:avLst/>
                <a:gdLst>
                  <a:gd name="T0" fmla="*/ 0 w 15"/>
                  <a:gd name="T1" fmla="*/ 5 h 9"/>
                  <a:gd name="T2" fmla="*/ 0 w 15"/>
                  <a:gd name="T3" fmla="*/ 5 h 9"/>
                  <a:gd name="T4" fmla="*/ 0 w 15"/>
                  <a:gd name="T5" fmla="*/ 3 h 9"/>
                  <a:gd name="T6" fmla="*/ 2 w 15"/>
                  <a:gd name="T7" fmla="*/ 2 h 9"/>
                  <a:gd name="T8" fmla="*/ 5 w 15"/>
                  <a:gd name="T9" fmla="*/ 0 h 9"/>
                  <a:gd name="T10" fmla="*/ 7 w 15"/>
                  <a:gd name="T11" fmla="*/ 0 h 9"/>
                  <a:gd name="T12" fmla="*/ 7 w 15"/>
                  <a:gd name="T13" fmla="*/ 0 h 9"/>
                  <a:gd name="T14" fmla="*/ 10 w 15"/>
                  <a:gd name="T15" fmla="*/ 0 h 9"/>
                  <a:gd name="T16" fmla="*/ 12 w 15"/>
                  <a:gd name="T17" fmla="*/ 2 h 9"/>
                  <a:gd name="T18" fmla="*/ 14 w 15"/>
                  <a:gd name="T19" fmla="*/ 3 h 9"/>
                  <a:gd name="T20" fmla="*/ 15 w 15"/>
                  <a:gd name="T21" fmla="*/ 5 h 9"/>
                  <a:gd name="T22" fmla="*/ 15 w 15"/>
                  <a:gd name="T23" fmla="*/ 5 h 9"/>
                  <a:gd name="T24" fmla="*/ 14 w 15"/>
                  <a:gd name="T25" fmla="*/ 7 h 9"/>
                  <a:gd name="T26" fmla="*/ 12 w 15"/>
                  <a:gd name="T27" fmla="*/ 7 h 9"/>
                  <a:gd name="T28" fmla="*/ 10 w 15"/>
                  <a:gd name="T29" fmla="*/ 9 h 9"/>
                  <a:gd name="T30" fmla="*/ 7 w 15"/>
                  <a:gd name="T31" fmla="*/ 9 h 9"/>
                  <a:gd name="T32" fmla="*/ 7 w 15"/>
                  <a:gd name="T33" fmla="*/ 9 h 9"/>
                  <a:gd name="T34" fmla="*/ 5 w 15"/>
                  <a:gd name="T35" fmla="*/ 9 h 9"/>
                  <a:gd name="T36" fmla="*/ 2 w 15"/>
                  <a:gd name="T37" fmla="*/ 7 h 9"/>
                  <a:gd name="T38" fmla="*/ 0 w 15"/>
                  <a:gd name="T39" fmla="*/ 7 h 9"/>
                  <a:gd name="T40" fmla="*/ 0 w 15"/>
                  <a:gd name="T41" fmla="*/ 5 h 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5"/>
                  <a:gd name="T64" fmla="*/ 0 h 9"/>
                  <a:gd name="T65" fmla="*/ 15 w 15"/>
                  <a:gd name="T66" fmla="*/ 9 h 9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5" h="9">
                    <a:moveTo>
                      <a:pt x="0" y="5"/>
                    </a:moveTo>
                    <a:lnTo>
                      <a:pt x="0" y="5"/>
                    </a:lnTo>
                    <a:lnTo>
                      <a:pt x="0" y="3"/>
                    </a:lnTo>
                    <a:lnTo>
                      <a:pt x="2" y="2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10" y="0"/>
                    </a:lnTo>
                    <a:lnTo>
                      <a:pt x="12" y="2"/>
                    </a:lnTo>
                    <a:lnTo>
                      <a:pt x="14" y="3"/>
                    </a:lnTo>
                    <a:lnTo>
                      <a:pt x="15" y="5"/>
                    </a:lnTo>
                    <a:lnTo>
                      <a:pt x="14" y="7"/>
                    </a:lnTo>
                    <a:lnTo>
                      <a:pt x="12" y="7"/>
                    </a:lnTo>
                    <a:lnTo>
                      <a:pt x="10" y="9"/>
                    </a:lnTo>
                    <a:lnTo>
                      <a:pt x="7" y="9"/>
                    </a:lnTo>
                    <a:lnTo>
                      <a:pt x="5" y="9"/>
                    </a:lnTo>
                    <a:lnTo>
                      <a:pt x="2" y="7"/>
                    </a:lnTo>
                    <a:lnTo>
                      <a:pt x="0" y="7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28" name="Freeform 105"/>
              <p:cNvSpPr>
                <a:spLocks/>
              </p:cNvSpPr>
              <p:nvPr/>
            </p:nvSpPr>
            <p:spPr bwMode="auto">
              <a:xfrm>
                <a:off x="439" y="3529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1 h 10"/>
                  <a:gd name="T4" fmla="*/ 2 w 8"/>
                  <a:gd name="T5" fmla="*/ 1 h 10"/>
                  <a:gd name="T6" fmla="*/ 2 w 8"/>
                  <a:gd name="T7" fmla="*/ 0 h 10"/>
                  <a:gd name="T8" fmla="*/ 3 w 8"/>
                  <a:gd name="T9" fmla="*/ 0 h 10"/>
                  <a:gd name="T10" fmla="*/ 5 w 8"/>
                  <a:gd name="T11" fmla="*/ 0 h 10"/>
                  <a:gd name="T12" fmla="*/ 7 w 8"/>
                  <a:gd name="T13" fmla="*/ 1 h 10"/>
                  <a:gd name="T14" fmla="*/ 8 w 8"/>
                  <a:gd name="T15" fmla="*/ 1 h 10"/>
                  <a:gd name="T16" fmla="*/ 8 w 8"/>
                  <a:gd name="T17" fmla="*/ 5 h 10"/>
                  <a:gd name="T18" fmla="*/ 8 w 8"/>
                  <a:gd name="T19" fmla="*/ 6 h 10"/>
                  <a:gd name="T20" fmla="*/ 7 w 8"/>
                  <a:gd name="T21" fmla="*/ 8 h 10"/>
                  <a:gd name="T22" fmla="*/ 5 w 8"/>
                  <a:gd name="T23" fmla="*/ 10 h 10"/>
                  <a:gd name="T24" fmla="*/ 3 w 8"/>
                  <a:gd name="T25" fmla="*/ 10 h 10"/>
                  <a:gd name="T26" fmla="*/ 2 w 8"/>
                  <a:gd name="T27" fmla="*/ 10 h 10"/>
                  <a:gd name="T28" fmla="*/ 2 w 8"/>
                  <a:gd name="T29" fmla="*/ 8 h 10"/>
                  <a:gd name="T30" fmla="*/ 0 w 8"/>
                  <a:gd name="T31" fmla="*/ 6 h 10"/>
                  <a:gd name="T32" fmla="*/ 0 w 8"/>
                  <a:gd name="T33" fmla="*/ 5 h 10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8"/>
                  <a:gd name="T52" fmla="*/ 0 h 10"/>
                  <a:gd name="T53" fmla="*/ 8 w 8"/>
                  <a:gd name="T54" fmla="*/ 10 h 10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8" h="10">
                    <a:moveTo>
                      <a:pt x="0" y="5"/>
                    </a:moveTo>
                    <a:lnTo>
                      <a:pt x="0" y="1"/>
                    </a:lnTo>
                    <a:lnTo>
                      <a:pt x="2" y="1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1"/>
                    </a:lnTo>
                    <a:lnTo>
                      <a:pt x="8" y="1"/>
                    </a:lnTo>
                    <a:lnTo>
                      <a:pt x="8" y="5"/>
                    </a:lnTo>
                    <a:lnTo>
                      <a:pt x="8" y="6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6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29" name="Freeform 106"/>
              <p:cNvSpPr>
                <a:spLocks/>
              </p:cNvSpPr>
              <p:nvPr/>
            </p:nvSpPr>
            <p:spPr bwMode="auto">
              <a:xfrm>
                <a:off x="439" y="3529"/>
                <a:ext cx="8" cy="10"/>
              </a:xfrm>
              <a:custGeom>
                <a:avLst/>
                <a:gdLst>
                  <a:gd name="T0" fmla="*/ 0 w 8"/>
                  <a:gd name="T1" fmla="*/ 5 h 10"/>
                  <a:gd name="T2" fmla="*/ 0 w 8"/>
                  <a:gd name="T3" fmla="*/ 5 h 10"/>
                  <a:gd name="T4" fmla="*/ 0 w 8"/>
                  <a:gd name="T5" fmla="*/ 1 h 10"/>
                  <a:gd name="T6" fmla="*/ 2 w 8"/>
                  <a:gd name="T7" fmla="*/ 1 h 10"/>
                  <a:gd name="T8" fmla="*/ 2 w 8"/>
                  <a:gd name="T9" fmla="*/ 0 h 10"/>
                  <a:gd name="T10" fmla="*/ 3 w 8"/>
                  <a:gd name="T11" fmla="*/ 0 h 10"/>
                  <a:gd name="T12" fmla="*/ 3 w 8"/>
                  <a:gd name="T13" fmla="*/ 0 h 10"/>
                  <a:gd name="T14" fmla="*/ 5 w 8"/>
                  <a:gd name="T15" fmla="*/ 0 h 10"/>
                  <a:gd name="T16" fmla="*/ 7 w 8"/>
                  <a:gd name="T17" fmla="*/ 1 h 10"/>
                  <a:gd name="T18" fmla="*/ 8 w 8"/>
                  <a:gd name="T19" fmla="*/ 1 h 10"/>
                  <a:gd name="T20" fmla="*/ 8 w 8"/>
                  <a:gd name="T21" fmla="*/ 5 h 10"/>
                  <a:gd name="T22" fmla="*/ 8 w 8"/>
                  <a:gd name="T23" fmla="*/ 5 h 10"/>
                  <a:gd name="T24" fmla="*/ 8 w 8"/>
                  <a:gd name="T25" fmla="*/ 6 h 10"/>
                  <a:gd name="T26" fmla="*/ 7 w 8"/>
                  <a:gd name="T27" fmla="*/ 8 h 10"/>
                  <a:gd name="T28" fmla="*/ 5 w 8"/>
                  <a:gd name="T29" fmla="*/ 10 h 10"/>
                  <a:gd name="T30" fmla="*/ 3 w 8"/>
                  <a:gd name="T31" fmla="*/ 10 h 10"/>
                  <a:gd name="T32" fmla="*/ 3 w 8"/>
                  <a:gd name="T33" fmla="*/ 10 h 10"/>
                  <a:gd name="T34" fmla="*/ 2 w 8"/>
                  <a:gd name="T35" fmla="*/ 10 h 10"/>
                  <a:gd name="T36" fmla="*/ 2 w 8"/>
                  <a:gd name="T37" fmla="*/ 8 h 10"/>
                  <a:gd name="T38" fmla="*/ 0 w 8"/>
                  <a:gd name="T39" fmla="*/ 6 h 10"/>
                  <a:gd name="T40" fmla="*/ 0 w 8"/>
                  <a:gd name="T41" fmla="*/ 5 h 10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8"/>
                  <a:gd name="T64" fmla="*/ 0 h 10"/>
                  <a:gd name="T65" fmla="*/ 8 w 8"/>
                  <a:gd name="T66" fmla="*/ 10 h 10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8" h="10">
                    <a:moveTo>
                      <a:pt x="0" y="5"/>
                    </a:moveTo>
                    <a:lnTo>
                      <a:pt x="0" y="5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7" y="1"/>
                    </a:lnTo>
                    <a:lnTo>
                      <a:pt x="8" y="1"/>
                    </a:lnTo>
                    <a:lnTo>
                      <a:pt x="8" y="5"/>
                    </a:lnTo>
                    <a:lnTo>
                      <a:pt x="8" y="6"/>
                    </a:lnTo>
                    <a:lnTo>
                      <a:pt x="7" y="8"/>
                    </a:lnTo>
                    <a:lnTo>
                      <a:pt x="5" y="10"/>
                    </a:lnTo>
                    <a:lnTo>
                      <a:pt x="3" y="10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6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30" name="Freeform 107"/>
              <p:cNvSpPr>
                <a:spLocks/>
              </p:cNvSpPr>
              <p:nvPr/>
            </p:nvSpPr>
            <p:spPr bwMode="auto">
              <a:xfrm>
                <a:off x="738" y="3474"/>
                <a:ext cx="7" cy="11"/>
              </a:xfrm>
              <a:custGeom>
                <a:avLst/>
                <a:gdLst>
                  <a:gd name="T0" fmla="*/ 0 w 7"/>
                  <a:gd name="T1" fmla="*/ 6 h 11"/>
                  <a:gd name="T2" fmla="*/ 0 w 7"/>
                  <a:gd name="T3" fmla="*/ 4 h 11"/>
                  <a:gd name="T4" fmla="*/ 2 w 7"/>
                  <a:gd name="T5" fmla="*/ 2 h 11"/>
                  <a:gd name="T6" fmla="*/ 2 w 7"/>
                  <a:gd name="T7" fmla="*/ 0 h 11"/>
                  <a:gd name="T8" fmla="*/ 4 w 7"/>
                  <a:gd name="T9" fmla="*/ 0 h 11"/>
                  <a:gd name="T10" fmla="*/ 6 w 7"/>
                  <a:gd name="T11" fmla="*/ 0 h 11"/>
                  <a:gd name="T12" fmla="*/ 7 w 7"/>
                  <a:gd name="T13" fmla="*/ 2 h 11"/>
                  <a:gd name="T14" fmla="*/ 7 w 7"/>
                  <a:gd name="T15" fmla="*/ 4 h 11"/>
                  <a:gd name="T16" fmla="*/ 7 w 7"/>
                  <a:gd name="T17" fmla="*/ 6 h 11"/>
                  <a:gd name="T18" fmla="*/ 7 w 7"/>
                  <a:gd name="T19" fmla="*/ 7 h 11"/>
                  <a:gd name="T20" fmla="*/ 7 w 7"/>
                  <a:gd name="T21" fmla="*/ 9 h 11"/>
                  <a:gd name="T22" fmla="*/ 6 w 7"/>
                  <a:gd name="T23" fmla="*/ 9 h 11"/>
                  <a:gd name="T24" fmla="*/ 4 w 7"/>
                  <a:gd name="T25" fmla="*/ 11 h 11"/>
                  <a:gd name="T26" fmla="*/ 2 w 7"/>
                  <a:gd name="T27" fmla="*/ 9 h 11"/>
                  <a:gd name="T28" fmla="*/ 2 w 7"/>
                  <a:gd name="T29" fmla="*/ 9 h 11"/>
                  <a:gd name="T30" fmla="*/ 0 w 7"/>
                  <a:gd name="T31" fmla="*/ 7 h 11"/>
                  <a:gd name="T32" fmla="*/ 0 w 7"/>
                  <a:gd name="T33" fmla="*/ 6 h 11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7"/>
                  <a:gd name="T52" fmla="*/ 0 h 11"/>
                  <a:gd name="T53" fmla="*/ 7 w 7"/>
                  <a:gd name="T54" fmla="*/ 11 h 11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7" h="11">
                    <a:moveTo>
                      <a:pt x="0" y="6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2"/>
                    </a:lnTo>
                    <a:lnTo>
                      <a:pt x="7" y="4"/>
                    </a:lnTo>
                    <a:lnTo>
                      <a:pt x="7" y="6"/>
                    </a:lnTo>
                    <a:lnTo>
                      <a:pt x="7" y="7"/>
                    </a:lnTo>
                    <a:lnTo>
                      <a:pt x="7" y="9"/>
                    </a:lnTo>
                    <a:lnTo>
                      <a:pt x="6" y="9"/>
                    </a:lnTo>
                    <a:lnTo>
                      <a:pt x="4" y="11"/>
                    </a:lnTo>
                    <a:lnTo>
                      <a:pt x="2" y="9"/>
                    </a:lnTo>
                    <a:lnTo>
                      <a:pt x="0" y="7"/>
                    </a:lnTo>
                    <a:lnTo>
                      <a:pt x="0" y="6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31" name="Freeform 108"/>
              <p:cNvSpPr>
                <a:spLocks/>
              </p:cNvSpPr>
              <p:nvPr/>
            </p:nvSpPr>
            <p:spPr bwMode="auto">
              <a:xfrm>
                <a:off x="738" y="3474"/>
                <a:ext cx="7" cy="11"/>
              </a:xfrm>
              <a:custGeom>
                <a:avLst/>
                <a:gdLst>
                  <a:gd name="T0" fmla="*/ 0 w 7"/>
                  <a:gd name="T1" fmla="*/ 6 h 11"/>
                  <a:gd name="T2" fmla="*/ 0 w 7"/>
                  <a:gd name="T3" fmla="*/ 6 h 11"/>
                  <a:gd name="T4" fmla="*/ 0 w 7"/>
                  <a:gd name="T5" fmla="*/ 4 h 11"/>
                  <a:gd name="T6" fmla="*/ 2 w 7"/>
                  <a:gd name="T7" fmla="*/ 2 h 11"/>
                  <a:gd name="T8" fmla="*/ 2 w 7"/>
                  <a:gd name="T9" fmla="*/ 0 h 11"/>
                  <a:gd name="T10" fmla="*/ 4 w 7"/>
                  <a:gd name="T11" fmla="*/ 0 h 11"/>
                  <a:gd name="T12" fmla="*/ 4 w 7"/>
                  <a:gd name="T13" fmla="*/ 0 h 11"/>
                  <a:gd name="T14" fmla="*/ 6 w 7"/>
                  <a:gd name="T15" fmla="*/ 0 h 11"/>
                  <a:gd name="T16" fmla="*/ 7 w 7"/>
                  <a:gd name="T17" fmla="*/ 2 h 11"/>
                  <a:gd name="T18" fmla="*/ 7 w 7"/>
                  <a:gd name="T19" fmla="*/ 4 h 11"/>
                  <a:gd name="T20" fmla="*/ 7 w 7"/>
                  <a:gd name="T21" fmla="*/ 6 h 11"/>
                  <a:gd name="T22" fmla="*/ 7 w 7"/>
                  <a:gd name="T23" fmla="*/ 6 h 11"/>
                  <a:gd name="T24" fmla="*/ 7 w 7"/>
                  <a:gd name="T25" fmla="*/ 7 h 11"/>
                  <a:gd name="T26" fmla="*/ 7 w 7"/>
                  <a:gd name="T27" fmla="*/ 9 h 11"/>
                  <a:gd name="T28" fmla="*/ 6 w 7"/>
                  <a:gd name="T29" fmla="*/ 9 h 11"/>
                  <a:gd name="T30" fmla="*/ 4 w 7"/>
                  <a:gd name="T31" fmla="*/ 11 h 11"/>
                  <a:gd name="T32" fmla="*/ 4 w 7"/>
                  <a:gd name="T33" fmla="*/ 11 h 11"/>
                  <a:gd name="T34" fmla="*/ 2 w 7"/>
                  <a:gd name="T35" fmla="*/ 9 h 11"/>
                  <a:gd name="T36" fmla="*/ 2 w 7"/>
                  <a:gd name="T37" fmla="*/ 9 h 11"/>
                  <a:gd name="T38" fmla="*/ 0 w 7"/>
                  <a:gd name="T39" fmla="*/ 7 h 11"/>
                  <a:gd name="T40" fmla="*/ 0 w 7"/>
                  <a:gd name="T41" fmla="*/ 6 h 11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7"/>
                  <a:gd name="T64" fmla="*/ 0 h 11"/>
                  <a:gd name="T65" fmla="*/ 7 w 7"/>
                  <a:gd name="T66" fmla="*/ 11 h 11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7" h="11">
                    <a:moveTo>
                      <a:pt x="0" y="6"/>
                    </a:moveTo>
                    <a:lnTo>
                      <a:pt x="0" y="6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2"/>
                    </a:lnTo>
                    <a:lnTo>
                      <a:pt x="7" y="4"/>
                    </a:lnTo>
                    <a:lnTo>
                      <a:pt x="7" y="6"/>
                    </a:lnTo>
                    <a:lnTo>
                      <a:pt x="7" y="7"/>
                    </a:lnTo>
                    <a:lnTo>
                      <a:pt x="7" y="9"/>
                    </a:lnTo>
                    <a:lnTo>
                      <a:pt x="6" y="9"/>
                    </a:lnTo>
                    <a:lnTo>
                      <a:pt x="4" y="11"/>
                    </a:lnTo>
                    <a:lnTo>
                      <a:pt x="2" y="9"/>
                    </a:lnTo>
                    <a:lnTo>
                      <a:pt x="0" y="7"/>
                    </a:lnTo>
                    <a:lnTo>
                      <a:pt x="0" y="6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32" name="Freeform 109"/>
              <p:cNvSpPr>
                <a:spLocks/>
              </p:cNvSpPr>
              <p:nvPr/>
            </p:nvSpPr>
            <p:spPr bwMode="auto">
              <a:xfrm>
                <a:off x="650" y="3331"/>
                <a:ext cx="21" cy="15"/>
              </a:xfrm>
              <a:custGeom>
                <a:avLst/>
                <a:gdLst>
                  <a:gd name="T0" fmla="*/ 2 w 21"/>
                  <a:gd name="T1" fmla="*/ 1 h 15"/>
                  <a:gd name="T2" fmla="*/ 19 w 21"/>
                  <a:gd name="T3" fmla="*/ 0 h 15"/>
                  <a:gd name="T4" fmla="*/ 19 w 21"/>
                  <a:gd name="T5" fmla="*/ 1 h 15"/>
                  <a:gd name="T6" fmla="*/ 19 w 21"/>
                  <a:gd name="T7" fmla="*/ 3 h 15"/>
                  <a:gd name="T8" fmla="*/ 21 w 21"/>
                  <a:gd name="T9" fmla="*/ 5 h 15"/>
                  <a:gd name="T10" fmla="*/ 21 w 21"/>
                  <a:gd name="T11" fmla="*/ 8 h 15"/>
                  <a:gd name="T12" fmla="*/ 21 w 21"/>
                  <a:gd name="T13" fmla="*/ 10 h 15"/>
                  <a:gd name="T14" fmla="*/ 21 w 21"/>
                  <a:gd name="T15" fmla="*/ 13 h 15"/>
                  <a:gd name="T16" fmla="*/ 17 w 21"/>
                  <a:gd name="T17" fmla="*/ 15 h 15"/>
                  <a:gd name="T18" fmla="*/ 12 w 21"/>
                  <a:gd name="T19" fmla="*/ 15 h 15"/>
                  <a:gd name="T20" fmla="*/ 12 w 21"/>
                  <a:gd name="T21" fmla="*/ 15 h 15"/>
                  <a:gd name="T22" fmla="*/ 11 w 21"/>
                  <a:gd name="T23" fmla="*/ 13 h 15"/>
                  <a:gd name="T24" fmla="*/ 7 w 21"/>
                  <a:gd name="T25" fmla="*/ 11 h 15"/>
                  <a:gd name="T26" fmla="*/ 6 w 21"/>
                  <a:gd name="T27" fmla="*/ 10 h 15"/>
                  <a:gd name="T28" fmla="*/ 4 w 21"/>
                  <a:gd name="T29" fmla="*/ 8 h 15"/>
                  <a:gd name="T30" fmla="*/ 2 w 21"/>
                  <a:gd name="T31" fmla="*/ 6 h 15"/>
                  <a:gd name="T32" fmla="*/ 0 w 21"/>
                  <a:gd name="T33" fmla="*/ 6 h 15"/>
                  <a:gd name="T34" fmla="*/ 0 w 21"/>
                  <a:gd name="T35" fmla="*/ 6 h 15"/>
                  <a:gd name="T36" fmla="*/ 2 w 21"/>
                  <a:gd name="T37" fmla="*/ 1 h 15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w 21"/>
                  <a:gd name="T58" fmla="*/ 0 h 15"/>
                  <a:gd name="T59" fmla="*/ 21 w 21"/>
                  <a:gd name="T60" fmla="*/ 15 h 15"/>
                </a:gdLst>
                <a:ahLst/>
                <a:cxnLst>
                  <a:cxn ang="T38">
                    <a:pos x="T0" y="T1"/>
                  </a:cxn>
                  <a:cxn ang="T39">
                    <a:pos x="T2" y="T3"/>
                  </a:cxn>
                  <a:cxn ang="T40">
                    <a:pos x="T4" y="T5"/>
                  </a:cxn>
                  <a:cxn ang="T41">
                    <a:pos x="T6" y="T7"/>
                  </a:cxn>
                  <a:cxn ang="T42">
                    <a:pos x="T8" y="T9"/>
                  </a:cxn>
                  <a:cxn ang="T43">
                    <a:pos x="T10" y="T11"/>
                  </a:cxn>
                  <a:cxn ang="T44">
                    <a:pos x="T12" y="T13"/>
                  </a:cxn>
                  <a:cxn ang="T45">
                    <a:pos x="T14" y="T15"/>
                  </a:cxn>
                  <a:cxn ang="T46">
                    <a:pos x="T16" y="T17"/>
                  </a:cxn>
                  <a:cxn ang="T47">
                    <a:pos x="T18" y="T19"/>
                  </a:cxn>
                  <a:cxn ang="T48">
                    <a:pos x="T20" y="T21"/>
                  </a:cxn>
                  <a:cxn ang="T49">
                    <a:pos x="T22" y="T23"/>
                  </a:cxn>
                  <a:cxn ang="T50">
                    <a:pos x="T24" y="T25"/>
                  </a:cxn>
                  <a:cxn ang="T51">
                    <a:pos x="T26" y="T27"/>
                  </a:cxn>
                  <a:cxn ang="T52">
                    <a:pos x="T28" y="T29"/>
                  </a:cxn>
                  <a:cxn ang="T53">
                    <a:pos x="T30" y="T31"/>
                  </a:cxn>
                  <a:cxn ang="T54">
                    <a:pos x="T32" y="T33"/>
                  </a:cxn>
                  <a:cxn ang="T55">
                    <a:pos x="T34" y="T35"/>
                  </a:cxn>
                  <a:cxn ang="T56">
                    <a:pos x="T36" y="T37"/>
                  </a:cxn>
                </a:cxnLst>
                <a:rect l="T57" t="T58" r="T59" b="T60"/>
                <a:pathLst>
                  <a:path w="21" h="15">
                    <a:moveTo>
                      <a:pt x="2" y="1"/>
                    </a:moveTo>
                    <a:lnTo>
                      <a:pt x="19" y="0"/>
                    </a:lnTo>
                    <a:lnTo>
                      <a:pt x="19" y="1"/>
                    </a:lnTo>
                    <a:lnTo>
                      <a:pt x="19" y="3"/>
                    </a:lnTo>
                    <a:lnTo>
                      <a:pt x="21" y="5"/>
                    </a:lnTo>
                    <a:lnTo>
                      <a:pt x="21" y="8"/>
                    </a:lnTo>
                    <a:lnTo>
                      <a:pt x="21" y="10"/>
                    </a:lnTo>
                    <a:lnTo>
                      <a:pt x="21" y="13"/>
                    </a:lnTo>
                    <a:lnTo>
                      <a:pt x="17" y="15"/>
                    </a:lnTo>
                    <a:lnTo>
                      <a:pt x="12" y="15"/>
                    </a:lnTo>
                    <a:lnTo>
                      <a:pt x="11" y="13"/>
                    </a:lnTo>
                    <a:lnTo>
                      <a:pt x="7" y="11"/>
                    </a:lnTo>
                    <a:lnTo>
                      <a:pt x="6" y="10"/>
                    </a:lnTo>
                    <a:lnTo>
                      <a:pt x="4" y="8"/>
                    </a:lnTo>
                    <a:lnTo>
                      <a:pt x="2" y="6"/>
                    </a:lnTo>
                    <a:lnTo>
                      <a:pt x="0" y="6"/>
                    </a:lnTo>
                    <a:lnTo>
                      <a:pt x="2" y="1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33" name="Freeform 110"/>
              <p:cNvSpPr>
                <a:spLocks/>
              </p:cNvSpPr>
              <p:nvPr/>
            </p:nvSpPr>
            <p:spPr bwMode="auto">
              <a:xfrm>
                <a:off x="650" y="3331"/>
                <a:ext cx="21" cy="15"/>
              </a:xfrm>
              <a:custGeom>
                <a:avLst/>
                <a:gdLst>
                  <a:gd name="T0" fmla="*/ 2 w 21"/>
                  <a:gd name="T1" fmla="*/ 1 h 15"/>
                  <a:gd name="T2" fmla="*/ 19 w 21"/>
                  <a:gd name="T3" fmla="*/ 0 h 15"/>
                  <a:gd name="T4" fmla="*/ 19 w 21"/>
                  <a:gd name="T5" fmla="*/ 0 h 15"/>
                  <a:gd name="T6" fmla="*/ 19 w 21"/>
                  <a:gd name="T7" fmla="*/ 1 h 15"/>
                  <a:gd name="T8" fmla="*/ 19 w 21"/>
                  <a:gd name="T9" fmla="*/ 3 h 15"/>
                  <a:gd name="T10" fmla="*/ 21 w 21"/>
                  <a:gd name="T11" fmla="*/ 5 h 15"/>
                  <a:gd name="T12" fmla="*/ 21 w 21"/>
                  <a:gd name="T13" fmla="*/ 8 h 15"/>
                  <a:gd name="T14" fmla="*/ 21 w 21"/>
                  <a:gd name="T15" fmla="*/ 10 h 15"/>
                  <a:gd name="T16" fmla="*/ 21 w 21"/>
                  <a:gd name="T17" fmla="*/ 13 h 15"/>
                  <a:gd name="T18" fmla="*/ 17 w 21"/>
                  <a:gd name="T19" fmla="*/ 15 h 15"/>
                  <a:gd name="T20" fmla="*/ 12 w 21"/>
                  <a:gd name="T21" fmla="*/ 15 h 15"/>
                  <a:gd name="T22" fmla="*/ 12 w 21"/>
                  <a:gd name="T23" fmla="*/ 15 h 15"/>
                  <a:gd name="T24" fmla="*/ 12 w 21"/>
                  <a:gd name="T25" fmla="*/ 15 h 15"/>
                  <a:gd name="T26" fmla="*/ 11 w 21"/>
                  <a:gd name="T27" fmla="*/ 13 h 15"/>
                  <a:gd name="T28" fmla="*/ 7 w 21"/>
                  <a:gd name="T29" fmla="*/ 11 h 15"/>
                  <a:gd name="T30" fmla="*/ 6 w 21"/>
                  <a:gd name="T31" fmla="*/ 10 h 15"/>
                  <a:gd name="T32" fmla="*/ 4 w 21"/>
                  <a:gd name="T33" fmla="*/ 8 h 15"/>
                  <a:gd name="T34" fmla="*/ 2 w 21"/>
                  <a:gd name="T35" fmla="*/ 6 h 15"/>
                  <a:gd name="T36" fmla="*/ 0 w 21"/>
                  <a:gd name="T37" fmla="*/ 6 h 15"/>
                  <a:gd name="T38" fmla="*/ 0 w 21"/>
                  <a:gd name="T39" fmla="*/ 6 h 15"/>
                  <a:gd name="T40" fmla="*/ 2 w 21"/>
                  <a:gd name="T41" fmla="*/ 1 h 15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21"/>
                  <a:gd name="T64" fmla="*/ 0 h 15"/>
                  <a:gd name="T65" fmla="*/ 21 w 21"/>
                  <a:gd name="T66" fmla="*/ 15 h 15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21" h="15">
                    <a:moveTo>
                      <a:pt x="2" y="1"/>
                    </a:moveTo>
                    <a:lnTo>
                      <a:pt x="19" y="0"/>
                    </a:lnTo>
                    <a:lnTo>
                      <a:pt x="19" y="1"/>
                    </a:lnTo>
                    <a:lnTo>
                      <a:pt x="19" y="3"/>
                    </a:lnTo>
                    <a:lnTo>
                      <a:pt x="21" y="5"/>
                    </a:lnTo>
                    <a:lnTo>
                      <a:pt x="21" y="8"/>
                    </a:lnTo>
                    <a:lnTo>
                      <a:pt x="21" y="10"/>
                    </a:lnTo>
                    <a:lnTo>
                      <a:pt x="21" y="13"/>
                    </a:lnTo>
                    <a:lnTo>
                      <a:pt x="17" y="15"/>
                    </a:lnTo>
                    <a:lnTo>
                      <a:pt x="12" y="15"/>
                    </a:lnTo>
                    <a:lnTo>
                      <a:pt x="11" y="13"/>
                    </a:lnTo>
                    <a:lnTo>
                      <a:pt x="7" y="11"/>
                    </a:lnTo>
                    <a:lnTo>
                      <a:pt x="6" y="10"/>
                    </a:lnTo>
                    <a:lnTo>
                      <a:pt x="4" y="8"/>
                    </a:lnTo>
                    <a:lnTo>
                      <a:pt x="2" y="6"/>
                    </a:lnTo>
                    <a:lnTo>
                      <a:pt x="0" y="6"/>
                    </a:lnTo>
                    <a:lnTo>
                      <a:pt x="2" y="1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34" name="Freeform 111"/>
              <p:cNvSpPr>
                <a:spLocks/>
              </p:cNvSpPr>
              <p:nvPr/>
            </p:nvSpPr>
            <p:spPr bwMode="auto">
              <a:xfrm>
                <a:off x="495" y="3530"/>
                <a:ext cx="18" cy="9"/>
              </a:xfrm>
              <a:custGeom>
                <a:avLst/>
                <a:gdLst>
                  <a:gd name="T0" fmla="*/ 12 w 18"/>
                  <a:gd name="T1" fmla="*/ 2 h 9"/>
                  <a:gd name="T2" fmla="*/ 0 w 18"/>
                  <a:gd name="T3" fmla="*/ 5 h 9"/>
                  <a:gd name="T4" fmla="*/ 13 w 18"/>
                  <a:gd name="T5" fmla="*/ 9 h 9"/>
                  <a:gd name="T6" fmla="*/ 18 w 18"/>
                  <a:gd name="T7" fmla="*/ 0 h 9"/>
                  <a:gd name="T8" fmla="*/ 12 w 18"/>
                  <a:gd name="T9" fmla="*/ 2 h 9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18"/>
                  <a:gd name="T16" fmla="*/ 0 h 9"/>
                  <a:gd name="T17" fmla="*/ 18 w 18"/>
                  <a:gd name="T18" fmla="*/ 9 h 9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18" h="9">
                    <a:moveTo>
                      <a:pt x="12" y="2"/>
                    </a:moveTo>
                    <a:lnTo>
                      <a:pt x="0" y="5"/>
                    </a:lnTo>
                    <a:lnTo>
                      <a:pt x="13" y="9"/>
                    </a:lnTo>
                    <a:lnTo>
                      <a:pt x="18" y="0"/>
                    </a:lnTo>
                    <a:lnTo>
                      <a:pt x="12" y="2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35" name="Freeform 112"/>
              <p:cNvSpPr>
                <a:spLocks/>
              </p:cNvSpPr>
              <p:nvPr/>
            </p:nvSpPr>
            <p:spPr bwMode="auto">
              <a:xfrm>
                <a:off x="495" y="3530"/>
                <a:ext cx="18" cy="9"/>
              </a:xfrm>
              <a:custGeom>
                <a:avLst/>
                <a:gdLst>
                  <a:gd name="T0" fmla="*/ 12 w 18"/>
                  <a:gd name="T1" fmla="*/ 2 h 9"/>
                  <a:gd name="T2" fmla="*/ 0 w 18"/>
                  <a:gd name="T3" fmla="*/ 5 h 9"/>
                  <a:gd name="T4" fmla="*/ 13 w 18"/>
                  <a:gd name="T5" fmla="*/ 9 h 9"/>
                  <a:gd name="T6" fmla="*/ 18 w 18"/>
                  <a:gd name="T7" fmla="*/ 0 h 9"/>
                  <a:gd name="T8" fmla="*/ 12 w 18"/>
                  <a:gd name="T9" fmla="*/ 2 h 9"/>
                  <a:gd name="T10" fmla="*/ 0 60000 65536"/>
                  <a:gd name="T11" fmla="*/ 0 60000 65536"/>
                  <a:gd name="T12" fmla="*/ 0 60000 65536"/>
                  <a:gd name="T13" fmla="*/ 0 60000 65536"/>
                  <a:gd name="T14" fmla="*/ 0 60000 65536"/>
                  <a:gd name="T15" fmla="*/ 0 w 18"/>
                  <a:gd name="T16" fmla="*/ 0 h 9"/>
                  <a:gd name="T17" fmla="*/ 18 w 18"/>
                  <a:gd name="T18" fmla="*/ 9 h 9"/>
                </a:gdLst>
                <a:ahLst/>
                <a:cxnLst>
                  <a:cxn ang="T10">
                    <a:pos x="T0" y="T1"/>
                  </a:cxn>
                  <a:cxn ang="T11">
                    <a:pos x="T2" y="T3"/>
                  </a:cxn>
                  <a:cxn ang="T12">
                    <a:pos x="T4" y="T5"/>
                  </a:cxn>
                  <a:cxn ang="T13">
                    <a:pos x="T6" y="T7"/>
                  </a:cxn>
                  <a:cxn ang="T14">
                    <a:pos x="T8" y="T9"/>
                  </a:cxn>
                </a:cxnLst>
                <a:rect l="T15" t="T16" r="T17" b="T18"/>
                <a:pathLst>
                  <a:path w="18" h="9">
                    <a:moveTo>
                      <a:pt x="12" y="2"/>
                    </a:moveTo>
                    <a:lnTo>
                      <a:pt x="0" y="5"/>
                    </a:lnTo>
                    <a:lnTo>
                      <a:pt x="13" y="9"/>
                    </a:lnTo>
                    <a:lnTo>
                      <a:pt x="18" y="0"/>
                    </a:lnTo>
                    <a:lnTo>
                      <a:pt x="12" y="2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36" name="Freeform 113"/>
              <p:cNvSpPr>
                <a:spLocks/>
              </p:cNvSpPr>
              <p:nvPr/>
            </p:nvSpPr>
            <p:spPr bwMode="auto">
              <a:xfrm>
                <a:off x="606" y="3229"/>
                <a:ext cx="34" cy="25"/>
              </a:xfrm>
              <a:custGeom>
                <a:avLst/>
                <a:gdLst>
                  <a:gd name="T0" fmla="*/ 4 w 34"/>
                  <a:gd name="T1" fmla="*/ 0 h 25"/>
                  <a:gd name="T2" fmla="*/ 4 w 34"/>
                  <a:gd name="T3" fmla="*/ 0 h 25"/>
                  <a:gd name="T4" fmla="*/ 4 w 34"/>
                  <a:gd name="T5" fmla="*/ 2 h 25"/>
                  <a:gd name="T6" fmla="*/ 6 w 34"/>
                  <a:gd name="T7" fmla="*/ 3 h 25"/>
                  <a:gd name="T8" fmla="*/ 9 w 34"/>
                  <a:gd name="T9" fmla="*/ 5 h 25"/>
                  <a:gd name="T10" fmla="*/ 11 w 34"/>
                  <a:gd name="T11" fmla="*/ 7 h 25"/>
                  <a:gd name="T12" fmla="*/ 14 w 34"/>
                  <a:gd name="T13" fmla="*/ 7 h 25"/>
                  <a:gd name="T14" fmla="*/ 17 w 34"/>
                  <a:gd name="T15" fmla="*/ 5 h 25"/>
                  <a:gd name="T16" fmla="*/ 21 w 34"/>
                  <a:gd name="T17" fmla="*/ 3 h 25"/>
                  <a:gd name="T18" fmla="*/ 21 w 34"/>
                  <a:gd name="T19" fmla="*/ 3 h 25"/>
                  <a:gd name="T20" fmla="*/ 21 w 34"/>
                  <a:gd name="T21" fmla="*/ 5 h 25"/>
                  <a:gd name="T22" fmla="*/ 22 w 34"/>
                  <a:gd name="T23" fmla="*/ 7 h 25"/>
                  <a:gd name="T24" fmla="*/ 22 w 34"/>
                  <a:gd name="T25" fmla="*/ 10 h 25"/>
                  <a:gd name="T26" fmla="*/ 26 w 34"/>
                  <a:gd name="T27" fmla="*/ 14 h 25"/>
                  <a:gd name="T28" fmla="*/ 28 w 34"/>
                  <a:gd name="T29" fmla="*/ 15 h 25"/>
                  <a:gd name="T30" fmla="*/ 31 w 34"/>
                  <a:gd name="T31" fmla="*/ 17 h 25"/>
                  <a:gd name="T32" fmla="*/ 34 w 34"/>
                  <a:gd name="T33" fmla="*/ 17 h 25"/>
                  <a:gd name="T34" fmla="*/ 34 w 34"/>
                  <a:gd name="T35" fmla="*/ 19 h 25"/>
                  <a:gd name="T36" fmla="*/ 33 w 34"/>
                  <a:gd name="T37" fmla="*/ 19 h 25"/>
                  <a:gd name="T38" fmla="*/ 31 w 34"/>
                  <a:gd name="T39" fmla="*/ 20 h 25"/>
                  <a:gd name="T40" fmla="*/ 28 w 34"/>
                  <a:gd name="T41" fmla="*/ 22 h 25"/>
                  <a:gd name="T42" fmla="*/ 26 w 34"/>
                  <a:gd name="T43" fmla="*/ 24 h 25"/>
                  <a:gd name="T44" fmla="*/ 24 w 34"/>
                  <a:gd name="T45" fmla="*/ 25 h 25"/>
                  <a:gd name="T46" fmla="*/ 22 w 34"/>
                  <a:gd name="T47" fmla="*/ 25 h 25"/>
                  <a:gd name="T48" fmla="*/ 22 w 34"/>
                  <a:gd name="T49" fmla="*/ 25 h 25"/>
                  <a:gd name="T50" fmla="*/ 22 w 34"/>
                  <a:gd name="T51" fmla="*/ 25 h 25"/>
                  <a:gd name="T52" fmla="*/ 22 w 34"/>
                  <a:gd name="T53" fmla="*/ 24 h 25"/>
                  <a:gd name="T54" fmla="*/ 21 w 34"/>
                  <a:gd name="T55" fmla="*/ 20 h 25"/>
                  <a:gd name="T56" fmla="*/ 19 w 34"/>
                  <a:gd name="T57" fmla="*/ 19 h 25"/>
                  <a:gd name="T58" fmla="*/ 17 w 34"/>
                  <a:gd name="T59" fmla="*/ 15 h 25"/>
                  <a:gd name="T60" fmla="*/ 12 w 34"/>
                  <a:gd name="T61" fmla="*/ 14 h 25"/>
                  <a:gd name="T62" fmla="*/ 7 w 34"/>
                  <a:gd name="T63" fmla="*/ 10 h 25"/>
                  <a:gd name="T64" fmla="*/ 0 w 34"/>
                  <a:gd name="T65" fmla="*/ 10 h 25"/>
                  <a:gd name="T66" fmla="*/ 0 w 34"/>
                  <a:gd name="T67" fmla="*/ 9 h 25"/>
                  <a:gd name="T68" fmla="*/ 0 w 34"/>
                  <a:gd name="T69" fmla="*/ 5 h 25"/>
                  <a:gd name="T70" fmla="*/ 2 w 34"/>
                  <a:gd name="T71" fmla="*/ 2 h 25"/>
                  <a:gd name="T72" fmla="*/ 4 w 34"/>
                  <a:gd name="T73" fmla="*/ 0 h 25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w 34"/>
                  <a:gd name="T112" fmla="*/ 0 h 25"/>
                  <a:gd name="T113" fmla="*/ 34 w 34"/>
                  <a:gd name="T114" fmla="*/ 25 h 25"/>
                </a:gdLst>
                <a:ahLst/>
                <a:cxnLst>
                  <a:cxn ang="T74">
                    <a:pos x="T0" y="T1"/>
                  </a:cxn>
                  <a:cxn ang="T75">
                    <a:pos x="T2" y="T3"/>
                  </a:cxn>
                  <a:cxn ang="T76">
                    <a:pos x="T4" y="T5"/>
                  </a:cxn>
                  <a:cxn ang="T77">
                    <a:pos x="T6" y="T7"/>
                  </a:cxn>
                  <a:cxn ang="T78">
                    <a:pos x="T8" y="T9"/>
                  </a:cxn>
                  <a:cxn ang="T79">
                    <a:pos x="T10" y="T11"/>
                  </a:cxn>
                  <a:cxn ang="T80">
                    <a:pos x="T12" y="T13"/>
                  </a:cxn>
                  <a:cxn ang="T81">
                    <a:pos x="T14" y="T15"/>
                  </a:cxn>
                  <a:cxn ang="T82">
                    <a:pos x="T16" y="T17"/>
                  </a:cxn>
                  <a:cxn ang="T83">
                    <a:pos x="T18" y="T19"/>
                  </a:cxn>
                  <a:cxn ang="T84">
                    <a:pos x="T20" y="T21"/>
                  </a:cxn>
                  <a:cxn ang="T85">
                    <a:pos x="T22" y="T23"/>
                  </a:cxn>
                  <a:cxn ang="T86">
                    <a:pos x="T24" y="T25"/>
                  </a:cxn>
                  <a:cxn ang="T87">
                    <a:pos x="T26" y="T27"/>
                  </a:cxn>
                  <a:cxn ang="T88">
                    <a:pos x="T28" y="T29"/>
                  </a:cxn>
                  <a:cxn ang="T89">
                    <a:pos x="T30" y="T31"/>
                  </a:cxn>
                  <a:cxn ang="T90">
                    <a:pos x="T32" y="T33"/>
                  </a:cxn>
                  <a:cxn ang="T91">
                    <a:pos x="T34" y="T35"/>
                  </a:cxn>
                  <a:cxn ang="T92">
                    <a:pos x="T36" y="T37"/>
                  </a:cxn>
                  <a:cxn ang="T93">
                    <a:pos x="T38" y="T39"/>
                  </a:cxn>
                  <a:cxn ang="T94">
                    <a:pos x="T40" y="T41"/>
                  </a:cxn>
                  <a:cxn ang="T95">
                    <a:pos x="T42" y="T43"/>
                  </a:cxn>
                  <a:cxn ang="T96">
                    <a:pos x="T44" y="T45"/>
                  </a:cxn>
                  <a:cxn ang="T97">
                    <a:pos x="T46" y="T47"/>
                  </a:cxn>
                  <a:cxn ang="T98">
                    <a:pos x="T48" y="T49"/>
                  </a:cxn>
                  <a:cxn ang="T99">
                    <a:pos x="T50" y="T51"/>
                  </a:cxn>
                  <a:cxn ang="T100">
                    <a:pos x="T52" y="T53"/>
                  </a:cxn>
                  <a:cxn ang="T101">
                    <a:pos x="T54" y="T55"/>
                  </a:cxn>
                  <a:cxn ang="T102">
                    <a:pos x="T56" y="T57"/>
                  </a:cxn>
                  <a:cxn ang="T103">
                    <a:pos x="T58" y="T59"/>
                  </a:cxn>
                  <a:cxn ang="T104">
                    <a:pos x="T60" y="T61"/>
                  </a:cxn>
                  <a:cxn ang="T105">
                    <a:pos x="T62" y="T63"/>
                  </a:cxn>
                  <a:cxn ang="T106">
                    <a:pos x="T64" y="T65"/>
                  </a:cxn>
                  <a:cxn ang="T107">
                    <a:pos x="T66" y="T67"/>
                  </a:cxn>
                  <a:cxn ang="T108">
                    <a:pos x="T68" y="T69"/>
                  </a:cxn>
                  <a:cxn ang="T109">
                    <a:pos x="T70" y="T71"/>
                  </a:cxn>
                  <a:cxn ang="T110">
                    <a:pos x="T72" y="T73"/>
                  </a:cxn>
                </a:cxnLst>
                <a:rect l="T111" t="T112" r="T113" b="T114"/>
                <a:pathLst>
                  <a:path w="34" h="25">
                    <a:moveTo>
                      <a:pt x="4" y="0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6" y="3"/>
                    </a:lnTo>
                    <a:lnTo>
                      <a:pt x="9" y="5"/>
                    </a:lnTo>
                    <a:lnTo>
                      <a:pt x="11" y="7"/>
                    </a:lnTo>
                    <a:lnTo>
                      <a:pt x="14" y="7"/>
                    </a:lnTo>
                    <a:lnTo>
                      <a:pt x="17" y="5"/>
                    </a:lnTo>
                    <a:lnTo>
                      <a:pt x="21" y="3"/>
                    </a:lnTo>
                    <a:lnTo>
                      <a:pt x="21" y="5"/>
                    </a:lnTo>
                    <a:lnTo>
                      <a:pt x="22" y="7"/>
                    </a:lnTo>
                    <a:lnTo>
                      <a:pt x="22" y="10"/>
                    </a:lnTo>
                    <a:lnTo>
                      <a:pt x="26" y="14"/>
                    </a:lnTo>
                    <a:lnTo>
                      <a:pt x="28" y="15"/>
                    </a:lnTo>
                    <a:lnTo>
                      <a:pt x="31" y="17"/>
                    </a:lnTo>
                    <a:lnTo>
                      <a:pt x="34" y="17"/>
                    </a:lnTo>
                    <a:lnTo>
                      <a:pt x="34" y="19"/>
                    </a:lnTo>
                    <a:lnTo>
                      <a:pt x="33" y="19"/>
                    </a:lnTo>
                    <a:lnTo>
                      <a:pt x="31" y="20"/>
                    </a:lnTo>
                    <a:lnTo>
                      <a:pt x="28" y="22"/>
                    </a:lnTo>
                    <a:lnTo>
                      <a:pt x="26" y="24"/>
                    </a:lnTo>
                    <a:lnTo>
                      <a:pt x="24" y="25"/>
                    </a:lnTo>
                    <a:lnTo>
                      <a:pt x="22" y="25"/>
                    </a:lnTo>
                    <a:lnTo>
                      <a:pt x="22" y="24"/>
                    </a:lnTo>
                    <a:lnTo>
                      <a:pt x="21" y="20"/>
                    </a:lnTo>
                    <a:lnTo>
                      <a:pt x="19" y="19"/>
                    </a:lnTo>
                    <a:lnTo>
                      <a:pt x="17" y="15"/>
                    </a:lnTo>
                    <a:lnTo>
                      <a:pt x="12" y="14"/>
                    </a:lnTo>
                    <a:lnTo>
                      <a:pt x="7" y="10"/>
                    </a:lnTo>
                    <a:lnTo>
                      <a:pt x="0" y="10"/>
                    </a:lnTo>
                    <a:lnTo>
                      <a:pt x="0" y="9"/>
                    </a:lnTo>
                    <a:lnTo>
                      <a:pt x="0" y="5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rgbClr val="C0C0C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237" name="Freeform 114"/>
              <p:cNvSpPr>
                <a:spLocks/>
              </p:cNvSpPr>
              <p:nvPr/>
            </p:nvSpPr>
            <p:spPr bwMode="auto">
              <a:xfrm>
                <a:off x="606" y="3229"/>
                <a:ext cx="34" cy="25"/>
              </a:xfrm>
              <a:custGeom>
                <a:avLst/>
                <a:gdLst>
                  <a:gd name="T0" fmla="*/ 4 w 34"/>
                  <a:gd name="T1" fmla="*/ 0 h 25"/>
                  <a:gd name="T2" fmla="*/ 4 w 34"/>
                  <a:gd name="T3" fmla="*/ 0 h 25"/>
                  <a:gd name="T4" fmla="*/ 4 w 34"/>
                  <a:gd name="T5" fmla="*/ 0 h 25"/>
                  <a:gd name="T6" fmla="*/ 4 w 34"/>
                  <a:gd name="T7" fmla="*/ 2 h 25"/>
                  <a:gd name="T8" fmla="*/ 6 w 34"/>
                  <a:gd name="T9" fmla="*/ 3 h 25"/>
                  <a:gd name="T10" fmla="*/ 9 w 34"/>
                  <a:gd name="T11" fmla="*/ 5 h 25"/>
                  <a:gd name="T12" fmla="*/ 11 w 34"/>
                  <a:gd name="T13" fmla="*/ 7 h 25"/>
                  <a:gd name="T14" fmla="*/ 14 w 34"/>
                  <a:gd name="T15" fmla="*/ 7 h 25"/>
                  <a:gd name="T16" fmla="*/ 17 w 34"/>
                  <a:gd name="T17" fmla="*/ 5 h 25"/>
                  <a:gd name="T18" fmla="*/ 21 w 34"/>
                  <a:gd name="T19" fmla="*/ 3 h 25"/>
                  <a:gd name="T20" fmla="*/ 21 w 34"/>
                  <a:gd name="T21" fmla="*/ 3 h 25"/>
                  <a:gd name="T22" fmla="*/ 21 w 34"/>
                  <a:gd name="T23" fmla="*/ 3 h 25"/>
                  <a:gd name="T24" fmla="*/ 21 w 34"/>
                  <a:gd name="T25" fmla="*/ 5 h 25"/>
                  <a:gd name="T26" fmla="*/ 22 w 34"/>
                  <a:gd name="T27" fmla="*/ 7 h 25"/>
                  <a:gd name="T28" fmla="*/ 22 w 34"/>
                  <a:gd name="T29" fmla="*/ 10 h 25"/>
                  <a:gd name="T30" fmla="*/ 26 w 34"/>
                  <a:gd name="T31" fmla="*/ 14 h 25"/>
                  <a:gd name="T32" fmla="*/ 28 w 34"/>
                  <a:gd name="T33" fmla="*/ 15 h 25"/>
                  <a:gd name="T34" fmla="*/ 31 w 34"/>
                  <a:gd name="T35" fmla="*/ 17 h 25"/>
                  <a:gd name="T36" fmla="*/ 34 w 34"/>
                  <a:gd name="T37" fmla="*/ 17 h 25"/>
                  <a:gd name="T38" fmla="*/ 34 w 34"/>
                  <a:gd name="T39" fmla="*/ 17 h 25"/>
                  <a:gd name="T40" fmla="*/ 34 w 34"/>
                  <a:gd name="T41" fmla="*/ 19 h 25"/>
                  <a:gd name="T42" fmla="*/ 33 w 34"/>
                  <a:gd name="T43" fmla="*/ 19 h 25"/>
                  <a:gd name="T44" fmla="*/ 31 w 34"/>
                  <a:gd name="T45" fmla="*/ 20 h 25"/>
                  <a:gd name="T46" fmla="*/ 28 w 34"/>
                  <a:gd name="T47" fmla="*/ 22 h 25"/>
                  <a:gd name="T48" fmla="*/ 26 w 34"/>
                  <a:gd name="T49" fmla="*/ 24 h 25"/>
                  <a:gd name="T50" fmla="*/ 24 w 34"/>
                  <a:gd name="T51" fmla="*/ 25 h 25"/>
                  <a:gd name="T52" fmla="*/ 22 w 34"/>
                  <a:gd name="T53" fmla="*/ 25 h 25"/>
                  <a:gd name="T54" fmla="*/ 22 w 34"/>
                  <a:gd name="T55" fmla="*/ 25 h 25"/>
                  <a:gd name="T56" fmla="*/ 22 w 34"/>
                  <a:gd name="T57" fmla="*/ 25 h 25"/>
                  <a:gd name="T58" fmla="*/ 22 w 34"/>
                  <a:gd name="T59" fmla="*/ 25 h 25"/>
                  <a:gd name="T60" fmla="*/ 22 w 34"/>
                  <a:gd name="T61" fmla="*/ 24 h 25"/>
                  <a:gd name="T62" fmla="*/ 21 w 34"/>
                  <a:gd name="T63" fmla="*/ 20 h 25"/>
                  <a:gd name="T64" fmla="*/ 19 w 34"/>
                  <a:gd name="T65" fmla="*/ 19 h 25"/>
                  <a:gd name="T66" fmla="*/ 17 w 34"/>
                  <a:gd name="T67" fmla="*/ 15 h 25"/>
                  <a:gd name="T68" fmla="*/ 12 w 34"/>
                  <a:gd name="T69" fmla="*/ 14 h 25"/>
                  <a:gd name="T70" fmla="*/ 7 w 34"/>
                  <a:gd name="T71" fmla="*/ 10 h 25"/>
                  <a:gd name="T72" fmla="*/ 0 w 34"/>
                  <a:gd name="T73" fmla="*/ 10 h 25"/>
                  <a:gd name="T74" fmla="*/ 0 w 34"/>
                  <a:gd name="T75" fmla="*/ 10 h 25"/>
                  <a:gd name="T76" fmla="*/ 0 w 34"/>
                  <a:gd name="T77" fmla="*/ 9 h 25"/>
                  <a:gd name="T78" fmla="*/ 0 w 34"/>
                  <a:gd name="T79" fmla="*/ 5 h 25"/>
                  <a:gd name="T80" fmla="*/ 2 w 34"/>
                  <a:gd name="T81" fmla="*/ 2 h 25"/>
                  <a:gd name="T82" fmla="*/ 4 w 34"/>
                  <a:gd name="T83" fmla="*/ 0 h 25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w 34"/>
                  <a:gd name="T127" fmla="*/ 0 h 25"/>
                  <a:gd name="T128" fmla="*/ 34 w 34"/>
                  <a:gd name="T129" fmla="*/ 25 h 25"/>
                </a:gdLst>
                <a:ahLst/>
                <a:cxnLst>
                  <a:cxn ang="T84">
                    <a:pos x="T0" y="T1"/>
                  </a:cxn>
                  <a:cxn ang="T85">
                    <a:pos x="T2" y="T3"/>
                  </a:cxn>
                  <a:cxn ang="T86">
                    <a:pos x="T4" y="T5"/>
                  </a:cxn>
                  <a:cxn ang="T87">
                    <a:pos x="T6" y="T7"/>
                  </a:cxn>
                  <a:cxn ang="T88">
                    <a:pos x="T8" y="T9"/>
                  </a:cxn>
                  <a:cxn ang="T89">
                    <a:pos x="T10" y="T11"/>
                  </a:cxn>
                  <a:cxn ang="T90">
                    <a:pos x="T12" y="T13"/>
                  </a:cxn>
                  <a:cxn ang="T91">
                    <a:pos x="T14" y="T15"/>
                  </a:cxn>
                  <a:cxn ang="T92">
                    <a:pos x="T16" y="T17"/>
                  </a:cxn>
                  <a:cxn ang="T93">
                    <a:pos x="T18" y="T19"/>
                  </a:cxn>
                  <a:cxn ang="T94">
                    <a:pos x="T20" y="T21"/>
                  </a:cxn>
                  <a:cxn ang="T95">
                    <a:pos x="T22" y="T23"/>
                  </a:cxn>
                  <a:cxn ang="T96">
                    <a:pos x="T24" y="T25"/>
                  </a:cxn>
                  <a:cxn ang="T97">
                    <a:pos x="T26" y="T27"/>
                  </a:cxn>
                  <a:cxn ang="T98">
                    <a:pos x="T28" y="T29"/>
                  </a:cxn>
                  <a:cxn ang="T99">
                    <a:pos x="T30" y="T31"/>
                  </a:cxn>
                  <a:cxn ang="T100">
                    <a:pos x="T32" y="T33"/>
                  </a:cxn>
                  <a:cxn ang="T101">
                    <a:pos x="T34" y="T35"/>
                  </a:cxn>
                  <a:cxn ang="T102">
                    <a:pos x="T36" y="T37"/>
                  </a:cxn>
                  <a:cxn ang="T103">
                    <a:pos x="T38" y="T39"/>
                  </a:cxn>
                  <a:cxn ang="T104">
                    <a:pos x="T40" y="T41"/>
                  </a:cxn>
                  <a:cxn ang="T105">
                    <a:pos x="T42" y="T43"/>
                  </a:cxn>
                  <a:cxn ang="T106">
                    <a:pos x="T44" y="T45"/>
                  </a:cxn>
                  <a:cxn ang="T107">
                    <a:pos x="T46" y="T47"/>
                  </a:cxn>
                  <a:cxn ang="T108">
                    <a:pos x="T48" y="T49"/>
                  </a:cxn>
                  <a:cxn ang="T109">
                    <a:pos x="T50" y="T51"/>
                  </a:cxn>
                  <a:cxn ang="T110">
                    <a:pos x="T52" y="T53"/>
                  </a:cxn>
                  <a:cxn ang="T111">
                    <a:pos x="T54" y="T55"/>
                  </a:cxn>
                  <a:cxn ang="T112">
                    <a:pos x="T56" y="T57"/>
                  </a:cxn>
                  <a:cxn ang="T113">
                    <a:pos x="T58" y="T59"/>
                  </a:cxn>
                  <a:cxn ang="T114">
                    <a:pos x="T60" y="T61"/>
                  </a:cxn>
                  <a:cxn ang="T115">
                    <a:pos x="T62" y="T63"/>
                  </a:cxn>
                  <a:cxn ang="T116">
                    <a:pos x="T64" y="T65"/>
                  </a:cxn>
                  <a:cxn ang="T117">
                    <a:pos x="T66" y="T67"/>
                  </a:cxn>
                  <a:cxn ang="T118">
                    <a:pos x="T68" y="T69"/>
                  </a:cxn>
                  <a:cxn ang="T119">
                    <a:pos x="T70" y="T71"/>
                  </a:cxn>
                  <a:cxn ang="T120">
                    <a:pos x="T72" y="T73"/>
                  </a:cxn>
                  <a:cxn ang="T121">
                    <a:pos x="T74" y="T75"/>
                  </a:cxn>
                  <a:cxn ang="T122">
                    <a:pos x="T76" y="T77"/>
                  </a:cxn>
                  <a:cxn ang="T123">
                    <a:pos x="T78" y="T79"/>
                  </a:cxn>
                  <a:cxn ang="T124">
                    <a:pos x="T80" y="T81"/>
                  </a:cxn>
                  <a:cxn ang="T125">
                    <a:pos x="T82" y="T83"/>
                  </a:cxn>
                </a:cxnLst>
                <a:rect l="T126" t="T127" r="T128" b="T129"/>
                <a:pathLst>
                  <a:path w="34" h="25">
                    <a:moveTo>
                      <a:pt x="4" y="0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6" y="3"/>
                    </a:lnTo>
                    <a:lnTo>
                      <a:pt x="9" y="5"/>
                    </a:lnTo>
                    <a:lnTo>
                      <a:pt x="11" y="7"/>
                    </a:lnTo>
                    <a:lnTo>
                      <a:pt x="14" y="7"/>
                    </a:lnTo>
                    <a:lnTo>
                      <a:pt x="17" y="5"/>
                    </a:lnTo>
                    <a:lnTo>
                      <a:pt x="21" y="3"/>
                    </a:lnTo>
                    <a:lnTo>
                      <a:pt x="21" y="5"/>
                    </a:lnTo>
                    <a:lnTo>
                      <a:pt x="22" y="7"/>
                    </a:lnTo>
                    <a:lnTo>
                      <a:pt x="22" y="10"/>
                    </a:lnTo>
                    <a:lnTo>
                      <a:pt x="26" y="14"/>
                    </a:lnTo>
                    <a:lnTo>
                      <a:pt x="28" y="15"/>
                    </a:lnTo>
                    <a:lnTo>
                      <a:pt x="31" y="17"/>
                    </a:lnTo>
                    <a:lnTo>
                      <a:pt x="34" y="17"/>
                    </a:lnTo>
                    <a:lnTo>
                      <a:pt x="34" y="19"/>
                    </a:lnTo>
                    <a:lnTo>
                      <a:pt x="33" y="19"/>
                    </a:lnTo>
                    <a:lnTo>
                      <a:pt x="31" y="20"/>
                    </a:lnTo>
                    <a:lnTo>
                      <a:pt x="28" y="22"/>
                    </a:lnTo>
                    <a:lnTo>
                      <a:pt x="26" y="24"/>
                    </a:lnTo>
                    <a:lnTo>
                      <a:pt x="24" y="25"/>
                    </a:lnTo>
                    <a:lnTo>
                      <a:pt x="22" y="25"/>
                    </a:lnTo>
                    <a:lnTo>
                      <a:pt x="22" y="24"/>
                    </a:lnTo>
                    <a:lnTo>
                      <a:pt x="21" y="20"/>
                    </a:lnTo>
                    <a:lnTo>
                      <a:pt x="19" y="19"/>
                    </a:lnTo>
                    <a:lnTo>
                      <a:pt x="17" y="15"/>
                    </a:lnTo>
                    <a:lnTo>
                      <a:pt x="12" y="14"/>
                    </a:lnTo>
                    <a:lnTo>
                      <a:pt x="7" y="10"/>
                    </a:lnTo>
                    <a:lnTo>
                      <a:pt x="0" y="10"/>
                    </a:lnTo>
                    <a:lnTo>
                      <a:pt x="0" y="9"/>
                    </a:lnTo>
                    <a:lnTo>
                      <a:pt x="0" y="5"/>
                    </a:lnTo>
                    <a:lnTo>
                      <a:pt x="2" y="2"/>
                    </a:lnTo>
                    <a:lnTo>
                      <a:pt x="4" y="0"/>
                    </a:lnTo>
                  </a:path>
                </a:pathLst>
              </a:custGeom>
              <a:solidFill>
                <a:srgbClr val="C0C0C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1124" name="Freeform 115"/>
            <p:cNvSpPr>
              <a:spLocks/>
            </p:cNvSpPr>
            <p:nvPr/>
          </p:nvSpPr>
          <p:spPr bwMode="auto">
            <a:xfrm>
              <a:off x="250" y="1142"/>
              <a:ext cx="769" cy="650"/>
            </a:xfrm>
            <a:custGeom>
              <a:avLst/>
              <a:gdLst>
                <a:gd name="T0" fmla="*/ 149 w 791"/>
                <a:gd name="T1" fmla="*/ 14 h 669"/>
                <a:gd name="T2" fmla="*/ 137 w 791"/>
                <a:gd name="T3" fmla="*/ 12 h 669"/>
                <a:gd name="T4" fmla="*/ 122 w 791"/>
                <a:gd name="T5" fmla="*/ 0 h 669"/>
                <a:gd name="T6" fmla="*/ 116 w 791"/>
                <a:gd name="T7" fmla="*/ 29 h 669"/>
                <a:gd name="T8" fmla="*/ 89 w 791"/>
                <a:gd name="T9" fmla="*/ 99 h 669"/>
                <a:gd name="T10" fmla="*/ 71 w 791"/>
                <a:gd name="T11" fmla="*/ 147 h 669"/>
                <a:gd name="T12" fmla="*/ 55 w 791"/>
                <a:gd name="T13" fmla="*/ 179 h 669"/>
                <a:gd name="T14" fmla="*/ 40 w 791"/>
                <a:gd name="T15" fmla="*/ 210 h 669"/>
                <a:gd name="T16" fmla="*/ 27 w 791"/>
                <a:gd name="T17" fmla="*/ 224 h 669"/>
                <a:gd name="T18" fmla="*/ 24 w 791"/>
                <a:gd name="T19" fmla="*/ 230 h 669"/>
                <a:gd name="T20" fmla="*/ 14 w 791"/>
                <a:gd name="T21" fmla="*/ 258 h 669"/>
                <a:gd name="T22" fmla="*/ 12 w 791"/>
                <a:gd name="T23" fmla="*/ 275 h 669"/>
                <a:gd name="T24" fmla="*/ 12 w 791"/>
                <a:gd name="T25" fmla="*/ 286 h 669"/>
                <a:gd name="T26" fmla="*/ 2 w 791"/>
                <a:gd name="T27" fmla="*/ 302 h 669"/>
                <a:gd name="T28" fmla="*/ 0 w 791"/>
                <a:gd name="T29" fmla="*/ 317 h 669"/>
                <a:gd name="T30" fmla="*/ 2 w 791"/>
                <a:gd name="T31" fmla="*/ 326 h 669"/>
                <a:gd name="T32" fmla="*/ 4 w 791"/>
                <a:gd name="T33" fmla="*/ 330 h 669"/>
                <a:gd name="T34" fmla="*/ 10 w 791"/>
                <a:gd name="T35" fmla="*/ 337 h 669"/>
                <a:gd name="T36" fmla="*/ 25 w 791"/>
                <a:gd name="T37" fmla="*/ 340 h 669"/>
                <a:gd name="T38" fmla="*/ 59 w 791"/>
                <a:gd name="T39" fmla="*/ 350 h 669"/>
                <a:gd name="T40" fmla="*/ 98 w 791"/>
                <a:gd name="T41" fmla="*/ 361 h 669"/>
                <a:gd name="T42" fmla="*/ 145 w 791"/>
                <a:gd name="T43" fmla="*/ 374 h 669"/>
                <a:gd name="T44" fmla="*/ 193 w 791"/>
                <a:gd name="T45" fmla="*/ 387 h 669"/>
                <a:gd name="T46" fmla="*/ 247 w 791"/>
                <a:gd name="T47" fmla="*/ 400 h 669"/>
                <a:gd name="T48" fmla="*/ 291 w 791"/>
                <a:gd name="T49" fmla="*/ 412 h 669"/>
                <a:gd name="T50" fmla="*/ 330 w 791"/>
                <a:gd name="T51" fmla="*/ 422 h 669"/>
                <a:gd name="T52" fmla="*/ 367 w 791"/>
                <a:gd name="T53" fmla="*/ 431 h 669"/>
                <a:gd name="T54" fmla="*/ 398 w 791"/>
                <a:gd name="T55" fmla="*/ 436 h 669"/>
                <a:gd name="T56" fmla="*/ 421 w 791"/>
                <a:gd name="T57" fmla="*/ 444 h 669"/>
                <a:gd name="T58" fmla="*/ 432 w 791"/>
                <a:gd name="T59" fmla="*/ 448 h 669"/>
                <a:gd name="T60" fmla="*/ 462 w 791"/>
                <a:gd name="T61" fmla="*/ 308 h 669"/>
                <a:gd name="T62" fmla="*/ 477 w 791"/>
                <a:gd name="T63" fmla="*/ 266 h 669"/>
                <a:gd name="T64" fmla="*/ 466 w 791"/>
                <a:gd name="T65" fmla="*/ 250 h 669"/>
                <a:gd name="T66" fmla="*/ 470 w 791"/>
                <a:gd name="T67" fmla="*/ 245 h 669"/>
                <a:gd name="T68" fmla="*/ 492 w 791"/>
                <a:gd name="T69" fmla="*/ 216 h 669"/>
                <a:gd name="T70" fmla="*/ 531 w 791"/>
                <a:gd name="T71" fmla="*/ 159 h 669"/>
                <a:gd name="T72" fmla="*/ 515 w 791"/>
                <a:gd name="T73" fmla="*/ 124 h 669"/>
                <a:gd name="T74" fmla="*/ 398 w 791"/>
                <a:gd name="T75" fmla="*/ 96 h 669"/>
                <a:gd name="T76" fmla="*/ 383 w 791"/>
                <a:gd name="T77" fmla="*/ 98 h 669"/>
                <a:gd name="T78" fmla="*/ 367 w 791"/>
                <a:gd name="T79" fmla="*/ 95 h 669"/>
                <a:gd name="T80" fmla="*/ 357 w 791"/>
                <a:gd name="T81" fmla="*/ 93 h 669"/>
                <a:gd name="T82" fmla="*/ 350 w 791"/>
                <a:gd name="T83" fmla="*/ 96 h 669"/>
                <a:gd name="T84" fmla="*/ 319 w 791"/>
                <a:gd name="T85" fmla="*/ 99 h 669"/>
                <a:gd name="T86" fmla="*/ 297 w 791"/>
                <a:gd name="T87" fmla="*/ 94 h 669"/>
                <a:gd name="T88" fmla="*/ 283 w 791"/>
                <a:gd name="T89" fmla="*/ 95 h 669"/>
                <a:gd name="T90" fmla="*/ 265 w 791"/>
                <a:gd name="T91" fmla="*/ 95 h 669"/>
                <a:gd name="T92" fmla="*/ 244 w 791"/>
                <a:gd name="T93" fmla="*/ 81 h 669"/>
                <a:gd name="T94" fmla="*/ 228 w 791"/>
                <a:gd name="T95" fmla="*/ 80 h 669"/>
                <a:gd name="T96" fmla="*/ 212 w 791"/>
                <a:gd name="T97" fmla="*/ 82 h 669"/>
                <a:gd name="T98" fmla="*/ 193 w 791"/>
                <a:gd name="T99" fmla="*/ 81 h 669"/>
                <a:gd name="T100" fmla="*/ 185 w 791"/>
                <a:gd name="T101" fmla="*/ 76 h 669"/>
                <a:gd name="T102" fmla="*/ 178 w 791"/>
                <a:gd name="T103" fmla="*/ 70 h 669"/>
                <a:gd name="T104" fmla="*/ 177 w 791"/>
                <a:gd name="T105" fmla="*/ 59 h 669"/>
                <a:gd name="T106" fmla="*/ 177 w 791"/>
                <a:gd name="T107" fmla="*/ 43 h 669"/>
                <a:gd name="T108" fmla="*/ 172 w 791"/>
                <a:gd name="T109" fmla="*/ 22 h 669"/>
                <a:gd name="T110" fmla="*/ 159 w 791"/>
                <a:gd name="T111" fmla="*/ 17 h 669"/>
                <a:gd name="T112" fmla="*/ 154 w 791"/>
                <a:gd name="T113" fmla="*/ 17 h 669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w 791"/>
                <a:gd name="T172" fmla="*/ 0 h 669"/>
                <a:gd name="T173" fmla="*/ 791 w 791"/>
                <a:gd name="T174" fmla="*/ 669 h 669"/>
              </a:gdLst>
              <a:ahLst/>
              <a:cxnLst>
                <a:cxn ang="T114">
                  <a:pos x="T0" y="T1"/>
                </a:cxn>
                <a:cxn ang="T115">
                  <a:pos x="T2" y="T3"/>
                </a:cxn>
                <a:cxn ang="T116">
                  <a:pos x="T4" y="T5"/>
                </a:cxn>
                <a:cxn ang="T117">
                  <a:pos x="T6" y="T7"/>
                </a:cxn>
                <a:cxn ang="T118">
                  <a:pos x="T8" y="T9"/>
                </a:cxn>
                <a:cxn ang="T119">
                  <a:pos x="T10" y="T11"/>
                </a:cxn>
                <a:cxn ang="T120">
                  <a:pos x="T12" y="T13"/>
                </a:cxn>
                <a:cxn ang="T121">
                  <a:pos x="T14" y="T15"/>
                </a:cxn>
                <a:cxn ang="T122">
                  <a:pos x="T16" y="T17"/>
                </a:cxn>
                <a:cxn ang="T123">
                  <a:pos x="T18" y="T19"/>
                </a:cxn>
                <a:cxn ang="T124">
                  <a:pos x="T20" y="T21"/>
                </a:cxn>
                <a:cxn ang="T125">
                  <a:pos x="T22" y="T23"/>
                </a:cxn>
                <a:cxn ang="T126">
                  <a:pos x="T24" y="T25"/>
                </a:cxn>
                <a:cxn ang="T127">
                  <a:pos x="T26" y="T27"/>
                </a:cxn>
                <a:cxn ang="T128">
                  <a:pos x="T28" y="T29"/>
                </a:cxn>
                <a:cxn ang="T129">
                  <a:pos x="T30" y="T31"/>
                </a:cxn>
                <a:cxn ang="T130">
                  <a:pos x="T32" y="T33"/>
                </a:cxn>
                <a:cxn ang="T131">
                  <a:pos x="T34" y="T35"/>
                </a:cxn>
                <a:cxn ang="T132">
                  <a:pos x="T36" y="T37"/>
                </a:cxn>
                <a:cxn ang="T133">
                  <a:pos x="T38" y="T39"/>
                </a:cxn>
                <a:cxn ang="T134">
                  <a:pos x="T40" y="T41"/>
                </a:cxn>
                <a:cxn ang="T135">
                  <a:pos x="T42" y="T43"/>
                </a:cxn>
                <a:cxn ang="T136">
                  <a:pos x="T44" y="T45"/>
                </a:cxn>
                <a:cxn ang="T137">
                  <a:pos x="T46" y="T47"/>
                </a:cxn>
                <a:cxn ang="T138">
                  <a:pos x="T48" y="T49"/>
                </a:cxn>
                <a:cxn ang="T139">
                  <a:pos x="T50" y="T51"/>
                </a:cxn>
                <a:cxn ang="T140">
                  <a:pos x="T52" y="T53"/>
                </a:cxn>
                <a:cxn ang="T141">
                  <a:pos x="T54" y="T55"/>
                </a:cxn>
                <a:cxn ang="T142">
                  <a:pos x="T56" y="T57"/>
                </a:cxn>
                <a:cxn ang="T143">
                  <a:pos x="T58" y="T59"/>
                </a:cxn>
                <a:cxn ang="T144">
                  <a:pos x="T60" y="T61"/>
                </a:cxn>
                <a:cxn ang="T145">
                  <a:pos x="T62" y="T63"/>
                </a:cxn>
                <a:cxn ang="T146">
                  <a:pos x="T64" y="T65"/>
                </a:cxn>
                <a:cxn ang="T147">
                  <a:pos x="T66" y="T67"/>
                </a:cxn>
                <a:cxn ang="T148">
                  <a:pos x="T68" y="T69"/>
                </a:cxn>
                <a:cxn ang="T149">
                  <a:pos x="T70" y="T71"/>
                </a:cxn>
                <a:cxn ang="T150">
                  <a:pos x="T72" y="T73"/>
                </a:cxn>
                <a:cxn ang="T151">
                  <a:pos x="T74" y="T75"/>
                </a:cxn>
                <a:cxn ang="T152">
                  <a:pos x="T76" y="T77"/>
                </a:cxn>
                <a:cxn ang="T153">
                  <a:pos x="T78" y="T79"/>
                </a:cxn>
                <a:cxn ang="T154">
                  <a:pos x="T80" y="T81"/>
                </a:cxn>
                <a:cxn ang="T155">
                  <a:pos x="T82" y="T83"/>
                </a:cxn>
                <a:cxn ang="T156">
                  <a:pos x="T84" y="T85"/>
                </a:cxn>
                <a:cxn ang="T157">
                  <a:pos x="T86" y="T87"/>
                </a:cxn>
                <a:cxn ang="T158">
                  <a:pos x="T88" y="T89"/>
                </a:cxn>
                <a:cxn ang="T159">
                  <a:pos x="T90" y="T91"/>
                </a:cxn>
                <a:cxn ang="T160">
                  <a:pos x="T92" y="T93"/>
                </a:cxn>
                <a:cxn ang="T161">
                  <a:pos x="T94" y="T95"/>
                </a:cxn>
                <a:cxn ang="T162">
                  <a:pos x="T96" y="T97"/>
                </a:cxn>
                <a:cxn ang="T163">
                  <a:pos x="T98" y="T99"/>
                </a:cxn>
                <a:cxn ang="T164">
                  <a:pos x="T100" y="T101"/>
                </a:cxn>
                <a:cxn ang="T165">
                  <a:pos x="T102" y="T103"/>
                </a:cxn>
                <a:cxn ang="T166">
                  <a:pos x="T104" y="T105"/>
                </a:cxn>
                <a:cxn ang="T167">
                  <a:pos x="T106" y="T107"/>
                </a:cxn>
                <a:cxn ang="T168">
                  <a:pos x="T108" y="T109"/>
                </a:cxn>
                <a:cxn ang="T169">
                  <a:pos x="T110" y="T111"/>
                </a:cxn>
                <a:cxn ang="T170">
                  <a:pos x="T112" y="T113"/>
                </a:cxn>
              </a:cxnLst>
              <a:rect l="T171" t="T172" r="T173" b="T174"/>
              <a:pathLst>
                <a:path w="791" h="669">
                  <a:moveTo>
                    <a:pt x="239" y="27"/>
                  </a:moveTo>
                  <a:lnTo>
                    <a:pt x="232" y="27"/>
                  </a:lnTo>
                  <a:lnTo>
                    <a:pt x="227" y="22"/>
                  </a:lnTo>
                  <a:lnTo>
                    <a:pt x="222" y="19"/>
                  </a:lnTo>
                  <a:lnTo>
                    <a:pt x="220" y="14"/>
                  </a:lnTo>
                  <a:lnTo>
                    <a:pt x="214" y="12"/>
                  </a:lnTo>
                  <a:lnTo>
                    <a:pt x="212" y="12"/>
                  </a:lnTo>
                  <a:lnTo>
                    <a:pt x="207" y="14"/>
                  </a:lnTo>
                  <a:lnTo>
                    <a:pt x="202" y="12"/>
                  </a:lnTo>
                  <a:lnTo>
                    <a:pt x="197" y="9"/>
                  </a:lnTo>
                  <a:lnTo>
                    <a:pt x="193" y="9"/>
                  </a:lnTo>
                  <a:lnTo>
                    <a:pt x="190" y="12"/>
                  </a:lnTo>
                  <a:lnTo>
                    <a:pt x="185" y="7"/>
                  </a:lnTo>
                  <a:lnTo>
                    <a:pt x="181" y="0"/>
                  </a:lnTo>
                  <a:lnTo>
                    <a:pt x="178" y="0"/>
                  </a:lnTo>
                  <a:lnTo>
                    <a:pt x="180" y="17"/>
                  </a:lnTo>
                  <a:lnTo>
                    <a:pt x="178" y="26"/>
                  </a:lnTo>
                  <a:lnTo>
                    <a:pt x="168" y="34"/>
                  </a:lnTo>
                  <a:lnTo>
                    <a:pt x="173" y="43"/>
                  </a:lnTo>
                  <a:lnTo>
                    <a:pt x="168" y="48"/>
                  </a:lnTo>
                  <a:lnTo>
                    <a:pt x="161" y="63"/>
                  </a:lnTo>
                  <a:lnTo>
                    <a:pt x="164" y="73"/>
                  </a:lnTo>
                  <a:lnTo>
                    <a:pt x="156" y="88"/>
                  </a:lnTo>
                  <a:lnTo>
                    <a:pt x="134" y="147"/>
                  </a:lnTo>
                  <a:lnTo>
                    <a:pt x="119" y="169"/>
                  </a:lnTo>
                  <a:lnTo>
                    <a:pt x="119" y="176"/>
                  </a:lnTo>
                  <a:lnTo>
                    <a:pt x="102" y="222"/>
                  </a:lnTo>
                  <a:lnTo>
                    <a:pt x="104" y="222"/>
                  </a:lnTo>
                  <a:lnTo>
                    <a:pt x="104" y="220"/>
                  </a:lnTo>
                  <a:lnTo>
                    <a:pt x="102" y="222"/>
                  </a:lnTo>
                  <a:lnTo>
                    <a:pt x="95" y="239"/>
                  </a:lnTo>
                  <a:lnTo>
                    <a:pt x="90" y="254"/>
                  </a:lnTo>
                  <a:lnTo>
                    <a:pt x="83" y="268"/>
                  </a:lnTo>
                  <a:lnTo>
                    <a:pt x="76" y="279"/>
                  </a:lnTo>
                  <a:lnTo>
                    <a:pt x="71" y="290"/>
                  </a:lnTo>
                  <a:lnTo>
                    <a:pt x="66" y="300"/>
                  </a:lnTo>
                  <a:lnTo>
                    <a:pt x="61" y="308"/>
                  </a:lnTo>
                  <a:lnTo>
                    <a:pt x="56" y="315"/>
                  </a:lnTo>
                  <a:lnTo>
                    <a:pt x="53" y="322"/>
                  </a:lnTo>
                  <a:lnTo>
                    <a:pt x="49" y="327"/>
                  </a:lnTo>
                  <a:lnTo>
                    <a:pt x="46" y="332"/>
                  </a:lnTo>
                  <a:lnTo>
                    <a:pt x="43" y="335"/>
                  </a:lnTo>
                  <a:lnTo>
                    <a:pt x="41" y="337"/>
                  </a:lnTo>
                  <a:lnTo>
                    <a:pt x="39" y="339"/>
                  </a:lnTo>
                  <a:lnTo>
                    <a:pt x="39" y="340"/>
                  </a:lnTo>
                  <a:lnTo>
                    <a:pt x="39" y="344"/>
                  </a:lnTo>
                  <a:lnTo>
                    <a:pt x="38" y="345"/>
                  </a:lnTo>
                  <a:lnTo>
                    <a:pt x="34" y="351"/>
                  </a:lnTo>
                  <a:lnTo>
                    <a:pt x="31" y="359"/>
                  </a:lnTo>
                  <a:lnTo>
                    <a:pt x="24" y="367"/>
                  </a:lnTo>
                  <a:lnTo>
                    <a:pt x="19" y="378"/>
                  </a:lnTo>
                  <a:lnTo>
                    <a:pt x="14" y="386"/>
                  </a:lnTo>
                  <a:lnTo>
                    <a:pt x="10" y="393"/>
                  </a:lnTo>
                  <a:lnTo>
                    <a:pt x="9" y="396"/>
                  </a:lnTo>
                  <a:lnTo>
                    <a:pt x="10" y="401"/>
                  </a:lnTo>
                  <a:lnTo>
                    <a:pt x="12" y="406"/>
                  </a:lnTo>
                  <a:lnTo>
                    <a:pt x="12" y="411"/>
                  </a:lnTo>
                  <a:lnTo>
                    <a:pt x="12" y="417"/>
                  </a:lnTo>
                  <a:lnTo>
                    <a:pt x="12" y="420"/>
                  </a:lnTo>
                  <a:lnTo>
                    <a:pt x="12" y="423"/>
                  </a:lnTo>
                  <a:lnTo>
                    <a:pt x="12" y="427"/>
                  </a:lnTo>
                  <a:lnTo>
                    <a:pt x="12" y="428"/>
                  </a:lnTo>
                  <a:lnTo>
                    <a:pt x="9" y="432"/>
                  </a:lnTo>
                  <a:lnTo>
                    <a:pt x="7" y="437"/>
                  </a:lnTo>
                  <a:lnTo>
                    <a:pt x="5" y="442"/>
                  </a:lnTo>
                  <a:lnTo>
                    <a:pt x="4" y="447"/>
                  </a:lnTo>
                  <a:lnTo>
                    <a:pt x="2" y="452"/>
                  </a:lnTo>
                  <a:lnTo>
                    <a:pt x="2" y="457"/>
                  </a:lnTo>
                  <a:lnTo>
                    <a:pt x="0" y="462"/>
                  </a:lnTo>
                  <a:lnTo>
                    <a:pt x="0" y="466"/>
                  </a:lnTo>
                  <a:lnTo>
                    <a:pt x="0" y="471"/>
                  </a:lnTo>
                  <a:lnTo>
                    <a:pt x="0" y="474"/>
                  </a:lnTo>
                  <a:lnTo>
                    <a:pt x="0" y="477"/>
                  </a:lnTo>
                  <a:lnTo>
                    <a:pt x="2" y="481"/>
                  </a:lnTo>
                  <a:lnTo>
                    <a:pt x="2" y="484"/>
                  </a:lnTo>
                  <a:lnTo>
                    <a:pt x="2" y="486"/>
                  </a:lnTo>
                  <a:lnTo>
                    <a:pt x="2" y="488"/>
                  </a:lnTo>
                  <a:lnTo>
                    <a:pt x="2" y="489"/>
                  </a:lnTo>
                  <a:lnTo>
                    <a:pt x="4" y="491"/>
                  </a:lnTo>
                  <a:lnTo>
                    <a:pt x="4" y="494"/>
                  </a:lnTo>
                  <a:lnTo>
                    <a:pt x="5" y="496"/>
                  </a:lnTo>
                  <a:lnTo>
                    <a:pt x="5" y="498"/>
                  </a:lnTo>
                  <a:lnTo>
                    <a:pt x="7" y="499"/>
                  </a:lnTo>
                  <a:lnTo>
                    <a:pt x="7" y="501"/>
                  </a:lnTo>
                  <a:lnTo>
                    <a:pt x="10" y="503"/>
                  </a:lnTo>
                  <a:lnTo>
                    <a:pt x="16" y="503"/>
                  </a:lnTo>
                  <a:lnTo>
                    <a:pt x="21" y="506"/>
                  </a:lnTo>
                  <a:lnTo>
                    <a:pt x="26" y="508"/>
                  </a:lnTo>
                  <a:lnTo>
                    <a:pt x="32" y="510"/>
                  </a:lnTo>
                  <a:lnTo>
                    <a:pt x="39" y="511"/>
                  </a:lnTo>
                  <a:lnTo>
                    <a:pt x="48" y="515"/>
                  </a:lnTo>
                  <a:lnTo>
                    <a:pt x="56" y="516"/>
                  </a:lnTo>
                  <a:lnTo>
                    <a:pt x="66" y="520"/>
                  </a:lnTo>
                  <a:lnTo>
                    <a:pt x="76" y="521"/>
                  </a:lnTo>
                  <a:lnTo>
                    <a:pt x="87" y="525"/>
                  </a:lnTo>
                  <a:lnTo>
                    <a:pt x="97" y="528"/>
                  </a:lnTo>
                  <a:lnTo>
                    <a:pt x="109" y="532"/>
                  </a:lnTo>
                  <a:lnTo>
                    <a:pt x="120" y="535"/>
                  </a:lnTo>
                  <a:lnTo>
                    <a:pt x="132" y="538"/>
                  </a:lnTo>
                  <a:lnTo>
                    <a:pt x="146" y="542"/>
                  </a:lnTo>
                  <a:lnTo>
                    <a:pt x="159" y="545"/>
                  </a:lnTo>
                  <a:lnTo>
                    <a:pt x="173" y="549"/>
                  </a:lnTo>
                  <a:lnTo>
                    <a:pt x="186" y="552"/>
                  </a:lnTo>
                  <a:lnTo>
                    <a:pt x="200" y="555"/>
                  </a:lnTo>
                  <a:lnTo>
                    <a:pt x="214" y="560"/>
                  </a:lnTo>
                  <a:lnTo>
                    <a:pt x="229" y="564"/>
                  </a:lnTo>
                  <a:lnTo>
                    <a:pt x="244" y="567"/>
                  </a:lnTo>
                  <a:lnTo>
                    <a:pt x="259" y="572"/>
                  </a:lnTo>
                  <a:lnTo>
                    <a:pt x="274" y="576"/>
                  </a:lnTo>
                  <a:lnTo>
                    <a:pt x="288" y="579"/>
                  </a:lnTo>
                  <a:lnTo>
                    <a:pt x="305" y="584"/>
                  </a:lnTo>
                  <a:lnTo>
                    <a:pt x="318" y="587"/>
                  </a:lnTo>
                  <a:lnTo>
                    <a:pt x="335" y="591"/>
                  </a:lnTo>
                  <a:lnTo>
                    <a:pt x="349" y="594"/>
                  </a:lnTo>
                  <a:lnTo>
                    <a:pt x="366" y="599"/>
                  </a:lnTo>
                  <a:lnTo>
                    <a:pt x="379" y="603"/>
                  </a:lnTo>
                  <a:lnTo>
                    <a:pt x="393" y="606"/>
                  </a:lnTo>
                  <a:lnTo>
                    <a:pt x="406" y="609"/>
                  </a:lnTo>
                  <a:lnTo>
                    <a:pt x="418" y="613"/>
                  </a:lnTo>
                  <a:lnTo>
                    <a:pt x="432" y="616"/>
                  </a:lnTo>
                  <a:lnTo>
                    <a:pt x="444" y="620"/>
                  </a:lnTo>
                  <a:lnTo>
                    <a:pt x="456" y="621"/>
                  </a:lnTo>
                  <a:lnTo>
                    <a:pt x="469" y="625"/>
                  </a:lnTo>
                  <a:lnTo>
                    <a:pt x="479" y="628"/>
                  </a:lnTo>
                  <a:lnTo>
                    <a:pt x="491" y="631"/>
                  </a:lnTo>
                  <a:lnTo>
                    <a:pt x="503" y="633"/>
                  </a:lnTo>
                  <a:lnTo>
                    <a:pt x="515" y="637"/>
                  </a:lnTo>
                  <a:lnTo>
                    <a:pt x="525" y="640"/>
                  </a:lnTo>
                  <a:lnTo>
                    <a:pt x="535" y="642"/>
                  </a:lnTo>
                  <a:lnTo>
                    <a:pt x="545" y="645"/>
                  </a:lnTo>
                  <a:lnTo>
                    <a:pt x="555" y="647"/>
                  </a:lnTo>
                  <a:lnTo>
                    <a:pt x="564" y="650"/>
                  </a:lnTo>
                  <a:lnTo>
                    <a:pt x="574" y="652"/>
                  </a:lnTo>
                  <a:lnTo>
                    <a:pt x="582" y="653"/>
                  </a:lnTo>
                  <a:lnTo>
                    <a:pt x="589" y="655"/>
                  </a:lnTo>
                  <a:lnTo>
                    <a:pt x="598" y="657"/>
                  </a:lnTo>
                  <a:lnTo>
                    <a:pt x="604" y="659"/>
                  </a:lnTo>
                  <a:lnTo>
                    <a:pt x="611" y="660"/>
                  </a:lnTo>
                  <a:lnTo>
                    <a:pt x="616" y="662"/>
                  </a:lnTo>
                  <a:lnTo>
                    <a:pt x="623" y="664"/>
                  </a:lnTo>
                  <a:lnTo>
                    <a:pt x="626" y="665"/>
                  </a:lnTo>
                  <a:lnTo>
                    <a:pt x="632" y="667"/>
                  </a:lnTo>
                  <a:lnTo>
                    <a:pt x="635" y="667"/>
                  </a:lnTo>
                  <a:lnTo>
                    <a:pt x="638" y="667"/>
                  </a:lnTo>
                  <a:lnTo>
                    <a:pt x="640" y="669"/>
                  </a:lnTo>
                  <a:lnTo>
                    <a:pt x="643" y="669"/>
                  </a:lnTo>
                  <a:lnTo>
                    <a:pt x="689" y="474"/>
                  </a:lnTo>
                  <a:lnTo>
                    <a:pt x="687" y="461"/>
                  </a:lnTo>
                  <a:lnTo>
                    <a:pt x="706" y="428"/>
                  </a:lnTo>
                  <a:lnTo>
                    <a:pt x="706" y="418"/>
                  </a:lnTo>
                  <a:lnTo>
                    <a:pt x="711" y="411"/>
                  </a:lnTo>
                  <a:lnTo>
                    <a:pt x="714" y="403"/>
                  </a:lnTo>
                  <a:lnTo>
                    <a:pt x="709" y="398"/>
                  </a:lnTo>
                  <a:lnTo>
                    <a:pt x="691" y="386"/>
                  </a:lnTo>
                  <a:lnTo>
                    <a:pt x="692" y="378"/>
                  </a:lnTo>
                  <a:lnTo>
                    <a:pt x="692" y="376"/>
                  </a:lnTo>
                  <a:lnTo>
                    <a:pt x="692" y="374"/>
                  </a:lnTo>
                  <a:lnTo>
                    <a:pt x="694" y="373"/>
                  </a:lnTo>
                  <a:lnTo>
                    <a:pt x="694" y="371"/>
                  </a:lnTo>
                  <a:lnTo>
                    <a:pt x="696" y="369"/>
                  </a:lnTo>
                  <a:lnTo>
                    <a:pt x="696" y="367"/>
                  </a:lnTo>
                  <a:lnTo>
                    <a:pt x="696" y="366"/>
                  </a:lnTo>
                  <a:lnTo>
                    <a:pt x="701" y="356"/>
                  </a:lnTo>
                  <a:lnTo>
                    <a:pt x="706" y="347"/>
                  </a:lnTo>
                  <a:lnTo>
                    <a:pt x="714" y="339"/>
                  </a:lnTo>
                  <a:lnTo>
                    <a:pt x="721" y="330"/>
                  </a:lnTo>
                  <a:lnTo>
                    <a:pt x="730" y="323"/>
                  </a:lnTo>
                  <a:lnTo>
                    <a:pt x="736" y="318"/>
                  </a:lnTo>
                  <a:lnTo>
                    <a:pt x="740" y="315"/>
                  </a:lnTo>
                  <a:lnTo>
                    <a:pt x="742" y="313"/>
                  </a:lnTo>
                  <a:lnTo>
                    <a:pt x="742" y="305"/>
                  </a:lnTo>
                  <a:lnTo>
                    <a:pt x="789" y="239"/>
                  </a:lnTo>
                  <a:lnTo>
                    <a:pt x="791" y="230"/>
                  </a:lnTo>
                  <a:lnTo>
                    <a:pt x="784" y="217"/>
                  </a:lnTo>
                  <a:lnTo>
                    <a:pt x="774" y="208"/>
                  </a:lnTo>
                  <a:lnTo>
                    <a:pt x="762" y="185"/>
                  </a:lnTo>
                  <a:lnTo>
                    <a:pt x="764" y="186"/>
                  </a:lnTo>
                  <a:lnTo>
                    <a:pt x="596" y="144"/>
                  </a:lnTo>
                  <a:lnTo>
                    <a:pt x="594" y="144"/>
                  </a:lnTo>
                  <a:lnTo>
                    <a:pt x="593" y="144"/>
                  </a:lnTo>
                  <a:lnTo>
                    <a:pt x="589" y="144"/>
                  </a:lnTo>
                  <a:lnTo>
                    <a:pt x="586" y="144"/>
                  </a:lnTo>
                  <a:lnTo>
                    <a:pt x="582" y="146"/>
                  </a:lnTo>
                  <a:lnTo>
                    <a:pt x="577" y="146"/>
                  </a:lnTo>
                  <a:lnTo>
                    <a:pt x="574" y="146"/>
                  </a:lnTo>
                  <a:lnTo>
                    <a:pt x="569" y="146"/>
                  </a:lnTo>
                  <a:lnTo>
                    <a:pt x="564" y="146"/>
                  </a:lnTo>
                  <a:lnTo>
                    <a:pt x="559" y="146"/>
                  </a:lnTo>
                  <a:lnTo>
                    <a:pt x="554" y="144"/>
                  </a:lnTo>
                  <a:lnTo>
                    <a:pt x="549" y="144"/>
                  </a:lnTo>
                  <a:lnTo>
                    <a:pt x="544" y="142"/>
                  </a:lnTo>
                  <a:lnTo>
                    <a:pt x="538" y="141"/>
                  </a:lnTo>
                  <a:lnTo>
                    <a:pt x="533" y="139"/>
                  </a:lnTo>
                  <a:lnTo>
                    <a:pt x="532" y="139"/>
                  </a:lnTo>
                  <a:lnTo>
                    <a:pt x="530" y="139"/>
                  </a:lnTo>
                  <a:lnTo>
                    <a:pt x="528" y="139"/>
                  </a:lnTo>
                  <a:lnTo>
                    <a:pt x="527" y="141"/>
                  </a:lnTo>
                  <a:lnTo>
                    <a:pt x="523" y="142"/>
                  </a:lnTo>
                  <a:lnTo>
                    <a:pt x="522" y="144"/>
                  </a:lnTo>
                  <a:lnTo>
                    <a:pt x="520" y="144"/>
                  </a:lnTo>
                  <a:lnTo>
                    <a:pt x="498" y="144"/>
                  </a:lnTo>
                  <a:lnTo>
                    <a:pt x="496" y="144"/>
                  </a:lnTo>
                  <a:lnTo>
                    <a:pt x="491" y="144"/>
                  </a:lnTo>
                  <a:lnTo>
                    <a:pt x="483" y="146"/>
                  </a:lnTo>
                  <a:lnTo>
                    <a:pt x="472" y="147"/>
                  </a:lnTo>
                  <a:lnTo>
                    <a:pt x="464" y="147"/>
                  </a:lnTo>
                  <a:lnTo>
                    <a:pt x="454" y="147"/>
                  </a:lnTo>
                  <a:lnTo>
                    <a:pt x="447" y="144"/>
                  </a:lnTo>
                  <a:lnTo>
                    <a:pt x="440" y="141"/>
                  </a:lnTo>
                  <a:lnTo>
                    <a:pt x="437" y="141"/>
                  </a:lnTo>
                  <a:lnTo>
                    <a:pt x="434" y="141"/>
                  </a:lnTo>
                  <a:lnTo>
                    <a:pt x="428" y="141"/>
                  </a:lnTo>
                  <a:lnTo>
                    <a:pt x="423" y="141"/>
                  </a:lnTo>
                  <a:lnTo>
                    <a:pt x="420" y="142"/>
                  </a:lnTo>
                  <a:lnTo>
                    <a:pt x="417" y="142"/>
                  </a:lnTo>
                  <a:lnTo>
                    <a:pt x="408" y="141"/>
                  </a:lnTo>
                  <a:lnTo>
                    <a:pt x="395" y="144"/>
                  </a:lnTo>
                  <a:lnTo>
                    <a:pt x="395" y="142"/>
                  </a:lnTo>
                  <a:lnTo>
                    <a:pt x="390" y="139"/>
                  </a:lnTo>
                  <a:lnTo>
                    <a:pt x="384" y="134"/>
                  </a:lnTo>
                  <a:lnTo>
                    <a:pt x="376" y="129"/>
                  </a:lnTo>
                  <a:lnTo>
                    <a:pt x="369" y="124"/>
                  </a:lnTo>
                  <a:lnTo>
                    <a:pt x="361" y="120"/>
                  </a:lnTo>
                  <a:lnTo>
                    <a:pt x="352" y="117"/>
                  </a:lnTo>
                  <a:lnTo>
                    <a:pt x="346" y="117"/>
                  </a:lnTo>
                  <a:lnTo>
                    <a:pt x="344" y="117"/>
                  </a:lnTo>
                  <a:lnTo>
                    <a:pt x="342" y="117"/>
                  </a:lnTo>
                  <a:lnTo>
                    <a:pt x="339" y="119"/>
                  </a:lnTo>
                  <a:lnTo>
                    <a:pt x="335" y="119"/>
                  </a:lnTo>
                  <a:lnTo>
                    <a:pt x="332" y="120"/>
                  </a:lnTo>
                  <a:lnTo>
                    <a:pt x="327" y="120"/>
                  </a:lnTo>
                  <a:lnTo>
                    <a:pt x="320" y="122"/>
                  </a:lnTo>
                  <a:lnTo>
                    <a:pt x="315" y="122"/>
                  </a:lnTo>
                  <a:lnTo>
                    <a:pt x="310" y="122"/>
                  </a:lnTo>
                  <a:lnTo>
                    <a:pt x="303" y="122"/>
                  </a:lnTo>
                  <a:lnTo>
                    <a:pt x="298" y="122"/>
                  </a:lnTo>
                  <a:lnTo>
                    <a:pt x="293" y="122"/>
                  </a:lnTo>
                  <a:lnTo>
                    <a:pt x="288" y="120"/>
                  </a:lnTo>
                  <a:lnTo>
                    <a:pt x="283" y="119"/>
                  </a:lnTo>
                  <a:lnTo>
                    <a:pt x="280" y="117"/>
                  </a:lnTo>
                  <a:lnTo>
                    <a:pt x="278" y="114"/>
                  </a:lnTo>
                  <a:lnTo>
                    <a:pt x="276" y="112"/>
                  </a:lnTo>
                  <a:lnTo>
                    <a:pt x="274" y="112"/>
                  </a:lnTo>
                  <a:lnTo>
                    <a:pt x="273" y="110"/>
                  </a:lnTo>
                  <a:lnTo>
                    <a:pt x="269" y="107"/>
                  </a:lnTo>
                  <a:lnTo>
                    <a:pt x="268" y="105"/>
                  </a:lnTo>
                  <a:lnTo>
                    <a:pt x="266" y="103"/>
                  </a:lnTo>
                  <a:lnTo>
                    <a:pt x="264" y="103"/>
                  </a:lnTo>
                  <a:lnTo>
                    <a:pt x="259" y="92"/>
                  </a:lnTo>
                  <a:lnTo>
                    <a:pt x="259" y="90"/>
                  </a:lnTo>
                  <a:lnTo>
                    <a:pt x="261" y="87"/>
                  </a:lnTo>
                  <a:lnTo>
                    <a:pt x="261" y="83"/>
                  </a:lnTo>
                  <a:lnTo>
                    <a:pt x="263" y="78"/>
                  </a:lnTo>
                  <a:lnTo>
                    <a:pt x="263" y="73"/>
                  </a:lnTo>
                  <a:lnTo>
                    <a:pt x="263" y="68"/>
                  </a:lnTo>
                  <a:lnTo>
                    <a:pt x="263" y="63"/>
                  </a:lnTo>
                  <a:lnTo>
                    <a:pt x="263" y="56"/>
                  </a:lnTo>
                  <a:lnTo>
                    <a:pt x="261" y="51"/>
                  </a:lnTo>
                  <a:lnTo>
                    <a:pt x="261" y="46"/>
                  </a:lnTo>
                  <a:lnTo>
                    <a:pt x="258" y="41"/>
                  </a:lnTo>
                  <a:lnTo>
                    <a:pt x="254" y="36"/>
                  </a:lnTo>
                  <a:lnTo>
                    <a:pt x="251" y="32"/>
                  </a:lnTo>
                  <a:lnTo>
                    <a:pt x="246" y="29"/>
                  </a:lnTo>
                  <a:lnTo>
                    <a:pt x="239" y="27"/>
                  </a:lnTo>
                  <a:lnTo>
                    <a:pt x="237" y="27"/>
                  </a:lnTo>
                  <a:lnTo>
                    <a:pt x="236" y="27"/>
                  </a:lnTo>
                  <a:lnTo>
                    <a:pt x="232" y="26"/>
                  </a:lnTo>
                  <a:lnTo>
                    <a:pt x="230" y="26"/>
                  </a:lnTo>
                  <a:lnTo>
                    <a:pt x="229" y="26"/>
                  </a:lnTo>
                  <a:lnTo>
                    <a:pt x="227" y="26"/>
                  </a:lnTo>
                  <a:lnTo>
                    <a:pt x="239" y="27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25" name="Freeform 116"/>
            <p:cNvSpPr>
              <a:spLocks/>
            </p:cNvSpPr>
            <p:nvPr/>
          </p:nvSpPr>
          <p:spPr bwMode="auto">
            <a:xfrm>
              <a:off x="875" y="965"/>
              <a:ext cx="570" cy="930"/>
            </a:xfrm>
            <a:custGeom>
              <a:avLst/>
              <a:gdLst>
                <a:gd name="T0" fmla="*/ 177 w 586"/>
                <a:gd name="T1" fmla="*/ 129 h 958"/>
                <a:gd name="T2" fmla="*/ 183 w 586"/>
                <a:gd name="T3" fmla="*/ 147 h 958"/>
                <a:gd name="T4" fmla="*/ 183 w 586"/>
                <a:gd name="T5" fmla="*/ 152 h 958"/>
                <a:gd name="T6" fmla="*/ 191 w 586"/>
                <a:gd name="T7" fmla="*/ 156 h 958"/>
                <a:gd name="T8" fmla="*/ 200 w 586"/>
                <a:gd name="T9" fmla="*/ 173 h 958"/>
                <a:gd name="T10" fmla="*/ 208 w 586"/>
                <a:gd name="T11" fmla="*/ 192 h 958"/>
                <a:gd name="T12" fmla="*/ 214 w 586"/>
                <a:gd name="T13" fmla="*/ 202 h 958"/>
                <a:gd name="T14" fmla="*/ 227 w 586"/>
                <a:gd name="T15" fmla="*/ 217 h 958"/>
                <a:gd name="T16" fmla="*/ 232 w 586"/>
                <a:gd name="T17" fmla="*/ 242 h 958"/>
                <a:gd name="T18" fmla="*/ 222 w 586"/>
                <a:gd name="T19" fmla="*/ 265 h 958"/>
                <a:gd name="T20" fmla="*/ 222 w 586"/>
                <a:gd name="T21" fmla="*/ 281 h 958"/>
                <a:gd name="T22" fmla="*/ 213 w 586"/>
                <a:gd name="T23" fmla="*/ 292 h 958"/>
                <a:gd name="T24" fmla="*/ 211 w 586"/>
                <a:gd name="T25" fmla="*/ 305 h 958"/>
                <a:gd name="T26" fmla="*/ 247 w 586"/>
                <a:gd name="T27" fmla="*/ 300 h 958"/>
                <a:gd name="T28" fmla="*/ 250 w 586"/>
                <a:gd name="T29" fmla="*/ 299 h 958"/>
                <a:gd name="T30" fmla="*/ 253 w 586"/>
                <a:gd name="T31" fmla="*/ 329 h 958"/>
                <a:gd name="T32" fmla="*/ 259 w 586"/>
                <a:gd name="T33" fmla="*/ 348 h 958"/>
                <a:gd name="T34" fmla="*/ 264 w 586"/>
                <a:gd name="T35" fmla="*/ 360 h 958"/>
                <a:gd name="T36" fmla="*/ 261 w 586"/>
                <a:gd name="T37" fmla="*/ 369 h 958"/>
                <a:gd name="T38" fmla="*/ 270 w 586"/>
                <a:gd name="T39" fmla="*/ 378 h 958"/>
                <a:gd name="T40" fmla="*/ 282 w 586"/>
                <a:gd name="T41" fmla="*/ 394 h 958"/>
                <a:gd name="T42" fmla="*/ 284 w 586"/>
                <a:gd name="T43" fmla="*/ 415 h 958"/>
                <a:gd name="T44" fmla="*/ 292 w 586"/>
                <a:gd name="T45" fmla="*/ 419 h 958"/>
                <a:gd name="T46" fmla="*/ 295 w 586"/>
                <a:gd name="T47" fmla="*/ 411 h 958"/>
                <a:gd name="T48" fmla="*/ 308 w 586"/>
                <a:gd name="T49" fmla="*/ 413 h 958"/>
                <a:gd name="T50" fmla="*/ 320 w 586"/>
                <a:gd name="T51" fmla="*/ 416 h 958"/>
                <a:gd name="T52" fmla="*/ 327 w 586"/>
                <a:gd name="T53" fmla="*/ 409 h 958"/>
                <a:gd name="T54" fmla="*/ 334 w 586"/>
                <a:gd name="T55" fmla="*/ 411 h 958"/>
                <a:gd name="T56" fmla="*/ 352 w 586"/>
                <a:gd name="T57" fmla="*/ 413 h 958"/>
                <a:gd name="T58" fmla="*/ 386 w 586"/>
                <a:gd name="T59" fmla="*/ 403 h 958"/>
                <a:gd name="T60" fmla="*/ 183 w 586"/>
                <a:gd name="T61" fmla="*/ 599 h 958"/>
                <a:gd name="T62" fmla="*/ 176 w 586"/>
                <a:gd name="T63" fmla="*/ 598 h 958"/>
                <a:gd name="T64" fmla="*/ 156 w 586"/>
                <a:gd name="T65" fmla="*/ 595 h 958"/>
                <a:gd name="T66" fmla="*/ 125 w 586"/>
                <a:gd name="T67" fmla="*/ 588 h 958"/>
                <a:gd name="T68" fmla="*/ 89 w 586"/>
                <a:gd name="T69" fmla="*/ 580 h 958"/>
                <a:gd name="T70" fmla="*/ 51 w 586"/>
                <a:gd name="T71" fmla="*/ 572 h 958"/>
                <a:gd name="T72" fmla="*/ 18 w 586"/>
                <a:gd name="T73" fmla="*/ 564 h 958"/>
                <a:gd name="T74" fmla="*/ 44 w 586"/>
                <a:gd name="T75" fmla="*/ 403 h 958"/>
                <a:gd name="T76" fmla="*/ 34 w 586"/>
                <a:gd name="T77" fmla="*/ 375 h 958"/>
                <a:gd name="T78" fmla="*/ 37 w 586"/>
                <a:gd name="T79" fmla="*/ 368 h 958"/>
                <a:gd name="T80" fmla="*/ 42 w 586"/>
                <a:gd name="T81" fmla="*/ 356 h 958"/>
                <a:gd name="T82" fmla="*/ 64 w 586"/>
                <a:gd name="T83" fmla="*/ 330 h 958"/>
                <a:gd name="T84" fmla="*/ 101 w 586"/>
                <a:gd name="T85" fmla="*/ 273 h 958"/>
                <a:gd name="T86" fmla="*/ 83 w 586"/>
                <a:gd name="T87" fmla="*/ 228 h 958"/>
                <a:gd name="T88" fmla="*/ 83 w 586"/>
                <a:gd name="T89" fmla="*/ 198 h 958"/>
                <a:gd name="T90" fmla="*/ 89 w 586"/>
                <a:gd name="T91" fmla="*/ 176 h 958"/>
                <a:gd name="T92" fmla="*/ 98 w 586"/>
                <a:gd name="T93" fmla="*/ 137 h 958"/>
                <a:gd name="T94" fmla="*/ 109 w 586"/>
                <a:gd name="T95" fmla="*/ 91 h 958"/>
                <a:gd name="T96" fmla="*/ 118 w 586"/>
                <a:gd name="T97" fmla="*/ 46 h 958"/>
                <a:gd name="T98" fmla="*/ 125 w 586"/>
                <a:gd name="T99" fmla="*/ 17 h 958"/>
                <a:gd name="T100" fmla="*/ 127 w 586"/>
                <a:gd name="T101" fmla="*/ 0 h 958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w 586"/>
                <a:gd name="T154" fmla="*/ 0 h 958"/>
                <a:gd name="T155" fmla="*/ 586 w 586"/>
                <a:gd name="T156" fmla="*/ 958 h 958"/>
              </a:gdLst>
              <a:ahLst/>
              <a:cxnLst>
                <a:cxn ang="T102">
                  <a:pos x="T0" y="T1"/>
                </a:cxn>
                <a:cxn ang="T103">
                  <a:pos x="T2" y="T3"/>
                </a:cxn>
                <a:cxn ang="T104">
                  <a:pos x="T4" y="T5"/>
                </a:cxn>
                <a:cxn ang="T105">
                  <a:pos x="T6" y="T7"/>
                </a:cxn>
                <a:cxn ang="T106">
                  <a:pos x="T8" y="T9"/>
                </a:cxn>
                <a:cxn ang="T107">
                  <a:pos x="T10" y="T11"/>
                </a:cxn>
                <a:cxn ang="T108">
                  <a:pos x="T12" y="T13"/>
                </a:cxn>
                <a:cxn ang="T109">
                  <a:pos x="T14" y="T15"/>
                </a:cxn>
                <a:cxn ang="T110">
                  <a:pos x="T16" y="T17"/>
                </a:cxn>
                <a:cxn ang="T111">
                  <a:pos x="T18" y="T19"/>
                </a:cxn>
                <a:cxn ang="T112">
                  <a:pos x="T20" y="T21"/>
                </a:cxn>
                <a:cxn ang="T113">
                  <a:pos x="T22" y="T23"/>
                </a:cxn>
                <a:cxn ang="T114">
                  <a:pos x="T24" y="T25"/>
                </a:cxn>
                <a:cxn ang="T115">
                  <a:pos x="T26" y="T27"/>
                </a:cxn>
                <a:cxn ang="T116">
                  <a:pos x="T28" y="T29"/>
                </a:cxn>
                <a:cxn ang="T117">
                  <a:pos x="T30" y="T31"/>
                </a:cxn>
                <a:cxn ang="T118">
                  <a:pos x="T32" y="T33"/>
                </a:cxn>
                <a:cxn ang="T119">
                  <a:pos x="T34" y="T35"/>
                </a:cxn>
                <a:cxn ang="T120">
                  <a:pos x="T36" y="T37"/>
                </a:cxn>
                <a:cxn ang="T121">
                  <a:pos x="T38" y="T39"/>
                </a:cxn>
                <a:cxn ang="T122">
                  <a:pos x="T40" y="T41"/>
                </a:cxn>
                <a:cxn ang="T123">
                  <a:pos x="T42" y="T43"/>
                </a:cxn>
                <a:cxn ang="T124">
                  <a:pos x="T44" y="T45"/>
                </a:cxn>
                <a:cxn ang="T125">
                  <a:pos x="T46" y="T47"/>
                </a:cxn>
                <a:cxn ang="T126">
                  <a:pos x="T48" y="T49"/>
                </a:cxn>
                <a:cxn ang="T127">
                  <a:pos x="T50" y="T51"/>
                </a:cxn>
                <a:cxn ang="T128">
                  <a:pos x="T52" y="T53"/>
                </a:cxn>
                <a:cxn ang="T129">
                  <a:pos x="T54" y="T55"/>
                </a:cxn>
                <a:cxn ang="T130">
                  <a:pos x="T56" y="T57"/>
                </a:cxn>
                <a:cxn ang="T131">
                  <a:pos x="T58" y="T59"/>
                </a:cxn>
                <a:cxn ang="T132">
                  <a:pos x="T60" y="T61"/>
                </a:cxn>
                <a:cxn ang="T133">
                  <a:pos x="T62" y="T63"/>
                </a:cxn>
                <a:cxn ang="T134">
                  <a:pos x="T64" y="T65"/>
                </a:cxn>
                <a:cxn ang="T135">
                  <a:pos x="T66" y="T67"/>
                </a:cxn>
                <a:cxn ang="T136">
                  <a:pos x="T68" y="T69"/>
                </a:cxn>
                <a:cxn ang="T137">
                  <a:pos x="T70" y="T71"/>
                </a:cxn>
                <a:cxn ang="T138">
                  <a:pos x="T72" y="T73"/>
                </a:cxn>
                <a:cxn ang="T139">
                  <a:pos x="T74" y="T75"/>
                </a:cxn>
                <a:cxn ang="T140">
                  <a:pos x="T76" y="T77"/>
                </a:cxn>
                <a:cxn ang="T141">
                  <a:pos x="T78" y="T79"/>
                </a:cxn>
                <a:cxn ang="T142">
                  <a:pos x="T80" y="T81"/>
                </a:cxn>
                <a:cxn ang="T143">
                  <a:pos x="T82" y="T83"/>
                </a:cxn>
                <a:cxn ang="T144">
                  <a:pos x="T84" y="T85"/>
                </a:cxn>
                <a:cxn ang="T145">
                  <a:pos x="T86" y="T87"/>
                </a:cxn>
                <a:cxn ang="T146">
                  <a:pos x="T88" y="T89"/>
                </a:cxn>
                <a:cxn ang="T147">
                  <a:pos x="T90" y="T91"/>
                </a:cxn>
                <a:cxn ang="T148">
                  <a:pos x="T92" y="T93"/>
                </a:cxn>
                <a:cxn ang="T149">
                  <a:pos x="T94" y="T95"/>
                </a:cxn>
                <a:cxn ang="T150">
                  <a:pos x="T96" y="T97"/>
                </a:cxn>
                <a:cxn ang="T151">
                  <a:pos x="T98" y="T99"/>
                </a:cxn>
                <a:cxn ang="T152">
                  <a:pos x="T100" y="T101"/>
                </a:cxn>
              </a:cxnLst>
              <a:rect l="T153" t="T154" r="T155" b="T156"/>
              <a:pathLst>
                <a:path w="586" h="958">
                  <a:moveTo>
                    <a:pt x="266" y="17"/>
                  </a:moveTo>
                  <a:lnTo>
                    <a:pt x="241" y="139"/>
                  </a:lnTo>
                  <a:lnTo>
                    <a:pt x="249" y="158"/>
                  </a:lnTo>
                  <a:lnTo>
                    <a:pt x="261" y="185"/>
                  </a:lnTo>
                  <a:lnTo>
                    <a:pt x="261" y="195"/>
                  </a:lnTo>
                  <a:lnTo>
                    <a:pt x="254" y="200"/>
                  </a:lnTo>
                  <a:lnTo>
                    <a:pt x="263" y="207"/>
                  </a:lnTo>
                  <a:lnTo>
                    <a:pt x="256" y="212"/>
                  </a:lnTo>
                  <a:lnTo>
                    <a:pt x="256" y="219"/>
                  </a:lnTo>
                  <a:lnTo>
                    <a:pt x="269" y="222"/>
                  </a:lnTo>
                  <a:lnTo>
                    <a:pt x="269" y="224"/>
                  </a:lnTo>
                  <a:lnTo>
                    <a:pt x="269" y="226"/>
                  </a:lnTo>
                  <a:lnTo>
                    <a:pt x="269" y="227"/>
                  </a:lnTo>
                  <a:lnTo>
                    <a:pt x="269" y="229"/>
                  </a:lnTo>
                  <a:lnTo>
                    <a:pt x="269" y="231"/>
                  </a:lnTo>
                  <a:lnTo>
                    <a:pt x="269" y="232"/>
                  </a:lnTo>
                  <a:lnTo>
                    <a:pt x="271" y="234"/>
                  </a:lnTo>
                  <a:lnTo>
                    <a:pt x="276" y="236"/>
                  </a:lnTo>
                  <a:lnTo>
                    <a:pt x="280" y="237"/>
                  </a:lnTo>
                  <a:lnTo>
                    <a:pt x="283" y="241"/>
                  </a:lnTo>
                  <a:lnTo>
                    <a:pt x="286" y="244"/>
                  </a:lnTo>
                  <a:lnTo>
                    <a:pt x="290" y="249"/>
                  </a:lnTo>
                  <a:lnTo>
                    <a:pt x="293" y="256"/>
                  </a:lnTo>
                  <a:lnTo>
                    <a:pt x="295" y="261"/>
                  </a:lnTo>
                  <a:lnTo>
                    <a:pt x="298" y="268"/>
                  </a:lnTo>
                  <a:lnTo>
                    <a:pt x="300" y="275"/>
                  </a:lnTo>
                  <a:lnTo>
                    <a:pt x="302" y="280"/>
                  </a:lnTo>
                  <a:lnTo>
                    <a:pt x="303" y="286"/>
                  </a:lnTo>
                  <a:lnTo>
                    <a:pt x="305" y="292"/>
                  </a:lnTo>
                  <a:lnTo>
                    <a:pt x="305" y="295"/>
                  </a:lnTo>
                  <a:lnTo>
                    <a:pt x="307" y="298"/>
                  </a:lnTo>
                  <a:lnTo>
                    <a:pt x="307" y="300"/>
                  </a:lnTo>
                  <a:lnTo>
                    <a:pt x="307" y="302"/>
                  </a:lnTo>
                  <a:lnTo>
                    <a:pt x="315" y="305"/>
                  </a:lnTo>
                  <a:lnTo>
                    <a:pt x="315" y="317"/>
                  </a:lnTo>
                  <a:lnTo>
                    <a:pt x="327" y="317"/>
                  </a:lnTo>
                  <a:lnTo>
                    <a:pt x="329" y="330"/>
                  </a:lnTo>
                  <a:lnTo>
                    <a:pt x="335" y="330"/>
                  </a:lnTo>
                  <a:lnTo>
                    <a:pt x="354" y="330"/>
                  </a:lnTo>
                  <a:lnTo>
                    <a:pt x="354" y="332"/>
                  </a:lnTo>
                  <a:lnTo>
                    <a:pt x="342" y="354"/>
                  </a:lnTo>
                  <a:lnTo>
                    <a:pt x="342" y="366"/>
                  </a:lnTo>
                  <a:lnTo>
                    <a:pt x="334" y="376"/>
                  </a:lnTo>
                  <a:lnTo>
                    <a:pt x="335" y="376"/>
                  </a:lnTo>
                  <a:lnTo>
                    <a:pt x="335" y="385"/>
                  </a:lnTo>
                  <a:lnTo>
                    <a:pt x="329" y="390"/>
                  </a:lnTo>
                  <a:lnTo>
                    <a:pt x="327" y="400"/>
                  </a:lnTo>
                  <a:lnTo>
                    <a:pt x="330" y="418"/>
                  </a:lnTo>
                  <a:lnTo>
                    <a:pt x="330" y="420"/>
                  </a:lnTo>
                  <a:lnTo>
                    <a:pt x="329" y="422"/>
                  </a:lnTo>
                  <a:lnTo>
                    <a:pt x="327" y="425"/>
                  </a:lnTo>
                  <a:lnTo>
                    <a:pt x="320" y="427"/>
                  </a:lnTo>
                  <a:lnTo>
                    <a:pt x="317" y="430"/>
                  </a:lnTo>
                  <a:lnTo>
                    <a:pt x="315" y="434"/>
                  </a:lnTo>
                  <a:lnTo>
                    <a:pt x="313" y="439"/>
                  </a:lnTo>
                  <a:lnTo>
                    <a:pt x="313" y="444"/>
                  </a:lnTo>
                  <a:lnTo>
                    <a:pt x="315" y="447"/>
                  </a:lnTo>
                  <a:lnTo>
                    <a:pt x="315" y="451"/>
                  </a:lnTo>
                  <a:lnTo>
                    <a:pt x="315" y="452"/>
                  </a:lnTo>
                  <a:lnTo>
                    <a:pt x="310" y="454"/>
                  </a:lnTo>
                  <a:lnTo>
                    <a:pt x="310" y="462"/>
                  </a:lnTo>
                  <a:lnTo>
                    <a:pt x="319" y="466"/>
                  </a:lnTo>
                  <a:lnTo>
                    <a:pt x="327" y="474"/>
                  </a:lnTo>
                  <a:lnTo>
                    <a:pt x="342" y="469"/>
                  </a:lnTo>
                  <a:lnTo>
                    <a:pt x="357" y="456"/>
                  </a:lnTo>
                  <a:lnTo>
                    <a:pt x="364" y="454"/>
                  </a:lnTo>
                  <a:lnTo>
                    <a:pt x="366" y="452"/>
                  </a:lnTo>
                  <a:lnTo>
                    <a:pt x="366" y="451"/>
                  </a:lnTo>
                  <a:lnTo>
                    <a:pt x="368" y="451"/>
                  </a:lnTo>
                  <a:lnTo>
                    <a:pt x="369" y="452"/>
                  </a:lnTo>
                  <a:lnTo>
                    <a:pt x="371" y="456"/>
                  </a:lnTo>
                  <a:lnTo>
                    <a:pt x="373" y="464"/>
                  </a:lnTo>
                  <a:lnTo>
                    <a:pt x="373" y="474"/>
                  </a:lnTo>
                  <a:lnTo>
                    <a:pt x="373" y="488"/>
                  </a:lnTo>
                  <a:lnTo>
                    <a:pt x="373" y="498"/>
                  </a:lnTo>
                  <a:lnTo>
                    <a:pt x="374" y="506"/>
                  </a:lnTo>
                  <a:lnTo>
                    <a:pt x="376" y="513"/>
                  </a:lnTo>
                  <a:lnTo>
                    <a:pt x="378" y="520"/>
                  </a:lnTo>
                  <a:lnTo>
                    <a:pt x="379" y="523"/>
                  </a:lnTo>
                  <a:lnTo>
                    <a:pt x="381" y="525"/>
                  </a:lnTo>
                  <a:lnTo>
                    <a:pt x="383" y="527"/>
                  </a:lnTo>
                  <a:lnTo>
                    <a:pt x="386" y="535"/>
                  </a:lnTo>
                  <a:lnTo>
                    <a:pt x="388" y="540"/>
                  </a:lnTo>
                  <a:lnTo>
                    <a:pt x="390" y="545"/>
                  </a:lnTo>
                  <a:lnTo>
                    <a:pt x="390" y="547"/>
                  </a:lnTo>
                  <a:lnTo>
                    <a:pt x="388" y="550"/>
                  </a:lnTo>
                  <a:lnTo>
                    <a:pt x="388" y="552"/>
                  </a:lnTo>
                  <a:lnTo>
                    <a:pt x="386" y="554"/>
                  </a:lnTo>
                  <a:lnTo>
                    <a:pt x="385" y="559"/>
                  </a:lnTo>
                  <a:lnTo>
                    <a:pt x="386" y="562"/>
                  </a:lnTo>
                  <a:lnTo>
                    <a:pt x="388" y="566"/>
                  </a:lnTo>
                  <a:lnTo>
                    <a:pt x="391" y="569"/>
                  </a:lnTo>
                  <a:lnTo>
                    <a:pt x="395" y="571"/>
                  </a:lnTo>
                  <a:lnTo>
                    <a:pt x="398" y="572"/>
                  </a:lnTo>
                  <a:lnTo>
                    <a:pt x="400" y="572"/>
                  </a:lnTo>
                  <a:lnTo>
                    <a:pt x="401" y="572"/>
                  </a:lnTo>
                  <a:lnTo>
                    <a:pt x="413" y="591"/>
                  </a:lnTo>
                  <a:lnTo>
                    <a:pt x="413" y="593"/>
                  </a:lnTo>
                  <a:lnTo>
                    <a:pt x="415" y="596"/>
                  </a:lnTo>
                  <a:lnTo>
                    <a:pt x="415" y="603"/>
                  </a:lnTo>
                  <a:lnTo>
                    <a:pt x="415" y="610"/>
                  </a:lnTo>
                  <a:lnTo>
                    <a:pt x="417" y="616"/>
                  </a:lnTo>
                  <a:lnTo>
                    <a:pt x="417" y="622"/>
                  </a:lnTo>
                  <a:lnTo>
                    <a:pt x="418" y="627"/>
                  </a:lnTo>
                  <a:lnTo>
                    <a:pt x="418" y="628"/>
                  </a:lnTo>
                  <a:lnTo>
                    <a:pt x="422" y="633"/>
                  </a:lnTo>
                  <a:lnTo>
                    <a:pt x="425" y="637"/>
                  </a:lnTo>
                  <a:lnTo>
                    <a:pt x="427" y="637"/>
                  </a:lnTo>
                  <a:lnTo>
                    <a:pt x="429" y="637"/>
                  </a:lnTo>
                  <a:lnTo>
                    <a:pt x="430" y="633"/>
                  </a:lnTo>
                  <a:lnTo>
                    <a:pt x="432" y="632"/>
                  </a:lnTo>
                  <a:lnTo>
                    <a:pt x="432" y="630"/>
                  </a:lnTo>
                  <a:lnTo>
                    <a:pt x="432" y="628"/>
                  </a:lnTo>
                  <a:lnTo>
                    <a:pt x="435" y="623"/>
                  </a:lnTo>
                  <a:lnTo>
                    <a:pt x="440" y="622"/>
                  </a:lnTo>
                  <a:lnTo>
                    <a:pt x="444" y="622"/>
                  </a:lnTo>
                  <a:lnTo>
                    <a:pt x="447" y="622"/>
                  </a:lnTo>
                  <a:lnTo>
                    <a:pt x="452" y="623"/>
                  </a:lnTo>
                  <a:lnTo>
                    <a:pt x="454" y="625"/>
                  </a:lnTo>
                  <a:lnTo>
                    <a:pt x="457" y="627"/>
                  </a:lnTo>
                  <a:lnTo>
                    <a:pt x="459" y="628"/>
                  </a:lnTo>
                  <a:lnTo>
                    <a:pt x="464" y="632"/>
                  </a:lnTo>
                  <a:lnTo>
                    <a:pt x="469" y="632"/>
                  </a:lnTo>
                  <a:lnTo>
                    <a:pt x="473" y="630"/>
                  </a:lnTo>
                  <a:lnTo>
                    <a:pt x="476" y="628"/>
                  </a:lnTo>
                  <a:lnTo>
                    <a:pt x="478" y="625"/>
                  </a:lnTo>
                  <a:lnTo>
                    <a:pt x="479" y="623"/>
                  </a:lnTo>
                  <a:lnTo>
                    <a:pt x="479" y="620"/>
                  </a:lnTo>
                  <a:lnTo>
                    <a:pt x="481" y="620"/>
                  </a:lnTo>
                  <a:lnTo>
                    <a:pt x="484" y="618"/>
                  </a:lnTo>
                  <a:lnTo>
                    <a:pt x="486" y="618"/>
                  </a:lnTo>
                  <a:lnTo>
                    <a:pt x="488" y="620"/>
                  </a:lnTo>
                  <a:lnTo>
                    <a:pt x="489" y="622"/>
                  </a:lnTo>
                  <a:lnTo>
                    <a:pt x="491" y="623"/>
                  </a:lnTo>
                  <a:lnTo>
                    <a:pt x="491" y="625"/>
                  </a:lnTo>
                  <a:lnTo>
                    <a:pt x="493" y="627"/>
                  </a:lnTo>
                  <a:lnTo>
                    <a:pt x="493" y="628"/>
                  </a:lnTo>
                  <a:lnTo>
                    <a:pt x="498" y="628"/>
                  </a:lnTo>
                  <a:lnTo>
                    <a:pt x="518" y="625"/>
                  </a:lnTo>
                  <a:lnTo>
                    <a:pt x="525" y="630"/>
                  </a:lnTo>
                  <a:lnTo>
                    <a:pt x="537" y="630"/>
                  </a:lnTo>
                  <a:lnTo>
                    <a:pt x="552" y="628"/>
                  </a:lnTo>
                  <a:lnTo>
                    <a:pt x="559" y="611"/>
                  </a:lnTo>
                  <a:lnTo>
                    <a:pt x="569" y="611"/>
                  </a:lnTo>
                  <a:lnTo>
                    <a:pt x="576" y="632"/>
                  </a:lnTo>
                  <a:lnTo>
                    <a:pt x="586" y="647"/>
                  </a:lnTo>
                  <a:lnTo>
                    <a:pt x="540" y="958"/>
                  </a:lnTo>
                  <a:lnTo>
                    <a:pt x="269" y="909"/>
                  </a:lnTo>
                  <a:lnTo>
                    <a:pt x="268" y="909"/>
                  </a:lnTo>
                  <a:lnTo>
                    <a:pt x="266" y="909"/>
                  </a:lnTo>
                  <a:lnTo>
                    <a:pt x="263" y="908"/>
                  </a:lnTo>
                  <a:lnTo>
                    <a:pt x="259" y="908"/>
                  </a:lnTo>
                  <a:lnTo>
                    <a:pt x="254" y="906"/>
                  </a:lnTo>
                  <a:lnTo>
                    <a:pt x="249" y="904"/>
                  </a:lnTo>
                  <a:lnTo>
                    <a:pt x="242" y="904"/>
                  </a:lnTo>
                  <a:lnTo>
                    <a:pt x="236" y="902"/>
                  </a:lnTo>
                  <a:lnTo>
                    <a:pt x="229" y="901"/>
                  </a:lnTo>
                  <a:lnTo>
                    <a:pt x="220" y="899"/>
                  </a:lnTo>
                  <a:lnTo>
                    <a:pt x="212" y="897"/>
                  </a:lnTo>
                  <a:lnTo>
                    <a:pt x="203" y="896"/>
                  </a:lnTo>
                  <a:lnTo>
                    <a:pt x="193" y="894"/>
                  </a:lnTo>
                  <a:lnTo>
                    <a:pt x="185" y="891"/>
                  </a:lnTo>
                  <a:lnTo>
                    <a:pt x="175" y="889"/>
                  </a:lnTo>
                  <a:lnTo>
                    <a:pt x="165" y="887"/>
                  </a:lnTo>
                  <a:lnTo>
                    <a:pt x="154" y="884"/>
                  </a:lnTo>
                  <a:lnTo>
                    <a:pt x="143" y="882"/>
                  </a:lnTo>
                  <a:lnTo>
                    <a:pt x="132" y="880"/>
                  </a:lnTo>
                  <a:lnTo>
                    <a:pt x="121" y="877"/>
                  </a:lnTo>
                  <a:lnTo>
                    <a:pt x="110" y="875"/>
                  </a:lnTo>
                  <a:lnTo>
                    <a:pt x="99" y="872"/>
                  </a:lnTo>
                  <a:lnTo>
                    <a:pt x="87" y="870"/>
                  </a:lnTo>
                  <a:lnTo>
                    <a:pt x="77" y="867"/>
                  </a:lnTo>
                  <a:lnTo>
                    <a:pt x="65" y="865"/>
                  </a:lnTo>
                  <a:lnTo>
                    <a:pt x="53" y="862"/>
                  </a:lnTo>
                  <a:lnTo>
                    <a:pt x="43" y="860"/>
                  </a:lnTo>
                  <a:lnTo>
                    <a:pt x="33" y="858"/>
                  </a:lnTo>
                  <a:lnTo>
                    <a:pt x="21" y="855"/>
                  </a:lnTo>
                  <a:lnTo>
                    <a:pt x="11" y="853"/>
                  </a:lnTo>
                  <a:lnTo>
                    <a:pt x="0" y="852"/>
                  </a:lnTo>
                  <a:lnTo>
                    <a:pt x="46" y="657"/>
                  </a:lnTo>
                  <a:lnTo>
                    <a:pt x="44" y="644"/>
                  </a:lnTo>
                  <a:lnTo>
                    <a:pt x="63" y="611"/>
                  </a:lnTo>
                  <a:lnTo>
                    <a:pt x="63" y="601"/>
                  </a:lnTo>
                  <a:lnTo>
                    <a:pt x="68" y="594"/>
                  </a:lnTo>
                  <a:lnTo>
                    <a:pt x="71" y="586"/>
                  </a:lnTo>
                  <a:lnTo>
                    <a:pt x="66" y="581"/>
                  </a:lnTo>
                  <a:lnTo>
                    <a:pt x="48" y="569"/>
                  </a:lnTo>
                  <a:lnTo>
                    <a:pt x="49" y="561"/>
                  </a:lnTo>
                  <a:lnTo>
                    <a:pt x="49" y="559"/>
                  </a:lnTo>
                  <a:lnTo>
                    <a:pt x="49" y="557"/>
                  </a:lnTo>
                  <a:lnTo>
                    <a:pt x="51" y="556"/>
                  </a:lnTo>
                  <a:lnTo>
                    <a:pt x="51" y="554"/>
                  </a:lnTo>
                  <a:lnTo>
                    <a:pt x="53" y="552"/>
                  </a:lnTo>
                  <a:lnTo>
                    <a:pt x="53" y="550"/>
                  </a:lnTo>
                  <a:lnTo>
                    <a:pt x="53" y="549"/>
                  </a:lnTo>
                  <a:lnTo>
                    <a:pt x="58" y="539"/>
                  </a:lnTo>
                  <a:lnTo>
                    <a:pt x="63" y="530"/>
                  </a:lnTo>
                  <a:lnTo>
                    <a:pt x="71" y="522"/>
                  </a:lnTo>
                  <a:lnTo>
                    <a:pt x="78" y="513"/>
                  </a:lnTo>
                  <a:lnTo>
                    <a:pt x="87" y="506"/>
                  </a:lnTo>
                  <a:lnTo>
                    <a:pt x="93" y="501"/>
                  </a:lnTo>
                  <a:lnTo>
                    <a:pt x="97" y="498"/>
                  </a:lnTo>
                  <a:lnTo>
                    <a:pt x="99" y="496"/>
                  </a:lnTo>
                  <a:lnTo>
                    <a:pt x="99" y="488"/>
                  </a:lnTo>
                  <a:lnTo>
                    <a:pt x="146" y="422"/>
                  </a:lnTo>
                  <a:lnTo>
                    <a:pt x="148" y="413"/>
                  </a:lnTo>
                  <a:lnTo>
                    <a:pt x="141" y="400"/>
                  </a:lnTo>
                  <a:lnTo>
                    <a:pt x="131" y="391"/>
                  </a:lnTo>
                  <a:lnTo>
                    <a:pt x="119" y="368"/>
                  </a:lnTo>
                  <a:lnTo>
                    <a:pt x="119" y="358"/>
                  </a:lnTo>
                  <a:lnTo>
                    <a:pt x="122" y="344"/>
                  </a:lnTo>
                  <a:lnTo>
                    <a:pt x="122" y="332"/>
                  </a:lnTo>
                  <a:lnTo>
                    <a:pt x="117" y="320"/>
                  </a:lnTo>
                  <a:lnTo>
                    <a:pt x="122" y="303"/>
                  </a:lnTo>
                  <a:lnTo>
                    <a:pt x="122" y="302"/>
                  </a:lnTo>
                  <a:lnTo>
                    <a:pt x="122" y="300"/>
                  </a:lnTo>
                  <a:lnTo>
                    <a:pt x="124" y="297"/>
                  </a:lnTo>
                  <a:lnTo>
                    <a:pt x="126" y="290"/>
                  </a:lnTo>
                  <a:lnTo>
                    <a:pt x="127" y="283"/>
                  </a:lnTo>
                  <a:lnTo>
                    <a:pt x="129" y="275"/>
                  </a:lnTo>
                  <a:lnTo>
                    <a:pt x="131" y="266"/>
                  </a:lnTo>
                  <a:lnTo>
                    <a:pt x="132" y="256"/>
                  </a:lnTo>
                  <a:lnTo>
                    <a:pt x="136" y="244"/>
                  </a:lnTo>
                  <a:lnTo>
                    <a:pt x="137" y="232"/>
                  </a:lnTo>
                  <a:lnTo>
                    <a:pt x="141" y="220"/>
                  </a:lnTo>
                  <a:lnTo>
                    <a:pt x="144" y="207"/>
                  </a:lnTo>
                  <a:lnTo>
                    <a:pt x="146" y="193"/>
                  </a:lnTo>
                  <a:lnTo>
                    <a:pt x="149" y="180"/>
                  </a:lnTo>
                  <a:lnTo>
                    <a:pt x="153" y="166"/>
                  </a:lnTo>
                  <a:lnTo>
                    <a:pt x="156" y="151"/>
                  </a:lnTo>
                  <a:lnTo>
                    <a:pt x="159" y="138"/>
                  </a:lnTo>
                  <a:lnTo>
                    <a:pt x="161" y="122"/>
                  </a:lnTo>
                  <a:lnTo>
                    <a:pt x="165" y="109"/>
                  </a:lnTo>
                  <a:lnTo>
                    <a:pt x="168" y="95"/>
                  </a:lnTo>
                  <a:lnTo>
                    <a:pt x="171" y="82"/>
                  </a:lnTo>
                  <a:lnTo>
                    <a:pt x="173" y="70"/>
                  </a:lnTo>
                  <a:lnTo>
                    <a:pt x="176" y="58"/>
                  </a:lnTo>
                  <a:lnTo>
                    <a:pt x="178" y="48"/>
                  </a:lnTo>
                  <a:lnTo>
                    <a:pt x="181" y="38"/>
                  </a:lnTo>
                  <a:lnTo>
                    <a:pt x="183" y="28"/>
                  </a:lnTo>
                  <a:lnTo>
                    <a:pt x="185" y="19"/>
                  </a:lnTo>
                  <a:lnTo>
                    <a:pt x="187" y="12"/>
                  </a:lnTo>
                  <a:lnTo>
                    <a:pt x="188" y="7"/>
                  </a:lnTo>
                  <a:lnTo>
                    <a:pt x="188" y="4"/>
                  </a:lnTo>
                  <a:lnTo>
                    <a:pt x="188" y="0"/>
                  </a:lnTo>
                  <a:lnTo>
                    <a:pt x="266" y="17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26" name="Freeform 117"/>
            <p:cNvSpPr>
              <a:spLocks/>
            </p:cNvSpPr>
            <p:nvPr/>
          </p:nvSpPr>
          <p:spPr bwMode="auto">
            <a:xfrm>
              <a:off x="1110" y="981"/>
              <a:ext cx="979" cy="621"/>
            </a:xfrm>
            <a:custGeom>
              <a:avLst/>
              <a:gdLst>
                <a:gd name="T0" fmla="*/ 289 w 1007"/>
                <a:gd name="T1" fmla="*/ 381 h 640"/>
                <a:gd name="T2" fmla="*/ 357 w 1007"/>
                <a:gd name="T3" fmla="*/ 389 h 640"/>
                <a:gd name="T4" fmla="*/ 425 w 1007"/>
                <a:gd name="T5" fmla="*/ 398 h 640"/>
                <a:gd name="T6" fmla="*/ 489 w 1007"/>
                <a:gd name="T7" fmla="*/ 406 h 640"/>
                <a:gd name="T8" fmla="*/ 550 w 1007"/>
                <a:gd name="T9" fmla="*/ 410 h 640"/>
                <a:gd name="T10" fmla="*/ 600 w 1007"/>
                <a:gd name="T11" fmla="*/ 415 h 640"/>
                <a:gd name="T12" fmla="*/ 635 w 1007"/>
                <a:gd name="T13" fmla="*/ 418 h 640"/>
                <a:gd name="T14" fmla="*/ 651 w 1007"/>
                <a:gd name="T15" fmla="*/ 420 h 640"/>
                <a:gd name="T16" fmla="*/ 635 w 1007"/>
                <a:gd name="T17" fmla="*/ 93 h 640"/>
                <a:gd name="T18" fmla="*/ 534 w 1007"/>
                <a:gd name="T19" fmla="*/ 82 h 640"/>
                <a:gd name="T20" fmla="*/ 426 w 1007"/>
                <a:gd name="T21" fmla="*/ 70 h 640"/>
                <a:gd name="T22" fmla="*/ 317 w 1007"/>
                <a:gd name="T23" fmla="*/ 54 h 640"/>
                <a:gd name="T24" fmla="*/ 215 w 1007"/>
                <a:gd name="T25" fmla="*/ 39 h 640"/>
                <a:gd name="T26" fmla="*/ 126 w 1007"/>
                <a:gd name="T27" fmla="*/ 17 h 640"/>
                <a:gd name="T28" fmla="*/ 60 w 1007"/>
                <a:gd name="T29" fmla="*/ 12 h 640"/>
                <a:gd name="T30" fmla="*/ 20 w 1007"/>
                <a:gd name="T31" fmla="*/ 2 h 640"/>
                <a:gd name="T32" fmla="*/ 0 w 1007"/>
                <a:gd name="T33" fmla="*/ 80 h 640"/>
                <a:gd name="T34" fmla="*/ 13 w 1007"/>
                <a:gd name="T35" fmla="*/ 120 h 640"/>
                <a:gd name="T36" fmla="*/ 17 w 1007"/>
                <a:gd name="T37" fmla="*/ 135 h 640"/>
                <a:gd name="T38" fmla="*/ 17 w 1007"/>
                <a:gd name="T39" fmla="*/ 139 h 640"/>
                <a:gd name="T40" fmla="*/ 17 w 1007"/>
                <a:gd name="T41" fmla="*/ 143 h 640"/>
                <a:gd name="T42" fmla="*/ 31 w 1007"/>
                <a:gd name="T43" fmla="*/ 148 h 640"/>
                <a:gd name="T44" fmla="*/ 41 w 1007"/>
                <a:gd name="T45" fmla="*/ 165 h 640"/>
                <a:gd name="T46" fmla="*/ 44 w 1007"/>
                <a:gd name="T47" fmla="*/ 180 h 640"/>
                <a:gd name="T48" fmla="*/ 45 w 1007"/>
                <a:gd name="T49" fmla="*/ 187 h 640"/>
                <a:gd name="T50" fmla="*/ 60 w 1007"/>
                <a:gd name="T51" fmla="*/ 206 h 640"/>
                <a:gd name="T52" fmla="*/ 77 w 1007"/>
                <a:gd name="T53" fmla="*/ 206 h 640"/>
                <a:gd name="T54" fmla="*/ 63 w 1007"/>
                <a:gd name="T55" fmla="*/ 236 h 640"/>
                <a:gd name="T56" fmla="*/ 58 w 1007"/>
                <a:gd name="T57" fmla="*/ 252 h 640"/>
                <a:gd name="T58" fmla="*/ 58 w 1007"/>
                <a:gd name="T59" fmla="*/ 268 h 640"/>
                <a:gd name="T60" fmla="*/ 49 w 1007"/>
                <a:gd name="T61" fmla="*/ 274 h 640"/>
                <a:gd name="T62" fmla="*/ 49 w 1007"/>
                <a:gd name="T63" fmla="*/ 285 h 640"/>
                <a:gd name="T64" fmla="*/ 51 w 1007"/>
                <a:gd name="T65" fmla="*/ 295 h 640"/>
                <a:gd name="T66" fmla="*/ 83 w 1007"/>
                <a:gd name="T67" fmla="*/ 286 h 640"/>
                <a:gd name="T68" fmla="*/ 85 w 1007"/>
                <a:gd name="T69" fmla="*/ 285 h 640"/>
                <a:gd name="T70" fmla="*/ 88 w 1007"/>
                <a:gd name="T71" fmla="*/ 300 h 640"/>
                <a:gd name="T72" fmla="*/ 90 w 1007"/>
                <a:gd name="T73" fmla="*/ 325 h 640"/>
                <a:gd name="T74" fmla="*/ 95 w 1007"/>
                <a:gd name="T75" fmla="*/ 334 h 640"/>
                <a:gd name="T76" fmla="*/ 101 w 1007"/>
                <a:gd name="T77" fmla="*/ 347 h 640"/>
                <a:gd name="T78" fmla="*/ 98 w 1007"/>
                <a:gd name="T79" fmla="*/ 352 h 640"/>
                <a:gd name="T80" fmla="*/ 101 w 1007"/>
                <a:gd name="T81" fmla="*/ 363 h 640"/>
                <a:gd name="T82" fmla="*/ 109 w 1007"/>
                <a:gd name="T83" fmla="*/ 364 h 640"/>
                <a:gd name="T84" fmla="*/ 117 w 1007"/>
                <a:gd name="T85" fmla="*/ 385 h 640"/>
                <a:gd name="T86" fmla="*/ 119 w 1007"/>
                <a:gd name="T87" fmla="*/ 399 h 640"/>
                <a:gd name="T88" fmla="*/ 125 w 1007"/>
                <a:gd name="T89" fmla="*/ 408 h 640"/>
                <a:gd name="T90" fmla="*/ 129 w 1007"/>
                <a:gd name="T91" fmla="*/ 402 h 640"/>
                <a:gd name="T92" fmla="*/ 137 w 1007"/>
                <a:gd name="T93" fmla="*/ 397 h 640"/>
                <a:gd name="T94" fmla="*/ 145 w 1007"/>
                <a:gd name="T95" fmla="*/ 399 h 640"/>
                <a:gd name="T96" fmla="*/ 157 w 1007"/>
                <a:gd name="T97" fmla="*/ 402 h 640"/>
                <a:gd name="T98" fmla="*/ 160 w 1007"/>
                <a:gd name="T99" fmla="*/ 396 h 640"/>
                <a:gd name="T100" fmla="*/ 167 w 1007"/>
                <a:gd name="T101" fmla="*/ 396 h 640"/>
                <a:gd name="T102" fmla="*/ 170 w 1007"/>
                <a:gd name="T103" fmla="*/ 399 h 640"/>
                <a:gd name="T104" fmla="*/ 192 w 1007"/>
                <a:gd name="T105" fmla="*/ 402 h 640"/>
                <a:gd name="T106" fmla="*/ 221 w 1007"/>
                <a:gd name="T107" fmla="*/ 389 h 640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w 1007"/>
                <a:gd name="T163" fmla="*/ 0 h 640"/>
                <a:gd name="T164" fmla="*/ 1007 w 1007"/>
                <a:gd name="T165" fmla="*/ 640 h 640"/>
              </a:gdLst>
              <a:ahLst/>
              <a:cxnLst>
                <a:cxn ang="T108">
                  <a:pos x="T0" y="T1"/>
                </a:cxn>
                <a:cxn ang="T109">
                  <a:pos x="T2" y="T3"/>
                </a:cxn>
                <a:cxn ang="T110">
                  <a:pos x="T4" y="T5"/>
                </a:cxn>
                <a:cxn ang="T111">
                  <a:pos x="T6" y="T7"/>
                </a:cxn>
                <a:cxn ang="T112">
                  <a:pos x="T8" y="T9"/>
                </a:cxn>
                <a:cxn ang="T113">
                  <a:pos x="T10" y="T11"/>
                </a:cxn>
                <a:cxn ang="T114">
                  <a:pos x="T12" y="T13"/>
                </a:cxn>
                <a:cxn ang="T115">
                  <a:pos x="T14" y="T15"/>
                </a:cxn>
                <a:cxn ang="T116">
                  <a:pos x="T16" y="T17"/>
                </a:cxn>
                <a:cxn ang="T117">
                  <a:pos x="T18" y="T19"/>
                </a:cxn>
                <a:cxn ang="T118">
                  <a:pos x="T20" y="T21"/>
                </a:cxn>
                <a:cxn ang="T119">
                  <a:pos x="T22" y="T23"/>
                </a:cxn>
                <a:cxn ang="T120">
                  <a:pos x="T24" y="T25"/>
                </a:cxn>
                <a:cxn ang="T121">
                  <a:pos x="T26" y="T27"/>
                </a:cxn>
                <a:cxn ang="T122">
                  <a:pos x="T28" y="T29"/>
                </a:cxn>
                <a:cxn ang="T123">
                  <a:pos x="T30" y="T31"/>
                </a:cxn>
                <a:cxn ang="T124">
                  <a:pos x="T32" y="T33"/>
                </a:cxn>
                <a:cxn ang="T125">
                  <a:pos x="T34" y="T35"/>
                </a:cxn>
                <a:cxn ang="T126">
                  <a:pos x="T36" y="T37"/>
                </a:cxn>
                <a:cxn ang="T127">
                  <a:pos x="T38" y="T39"/>
                </a:cxn>
                <a:cxn ang="T128">
                  <a:pos x="T40" y="T41"/>
                </a:cxn>
                <a:cxn ang="T129">
                  <a:pos x="T42" y="T43"/>
                </a:cxn>
                <a:cxn ang="T130">
                  <a:pos x="T44" y="T45"/>
                </a:cxn>
                <a:cxn ang="T131">
                  <a:pos x="T46" y="T47"/>
                </a:cxn>
                <a:cxn ang="T132">
                  <a:pos x="T48" y="T49"/>
                </a:cxn>
                <a:cxn ang="T133">
                  <a:pos x="T50" y="T51"/>
                </a:cxn>
                <a:cxn ang="T134">
                  <a:pos x="T52" y="T53"/>
                </a:cxn>
                <a:cxn ang="T135">
                  <a:pos x="T54" y="T55"/>
                </a:cxn>
                <a:cxn ang="T136">
                  <a:pos x="T56" y="T57"/>
                </a:cxn>
                <a:cxn ang="T137">
                  <a:pos x="T58" y="T59"/>
                </a:cxn>
                <a:cxn ang="T138">
                  <a:pos x="T60" y="T61"/>
                </a:cxn>
                <a:cxn ang="T139">
                  <a:pos x="T62" y="T63"/>
                </a:cxn>
                <a:cxn ang="T140">
                  <a:pos x="T64" y="T65"/>
                </a:cxn>
                <a:cxn ang="T141">
                  <a:pos x="T66" y="T67"/>
                </a:cxn>
                <a:cxn ang="T142">
                  <a:pos x="T68" y="T69"/>
                </a:cxn>
                <a:cxn ang="T143">
                  <a:pos x="T70" y="T71"/>
                </a:cxn>
                <a:cxn ang="T144">
                  <a:pos x="T72" y="T73"/>
                </a:cxn>
                <a:cxn ang="T145">
                  <a:pos x="T74" y="T75"/>
                </a:cxn>
                <a:cxn ang="T146">
                  <a:pos x="T76" y="T77"/>
                </a:cxn>
                <a:cxn ang="T147">
                  <a:pos x="T78" y="T79"/>
                </a:cxn>
                <a:cxn ang="T148">
                  <a:pos x="T80" y="T81"/>
                </a:cxn>
                <a:cxn ang="T149">
                  <a:pos x="T82" y="T83"/>
                </a:cxn>
                <a:cxn ang="T150">
                  <a:pos x="T84" y="T85"/>
                </a:cxn>
                <a:cxn ang="T151">
                  <a:pos x="T86" y="T87"/>
                </a:cxn>
                <a:cxn ang="T152">
                  <a:pos x="T88" y="T89"/>
                </a:cxn>
                <a:cxn ang="T153">
                  <a:pos x="T90" y="T91"/>
                </a:cxn>
                <a:cxn ang="T154">
                  <a:pos x="T92" y="T93"/>
                </a:cxn>
                <a:cxn ang="T155">
                  <a:pos x="T94" y="T95"/>
                </a:cxn>
                <a:cxn ang="T156">
                  <a:pos x="T96" y="T97"/>
                </a:cxn>
                <a:cxn ang="T157">
                  <a:pos x="T98" y="T99"/>
                </a:cxn>
                <a:cxn ang="T158">
                  <a:pos x="T100" y="T101"/>
                </a:cxn>
                <a:cxn ang="T159">
                  <a:pos x="T102" y="T103"/>
                </a:cxn>
                <a:cxn ang="T160">
                  <a:pos x="T104" y="T105"/>
                </a:cxn>
                <a:cxn ang="T161">
                  <a:pos x="T106" y="T107"/>
                </a:cxn>
              </a:cxnLst>
              <a:rect l="T162" t="T163" r="T164" b="T165"/>
              <a:pathLst>
                <a:path w="1007" h="640">
                  <a:moveTo>
                    <a:pt x="358" y="569"/>
                  </a:moveTo>
                  <a:lnTo>
                    <a:pt x="380" y="572"/>
                  </a:lnTo>
                  <a:lnTo>
                    <a:pt x="404" y="576"/>
                  </a:lnTo>
                  <a:lnTo>
                    <a:pt x="428" y="581"/>
                  </a:lnTo>
                  <a:lnTo>
                    <a:pt x="453" y="584"/>
                  </a:lnTo>
                  <a:lnTo>
                    <a:pt x="477" y="588"/>
                  </a:lnTo>
                  <a:lnTo>
                    <a:pt x="502" y="591"/>
                  </a:lnTo>
                  <a:lnTo>
                    <a:pt x="528" y="594"/>
                  </a:lnTo>
                  <a:lnTo>
                    <a:pt x="553" y="598"/>
                  </a:lnTo>
                  <a:lnTo>
                    <a:pt x="578" y="601"/>
                  </a:lnTo>
                  <a:lnTo>
                    <a:pt x="605" y="603"/>
                  </a:lnTo>
                  <a:lnTo>
                    <a:pt x="631" y="606"/>
                  </a:lnTo>
                  <a:lnTo>
                    <a:pt x="655" y="610"/>
                  </a:lnTo>
                  <a:lnTo>
                    <a:pt x="680" y="613"/>
                  </a:lnTo>
                  <a:lnTo>
                    <a:pt x="704" y="615"/>
                  </a:lnTo>
                  <a:lnTo>
                    <a:pt x="727" y="618"/>
                  </a:lnTo>
                  <a:lnTo>
                    <a:pt x="751" y="620"/>
                  </a:lnTo>
                  <a:lnTo>
                    <a:pt x="775" y="621"/>
                  </a:lnTo>
                  <a:lnTo>
                    <a:pt x="797" y="625"/>
                  </a:lnTo>
                  <a:lnTo>
                    <a:pt x="817" y="627"/>
                  </a:lnTo>
                  <a:lnTo>
                    <a:pt x="837" y="628"/>
                  </a:lnTo>
                  <a:lnTo>
                    <a:pt x="856" y="630"/>
                  </a:lnTo>
                  <a:lnTo>
                    <a:pt x="873" y="632"/>
                  </a:lnTo>
                  <a:lnTo>
                    <a:pt x="890" y="633"/>
                  </a:lnTo>
                  <a:lnTo>
                    <a:pt x="905" y="635"/>
                  </a:lnTo>
                  <a:lnTo>
                    <a:pt x="919" y="635"/>
                  </a:lnTo>
                  <a:lnTo>
                    <a:pt x="930" y="637"/>
                  </a:lnTo>
                  <a:lnTo>
                    <a:pt x="941" y="637"/>
                  </a:lnTo>
                  <a:lnTo>
                    <a:pt x="949" y="638"/>
                  </a:lnTo>
                  <a:lnTo>
                    <a:pt x="957" y="638"/>
                  </a:lnTo>
                  <a:lnTo>
                    <a:pt x="963" y="638"/>
                  </a:lnTo>
                  <a:lnTo>
                    <a:pt x="966" y="640"/>
                  </a:lnTo>
                  <a:lnTo>
                    <a:pt x="1007" y="144"/>
                  </a:lnTo>
                  <a:lnTo>
                    <a:pt x="974" y="143"/>
                  </a:lnTo>
                  <a:lnTo>
                    <a:pt x="941" y="141"/>
                  </a:lnTo>
                  <a:lnTo>
                    <a:pt x="905" y="139"/>
                  </a:lnTo>
                  <a:lnTo>
                    <a:pt x="869" y="136"/>
                  </a:lnTo>
                  <a:lnTo>
                    <a:pt x="832" y="131"/>
                  </a:lnTo>
                  <a:lnTo>
                    <a:pt x="793" y="127"/>
                  </a:lnTo>
                  <a:lnTo>
                    <a:pt x="754" y="122"/>
                  </a:lnTo>
                  <a:lnTo>
                    <a:pt x="714" y="117"/>
                  </a:lnTo>
                  <a:lnTo>
                    <a:pt x="673" y="112"/>
                  </a:lnTo>
                  <a:lnTo>
                    <a:pt x="633" y="105"/>
                  </a:lnTo>
                  <a:lnTo>
                    <a:pt x="592" y="100"/>
                  </a:lnTo>
                  <a:lnTo>
                    <a:pt x="551" y="93"/>
                  </a:lnTo>
                  <a:lnTo>
                    <a:pt x="511" y="88"/>
                  </a:lnTo>
                  <a:lnTo>
                    <a:pt x="470" y="82"/>
                  </a:lnTo>
                  <a:lnTo>
                    <a:pt x="431" y="75"/>
                  </a:lnTo>
                  <a:lnTo>
                    <a:pt x="392" y="68"/>
                  </a:lnTo>
                  <a:lnTo>
                    <a:pt x="355" y="61"/>
                  </a:lnTo>
                  <a:lnTo>
                    <a:pt x="318" y="56"/>
                  </a:lnTo>
                  <a:lnTo>
                    <a:pt x="282" y="49"/>
                  </a:lnTo>
                  <a:lnTo>
                    <a:pt x="248" y="43"/>
                  </a:lnTo>
                  <a:lnTo>
                    <a:pt x="216" y="38"/>
                  </a:lnTo>
                  <a:lnTo>
                    <a:pt x="188" y="31"/>
                  </a:lnTo>
                  <a:lnTo>
                    <a:pt x="159" y="26"/>
                  </a:lnTo>
                  <a:lnTo>
                    <a:pt x="133" y="21"/>
                  </a:lnTo>
                  <a:lnTo>
                    <a:pt x="108" y="17"/>
                  </a:lnTo>
                  <a:lnTo>
                    <a:pt x="88" y="12"/>
                  </a:lnTo>
                  <a:lnTo>
                    <a:pt x="69" y="9"/>
                  </a:lnTo>
                  <a:lnTo>
                    <a:pt x="54" y="5"/>
                  </a:lnTo>
                  <a:lnTo>
                    <a:pt x="42" y="4"/>
                  </a:lnTo>
                  <a:lnTo>
                    <a:pt x="34" y="2"/>
                  </a:lnTo>
                  <a:lnTo>
                    <a:pt x="27" y="0"/>
                  </a:lnTo>
                  <a:lnTo>
                    <a:pt x="25" y="0"/>
                  </a:lnTo>
                  <a:lnTo>
                    <a:pt x="0" y="122"/>
                  </a:lnTo>
                  <a:lnTo>
                    <a:pt x="8" y="141"/>
                  </a:lnTo>
                  <a:lnTo>
                    <a:pt x="20" y="168"/>
                  </a:lnTo>
                  <a:lnTo>
                    <a:pt x="20" y="178"/>
                  </a:lnTo>
                  <a:lnTo>
                    <a:pt x="13" y="183"/>
                  </a:lnTo>
                  <a:lnTo>
                    <a:pt x="22" y="190"/>
                  </a:lnTo>
                  <a:lnTo>
                    <a:pt x="15" y="195"/>
                  </a:lnTo>
                  <a:lnTo>
                    <a:pt x="15" y="202"/>
                  </a:lnTo>
                  <a:lnTo>
                    <a:pt x="28" y="205"/>
                  </a:lnTo>
                  <a:lnTo>
                    <a:pt x="28" y="207"/>
                  </a:lnTo>
                  <a:lnTo>
                    <a:pt x="28" y="209"/>
                  </a:lnTo>
                  <a:lnTo>
                    <a:pt x="28" y="210"/>
                  </a:lnTo>
                  <a:lnTo>
                    <a:pt x="28" y="212"/>
                  </a:lnTo>
                  <a:lnTo>
                    <a:pt x="28" y="214"/>
                  </a:lnTo>
                  <a:lnTo>
                    <a:pt x="28" y="215"/>
                  </a:lnTo>
                  <a:lnTo>
                    <a:pt x="30" y="217"/>
                  </a:lnTo>
                  <a:lnTo>
                    <a:pt x="35" y="219"/>
                  </a:lnTo>
                  <a:lnTo>
                    <a:pt x="39" y="220"/>
                  </a:lnTo>
                  <a:lnTo>
                    <a:pt x="42" y="224"/>
                  </a:lnTo>
                  <a:lnTo>
                    <a:pt x="45" y="227"/>
                  </a:lnTo>
                  <a:lnTo>
                    <a:pt x="49" y="232"/>
                  </a:lnTo>
                  <a:lnTo>
                    <a:pt x="52" y="239"/>
                  </a:lnTo>
                  <a:lnTo>
                    <a:pt x="54" y="244"/>
                  </a:lnTo>
                  <a:lnTo>
                    <a:pt x="57" y="251"/>
                  </a:lnTo>
                  <a:lnTo>
                    <a:pt x="59" y="258"/>
                  </a:lnTo>
                  <a:lnTo>
                    <a:pt x="61" y="263"/>
                  </a:lnTo>
                  <a:lnTo>
                    <a:pt x="62" y="269"/>
                  </a:lnTo>
                  <a:lnTo>
                    <a:pt x="64" y="275"/>
                  </a:lnTo>
                  <a:lnTo>
                    <a:pt x="64" y="278"/>
                  </a:lnTo>
                  <a:lnTo>
                    <a:pt x="66" y="281"/>
                  </a:lnTo>
                  <a:lnTo>
                    <a:pt x="66" y="283"/>
                  </a:lnTo>
                  <a:lnTo>
                    <a:pt x="66" y="285"/>
                  </a:lnTo>
                  <a:lnTo>
                    <a:pt x="74" y="288"/>
                  </a:lnTo>
                  <a:lnTo>
                    <a:pt x="74" y="300"/>
                  </a:lnTo>
                  <a:lnTo>
                    <a:pt x="86" y="300"/>
                  </a:lnTo>
                  <a:lnTo>
                    <a:pt x="88" y="313"/>
                  </a:lnTo>
                  <a:lnTo>
                    <a:pt x="94" y="313"/>
                  </a:lnTo>
                  <a:lnTo>
                    <a:pt x="113" y="313"/>
                  </a:lnTo>
                  <a:lnTo>
                    <a:pt x="113" y="315"/>
                  </a:lnTo>
                  <a:lnTo>
                    <a:pt x="101" y="337"/>
                  </a:lnTo>
                  <a:lnTo>
                    <a:pt x="101" y="349"/>
                  </a:lnTo>
                  <a:lnTo>
                    <a:pt x="93" y="359"/>
                  </a:lnTo>
                  <a:lnTo>
                    <a:pt x="94" y="359"/>
                  </a:lnTo>
                  <a:lnTo>
                    <a:pt x="94" y="368"/>
                  </a:lnTo>
                  <a:lnTo>
                    <a:pt x="88" y="373"/>
                  </a:lnTo>
                  <a:lnTo>
                    <a:pt x="86" y="383"/>
                  </a:lnTo>
                  <a:lnTo>
                    <a:pt x="89" y="401"/>
                  </a:lnTo>
                  <a:lnTo>
                    <a:pt x="89" y="403"/>
                  </a:lnTo>
                  <a:lnTo>
                    <a:pt x="88" y="405"/>
                  </a:lnTo>
                  <a:lnTo>
                    <a:pt x="86" y="408"/>
                  </a:lnTo>
                  <a:lnTo>
                    <a:pt x="79" y="410"/>
                  </a:lnTo>
                  <a:lnTo>
                    <a:pt x="76" y="413"/>
                  </a:lnTo>
                  <a:lnTo>
                    <a:pt x="74" y="417"/>
                  </a:lnTo>
                  <a:lnTo>
                    <a:pt x="72" y="422"/>
                  </a:lnTo>
                  <a:lnTo>
                    <a:pt x="72" y="427"/>
                  </a:lnTo>
                  <a:lnTo>
                    <a:pt x="74" y="430"/>
                  </a:lnTo>
                  <a:lnTo>
                    <a:pt x="74" y="434"/>
                  </a:lnTo>
                  <a:lnTo>
                    <a:pt x="74" y="435"/>
                  </a:lnTo>
                  <a:lnTo>
                    <a:pt x="69" y="437"/>
                  </a:lnTo>
                  <a:lnTo>
                    <a:pt x="69" y="445"/>
                  </a:lnTo>
                  <a:lnTo>
                    <a:pt x="78" y="449"/>
                  </a:lnTo>
                  <a:lnTo>
                    <a:pt x="86" y="457"/>
                  </a:lnTo>
                  <a:lnTo>
                    <a:pt x="101" y="452"/>
                  </a:lnTo>
                  <a:lnTo>
                    <a:pt x="116" y="439"/>
                  </a:lnTo>
                  <a:lnTo>
                    <a:pt x="123" y="437"/>
                  </a:lnTo>
                  <a:lnTo>
                    <a:pt x="125" y="435"/>
                  </a:lnTo>
                  <a:lnTo>
                    <a:pt x="125" y="434"/>
                  </a:lnTo>
                  <a:lnTo>
                    <a:pt x="127" y="434"/>
                  </a:lnTo>
                  <a:lnTo>
                    <a:pt x="128" y="435"/>
                  </a:lnTo>
                  <a:lnTo>
                    <a:pt x="130" y="439"/>
                  </a:lnTo>
                  <a:lnTo>
                    <a:pt x="132" y="447"/>
                  </a:lnTo>
                  <a:lnTo>
                    <a:pt x="132" y="457"/>
                  </a:lnTo>
                  <a:lnTo>
                    <a:pt x="132" y="471"/>
                  </a:lnTo>
                  <a:lnTo>
                    <a:pt x="132" y="481"/>
                  </a:lnTo>
                  <a:lnTo>
                    <a:pt x="133" y="489"/>
                  </a:lnTo>
                  <a:lnTo>
                    <a:pt x="135" y="496"/>
                  </a:lnTo>
                  <a:lnTo>
                    <a:pt x="137" y="503"/>
                  </a:lnTo>
                  <a:lnTo>
                    <a:pt x="138" y="506"/>
                  </a:lnTo>
                  <a:lnTo>
                    <a:pt x="140" y="508"/>
                  </a:lnTo>
                  <a:lnTo>
                    <a:pt x="142" y="510"/>
                  </a:lnTo>
                  <a:lnTo>
                    <a:pt x="145" y="518"/>
                  </a:lnTo>
                  <a:lnTo>
                    <a:pt x="147" y="523"/>
                  </a:lnTo>
                  <a:lnTo>
                    <a:pt x="149" y="528"/>
                  </a:lnTo>
                  <a:lnTo>
                    <a:pt x="149" y="530"/>
                  </a:lnTo>
                  <a:lnTo>
                    <a:pt x="147" y="533"/>
                  </a:lnTo>
                  <a:lnTo>
                    <a:pt x="147" y="535"/>
                  </a:lnTo>
                  <a:lnTo>
                    <a:pt x="145" y="537"/>
                  </a:lnTo>
                  <a:lnTo>
                    <a:pt x="144" y="542"/>
                  </a:lnTo>
                  <a:lnTo>
                    <a:pt x="145" y="545"/>
                  </a:lnTo>
                  <a:lnTo>
                    <a:pt x="147" y="549"/>
                  </a:lnTo>
                  <a:lnTo>
                    <a:pt x="150" y="552"/>
                  </a:lnTo>
                  <a:lnTo>
                    <a:pt x="154" y="554"/>
                  </a:lnTo>
                  <a:lnTo>
                    <a:pt x="157" y="555"/>
                  </a:lnTo>
                  <a:lnTo>
                    <a:pt x="159" y="555"/>
                  </a:lnTo>
                  <a:lnTo>
                    <a:pt x="160" y="555"/>
                  </a:lnTo>
                  <a:lnTo>
                    <a:pt x="172" y="574"/>
                  </a:lnTo>
                  <a:lnTo>
                    <a:pt x="172" y="576"/>
                  </a:lnTo>
                  <a:lnTo>
                    <a:pt x="174" y="579"/>
                  </a:lnTo>
                  <a:lnTo>
                    <a:pt x="174" y="586"/>
                  </a:lnTo>
                  <a:lnTo>
                    <a:pt x="174" y="593"/>
                  </a:lnTo>
                  <a:lnTo>
                    <a:pt x="176" y="599"/>
                  </a:lnTo>
                  <a:lnTo>
                    <a:pt x="176" y="605"/>
                  </a:lnTo>
                  <a:lnTo>
                    <a:pt x="177" y="610"/>
                  </a:lnTo>
                  <a:lnTo>
                    <a:pt x="177" y="611"/>
                  </a:lnTo>
                  <a:lnTo>
                    <a:pt x="181" y="616"/>
                  </a:lnTo>
                  <a:lnTo>
                    <a:pt x="184" y="620"/>
                  </a:lnTo>
                  <a:lnTo>
                    <a:pt x="186" y="620"/>
                  </a:lnTo>
                  <a:lnTo>
                    <a:pt x="188" y="620"/>
                  </a:lnTo>
                  <a:lnTo>
                    <a:pt x="189" y="616"/>
                  </a:lnTo>
                  <a:lnTo>
                    <a:pt x="191" y="615"/>
                  </a:lnTo>
                  <a:lnTo>
                    <a:pt x="191" y="613"/>
                  </a:lnTo>
                  <a:lnTo>
                    <a:pt x="191" y="611"/>
                  </a:lnTo>
                  <a:lnTo>
                    <a:pt x="194" y="606"/>
                  </a:lnTo>
                  <a:lnTo>
                    <a:pt x="199" y="605"/>
                  </a:lnTo>
                  <a:lnTo>
                    <a:pt x="203" y="605"/>
                  </a:lnTo>
                  <a:lnTo>
                    <a:pt x="206" y="605"/>
                  </a:lnTo>
                  <a:lnTo>
                    <a:pt x="211" y="606"/>
                  </a:lnTo>
                  <a:lnTo>
                    <a:pt x="213" y="608"/>
                  </a:lnTo>
                  <a:lnTo>
                    <a:pt x="216" y="610"/>
                  </a:lnTo>
                  <a:lnTo>
                    <a:pt x="218" y="611"/>
                  </a:lnTo>
                  <a:lnTo>
                    <a:pt x="223" y="615"/>
                  </a:lnTo>
                  <a:lnTo>
                    <a:pt x="228" y="615"/>
                  </a:lnTo>
                  <a:lnTo>
                    <a:pt x="232" y="613"/>
                  </a:lnTo>
                  <a:lnTo>
                    <a:pt x="235" y="611"/>
                  </a:lnTo>
                  <a:lnTo>
                    <a:pt x="237" y="608"/>
                  </a:lnTo>
                  <a:lnTo>
                    <a:pt x="238" y="606"/>
                  </a:lnTo>
                  <a:lnTo>
                    <a:pt x="238" y="603"/>
                  </a:lnTo>
                  <a:lnTo>
                    <a:pt x="240" y="603"/>
                  </a:lnTo>
                  <a:lnTo>
                    <a:pt x="243" y="601"/>
                  </a:lnTo>
                  <a:lnTo>
                    <a:pt x="245" y="601"/>
                  </a:lnTo>
                  <a:lnTo>
                    <a:pt x="247" y="603"/>
                  </a:lnTo>
                  <a:lnTo>
                    <a:pt x="248" y="605"/>
                  </a:lnTo>
                  <a:lnTo>
                    <a:pt x="250" y="606"/>
                  </a:lnTo>
                  <a:lnTo>
                    <a:pt x="250" y="608"/>
                  </a:lnTo>
                  <a:lnTo>
                    <a:pt x="252" y="610"/>
                  </a:lnTo>
                  <a:lnTo>
                    <a:pt x="252" y="611"/>
                  </a:lnTo>
                  <a:lnTo>
                    <a:pt x="257" y="611"/>
                  </a:lnTo>
                  <a:lnTo>
                    <a:pt x="277" y="608"/>
                  </a:lnTo>
                  <a:lnTo>
                    <a:pt x="284" y="613"/>
                  </a:lnTo>
                  <a:lnTo>
                    <a:pt x="296" y="613"/>
                  </a:lnTo>
                  <a:lnTo>
                    <a:pt x="311" y="611"/>
                  </a:lnTo>
                  <a:lnTo>
                    <a:pt x="318" y="594"/>
                  </a:lnTo>
                  <a:lnTo>
                    <a:pt x="328" y="594"/>
                  </a:lnTo>
                  <a:lnTo>
                    <a:pt x="335" y="615"/>
                  </a:lnTo>
                  <a:lnTo>
                    <a:pt x="345" y="630"/>
                  </a:lnTo>
                  <a:lnTo>
                    <a:pt x="358" y="569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27" name="Freeform 118"/>
            <p:cNvSpPr>
              <a:spLocks/>
            </p:cNvSpPr>
            <p:nvPr/>
          </p:nvSpPr>
          <p:spPr bwMode="auto">
            <a:xfrm>
              <a:off x="528" y="1726"/>
              <a:ext cx="609" cy="942"/>
            </a:xfrm>
            <a:custGeom>
              <a:avLst/>
              <a:gdLst>
                <a:gd name="T0" fmla="*/ 0 w 626"/>
                <a:gd name="T1" fmla="*/ 243 h 970"/>
                <a:gd name="T2" fmla="*/ 64 w 626"/>
                <a:gd name="T3" fmla="*/ 2 h 970"/>
                <a:gd name="T4" fmla="*/ 82 w 626"/>
                <a:gd name="T5" fmla="*/ 8 h 970"/>
                <a:gd name="T6" fmla="*/ 99 w 626"/>
                <a:gd name="T7" fmla="*/ 15 h 970"/>
                <a:gd name="T8" fmla="*/ 116 w 626"/>
                <a:gd name="T9" fmla="*/ 17 h 970"/>
                <a:gd name="T10" fmla="*/ 131 w 626"/>
                <a:gd name="T11" fmla="*/ 17 h 970"/>
                <a:gd name="T12" fmla="*/ 148 w 626"/>
                <a:gd name="T13" fmla="*/ 18 h 970"/>
                <a:gd name="T14" fmla="*/ 162 w 626"/>
                <a:gd name="T15" fmla="*/ 25 h 970"/>
                <a:gd name="T16" fmla="*/ 177 w 626"/>
                <a:gd name="T17" fmla="*/ 30 h 970"/>
                <a:gd name="T18" fmla="*/ 189 w 626"/>
                <a:gd name="T19" fmla="*/ 35 h 970"/>
                <a:gd name="T20" fmla="*/ 201 w 626"/>
                <a:gd name="T21" fmla="*/ 37 h 970"/>
                <a:gd name="T22" fmla="*/ 213 w 626"/>
                <a:gd name="T23" fmla="*/ 39 h 970"/>
                <a:gd name="T24" fmla="*/ 221 w 626"/>
                <a:gd name="T25" fmla="*/ 41 h 970"/>
                <a:gd name="T26" fmla="*/ 229 w 626"/>
                <a:gd name="T27" fmla="*/ 43 h 970"/>
                <a:gd name="T28" fmla="*/ 235 w 626"/>
                <a:gd name="T29" fmla="*/ 44 h 970"/>
                <a:gd name="T30" fmla="*/ 239 w 626"/>
                <a:gd name="T31" fmla="*/ 44 h 970"/>
                <a:gd name="T32" fmla="*/ 243 w 626"/>
                <a:gd name="T33" fmla="*/ 45 h 970"/>
                <a:gd name="T34" fmla="*/ 243 w 626"/>
                <a:gd name="T35" fmla="*/ 45 h 970"/>
                <a:gd name="T36" fmla="*/ 425 w 626"/>
                <a:gd name="T37" fmla="*/ 83 h 970"/>
                <a:gd name="T38" fmla="*/ 334 w 626"/>
                <a:gd name="T39" fmla="*/ 552 h 970"/>
                <a:gd name="T40" fmla="*/ 332 w 626"/>
                <a:gd name="T41" fmla="*/ 555 h 970"/>
                <a:gd name="T42" fmla="*/ 330 w 626"/>
                <a:gd name="T43" fmla="*/ 564 h 970"/>
                <a:gd name="T44" fmla="*/ 323 w 626"/>
                <a:gd name="T45" fmla="*/ 570 h 970"/>
                <a:gd name="T46" fmla="*/ 315 w 626"/>
                <a:gd name="T47" fmla="*/ 566 h 970"/>
                <a:gd name="T48" fmla="*/ 313 w 626"/>
                <a:gd name="T49" fmla="*/ 564 h 970"/>
                <a:gd name="T50" fmla="*/ 313 w 626"/>
                <a:gd name="T51" fmla="*/ 562 h 970"/>
                <a:gd name="T52" fmla="*/ 311 w 626"/>
                <a:gd name="T53" fmla="*/ 557 h 970"/>
                <a:gd name="T54" fmla="*/ 305 w 626"/>
                <a:gd name="T55" fmla="*/ 555 h 970"/>
                <a:gd name="T56" fmla="*/ 303 w 626"/>
                <a:gd name="T57" fmla="*/ 555 h 970"/>
                <a:gd name="T58" fmla="*/ 302 w 626"/>
                <a:gd name="T59" fmla="*/ 554 h 970"/>
                <a:gd name="T60" fmla="*/ 298 w 626"/>
                <a:gd name="T61" fmla="*/ 554 h 970"/>
                <a:gd name="T62" fmla="*/ 297 w 626"/>
                <a:gd name="T63" fmla="*/ 555 h 970"/>
                <a:gd name="T64" fmla="*/ 294 w 626"/>
                <a:gd name="T65" fmla="*/ 555 h 970"/>
                <a:gd name="T66" fmla="*/ 289 w 626"/>
                <a:gd name="T67" fmla="*/ 555 h 970"/>
                <a:gd name="T68" fmla="*/ 286 w 626"/>
                <a:gd name="T69" fmla="*/ 555 h 970"/>
                <a:gd name="T70" fmla="*/ 285 w 626"/>
                <a:gd name="T71" fmla="*/ 559 h 970"/>
                <a:gd name="T72" fmla="*/ 285 w 626"/>
                <a:gd name="T73" fmla="*/ 562 h 970"/>
                <a:gd name="T74" fmla="*/ 286 w 626"/>
                <a:gd name="T75" fmla="*/ 566 h 970"/>
                <a:gd name="T76" fmla="*/ 286 w 626"/>
                <a:gd name="T77" fmla="*/ 572 h 970"/>
                <a:gd name="T78" fmla="*/ 286 w 626"/>
                <a:gd name="T79" fmla="*/ 580 h 970"/>
                <a:gd name="T80" fmla="*/ 288 w 626"/>
                <a:gd name="T81" fmla="*/ 587 h 970"/>
                <a:gd name="T82" fmla="*/ 286 w 626"/>
                <a:gd name="T83" fmla="*/ 596 h 970"/>
                <a:gd name="T84" fmla="*/ 285 w 626"/>
                <a:gd name="T85" fmla="*/ 602 h 970"/>
                <a:gd name="T86" fmla="*/ 282 w 626"/>
                <a:gd name="T87" fmla="*/ 607 h 970"/>
                <a:gd name="T88" fmla="*/ 282 w 626"/>
                <a:gd name="T89" fmla="*/ 612 h 970"/>
                <a:gd name="T90" fmla="*/ 282 w 626"/>
                <a:gd name="T91" fmla="*/ 620 h 970"/>
                <a:gd name="T92" fmla="*/ 282 w 626"/>
                <a:gd name="T93" fmla="*/ 629 h 970"/>
                <a:gd name="T94" fmla="*/ 281 w 626"/>
                <a:gd name="T95" fmla="*/ 637 h 970"/>
                <a:gd name="T96" fmla="*/ 279 w 626"/>
                <a:gd name="T97" fmla="*/ 637 h 970"/>
                <a:gd name="T98" fmla="*/ 276 w 626"/>
                <a:gd name="T99" fmla="*/ 640 h 970"/>
                <a:gd name="T100" fmla="*/ 273 w 626"/>
                <a:gd name="T101" fmla="*/ 643 h 970"/>
                <a:gd name="T102" fmla="*/ 272 w 626"/>
                <a:gd name="T103" fmla="*/ 644 h 970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w 626"/>
                <a:gd name="T157" fmla="*/ 0 h 970"/>
                <a:gd name="T158" fmla="*/ 626 w 626"/>
                <a:gd name="T159" fmla="*/ 970 h 970"/>
              </a:gdLst>
              <a:ahLst/>
              <a:cxnLst>
                <a:cxn ang="T104">
                  <a:pos x="T0" y="T1"/>
                </a:cxn>
                <a:cxn ang="T105">
                  <a:pos x="T2" y="T3"/>
                </a:cxn>
                <a:cxn ang="T106">
                  <a:pos x="T4" y="T5"/>
                </a:cxn>
                <a:cxn ang="T107">
                  <a:pos x="T6" y="T7"/>
                </a:cxn>
                <a:cxn ang="T108">
                  <a:pos x="T8" y="T9"/>
                </a:cxn>
                <a:cxn ang="T109">
                  <a:pos x="T10" y="T11"/>
                </a:cxn>
                <a:cxn ang="T110">
                  <a:pos x="T12" y="T13"/>
                </a:cxn>
                <a:cxn ang="T111">
                  <a:pos x="T14" y="T15"/>
                </a:cxn>
                <a:cxn ang="T112">
                  <a:pos x="T16" y="T17"/>
                </a:cxn>
                <a:cxn ang="T113">
                  <a:pos x="T18" y="T19"/>
                </a:cxn>
                <a:cxn ang="T114">
                  <a:pos x="T20" y="T21"/>
                </a:cxn>
                <a:cxn ang="T115">
                  <a:pos x="T22" y="T23"/>
                </a:cxn>
                <a:cxn ang="T116">
                  <a:pos x="T24" y="T25"/>
                </a:cxn>
                <a:cxn ang="T117">
                  <a:pos x="T26" y="T27"/>
                </a:cxn>
                <a:cxn ang="T118">
                  <a:pos x="T28" y="T29"/>
                </a:cxn>
                <a:cxn ang="T119">
                  <a:pos x="T30" y="T31"/>
                </a:cxn>
                <a:cxn ang="T120">
                  <a:pos x="T32" y="T33"/>
                </a:cxn>
                <a:cxn ang="T121">
                  <a:pos x="T34" y="T35"/>
                </a:cxn>
                <a:cxn ang="T122">
                  <a:pos x="T36" y="T37"/>
                </a:cxn>
                <a:cxn ang="T123">
                  <a:pos x="T38" y="T39"/>
                </a:cxn>
                <a:cxn ang="T124">
                  <a:pos x="T40" y="T41"/>
                </a:cxn>
                <a:cxn ang="T125">
                  <a:pos x="T42" y="T43"/>
                </a:cxn>
                <a:cxn ang="T126">
                  <a:pos x="T44" y="T45"/>
                </a:cxn>
                <a:cxn ang="T127">
                  <a:pos x="T46" y="T47"/>
                </a:cxn>
                <a:cxn ang="T128">
                  <a:pos x="T48" y="T49"/>
                </a:cxn>
                <a:cxn ang="T129">
                  <a:pos x="T50" y="T51"/>
                </a:cxn>
                <a:cxn ang="T130">
                  <a:pos x="T52" y="T53"/>
                </a:cxn>
                <a:cxn ang="T131">
                  <a:pos x="T54" y="T55"/>
                </a:cxn>
                <a:cxn ang="T132">
                  <a:pos x="T56" y="T57"/>
                </a:cxn>
                <a:cxn ang="T133">
                  <a:pos x="T58" y="T59"/>
                </a:cxn>
                <a:cxn ang="T134">
                  <a:pos x="T60" y="T61"/>
                </a:cxn>
                <a:cxn ang="T135">
                  <a:pos x="T62" y="T63"/>
                </a:cxn>
                <a:cxn ang="T136">
                  <a:pos x="T64" y="T65"/>
                </a:cxn>
                <a:cxn ang="T137">
                  <a:pos x="T66" y="T67"/>
                </a:cxn>
                <a:cxn ang="T138">
                  <a:pos x="T68" y="T69"/>
                </a:cxn>
                <a:cxn ang="T139">
                  <a:pos x="T70" y="T71"/>
                </a:cxn>
                <a:cxn ang="T140">
                  <a:pos x="T72" y="T73"/>
                </a:cxn>
                <a:cxn ang="T141">
                  <a:pos x="T74" y="T75"/>
                </a:cxn>
                <a:cxn ang="T142">
                  <a:pos x="T76" y="T77"/>
                </a:cxn>
                <a:cxn ang="T143">
                  <a:pos x="T78" y="T79"/>
                </a:cxn>
                <a:cxn ang="T144">
                  <a:pos x="T80" y="T81"/>
                </a:cxn>
                <a:cxn ang="T145">
                  <a:pos x="T82" y="T83"/>
                </a:cxn>
                <a:cxn ang="T146">
                  <a:pos x="T84" y="T85"/>
                </a:cxn>
                <a:cxn ang="T147">
                  <a:pos x="T86" y="T87"/>
                </a:cxn>
                <a:cxn ang="T148">
                  <a:pos x="T88" y="T89"/>
                </a:cxn>
                <a:cxn ang="T149">
                  <a:pos x="T90" y="T91"/>
                </a:cxn>
                <a:cxn ang="T150">
                  <a:pos x="T92" y="T93"/>
                </a:cxn>
                <a:cxn ang="T151">
                  <a:pos x="T94" y="T95"/>
                </a:cxn>
                <a:cxn ang="T152">
                  <a:pos x="T96" y="T97"/>
                </a:cxn>
                <a:cxn ang="T153">
                  <a:pos x="T98" y="T99"/>
                </a:cxn>
                <a:cxn ang="T154">
                  <a:pos x="T100" y="T101"/>
                </a:cxn>
                <a:cxn ang="T155">
                  <a:pos x="T102" y="T103"/>
                </a:cxn>
              </a:cxnLst>
              <a:rect l="T156" t="T157" r="T158" b="T159"/>
              <a:pathLst>
                <a:path w="626" h="970">
                  <a:moveTo>
                    <a:pt x="400" y="970"/>
                  </a:moveTo>
                  <a:lnTo>
                    <a:pt x="0" y="366"/>
                  </a:lnTo>
                  <a:lnTo>
                    <a:pt x="95" y="0"/>
                  </a:lnTo>
                  <a:lnTo>
                    <a:pt x="93" y="2"/>
                  </a:lnTo>
                  <a:lnTo>
                    <a:pt x="107" y="5"/>
                  </a:lnTo>
                  <a:lnTo>
                    <a:pt x="120" y="8"/>
                  </a:lnTo>
                  <a:lnTo>
                    <a:pt x="132" y="12"/>
                  </a:lnTo>
                  <a:lnTo>
                    <a:pt x="146" y="15"/>
                  </a:lnTo>
                  <a:lnTo>
                    <a:pt x="158" y="19"/>
                  </a:lnTo>
                  <a:lnTo>
                    <a:pt x="170" y="20"/>
                  </a:lnTo>
                  <a:lnTo>
                    <a:pt x="183" y="24"/>
                  </a:lnTo>
                  <a:lnTo>
                    <a:pt x="193" y="27"/>
                  </a:lnTo>
                  <a:lnTo>
                    <a:pt x="205" y="30"/>
                  </a:lnTo>
                  <a:lnTo>
                    <a:pt x="217" y="32"/>
                  </a:lnTo>
                  <a:lnTo>
                    <a:pt x="229" y="36"/>
                  </a:lnTo>
                  <a:lnTo>
                    <a:pt x="239" y="39"/>
                  </a:lnTo>
                  <a:lnTo>
                    <a:pt x="249" y="41"/>
                  </a:lnTo>
                  <a:lnTo>
                    <a:pt x="259" y="44"/>
                  </a:lnTo>
                  <a:lnTo>
                    <a:pt x="269" y="46"/>
                  </a:lnTo>
                  <a:lnTo>
                    <a:pt x="278" y="49"/>
                  </a:lnTo>
                  <a:lnTo>
                    <a:pt x="288" y="51"/>
                  </a:lnTo>
                  <a:lnTo>
                    <a:pt x="296" y="52"/>
                  </a:lnTo>
                  <a:lnTo>
                    <a:pt x="303" y="54"/>
                  </a:lnTo>
                  <a:lnTo>
                    <a:pt x="312" y="56"/>
                  </a:lnTo>
                  <a:lnTo>
                    <a:pt x="318" y="58"/>
                  </a:lnTo>
                  <a:lnTo>
                    <a:pt x="325" y="59"/>
                  </a:lnTo>
                  <a:lnTo>
                    <a:pt x="330" y="61"/>
                  </a:lnTo>
                  <a:lnTo>
                    <a:pt x="337" y="63"/>
                  </a:lnTo>
                  <a:lnTo>
                    <a:pt x="340" y="64"/>
                  </a:lnTo>
                  <a:lnTo>
                    <a:pt x="346" y="66"/>
                  </a:lnTo>
                  <a:lnTo>
                    <a:pt x="349" y="66"/>
                  </a:lnTo>
                  <a:lnTo>
                    <a:pt x="352" y="66"/>
                  </a:lnTo>
                  <a:lnTo>
                    <a:pt x="354" y="68"/>
                  </a:lnTo>
                  <a:lnTo>
                    <a:pt x="357" y="68"/>
                  </a:lnTo>
                  <a:lnTo>
                    <a:pt x="626" y="125"/>
                  </a:lnTo>
                  <a:lnTo>
                    <a:pt x="508" y="741"/>
                  </a:lnTo>
                  <a:lnTo>
                    <a:pt x="491" y="831"/>
                  </a:lnTo>
                  <a:lnTo>
                    <a:pt x="491" y="833"/>
                  </a:lnTo>
                  <a:lnTo>
                    <a:pt x="489" y="836"/>
                  </a:lnTo>
                  <a:lnTo>
                    <a:pt x="488" y="843"/>
                  </a:lnTo>
                  <a:lnTo>
                    <a:pt x="484" y="850"/>
                  </a:lnTo>
                  <a:lnTo>
                    <a:pt x="481" y="855"/>
                  </a:lnTo>
                  <a:lnTo>
                    <a:pt x="476" y="858"/>
                  </a:lnTo>
                  <a:lnTo>
                    <a:pt x="471" y="858"/>
                  </a:lnTo>
                  <a:lnTo>
                    <a:pt x="464" y="853"/>
                  </a:lnTo>
                  <a:lnTo>
                    <a:pt x="464" y="851"/>
                  </a:lnTo>
                  <a:lnTo>
                    <a:pt x="462" y="850"/>
                  </a:lnTo>
                  <a:lnTo>
                    <a:pt x="462" y="848"/>
                  </a:lnTo>
                  <a:lnTo>
                    <a:pt x="462" y="846"/>
                  </a:lnTo>
                  <a:lnTo>
                    <a:pt x="461" y="844"/>
                  </a:lnTo>
                  <a:lnTo>
                    <a:pt x="457" y="841"/>
                  </a:lnTo>
                  <a:lnTo>
                    <a:pt x="454" y="841"/>
                  </a:lnTo>
                  <a:lnTo>
                    <a:pt x="449" y="839"/>
                  </a:lnTo>
                  <a:lnTo>
                    <a:pt x="447" y="839"/>
                  </a:lnTo>
                  <a:lnTo>
                    <a:pt x="445" y="838"/>
                  </a:lnTo>
                  <a:lnTo>
                    <a:pt x="445" y="836"/>
                  </a:lnTo>
                  <a:lnTo>
                    <a:pt x="444" y="834"/>
                  </a:lnTo>
                  <a:lnTo>
                    <a:pt x="440" y="833"/>
                  </a:lnTo>
                  <a:lnTo>
                    <a:pt x="439" y="833"/>
                  </a:lnTo>
                  <a:lnTo>
                    <a:pt x="437" y="833"/>
                  </a:lnTo>
                  <a:lnTo>
                    <a:pt x="435" y="836"/>
                  </a:lnTo>
                  <a:lnTo>
                    <a:pt x="434" y="836"/>
                  </a:lnTo>
                  <a:lnTo>
                    <a:pt x="432" y="838"/>
                  </a:lnTo>
                  <a:lnTo>
                    <a:pt x="428" y="838"/>
                  </a:lnTo>
                  <a:lnTo>
                    <a:pt x="425" y="838"/>
                  </a:lnTo>
                  <a:lnTo>
                    <a:pt x="423" y="838"/>
                  </a:lnTo>
                  <a:lnTo>
                    <a:pt x="420" y="839"/>
                  </a:lnTo>
                  <a:lnTo>
                    <a:pt x="420" y="841"/>
                  </a:lnTo>
                  <a:lnTo>
                    <a:pt x="418" y="843"/>
                  </a:lnTo>
                  <a:lnTo>
                    <a:pt x="418" y="844"/>
                  </a:lnTo>
                  <a:lnTo>
                    <a:pt x="418" y="846"/>
                  </a:lnTo>
                  <a:lnTo>
                    <a:pt x="420" y="850"/>
                  </a:lnTo>
                  <a:lnTo>
                    <a:pt x="420" y="853"/>
                  </a:lnTo>
                  <a:lnTo>
                    <a:pt x="420" y="856"/>
                  </a:lnTo>
                  <a:lnTo>
                    <a:pt x="420" y="861"/>
                  </a:lnTo>
                  <a:lnTo>
                    <a:pt x="420" y="866"/>
                  </a:lnTo>
                  <a:lnTo>
                    <a:pt x="420" y="873"/>
                  </a:lnTo>
                  <a:lnTo>
                    <a:pt x="422" y="878"/>
                  </a:lnTo>
                  <a:lnTo>
                    <a:pt x="422" y="885"/>
                  </a:lnTo>
                  <a:lnTo>
                    <a:pt x="420" y="890"/>
                  </a:lnTo>
                  <a:lnTo>
                    <a:pt x="420" y="897"/>
                  </a:lnTo>
                  <a:lnTo>
                    <a:pt x="420" y="902"/>
                  </a:lnTo>
                  <a:lnTo>
                    <a:pt x="418" y="907"/>
                  </a:lnTo>
                  <a:lnTo>
                    <a:pt x="417" y="912"/>
                  </a:lnTo>
                  <a:lnTo>
                    <a:pt x="415" y="916"/>
                  </a:lnTo>
                  <a:lnTo>
                    <a:pt x="415" y="919"/>
                  </a:lnTo>
                  <a:lnTo>
                    <a:pt x="415" y="922"/>
                  </a:lnTo>
                  <a:lnTo>
                    <a:pt x="415" y="927"/>
                  </a:lnTo>
                  <a:lnTo>
                    <a:pt x="415" y="934"/>
                  </a:lnTo>
                  <a:lnTo>
                    <a:pt x="415" y="941"/>
                  </a:lnTo>
                  <a:lnTo>
                    <a:pt x="415" y="948"/>
                  </a:lnTo>
                  <a:lnTo>
                    <a:pt x="415" y="954"/>
                  </a:lnTo>
                  <a:lnTo>
                    <a:pt x="413" y="960"/>
                  </a:lnTo>
                  <a:lnTo>
                    <a:pt x="412" y="960"/>
                  </a:lnTo>
                  <a:lnTo>
                    <a:pt x="410" y="961"/>
                  </a:lnTo>
                  <a:lnTo>
                    <a:pt x="408" y="963"/>
                  </a:lnTo>
                  <a:lnTo>
                    <a:pt x="406" y="965"/>
                  </a:lnTo>
                  <a:lnTo>
                    <a:pt x="403" y="966"/>
                  </a:lnTo>
                  <a:lnTo>
                    <a:pt x="401" y="968"/>
                  </a:lnTo>
                  <a:lnTo>
                    <a:pt x="400" y="970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28" name="Freeform 119"/>
            <p:cNvSpPr>
              <a:spLocks/>
            </p:cNvSpPr>
            <p:nvPr/>
          </p:nvSpPr>
          <p:spPr bwMode="auto">
            <a:xfrm>
              <a:off x="846" y="2445"/>
              <a:ext cx="649" cy="757"/>
            </a:xfrm>
            <a:custGeom>
              <a:avLst/>
              <a:gdLst>
                <a:gd name="T0" fmla="*/ 18 w 667"/>
                <a:gd name="T1" fmla="*/ 337 h 780"/>
                <a:gd name="T2" fmla="*/ 25 w 667"/>
                <a:gd name="T3" fmla="*/ 334 h 780"/>
                <a:gd name="T4" fmla="*/ 28 w 667"/>
                <a:gd name="T5" fmla="*/ 326 h 780"/>
                <a:gd name="T6" fmla="*/ 28 w 667"/>
                <a:gd name="T7" fmla="*/ 319 h 780"/>
                <a:gd name="T8" fmla="*/ 27 w 667"/>
                <a:gd name="T9" fmla="*/ 316 h 780"/>
                <a:gd name="T10" fmla="*/ 18 w 667"/>
                <a:gd name="T11" fmla="*/ 299 h 780"/>
                <a:gd name="T12" fmla="*/ 18 w 667"/>
                <a:gd name="T13" fmla="*/ 285 h 780"/>
                <a:gd name="T14" fmla="*/ 18 w 667"/>
                <a:gd name="T15" fmla="*/ 284 h 780"/>
                <a:gd name="T16" fmla="*/ 23 w 667"/>
                <a:gd name="T17" fmla="*/ 280 h 780"/>
                <a:gd name="T18" fmla="*/ 28 w 667"/>
                <a:gd name="T19" fmla="*/ 279 h 780"/>
                <a:gd name="T20" fmla="*/ 32 w 667"/>
                <a:gd name="T21" fmla="*/ 277 h 780"/>
                <a:gd name="T22" fmla="*/ 41 w 667"/>
                <a:gd name="T23" fmla="*/ 270 h 780"/>
                <a:gd name="T24" fmla="*/ 43 w 667"/>
                <a:gd name="T25" fmla="*/ 261 h 780"/>
                <a:gd name="T26" fmla="*/ 44 w 667"/>
                <a:gd name="T27" fmla="*/ 253 h 780"/>
                <a:gd name="T28" fmla="*/ 44 w 667"/>
                <a:gd name="T29" fmla="*/ 248 h 780"/>
                <a:gd name="T30" fmla="*/ 46 w 667"/>
                <a:gd name="T31" fmla="*/ 238 h 780"/>
                <a:gd name="T32" fmla="*/ 54 w 667"/>
                <a:gd name="T33" fmla="*/ 230 h 780"/>
                <a:gd name="T34" fmla="*/ 66 w 667"/>
                <a:gd name="T35" fmla="*/ 226 h 780"/>
                <a:gd name="T36" fmla="*/ 70 w 667"/>
                <a:gd name="T37" fmla="*/ 226 h 780"/>
                <a:gd name="T38" fmla="*/ 74 w 667"/>
                <a:gd name="T39" fmla="*/ 214 h 780"/>
                <a:gd name="T40" fmla="*/ 64 w 667"/>
                <a:gd name="T41" fmla="*/ 186 h 780"/>
                <a:gd name="T42" fmla="*/ 51 w 667"/>
                <a:gd name="T43" fmla="*/ 161 h 780"/>
                <a:gd name="T44" fmla="*/ 50 w 667"/>
                <a:gd name="T45" fmla="*/ 150 h 780"/>
                <a:gd name="T46" fmla="*/ 51 w 667"/>
                <a:gd name="T47" fmla="*/ 148 h 780"/>
                <a:gd name="T48" fmla="*/ 54 w 667"/>
                <a:gd name="T49" fmla="*/ 146 h 780"/>
                <a:gd name="T50" fmla="*/ 57 w 667"/>
                <a:gd name="T51" fmla="*/ 144 h 780"/>
                <a:gd name="T52" fmla="*/ 60 w 667"/>
                <a:gd name="T53" fmla="*/ 140 h 780"/>
                <a:gd name="T54" fmla="*/ 60 w 667"/>
                <a:gd name="T55" fmla="*/ 132 h 780"/>
                <a:gd name="T56" fmla="*/ 60 w 667"/>
                <a:gd name="T57" fmla="*/ 123 h 780"/>
                <a:gd name="T58" fmla="*/ 60 w 667"/>
                <a:gd name="T59" fmla="*/ 116 h 780"/>
                <a:gd name="T60" fmla="*/ 62 w 667"/>
                <a:gd name="T61" fmla="*/ 112 h 780"/>
                <a:gd name="T62" fmla="*/ 64 w 667"/>
                <a:gd name="T63" fmla="*/ 106 h 780"/>
                <a:gd name="T64" fmla="*/ 64 w 667"/>
                <a:gd name="T65" fmla="*/ 99 h 780"/>
                <a:gd name="T66" fmla="*/ 66 w 667"/>
                <a:gd name="T67" fmla="*/ 90 h 780"/>
                <a:gd name="T68" fmla="*/ 64 w 667"/>
                <a:gd name="T69" fmla="*/ 82 h 780"/>
                <a:gd name="T70" fmla="*/ 64 w 667"/>
                <a:gd name="T71" fmla="*/ 76 h 780"/>
                <a:gd name="T72" fmla="*/ 64 w 667"/>
                <a:gd name="T73" fmla="*/ 72 h 780"/>
                <a:gd name="T74" fmla="*/ 63 w 667"/>
                <a:gd name="T75" fmla="*/ 68 h 780"/>
                <a:gd name="T76" fmla="*/ 64 w 667"/>
                <a:gd name="T77" fmla="*/ 66 h 780"/>
                <a:gd name="T78" fmla="*/ 66 w 667"/>
                <a:gd name="T79" fmla="*/ 64 h 780"/>
                <a:gd name="T80" fmla="*/ 70 w 667"/>
                <a:gd name="T81" fmla="*/ 64 h 780"/>
                <a:gd name="T82" fmla="*/ 74 w 667"/>
                <a:gd name="T83" fmla="*/ 63 h 780"/>
                <a:gd name="T84" fmla="*/ 76 w 667"/>
                <a:gd name="T85" fmla="*/ 61 h 780"/>
                <a:gd name="T86" fmla="*/ 78 w 667"/>
                <a:gd name="T87" fmla="*/ 61 h 780"/>
                <a:gd name="T88" fmla="*/ 81 w 667"/>
                <a:gd name="T89" fmla="*/ 63 h 780"/>
                <a:gd name="T90" fmla="*/ 82 w 667"/>
                <a:gd name="T91" fmla="*/ 65 h 780"/>
                <a:gd name="T92" fmla="*/ 87 w 667"/>
                <a:gd name="T93" fmla="*/ 66 h 780"/>
                <a:gd name="T94" fmla="*/ 90 w 667"/>
                <a:gd name="T95" fmla="*/ 68 h 780"/>
                <a:gd name="T96" fmla="*/ 91 w 667"/>
                <a:gd name="T97" fmla="*/ 71 h 780"/>
                <a:gd name="T98" fmla="*/ 93 w 667"/>
                <a:gd name="T99" fmla="*/ 73 h 780"/>
                <a:gd name="T100" fmla="*/ 98 w 667"/>
                <a:gd name="T101" fmla="*/ 78 h 780"/>
                <a:gd name="T102" fmla="*/ 105 w 667"/>
                <a:gd name="T103" fmla="*/ 76 h 780"/>
                <a:gd name="T104" fmla="*/ 111 w 667"/>
                <a:gd name="T105" fmla="*/ 68 h 780"/>
                <a:gd name="T106" fmla="*/ 113 w 667"/>
                <a:gd name="T107" fmla="*/ 61 h 780"/>
                <a:gd name="T108" fmla="*/ 123 w 667"/>
                <a:gd name="T109" fmla="*/ 0 h 780"/>
                <a:gd name="T110" fmla="*/ 454 w 667"/>
                <a:gd name="T111" fmla="*/ 53 h 780"/>
                <a:gd name="T112" fmla="*/ 247 w 667"/>
                <a:gd name="T113" fmla="*/ 495 h 780"/>
                <a:gd name="T114" fmla="*/ 13 w 667"/>
                <a:gd name="T115" fmla="*/ 337 h 780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667"/>
                <a:gd name="T175" fmla="*/ 0 h 780"/>
                <a:gd name="T176" fmla="*/ 667 w 667"/>
                <a:gd name="T177" fmla="*/ 780 h 780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667" h="780">
                  <a:moveTo>
                    <a:pt x="13" y="513"/>
                  </a:moveTo>
                  <a:lnTo>
                    <a:pt x="29" y="513"/>
                  </a:lnTo>
                  <a:lnTo>
                    <a:pt x="34" y="511"/>
                  </a:lnTo>
                  <a:lnTo>
                    <a:pt x="39" y="508"/>
                  </a:lnTo>
                  <a:lnTo>
                    <a:pt x="41" y="503"/>
                  </a:lnTo>
                  <a:lnTo>
                    <a:pt x="42" y="496"/>
                  </a:lnTo>
                  <a:lnTo>
                    <a:pt x="42" y="491"/>
                  </a:lnTo>
                  <a:lnTo>
                    <a:pt x="42" y="486"/>
                  </a:lnTo>
                  <a:lnTo>
                    <a:pt x="42" y="483"/>
                  </a:lnTo>
                  <a:lnTo>
                    <a:pt x="41" y="481"/>
                  </a:lnTo>
                  <a:lnTo>
                    <a:pt x="24" y="472"/>
                  </a:lnTo>
                  <a:lnTo>
                    <a:pt x="29" y="455"/>
                  </a:lnTo>
                  <a:lnTo>
                    <a:pt x="27" y="444"/>
                  </a:lnTo>
                  <a:lnTo>
                    <a:pt x="30" y="433"/>
                  </a:lnTo>
                  <a:lnTo>
                    <a:pt x="32" y="432"/>
                  </a:lnTo>
                  <a:lnTo>
                    <a:pt x="35" y="430"/>
                  </a:lnTo>
                  <a:lnTo>
                    <a:pt x="37" y="427"/>
                  </a:lnTo>
                  <a:lnTo>
                    <a:pt x="41" y="425"/>
                  </a:lnTo>
                  <a:lnTo>
                    <a:pt x="42" y="423"/>
                  </a:lnTo>
                  <a:lnTo>
                    <a:pt x="44" y="422"/>
                  </a:lnTo>
                  <a:lnTo>
                    <a:pt x="46" y="420"/>
                  </a:lnTo>
                  <a:lnTo>
                    <a:pt x="51" y="415"/>
                  </a:lnTo>
                  <a:lnTo>
                    <a:pt x="56" y="410"/>
                  </a:lnTo>
                  <a:lnTo>
                    <a:pt x="57" y="403"/>
                  </a:lnTo>
                  <a:lnTo>
                    <a:pt x="59" y="396"/>
                  </a:lnTo>
                  <a:lnTo>
                    <a:pt x="61" y="389"/>
                  </a:lnTo>
                  <a:lnTo>
                    <a:pt x="61" y="384"/>
                  </a:lnTo>
                  <a:lnTo>
                    <a:pt x="61" y="379"/>
                  </a:lnTo>
                  <a:lnTo>
                    <a:pt x="61" y="378"/>
                  </a:lnTo>
                  <a:lnTo>
                    <a:pt x="63" y="369"/>
                  </a:lnTo>
                  <a:lnTo>
                    <a:pt x="66" y="361"/>
                  </a:lnTo>
                  <a:lnTo>
                    <a:pt x="73" y="354"/>
                  </a:lnTo>
                  <a:lnTo>
                    <a:pt x="81" y="349"/>
                  </a:lnTo>
                  <a:lnTo>
                    <a:pt x="88" y="345"/>
                  </a:lnTo>
                  <a:lnTo>
                    <a:pt x="95" y="344"/>
                  </a:lnTo>
                  <a:lnTo>
                    <a:pt x="100" y="344"/>
                  </a:lnTo>
                  <a:lnTo>
                    <a:pt x="101" y="342"/>
                  </a:lnTo>
                  <a:lnTo>
                    <a:pt x="108" y="334"/>
                  </a:lnTo>
                  <a:lnTo>
                    <a:pt x="108" y="325"/>
                  </a:lnTo>
                  <a:lnTo>
                    <a:pt x="91" y="301"/>
                  </a:lnTo>
                  <a:lnTo>
                    <a:pt x="93" y="283"/>
                  </a:lnTo>
                  <a:lnTo>
                    <a:pt x="81" y="257"/>
                  </a:lnTo>
                  <a:lnTo>
                    <a:pt x="76" y="244"/>
                  </a:lnTo>
                  <a:lnTo>
                    <a:pt x="73" y="229"/>
                  </a:lnTo>
                  <a:lnTo>
                    <a:pt x="74" y="227"/>
                  </a:lnTo>
                  <a:lnTo>
                    <a:pt x="76" y="225"/>
                  </a:lnTo>
                  <a:lnTo>
                    <a:pt x="79" y="224"/>
                  </a:lnTo>
                  <a:lnTo>
                    <a:pt x="81" y="222"/>
                  </a:lnTo>
                  <a:lnTo>
                    <a:pt x="83" y="220"/>
                  </a:lnTo>
                  <a:lnTo>
                    <a:pt x="85" y="219"/>
                  </a:lnTo>
                  <a:lnTo>
                    <a:pt x="86" y="219"/>
                  </a:lnTo>
                  <a:lnTo>
                    <a:pt x="88" y="213"/>
                  </a:lnTo>
                  <a:lnTo>
                    <a:pt x="88" y="207"/>
                  </a:lnTo>
                  <a:lnTo>
                    <a:pt x="88" y="200"/>
                  </a:lnTo>
                  <a:lnTo>
                    <a:pt x="88" y="193"/>
                  </a:lnTo>
                  <a:lnTo>
                    <a:pt x="88" y="186"/>
                  </a:lnTo>
                  <a:lnTo>
                    <a:pt x="88" y="181"/>
                  </a:lnTo>
                  <a:lnTo>
                    <a:pt x="88" y="178"/>
                  </a:lnTo>
                  <a:lnTo>
                    <a:pt x="88" y="175"/>
                  </a:lnTo>
                  <a:lnTo>
                    <a:pt x="90" y="171"/>
                  </a:lnTo>
                  <a:lnTo>
                    <a:pt x="91" y="166"/>
                  </a:lnTo>
                  <a:lnTo>
                    <a:pt x="93" y="161"/>
                  </a:lnTo>
                  <a:lnTo>
                    <a:pt x="93" y="156"/>
                  </a:lnTo>
                  <a:lnTo>
                    <a:pt x="93" y="149"/>
                  </a:lnTo>
                  <a:lnTo>
                    <a:pt x="95" y="144"/>
                  </a:lnTo>
                  <a:lnTo>
                    <a:pt x="95" y="137"/>
                  </a:lnTo>
                  <a:lnTo>
                    <a:pt x="93" y="132"/>
                  </a:lnTo>
                  <a:lnTo>
                    <a:pt x="93" y="125"/>
                  </a:lnTo>
                  <a:lnTo>
                    <a:pt x="93" y="120"/>
                  </a:lnTo>
                  <a:lnTo>
                    <a:pt x="93" y="115"/>
                  </a:lnTo>
                  <a:lnTo>
                    <a:pt x="93" y="112"/>
                  </a:lnTo>
                  <a:lnTo>
                    <a:pt x="93" y="109"/>
                  </a:lnTo>
                  <a:lnTo>
                    <a:pt x="91" y="105"/>
                  </a:lnTo>
                  <a:lnTo>
                    <a:pt x="91" y="103"/>
                  </a:lnTo>
                  <a:lnTo>
                    <a:pt x="91" y="102"/>
                  </a:lnTo>
                  <a:lnTo>
                    <a:pt x="93" y="100"/>
                  </a:lnTo>
                  <a:lnTo>
                    <a:pt x="93" y="98"/>
                  </a:lnTo>
                  <a:lnTo>
                    <a:pt x="96" y="97"/>
                  </a:lnTo>
                  <a:lnTo>
                    <a:pt x="98" y="97"/>
                  </a:lnTo>
                  <a:lnTo>
                    <a:pt x="101" y="97"/>
                  </a:lnTo>
                  <a:lnTo>
                    <a:pt x="105" y="97"/>
                  </a:lnTo>
                  <a:lnTo>
                    <a:pt x="107" y="95"/>
                  </a:lnTo>
                  <a:lnTo>
                    <a:pt x="108" y="95"/>
                  </a:lnTo>
                  <a:lnTo>
                    <a:pt x="110" y="92"/>
                  </a:lnTo>
                  <a:lnTo>
                    <a:pt x="112" y="92"/>
                  </a:lnTo>
                  <a:lnTo>
                    <a:pt x="113" y="92"/>
                  </a:lnTo>
                  <a:lnTo>
                    <a:pt x="117" y="93"/>
                  </a:lnTo>
                  <a:lnTo>
                    <a:pt x="118" y="95"/>
                  </a:lnTo>
                  <a:lnTo>
                    <a:pt x="118" y="97"/>
                  </a:lnTo>
                  <a:lnTo>
                    <a:pt x="120" y="98"/>
                  </a:lnTo>
                  <a:lnTo>
                    <a:pt x="122" y="98"/>
                  </a:lnTo>
                  <a:lnTo>
                    <a:pt x="127" y="100"/>
                  </a:lnTo>
                  <a:lnTo>
                    <a:pt x="130" y="100"/>
                  </a:lnTo>
                  <a:lnTo>
                    <a:pt x="134" y="103"/>
                  </a:lnTo>
                  <a:lnTo>
                    <a:pt x="135" y="105"/>
                  </a:lnTo>
                  <a:lnTo>
                    <a:pt x="135" y="107"/>
                  </a:lnTo>
                  <a:lnTo>
                    <a:pt x="135" y="109"/>
                  </a:lnTo>
                  <a:lnTo>
                    <a:pt x="137" y="110"/>
                  </a:lnTo>
                  <a:lnTo>
                    <a:pt x="137" y="112"/>
                  </a:lnTo>
                  <a:lnTo>
                    <a:pt x="144" y="117"/>
                  </a:lnTo>
                  <a:lnTo>
                    <a:pt x="149" y="117"/>
                  </a:lnTo>
                  <a:lnTo>
                    <a:pt x="154" y="114"/>
                  </a:lnTo>
                  <a:lnTo>
                    <a:pt x="157" y="109"/>
                  </a:lnTo>
                  <a:lnTo>
                    <a:pt x="161" y="102"/>
                  </a:lnTo>
                  <a:lnTo>
                    <a:pt x="162" y="95"/>
                  </a:lnTo>
                  <a:lnTo>
                    <a:pt x="164" y="92"/>
                  </a:lnTo>
                  <a:lnTo>
                    <a:pt x="164" y="90"/>
                  </a:lnTo>
                  <a:lnTo>
                    <a:pt x="181" y="0"/>
                  </a:lnTo>
                  <a:lnTo>
                    <a:pt x="667" y="81"/>
                  </a:lnTo>
                  <a:lnTo>
                    <a:pt x="570" y="780"/>
                  </a:lnTo>
                  <a:lnTo>
                    <a:pt x="362" y="753"/>
                  </a:lnTo>
                  <a:lnTo>
                    <a:pt x="0" y="542"/>
                  </a:lnTo>
                  <a:lnTo>
                    <a:pt x="13" y="513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29" name="Freeform 120"/>
            <p:cNvSpPr>
              <a:spLocks/>
            </p:cNvSpPr>
            <p:nvPr/>
          </p:nvSpPr>
          <p:spPr bwMode="auto">
            <a:xfrm>
              <a:off x="1495" y="2036"/>
              <a:ext cx="697" cy="552"/>
            </a:xfrm>
            <a:custGeom>
              <a:avLst/>
              <a:gdLst>
                <a:gd name="T0" fmla="*/ 387 w 717"/>
                <a:gd name="T1" fmla="*/ 376 h 568"/>
                <a:gd name="T2" fmla="*/ 368 w 717"/>
                <a:gd name="T3" fmla="*/ 375 h 568"/>
                <a:gd name="T4" fmla="*/ 343 w 717"/>
                <a:gd name="T5" fmla="*/ 374 h 568"/>
                <a:gd name="T6" fmla="*/ 315 w 717"/>
                <a:gd name="T7" fmla="*/ 372 h 568"/>
                <a:gd name="T8" fmla="*/ 285 w 717"/>
                <a:gd name="T9" fmla="*/ 369 h 568"/>
                <a:gd name="T10" fmla="*/ 252 w 717"/>
                <a:gd name="T11" fmla="*/ 364 h 568"/>
                <a:gd name="T12" fmla="*/ 219 w 717"/>
                <a:gd name="T13" fmla="*/ 362 h 568"/>
                <a:gd name="T14" fmla="*/ 185 w 717"/>
                <a:gd name="T15" fmla="*/ 359 h 568"/>
                <a:gd name="T16" fmla="*/ 152 w 717"/>
                <a:gd name="T17" fmla="*/ 354 h 568"/>
                <a:gd name="T18" fmla="*/ 119 w 717"/>
                <a:gd name="T19" fmla="*/ 351 h 568"/>
                <a:gd name="T20" fmla="*/ 89 w 717"/>
                <a:gd name="T21" fmla="*/ 347 h 568"/>
                <a:gd name="T22" fmla="*/ 63 w 717"/>
                <a:gd name="T23" fmla="*/ 344 h 568"/>
                <a:gd name="T24" fmla="*/ 42 w 717"/>
                <a:gd name="T25" fmla="*/ 342 h 568"/>
                <a:gd name="T26" fmla="*/ 17 w 717"/>
                <a:gd name="T27" fmla="*/ 340 h 568"/>
                <a:gd name="T28" fmla="*/ 11 w 717"/>
                <a:gd name="T29" fmla="*/ 336 h 568"/>
                <a:gd name="T30" fmla="*/ 1 w 717"/>
                <a:gd name="T31" fmla="*/ 336 h 568"/>
                <a:gd name="T32" fmla="*/ 45 w 717"/>
                <a:gd name="T33" fmla="*/ 0 h 568"/>
                <a:gd name="T34" fmla="*/ 49 w 717"/>
                <a:gd name="T35" fmla="*/ 2 h 568"/>
                <a:gd name="T36" fmla="*/ 63 w 717"/>
                <a:gd name="T37" fmla="*/ 5 h 568"/>
                <a:gd name="T38" fmla="*/ 79 w 717"/>
                <a:gd name="T39" fmla="*/ 7 h 568"/>
                <a:gd name="T40" fmla="*/ 99 w 717"/>
                <a:gd name="T41" fmla="*/ 10 h 568"/>
                <a:gd name="T42" fmla="*/ 122 w 717"/>
                <a:gd name="T43" fmla="*/ 15 h 568"/>
                <a:gd name="T44" fmla="*/ 149 w 717"/>
                <a:gd name="T45" fmla="*/ 17 h 568"/>
                <a:gd name="T46" fmla="*/ 177 w 717"/>
                <a:gd name="T47" fmla="*/ 17 h 568"/>
                <a:gd name="T48" fmla="*/ 205 w 717"/>
                <a:gd name="T49" fmla="*/ 17 h 568"/>
                <a:gd name="T50" fmla="*/ 233 w 717"/>
                <a:gd name="T51" fmla="*/ 20 h 568"/>
                <a:gd name="T52" fmla="*/ 261 w 717"/>
                <a:gd name="T53" fmla="*/ 23 h 568"/>
                <a:gd name="T54" fmla="*/ 286 w 717"/>
                <a:gd name="T55" fmla="*/ 26 h 568"/>
                <a:gd name="T56" fmla="*/ 308 w 717"/>
                <a:gd name="T57" fmla="*/ 32 h 568"/>
                <a:gd name="T58" fmla="*/ 327 w 717"/>
                <a:gd name="T59" fmla="*/ 33 h 568"/>
                <a:gd name="T60" fmla="*/ 341 w 717"/>
                <a:gd name="T61" fmla="*/ 37 h 568"/>
                <a:gd name="T62" fmla="*/ 350 w 717"/>
                <a:gd name="T63" fmla="*/ 38 h 568"/>
                <a:gd name="T64" fmla="*/ 355 w 717"/>
                <a:gd name="T65" fmla="*/ 38 h 568"/>
                <a:gd name="T66" fmla="*/ 483 w 717"/>
                <a:gd name="T67" fmla="*/ 44 h 568"/>
                <a:gd name="T68" fmla="*/ 459 w 717"/>
                <a:gd name="T69" fmla="*/ 381 h 568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60000 65536"/>
                <a:gd name="T85" fmla="*/ 0 60000 65536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w 717"/>
                <a:gd name="T106" fmla="*/ 0 h 568"/>
                <a:gd name="T107" fmla="*/ 717 w 717"/>
                <a:gd name="T108" fmla="*/ 568 h 568"/>
              </a:gdLst>
              <a:ahLst/>
              <a:cxnLst>
                <a:cxn ang="T70">
                  <a:pos x="T0" y="T1"/>
                </a:cxn>
                <a:cxn ang="T71">
                  <a:pos x="T2" y="T3"/>
                </a:cxn>
                <a:cxn ang="T72">
                  <a:pos x="T4" y="T5"/>
                </a:cxn>
                <a:cxn ang="T73">
                  <a:pos x="T6" y="T7"/>
                </a:cxn>
                <a:cxn ang="T74">
                  <a:pos x="T8" y="T9"/>
                </a:cxn>
                <a:cxn ang="T75">
                  <a:pos x="T10" y="T11"/>
                </a:cxn>
                <a:cxn ang="T76">
                  <a:pos x="T12" y="T13"/>
                </a:cxn>
                <a:cxn ang="T77">
                  <a:pos x="T14" y="T15"/>
                </a:cxn>
                <a:cxn ang="T78">
                  <a:pos x="T16" y="T17"/>
                </a:cxn>
                <a:cxn ang="T79">
                  <a:pos x="T18" y="T19"/>
                </a:cxn>
                <a:cxn ang="T80">
                  <a:pos x="T20" y="T21"/>
                </a:cxn>
                <a:cxn ang="T81">
                  <a:pos x="T22" y="T23"/>
                </a:cxn>
                <a:cxn ang="T82">
                  <a:pos x="T24" y="T25"/>
                </a:cxn>
                <a:cxn ang="T83">
                  <a:pos x="T26" y="T27"/>
                </a:cxn>
                <a:cxn ang="T84">
                  <a:pos x="T28" y="T29"/>
                </a:cxn>
                <a:cxn ang="T85">
                  <a:pos x="T30" y="T31"/>
                </a:cxn>
                <a:cxn ang="T86">
                  <a:pos x="T32" y="T33"/>
                </a:cxn>
                <a:cxn ang="T87">
                  <a:pos x="T34" y="T35"/>
                </a:cxn>
                <a:cxn ang="T88">
                  <a:pos x="T36" y="T37"/>
                </a:cxn>
                <a:cxn ang="T89">
                  <a:pos x="T38" y="T39"/>
                </a:cxn>
                <a:cxn ang="T90">
                  <a:pos x="T40" y="T41"/>
                </a:cxn>
                <a:cxn ang="T91">
                  <a:pos x="T42" y="T43"/>
                </a:cxn>
                <a:cxn ang="T92">
                  <a:pos x="T44" y="T45"/>
                </a:cxn>
                <a:cxn ang="T93">
                  <a:pos x="T46" y="T47"/>
                </a:cxn>
                <a:cxn ang="T94">
                  <a:pos x="T48" y="T49"/>
                </a:cxn>
                <a:cxn ang="T95">
                  <a:pos x="T50" y="T51"/>
                </a:cxn>
                <a:cxn ang="T96">
                  <a:pos x="T52" y="T53"/>
                </a:cxn>
                <a:cxn ang="T97">
                  <a:pos x="T54" y="T55"/>
                </a:cxn>
                <a:cxn ang="T98">
                  <a:pos x="T56" y="T57"/>
                </a:cxn>
                <a:cxn ang="T99">
                  <a:pos x="T58" y="T59"/>
                </a:cxn>
                <a:cxn ang="T100">
                  <a:pos x="T60" y="T61"/>
                </a:cxn>
                <a:cxn ang="T101">
                  <a:pos x="T62" y="T63"/>
                </a:cxn>
                <a:cxn ang="T102">
                  <a:pos x="T64" y="T65"/>
                </a:cxn>
                <a:cxn ang="T103">
                  <a:pos x="T66" y="T67"/>
                </a:cxn>
                <a:cxn ang="T104">
                  <a:pos x="T68" y="T69"/>
                </a:cxn>
              </a:cxnLst>
              <a:rect l="T105" t="T106" r="T107" b="T108"/>
              <a:pathLst>
                <a:path w="717" h="568">
                  <a:moveTo>
                    <a:pt x="587" y="562"/>
                  </a:moveTo>
                  <a:lnTo>
                    <a:pt x="575" y="562"/>
                  </a:lnTo>
                  <a:lnTo>
                    <a:pt x="561" y="562"/>
                  </a:lnTo>
                  <a:lnTo>
                    <a:pt x="546" y="560"/>
                  </a:lnTo>
                  <a:lnTo>
                    <a:pt x="528" y="560"/>
                  </a:lnTo>
                  <a:lnTo>
                    <a:pt x="509" y="558"/>
                  </a:lnTo>
                  <a:lnTo>
                    <a:pt x="489" y="557"/>
                  </a:lnTo>
                  <a:lnTo>
                    <a:pt x="468" y="555"/>
                  </a:lnTo>
                  <a:lnTo>
                    <a:pt x="446" y="552"/>
                  </a:lnTo>
                  <a:lnTo>
                    <a:pt x="423" y="550"/>
                  </a:lnTo>
                  <a:lnTo>
                    <a:pt x="399" y="548"/>
                  </a:lnTo>
                  <a:lnTo>
                    <a:pt x="374" y="545"/>
                  </a:lnTo>
                  <a:lnTo>
                    <a:pt x="350" y="543"/>
                  </a:lnTo>
                  <a:lnTo>
                    <a:pt x="325" y="540"/>
                  </a:lnTo>
                  <a:lnTo>
                    <a:pt x="299" y="538"/>
                  </a:lnTo>
                  <a:lnTo>
                    <a:pt x="274" y="535"/>
                  </a:lnTo>
                  <a:lnTo>
                    <a:pt x="250" y="531"/>
                  </a:lnTo>
                  <a:lnTo>
                    <a:pt x="225" y="530"/>
                  </a:lnTo>
                  <a:lnTo>
                    <a:pt x="201" y="526"/>
                  </a:lnTo>
                  <a:lnTo>
                    <a:pt x="177" y="523"/>
                  </a:lnTo>
                  <a:lnTo>
                    <a:pt x="155" y="521"/>
                  </a:lnTo>
                  <a:lnTo>
                    <a:pt x="133" y="518"/>
                  </a:lnTo>
                  <a:lnTo>
                    <a:pt x="113" y="516"/>
                  </a:lnTo>
                  <a:lnTo>
                    <a:pt x="93" y="513"/>
                  </a:lnTo>
                  <a:lnTo>
                    <a:pt x="74" y="511"/>
                  </a:lnTo>
                  <a:lnTo>
                    <a:pt x="59" y="509"/>
                  </a:lnTo>
                  <a:lnTo>
                    <a:pt x="44" y="508"/>
                  </a:lnTo>
                  <a:lnTo>
                    <a:pt x="30" y="506"/>
                  </a:lnTo>
                  <a:lnTo>
                    <a:pt x="20" y="504"/>
                  </a:lnTo>
                  <a:lnTo>
                    <a:pt x="11" y="502"/>
                  </a:lnTo>
                  <a:lnTo>
                    <a:pt x="5" y="502"/>
                  </a:lnTo>
                  <a:lnTo>
                    <a:pt x="1" y="502"/>
                  </a:lnTo>
                  <a:lnTo>
                    <a:pt x="0" y="502"/>
                  </a:lnTo>
                  <a:lnTo>
                    <a:pt x="66" y="0"/>
                  </a:lnTo>
                  <a:lnTo>
                    <a:pt x="69" y="2"/>
                  </a:lnTo>
                  <a:lnTo>
                    <a:pt x="74" y="2"/>
                  </a:lnTo>
                  <a:lnTo>
                    <a:pt x="83" y="3"/>
                  </a:lnTo>
                  <a:lnTo>
                    <a:pt x="93" y="5"/>
                  </a:lnTo>
                  <a:lnTo>
                    <a:pt x="103" y="5"/>
                  </a:lnTo>
                  <a:lnTo>
                    <a:pt x="116" y="7"/>
                  </a:lnTo>
                  <a:lnTo>
                    <a:pt x="132" y="8"/>
                  </a:lnTo>
                  <a:lnTo>
                    <a:pt x="147" y="10"/>
                  </a:lnTo>
                  <a:lnTo>
                    <a:pt x="164" y="13"/>
                  </a:lnTo>
                  <a:lnTo>
                    <a:pt x="182" y="15"/>
                  </a:lnTo>
                  <a:lnTo>
                    <a:pt x="201" y="17"/>
                  </a:lnTo>
                  <a:lnTo>
                    <a:pt x="221" y="18"/>
                  </a:lnTo>
                  <a:lnTo>
                    <a:pt x="242" y="22"/>
                  </a:lnTo>
                  <a:lnTo>
                    <a:pt x="262" y="24"/>
                  </a:lnTo>
                  <a:lnTo>
                    <a:pt x="282" y="27"/>
                  </a:lnTo>
                  <a:lnTo>
                    <a:pt x="304" y="29"/>
                  </a:lnTo>
                  <a:lnTo>
                    <a:pt x="325" y="30"/>
                  </a:lnTo>
                  <a:lnTo>
                    <a:pt x="347" y="34"/>
                  </a:lnTo>
                  <a:lnTo>
                    <a:pt x="367" y="35"/>
                  </a:lnTo>
                  <a:lnTo>
                    <a:pt x="387" y="37"/>
                  </a:lnTo>
                  <a:lnTo>
                    <a:pt x="406" y="39"/>
                  </a:lnTo>
                  <a:lnTo>
                    <a:pt x="424" y="40"/>
                  </a:lnTo>
                  <a:lnTo>
                    <a:pt x="441" y="44"/>
                  </a:lnTo>
                  <a:lnTo>
                    <a:pt x="457" y="46"/>
                  </a:lnTo>
                  <a:lnTo>
                    <a:pt x="472" y="47"/>
                  </a:lnTo>
                  <a:lnTo>
                    <a:pt x="485" y="47"/>
                  </a:lnTo>
                  <a:lnTo>
                    <a:pt x="497" y="49"/>
                  </a:lnTo>
                  <a:lnTo>
                    <a:pt x="507" y="51"/>
                  </a:lnTo>
                  <a:lnTo>
                    <a:pt x="516" y="51"/>
                  </a:lnTo>
                  <a:lnTo>
                    <a:pt x="521" y="52"/>
                  </a:lnTo>
                  <a:lnTo>
                    <a:pt x="526" y="52"/>
                  </a:lnTo>
                  <a:lnTo>
                    <a:pt x="524" y="52"/>
                  </a:lnTo>
                  <a:lnTo>
                    <a:pt x="717" y="64"/>
                  </a:lnTo>
                  <a:lnTo>
                    <a:pt x="710" y="189"/>
                  </a:lnTo>
                  <a:lnTo>
                    <a:pt x="683" y="568"/>
                  </a:lnTo>
                  <a:lnTo>
                    <a:pt x="587" y="562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30" name="Freeform 121"/>
            <p:cNvSpPr>
              <a:spLocks/>
            </p:cNvSpPr>
            <p:nvPr/>
          </p:nvSpPr>
          <p:spPr bwMode="auto">
            <a:xfrm>
              <a:off x="1401" y="2524"/>
              <a:ext cx="665" cy="694"/>
            </a:xfrm>
            <a:custGeom>
              <a:avLst/>
              <a:gdLst>
                <a:gd name="T0" fmla="*/ 60 w 684"/>
                <a:gd name="T1" fmla="*/ 470 h 715"/>
                <a:gd name="T2" fmla="*/ 65 w 684"/>
                <a:gd name="T3" fmla="*/ 433 h 715"/>
                <a:gd name="T4" fmla="*/ 182 w 684"/>
                <a:gd name="T5" fmla="*/ 449 h 715"/>
                <a:gd name="T6" fmla="*/ 177 w 684"/>
                <a:gd name="T7" fmla="*/ 439 h 715"/>
                <a:gd name="T8" fmla="*/ 177 w 684"/>
                <a:gd name="T9" fmla="*/ 428 h 715"/>
                <a:gd name="T10" fmla="*/ 426 w 684"/>
                <a:gd name="T11" fmla="*/ 452 h 715"/>
                <a:gd name="T12" fmla="*/ 459 w 684"/>
                <a:gd name="T13" fmla="*/ 80 h 715"/>
                <a:gd name="T14" fmla="*/ 461 w 684"/>
                <a:gd name="T15" fmla="*/ 41 h 715"/>
                <a:gd name="T16" fmla="*/ 453 w 684"/>
                <a:gd name="T17" fmla="*/ 41 h 715"/>
                <a:gd name="T18" fmla="*/ 444 w 684"/>
                <a:gd name="T19" fmla="*/ 41 h 715"/>
                <a:gd name="T20" fmla="*/ 434 w 684"/>
                <a:gd name="T21" fmla="*/ 40 h 715"/>
                <a:gd name="T22" fmla="*/ 422 w 684"/>
                <a:gd name="T23" fmla="*/ 40 h 715"/>
                <a:gd name="T24" fmla="*/ 409 w 684"/>
                <a:gd name="T25" fmla="*/ 39 h 715"/>
                <a:gd name="T26" fmla="*/ 395 w 684"/>
                <a:gd name="T27" fmla="*/ 39 h 715"/>
                <a:gd name="T28" fmla="*/ 380 w 684"/>
                <a:gd name="T29" fmla="*/ 38 h 715"/>
                <a:gd name="T30" fmla="*/ 367 w 684"/>
                <a:gd name="T31" fmla="*/ 36 h 715"/>
                <a:gd name="T32" fmla="*/ 350 w 684"/>
                <a:gd name="T33" fmla="*/ 34 h 715"/>
                <a:gd name="T34" fmla="*/ 334 w 684"/>
                <a:gd name="T35" fmla="*/ 32 h 715"/>
                <a:gd name="T36" fmla="*/ 318 w 684"/>
                <a:gd name="T37" fmla="*/ 29 h 715"/>
                <a:gd name="T38" fmla="*/ 301 w 684"/>
                <a:gd name="T39" fmla="*/ 27 h 715"/>
                <a:gd name="T40" fmla="*/ 285 w 684"/>
                <a:gd name="T41" fmla="*/ 24 h 715"/>
                <a:gd name="T42" fmla="*/ 266 w 684"/>
                <a:gd name="T43" fmla="*/ 22 h 715"/>
                <a:gd name="T44" fmla="*/ 251 w 684"/>
                <a:gd name="T45" fmla="*/ 19 h 715"/>
                <a:gd name="T46" fmla="*/ 234 w 684"/>
                <a:gd name="T47" fmla="*/ 17 h 715"/>
                <a:gd name="T48" fmla="*/ 217 w 684"/>
                <a:gd name="T49" fmla="*/ 17 h 715"/>
                <a:gd name="T50" fmla="*/ 201 w 684"/>
                <a:gd name="T51" fmla="*/ 17 h 715"/>
                <a:gd name="T52" fmla="*/ 185 w 684"/>
                <a:gd name="T53" fmla="*/ 17 h 715"/>
                <a:gd name="T54" fmla="*/ 170 w 684"/>
                <a:gd name="T55" fmla="*/ 17 h 715"/>
                <a:gd name="T56" fmla="*/ 155 w 684"/>
                <a:gd name="T57" fmla="*/ 16 h 715"/>
                <a:gd name="T58" fmla="*/ 142 w 684"/>
                <a:gd name="T59" fmla="*/ 14 h 715"/>
                <a:gd name="T60" fmla="*/ 128 w 684"/>
                <a:gd name="T61" fmla="*/ 11 h 715"/>
                <a:gd name="T62" fmla="*/ 116 w 684"/>
                <a:gd name="T63" fmla="*/ 9 h 715"/>
                <a:gd name="T64" fmla="*/ 106 w 684"/>
                <a:gd name="T65" fmla="*/ 7 h 715"/>
                <a:gd name="T66" fmla="*/ 95 w 684"/>
                <a:gd name="T67" fmla="*/ 6 h 715"/>
                <a:gd name="T68" fmla="*/ 85 w 684"/>
                <a:gd name="T69" fmla="*/ 4 h 715"/>
                <a:gd name="T70" fmla="*/ 79 w 684"/>
                <a:gd name="T71" fmla="*/ 2 h 715"/>
                <a:gd name="T72" fmla="*/ 73 w 684"/>
                <a:gd name="T73" fmla="*/ 0 h 715"/>
                <a:gd name="T74" fmla="*/ 69 w 684"/>
                <a:gd name="T75" fmla="*/ 0 h 715"/>
                <a:gd name="T76" fmla="*/ 67 w 684"/>
                <a:gd name="T77" fmla="*/ 0 h 715"/>
                <a:gd name="T78" fmla="*/ 66 w 684"/>
                <a:gd name="T79" fmla="*/ 0 h 715"/>
                <a:gd name="T80" fmla="*/ 66 w 684"/>
                <a:gd name="T81" fmla="*/ 0 h 715"/>
                <a:gd name="T82" fmla="*/ 66 w 684"/>
                <a:gd name="T83" fmla="*/ 0 h 715"/>
                <a:gd name="T84" fmla="*/ 0 w 684"/>
                <a:gd name="T85" fmla="*/ 460 h 715"/>
                <a:gd name="T86" fmla="*/ 60 w 684"/>
                <a:gd name="T87" fmla="*/ 470 h 715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w 684"/>
                <a:gd name="T133" fmla="*/ 0 h 715"/>
                <a:gd name="T134" fmla="*/ 684 w 684"/>
                <a:gd name="T135" fmla="*/ 715 h 715"/>
              </a:gdLst>
              <a:ahLst/>
              <a:cxnLst>
                <a:cxn ang="T88">
                  <a:pos x="T0" y="T1"/>
                </a:cxn>
                <a:cxn ang="T89">
                  <a:pos x="T2" y="T3"/>
                </a:cxn>
                <a:cxn ang="T90">
                  <a:pos x="T4" y="T5"/>
                </a:cxn>
                <a:cxn ang="T91">
                  <a:pos x="T6" y="T7"/>
                </a:cxn>
                <a:cxn ang="T92">
                  <a:pos x="T8" y="T9"/>
                </a:cxn>
                <a:cxn ang="T93">
                  <a:pos x="T10" y="T11"/>
                </a:cxn>
                <a:cxn ang="T94">
                  <a:pos x="T12" y="T13"/>
                </a:cxn>
                <a:cxn ang="T95">
                  <a:pos x="T14" y="T15"/>
                </a:cxn>
                <a:cxn ang="T96">
                  <a:pos x="T16" y="T17"/>
                </a:cxn>
                <a:cxn ang="T97">
                  <a:pos x="T18" y="T19"/>
                </a:cxn>
                <a:cxn ang="T98">
                  <a:pos x="T20" y="T21"/>
                </a:cxn>
                <a:cxn ang="T99">
                  <a:pos x="T22" y="T23"/>
                </a:cxn>
                <a:cxn ang="T100">
                  <a:pos x="T24" y="T25"/>
                </a:cxn>
                <a:cxn ang="T101">
                  <a:pos x="T26" y="T27"/>
                </a:cxn>
                <a:cxn ang="T102">
                  <a:pos x="T28" y="T29"/>
                </a:cxn>
                <a:cxn ang="T103">
                  <a:pos x="T30" y="T31"/>
                </a:cxn>
                <a:cxn ang="T104">
                  <a:pos x="T32" y="T33"/>
                </a:cxn>
                <a:cxn ang="T105">
                  <a:pos x="T34" y="T35"/>
                </a:cxn>
                <a:cxn ang="T106">
                  <a:pos x="T36" y="T37"/>
                </a:cxn>
                <a:cxn ang="T107">
                  <a:pos x="T38" y="T39"/>
                </a:cxn>
                <a:cxn ang="T108">
                  <a:pos x="T40" y="T41"/>
                </a:cxn>
                <a:cxn ang="T109">
                  <a:pos x="T42" y="T43"/>
                </a:cxn>
                <a:cxn ang="T110">
                  <a:pos x="T44" y="T45"/>
                </a:cxn>
                <a:cxn ang="T111">
                  <a:pos x="T46" y="T47"/>
                </a:cxn>
                <a:cxn ang="T112">
                  <a:pos x="T48" y="T49"/>
                </a:cxn>
                <a:cxn ang="T113">
                  <a:pos x="T50" y="T51"/>
                </a:cxn>
                <a:cxn ang="T114">
                  <a:pos x="T52" y="T53"/>
                </a:cxn>
                <a:cxn ang="T115">
                  <a:pos x="T54" y="T55"/>
                </a:cxn>
                <a:cxn ang="T116">
                  <a:pos x="T56" y="T57"/>
                </a:cxn>
                <a:cxn ang="T117">
                  <a:pos x="T58" y="T59"/>
                </a:cxn>
                <a:cxn ang="T118">
                  <a:pos x="T60" y="T61"/>
                </a:cxn>
                <a:cxn ang="T119">
                  <a:pos x="T62" y="T63"/>
                </a:cxn>
                <a:cxn ang="T120">
                  <a:pos x="T64" y="T65"/>
                </a:cxn>
                <a:cxn ang="T121">
                  <a:pos x="T66" y="T67"/>
                </a:cxn>
                <a:cxn ang="T122">
                  <a:pos x="T68" y="T69"/>
                </a:cxn>
                <a:cxn ang="T123">
                  <a:pos x="T70" y="T71"/>
                </a:cxn>
                <a:cxn ang="T124">
                  <a:pos x="T72" y="T73"/>
                </a:cxn>
                <a:cxn ang="T125">
                  <a:pos x="T74" y="T75"/>
                </a:cxn>
                <a:cxn ang="T126">
                  <a:pos x="T76" y="T77"/>
                </a:cxn>
                <a:cxn ang="T127">
                  <a:pos x="T78" y="T79"/>
                </a:cxn>
                <a:cxn ang="T128">
                  <a:pos x="T80" y="T81"/>
                </a:cxn>
                <a:cxn ang="T129">
                  <a:pos x="T82" y="T83"/>
                </a:cxn>
                <a:cxn ang="T130">
                  <a:pos x="T84" y="T85"/>
                </a:cxn>
                <a:cxn ang="T131">
                  <a:pos x="T86" y="T87"/>
                </a:cxn>
              </a:cxnLst>
              <a:rect l="T132" t="T133" r="T134" b="T135"/>
              <a:pathLst>
                <a:path w="684" h="715">
                  <a:moveTo>
                    <a:pt x="88" y="715"/>
                  </a:moveTo>
                  <a:lnTo>
                    <a:pt x="95" y="657"/>
                  </a:lnTo>
                  <a:lnTo>
                    <a:pt x="268" y="681"/>
                  </a:lnTo>
                  <a:lnTo>
                    <a:pt x="262" y="666"/>
                  </a:lnTo>
                  <a:lnTo>
                    <a:pt x="262" y="649"/>
                  </a:lnTo>
                  <a:lnTo>
                    <a:pt x="633" y="686"/>
                  </a:lnTo>
                  <a:lnTo>
                    <a:pt x="679" y="121"/>
                  </a:lnTo>
                  <a:lnTo>
                    <a:pt x="684" y="60"/>
                  </a:lnTo>
                  <a:lnTo>
                    <a:pt x="672" y="60"/>
                  </a:lnTo>
                  <a:lnTo>
                    <a:pt x="658" y="60"/>
                  </a:lnTo>
                  <a:lnTo>
                    <a:pt x="643" y="58"/>
                  </a:lnTo>
                  <a:lnTo>
                    <a:pt x="625" y="58"/>
                  </a:lnTo>
                  <a:lnTo>
                    <a:pt x="606" y="56"/>
                  </a:lnTo>
                  <a:lnTo>
                    <a:pt x="586" y="55"/>
                  </a:lnTo>
                  <a:lnTo>
                    <a:pt x="565" y="53"/>
                  </a:lnTo>
                  <a:lnTo>
                    <a:pt x="543" y="50"/>
                  </a:lnTo>
                  <a:lnTo>
                    <a:pt x="520" y="48"/>
                  </a:lnTo>
                  <a:lnTo>
                    <a:pt x="496" y="46"/>
                  </a:lnTo>
                  <a:lnTo>
                    <a:pt x="471" y="43"/>
                  </a:lnTo>
                  <a:lnTo>
                    <a:pt x="447" y="41"/>
                  </a:lnTo>
                  <a:lnTo>
                    <a:pt x="422" y="38"/>
                  </a:lnTo>
                  <a:lnTo>
                    <a:pt x="396" y="36"/>
                  </a:lnTo>
                  <a:lnTo>
                    <a:pt x="371" y="33"/>
                  </a:lnTo>
                  <a:lnTo>
                    <a:pt x="347" y="29"/>
                  </a:lnTo>
                  <a:lnTo>
                    <a:pt x="322" y="28"/>
                  </a:lnTo>
                  <a:lnTo>
                    <a:pt x="298" y="24"/>
                  </a:lnTo>
                  <a:lnTo>
                    <a:pt x="274" y="21"/>
                  </a:lnTo>
                  <a:lnTo>
                    <a:pt x="252" y="19"/>
                  </a:lnTo>
                  <a:lnTo>
                    <a:pt x="230" y="16"/>
                  </a:lnTo>
                  <a:lnTo>
                    <a:pt x="210" y="14"/>
                  </a:lnTo>
                  <a:lnTo>
                    <a:pt x="190" y="11"/>
                  </a:lnTo>
                  <a:lnTo>
                    <a:pt x="171" y="9"/>
                  </a:lnTo>
                  <a:lnTo>
                    <a:pt x="156" y="7"/>
                  </a:lnTo>
                  <a:lnTo>
                    <a:pt x="141" y="6"/>
                  </a:lnTo>
                  <a:lnTo>
                    <a:pt x="127" y="4"/>
                  </a:lnTo>
                  <a:lnTo>
                    <a:pt x="117" y="2"/>
                  </a:lnTo>
                  <a:lnTo>
                    <a:pt x="108" y="0"/>
                  </a:lnTo>
                  <a:lnTo>
                    <a:pt x="102" y="0"/>
                  </a:lnTo>
                  <a:lnTo>
                    <a:pt x="98" y="0"/>
                  </a:lnTo>
                  <a:lnTo>
                    <a:pt x="97" y="0"/>
                  </a:lnTo>
                  <a:lnTo>
                    <a:pt x="0" y="699"/>
                  </a:lnTo>
                  <a:lnTo>
                    <a:pt x="88" y="715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31" name="Freeform 122"/>
            <p:cNvSpPr>
              <a:spLocks/>
            </p:cNvSpPr>
            <p:nvPr/>
          </p:nvSpPr>
          <p:spPr bwMode="auto">
            <a:xfrm>
              <a:off x="2061" y="2582"/>
              <a:ext cx="827" cy="428"/>
            </a:xfrm>
            <a:custGeom>
              <a:avLst/>
              <a:gdLst>
                <a:gd name="T0" fmla="*/ 203 w 851"/>
                <a:gd name="T1" fmla="*/ 212 h 441"/>
                <a:gd name="T2" fmla="*/ 234 w 851"/>
                <a:gd name="T3" fmla="*/ 228 h 441"/>
                <a:gd name="T4" fmla="*/ 266 w 851"/>
                <a:gd name="T5" fmla="*/ 242 h 441"/>
                <a:gd name="T6" fmla="*/ 271 w 851"/>
                <a:gd name="T7" fmla="*/ 245 h 441"/>
                <a:gd name="T8" fmla="*/ 277 w 851"/>
                <a:gd name="T9" fmla="*/ 248 h 441"/>
                <a:gd name="T10" fmla="*/ 285 w 851"/>
                <a:gd name="T11" fmla="*/ 247 h 441"/>
                <a:gd name="T12" fmla="*/ 297 w 851"/>
                <a:gd name="T13" fmla="*/ 248 h 441"/>
                <a:gd name="T14" fmla="*/ 303 w 851"/>
                <a:gd name="T15" fmla="*/ 255 h 441"/>
                <a:gd name="T16" fmla="*/ 315 w 851"/>
                <a:gd name="T17" fmla="*/ 251 h 441"/>
                <a:gd name="T18" fmla="*/ 332 w 851"/>
                <a:gd name="T19" fmla="*/ 257 h 441"/>
                <a:gd name="T20" fmla="*/ 347 w 851"/>
                <a:gd name="T21" fmla="*/ 264 h 441"/>
                <a:gd name="T22" fmla="*/ 367 w 851"/>
                <a:gd name="T23" fmla="*/ 271 h 441"/>
                <a:gd name="T24" fmla="*/ 367 w 851"/>
                <a:gd name="T25" fmla="*/ 273 h 441"/>
                <a:gd name="T26" fmla="*/ 369 w 851"/>
                <a:gd name="T27" fmla="*/ 278 h 441"/>
                <a:gd name="T28" fmla="*/ 380 w 851"/>
                <a:gd name="T29" fmla="*/ 271 h 441"/>
                <a:gd name="T30" fmla="*/ 384 w 851"/>
                <a:gd name="T31" fmla="*/ 265 h 441"/>
                <a:gd name="T32" fmla="*/ 385 w 851"/>
                <a:gd name="T33" fmla="*/ 272 h 441"/>
                <a:gd name="T34" fmla="*/ 389 w 851"/>
                <a:gd name="T35" fmla="*/ 283 h 441"/>
                <a:gd name="T36" fmla="*/ 392 w 851"/>
                <a:gd name="T37" fmla="*/ 280 h 441"/>
                <a:gd name="T38" fmla="*/ 392 w 851"/>
                <a:gd name="T39" fmla="*/ 276 h 441"/>
                <a:gd name="T40" fmla="*/ 425 w 851"/>
                <a:gd name="T41" fmla="*/ 269 h 441"/>
                <a:gd name="T42" fmla="*/ 423 w 851"/>
                <a:gd name="T43" fmla="*/ 270 h 441"/>
                <a:gd name="T44" fmla="*/ 425 w 851"/>
                <a:gd name="T45" fmla="*/ 275 h 441"/>
                <a:gd name="T46" fmla="*/ 438 w 851"/>
                <a:gd name="T47" fmla="*/ 280 h 441"/>
                <a:gd name="T48" fmla="*/ 446 w 851"/>
                <a:gd name="T49" fmla="*/ 286 h 441"/>
                <a:gd name="T50" fmla="*/ 452 w 851"/>
                <a:gd name="T51" fmla="*/ 282 h 441"/>
                <a:gd name="T52" fmla="*/ 465 w 851"/>
                <a:gd name="T53" fmla="*/ 272 h 441"/>
                <a:gd name="T54" fmla="*/ 476 w 851"/>
                <a:gd name="T55" fmla="*/ 273 h 441"/>
                <a:gd name="T56" fmla="*/ 479 w 851"/>
                <a:gd name="T57" fmla="*/ 279 h 441"/>
                <a:gd name="T58" fmla="*/ 479 w 851"/>
                <a:gd name="T59" fmla="*/ 279 h 441"/>
                <a:gd name="T60" fmla="*/ 479 w 851"/>
                <a:gd name="T61" fmla="*/ 276 h 441"/>
                <a:gd name="T62" fmla="*/ 487 w 851"/>
                <a:gd name="T63" fmla="*/ 269 h 441"/>
                <a:gd name="T64" fmla="*/ 489 w 851"/>
                <a:gd name="T65" fmla="*/ 264 h 441"/>
                <a:gd name="T66" fmla="*/ 492 w 851"/>
                <a:gd name="T67" fmla="*/ 269 h 441"/>
                <a:gd name="T68" fmla="*/ 504 w 851"/>
                <a:gd name="T69" fmla="*/ 278 h 441"/>
                <a:gd name="T70" fmla="*/ 506 w 851"/>
                <a:gd name="T71" fmla="*/ 280 h 441"/>
                <a:gd name="T72" fmla="*/ 509 w 851"/>
                <a:gd name="T73" fmla="*/ 272 h 441"/>
                <a:gd name="T74" fmla="*/ 520 w 851"/>
                <a:gd name="T75" fmla="*/ 267 h 441"/>
                <a:gd name="T76" fmla="*/ 527 w 851"/>
                <a:gd name="T77" fmla="*/ 269 h 441"/>
                <a:gd name="T78" fmla="*/ 546 w 851"/>
                <a:gd name="T79" fmla="*/ 285 h 441"/>
                <a:gd name="T80" fmla="*/ 569 w 851"/>
                <a:gd name="T81" fmla="*/ 147 h 441"/>
                <a:gd name="T82" fmla="*/ 555 w 851"/>
                <a:gd name="T83" fmla="*/ 16 h 441"/>
                <a:gd name="T84" fmla="*/ 546 w 851"/>
                <a:gd name="T85" fmla="*/ 16 h 441"/>
                <a:gd name="T86" fmla="*/ 519 w 851"/>
                <a:gd name="T87" fmla="*/ 16 h 441"/>
                <a:gd name="T88" fmla="*/ 477 w 851"/>
                <a:gd name="T89" fmla="*/ 16 h 441"/>
                <a:gd name="T90" fmla="*/ 427 w 851"/>
                <a:gd name="T91" fmla="*/ 16 h 441"/>
                <a:gd name="T92" fmla="*/ 368 w 851"/>
                <a:gd name="T93" fmla="*/ 16 h 441"/>
                <a:gd name="T94" fmla="*/ 306 w 851"/>
                <a:gd name="T95" fmla="*/ 16 h 441"/>
                <a:gd name="T96" fmla="*/ 244 w 851"/>
                <a:gd name="T97" fmla="*/ 15 h 441"/>
                <a:gd name="T98" fmla="*/ 185 w 851"/>
                <a:gd name="T99" fmla="*/ 13 h 441"/>
                <a:gd name="T100" fmla="*/ 133 w 851"/>
                <a:gd name="T101" fmla="*/ 12 h 441"/>
                <a:gd name="T102" fmla="*/ 88 w 851"/>
                <a:gd name="T103" fmla="*/ 8 h 441"/>
                <a:gd name="T104" fmla="*/ 5 w 851"/>
                <a:gd name="T105" fmla="*/ 0 h 441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w 851"/>
                <a:gd name="T160" fmla="*/ 0 h 441"/>
                <a:gd name="T161" fmla="*/ 851 w 851"/>
                <a:gd name="T162" fmla="*/ 441 h 441"/>
              </a:gdLst>
              <a:ahLst/>
              <a:cxnLst>
                <a:cxn ang="T106">
                  <a:pos x="T0" y="T1"/>
                </a:cxn>
                <a:cxn ang="T107">
                  <a:pos x="T2" y="T3"/>
                </a:cxn>
                <a:cxn ang="T108">
                  <a:pos x="T4" y="T5"/>
                </a:cxn>
                <a:cxn ang="T109">
                  <a:pos x="T6" y="T7"/>
                </a:cxn>
                <a:cxn ang="T110">
                  <a:pos x="T8" y="T9"/>
                </a:cxn>
                <a:cxn ang="T111">
                  <a:pos x="T10" y="T11"/>
                </a:cxn>
                <a:cxn ang="T112">
                  <a:pos x="T12" y="T13"/>
                </a:cxn>
                <a:cxn ang="T113">
                  <a:pos x="T14" y="T15"/>
                </a:cxn>
                <a:cxn ang="T114">
                  <a:pos x="T16" y="T17"/>
                </a:cxn>
                <a:cxn ang="T115">
                  <a:pos x="T18" y="T19"/>
                </a:cxn>
                <a:cxn ang="T116">
                  <a:pos x="T20" y="T21"/>
                </a:cxn>
                <a:cxn ang="T117">
                  <a:pos x="T22" y="T23"/>
                </a:cxn>
                <a:cxn ang="T118">
                  <a:pos x="T24" y="T25"/>
                </a:cxn>
                <a:cxn ang="T119">
                  <a:pos x="T26" y="T27"/>
                </a:cxn>
                <a:cxn ang="T120">
                  <a:pos x="T28" y="T29"/>
                </a:cxn>
                <a:cxn ang="T121">
                  <a:pos x="T30" y="T31"/>
                </a:cxn>
                <a:cxn ang="T122">
                  <a:pos x="T32" y="T33"/>
                </a:cxn>
                <a:cxn ang="T123">
                  <a:pos x="T34" y="T35"/>
                </a:cxn>
                <a:cxn ang="T124">
                  <a:pos x="T36" y="T37"/>
                </a:cxn>
                <a:cxn ang="T125">
                  <a:pos x="T38" y="T39"/>
                </a:cxn>
                <a:cxn ang="T126">
                  <a:pos x="T40" y="T41"/>
                </a:cxn>
                <a:cxn ang="T127">
                  <a:pos x="T42" y="T43"/>
                </a:cxn>
                <a:cxn ang="T128">
                  <a:pos x="T44" y="T45"/>
                </a:cxn>
                <a:cxn ang="T129">
                  <a:pos x="T46" y="T47"/>
                </a:cxn>
                <a:cxn ang="T130">
                  <a:pos x="T48" y="T49"/>
                </a:cxn>
                <a:cxn ang="T131">
                  <a:pos x="T50" y="T51"/>
                </a:cxn>
                <a:cxn ang="T132">
                  <a:pos x="T52" y="T53"/>
                </a:cxn>
                <a:cxn ang="T133">
                  <a:pos x="T54" y="T55"/>
                </a:cxn>
                <a:cxn ang="T134">
                  <a:pos x="T56" y="T57"/>
                </a:cxn>
                <a:cxn ang="T135">
                  <a:pos x="T58" y="T59"/>
                </a:cxn>
                <a:cxn ang="T136">
                  <a:pos x="T60" y="T61"/>
                </a:cxn>
                <a:cxn ang="T137">
                  <a:pos x="T62" y="T63"/>
                </a:cxn>
                <a:cxn ang="T138">
                  <a:pos x="T64" y="T65"/>
                </a:cxn>
                <a:cxn ang="T139">
                  <a:pos x="T66" y="T67"/>
                </a:cxn>
                <a:cxn ang="T140">
                  <a:pos x="T68" y="T69"/>
                </a:cxn>
                <a:cxn ang="T141">
                  <a:pos x="T70" y="T71"/>
                </a:cxn>
                <a:cxn ang="T142">
                  <a:pos x="T72" y="T73"/>
                </a:cxn>
                <a:cxn ang="T143">
                  <a:pos x="T74" y="T75"/>
                </a:cxn>
                <a:cxn ang="T144">
                  <a:pos x="T76" y="T77"/>
                </a:cxn>
                <a:cxn ang="T145">
                  <a:pos x="T78" y="T79"/>
                </a:cxn>
                <a:cxn ang="T146">
                  <a:pos x="T80" y="T81"/>
                </a:cxn>
                <a:cxn ang="T147">
                  <a:pos x="T82" y="T83"/>
                </a:cxn>
                <a:cxn ang="T148">
                  <a:pos x="T84" y="T85"/>
                </a:cxn>
                <a:cxn ang="T149">
                  <a:pos x="T86" y="T87"/>
                </a:cxn>
                <a:cxn ang="T150">
                  <a:pos x="T88" y="T89"/>
                </a:cxn>
                <a:cxn ang="T151">
                  <a:pos x="T90" y="T91"/>
                </a:cxn>
                <a:cxn ang="T152">
                  <a:pos x="T92" y="T93"/>
                </a:cxn>
                <a:cxn ang="T153">
                  <a:pos x="T94" y="T95"/>
                </a:cxn>
                <a:cxn ang="T154">
                  <a:pos x="T96" y="T97"/>
                </a:cxn>
                <a:cxn ang="T155">
                  <a:pos x="T98" y="T99"/>
                </a:cxn>
                <a:cxn ang="T156">
                  <a:pos x="T100" y="T101"/>
                </a:cxn>
                <a:cxn ang="T157">
                  <a:pos x="T102" y="T103"/>
                </a:cxn>
                <a:cxn ang="T158">
                  <a:pos x="T104" y="T105"/>
                </a:cxn>
              </a:cxnLst>
              <a:rect l="T159" t="T160" r="T161" b="T162"/>
              <a:pathLst>
                <a:path w="851" h="441">
                  <a:moveTo>
                    <a:pt x="303" y="79"/>
                  </a:moveTo>
                  <a:lnTo>
                    <a:pt x="294" y="320"/>
                  </a:lnTo>
                  <a:lnTo>
                    <a:pt x="303" y="321"/>
                  </a:lnTo>
                  <a:lnTo>
                    <a:pt x="326" y="345"/>
                  </a:lnTo>
                  <a:lnTo>
                    <a:pt x="335" y="338"/>
                  </a:lnTo>
                  <a:lnTo>
                    <a:pt x="350" y="347"/>
                  </a:lnTo>
                  <a:lnTo>
                    <a:pt x="359" y="335"/>
                  </a:lnTo>
                  <a:lnTo>
                    <a:pt x="379" y="369"/>
                  </a:lnTo>
                  <a:lnTo>
                    <a:pt x="397" y="369"/>
                  </a:lnTo>
                  <a:lnTo>
                    <a:pt x="399" y="369"/>
                  </a:lnTo>
                  <a:lnTo>
                    <a:pt x="401" y="370"/>
                  </a:lnTo>
                  <a:lnTo>
                    <a:pt x="404" y="372"/>
                  </a:lnTo>
                  <a:lnTo>
                    <a:pt x="408" y="374"/>
                  </a:lnTo>
                  <a:lnTo>
                    <a:pt x="411" y="375"/>
                  </a:lnTo>
                  <a:lnTo>
                    <a:pt x="414" y="377"/>
                  </a:lnTo>
                  <a:lnTo>
                    <a:pt x="418" y="379"/>
                  </a:lnTo>
                  <a:lnTo>
                    <a:pt x="419" y="379"/>
                  </a:lnTo>
                  <a:lnTo>
                    <a:pt x="426" y="374"/>
                  </a:lnTo>
                  <a:lnTo>
                    <a:pt x="431" y="372"/>
                  </a:lnTo>
                  <a:lnTo>
                    <a:pt x="438" y="374"/>
                  </a:lnTo>
                  <a:lnTo>
                    <a:pt x="443" y="377"/>
                  </a:lnTo>
                  <a:lnTo>
                    <a:pt x="447" y="380"/>
                  </a:lnTo>
                  <a:lnTo>
                    <a:pt x="450" y="386"/>
                  </a:lnTo>
                  <a:lnTo>
                    <a:pt x="452" y="387"/>
                  </a:lnTo>
                  <a:lnTo>
                    <a:pt x="453" y="389"/>
                  </a:lnTo>
                  <a:lnTo>
                    <a:pt x="458" y="379"/>
                  </a:lnTo>
                  <a:lnTo>
                    <a:pt x="469" y="382"/>
                  </a:lnTo>
                  <a:lnTo>
                    <a:pt x="484" y="377"/>
                  </a:lnTo>
                  <a:lnTo>
                    <a:pt x="484" y="391"/>
                  </a:lnTo>
                  <a:lnTo>
                    <a:pt x="496" y="392"/>
                  </a:lnTo>
                  <a:lnTo>
                    <a:pt x="499" y="406"/>
                  </a:lnTo>
                  <a:lnTo>
                    <a:pt x="511" y="411"/>
                  </a:lnTo>
                  <a:lnTo>
                    <a:pt x="518" y="401"/>
                  </a:lnTo>
                  <a:lnTo>
                    <a:pt x="529" y="397"/>
                  </a:lnTo>
                  <a:lnTo>
                    <a:pt x="540" y="408"/>
                  </a:lnTo>
                  <a:lnTo>
                    <a:pt x="548" y="411"/>
                  </a:lnTo>
                  <a:lnTo>
                    <a:pt x="548" y="413"/>
                  </a:lnTo>
                  <a:lnTo>
                    <a:pt x="548" y="414"/>
                  </a:lnTo>
                  <a:lnTo>
                    <a:pt x="548" y="416"/>
                  </a:lnTo>
                  <a:lnTo>
                    <a:pt x="548" y="418"/>
                  </a:lnTo>
                  <a:lnTo>
                    <a:pt x="550" y="419"/>
                  </a:lnTo>
                  <a:lnTo>
                    <a:pt x="551" y="421"/>
                  </a:lnTo>
                  <a:lnTo>
                    <a:pt x="555" y="419"/>
                  </a:lnTo>
                  <a:lnTo>
                    <a:pt x="562" y="416"/>
                  </a:lnTo>
                  <a:lnTo>
                    <a:pt x="567" y="411"/>
                  </a:lnTo>
                  <a:lnTo>
                    <a:pt x="570" y="408"/>
                  </a:lnTo>
                  <a:lnTo>
                    <a:pt x="572" y="406"/>
                  </a:lnTo>
                  <a:lnTo>
                    <a:pt x="572" y="404"/>
                  </a:lnTo>
                  <a:lnTo>
                    <a:pt x="572" y="408"/>
                  </a:lnTo>
                  <a:lnTo>
                    <a:pt x="573" y="413"/>
                  </a:lnTo>
                  <a:lnTo>
                    <a:pt x="575" y="419"/>
                  </a:lnTo>
                  <a:lnTo>
                    <a:pt x="579" y="428"/>
                  </a:lnTo>
                  <a:lnTo>
                    <a:pt x="580" y="431"/>
                  </a:lnTo>
                  <a:lnTo>
                    <a:pt x="584" y="431"/>
                  </a:lnTo>
                  <a:lnTo>
                    <a:pt x="584" y="430"/>
                  </a:lnTo>
                  <a:lnTo>
                    <a:pt x="585" y="426"/>
                  </a:lnTo>
                  <a:lnTo>
                    <a:pt x="585" y="424"/>
                  </a:lnTo>
                  <a:lnTo>
                    <a:pt x="585" y="421"/>
                  </a:lnTo>
                  <a:lnTo>
                    <a:pt x="585" y="419"/>
                  </a:lnTo>
                  <a:lnTo>
                    <a:pt x="602" y="406"/>
                  </a:lnTo>
                  <a:lnTo>
                    <a:pt x="616" y="416"/>
                  </a:lnTo>
                  <a:lnTo>
                    <a:pt x="633" y="408"/>
                  </a:lnTo>
                  <a:lnTo>
                    <a:pt x="631" y="409"/>
                  </a:lnTo>
                  <a:lnTo>
                    <a:pt x="631" y="413"/>
                  </a:lnTo>
                  <a:lnTo>
                    <a:pt x="633" y="414"/>
                  </a:lnTo>
                  <a:lnTo>
                    <a:pt x="634" y="418"/>
                  </a:lnTo>
                  <a:lnTo>
                    <a:pt x="639" y="421"/>
                  </a:lnTo>
                  <a:lnTo>
                    <a:pt x="646" y="424"/>
                  </a:lnTo>
                  <a:lnTo>
                    <a:pt x="653" y="428"/>
                  </a:lnTo>
                  <a:lnTo>
                    <a:pt x="658" y="431"/>
                  </a:lnTo>
                  <a:lnTo>
                    <a:pt x="661" y="433"/>
                  </a:lnTo>
                  <a:lnTo>
                    <a:pt x="665" y="435"/>
                  </a:lnTo>
                  <a:lnTo>
                    <a:pt x="667" y="435"/>
                  </a:lnTo>
                  <a:lnTo>
                    <a:pt x="670" y="433"/>
                  </a:lnTo>
                  <a:lnTo>
                    <a:pt x="675" y="430"/>
                  </a:lnTo>
                  <a:lnTo>
                    <a:pt x="682" y="423"/>
                  </a:lnTo>
                  <a:lnTo>
                    <a:pt x="690" y="416"/>
                  </a:lnTo>
                  <a:lnTo>
                    <a:pt x="697" y="413"/>
                  </a:lnTo>
                  <a:lnTo>
                    <a:pt x="702" y="413"/>
                  </a:lnTo>
                  <a:lnTo>
                    <a:pt x="707" y="414"/>
                  </a:lnTo>
                  <a:lnTo>
                    <a:pt x="709" y="416"/>
                  </a:lnTo>
                  <a:lnTo>
                    <a:pt x="712" y="419"/>
                  </a:lnTo>
                  <a:lnTo>
                    <a:pt x="714" y="421"/>
                  </a:lnTo>
                  <a:lnTo>
                    <a:pt x="714" y="423"/>
                  </a:lnTo>
                  <a:lnTo>
                    <a:pt x="716" y="423"/>
                  </a:lnTo>
                  <a:lnTo>
                    <a:pt x="716" y="421"/>
                  </a:lnTo>
                  <a:lnTo>
                    <a:pt x="717" y="419"/>
                  </a:lnTo>
                  <a:lnTo>
                    <a:pt x="721" y="416"/>
                  </a:lnTo>
                  <a:lnTo>
                    <a:pt x="724" y="411"/>
                  </a:lnTo>
                  <a:lnTo>
                    <a:pt x="727" y="408"/>
                  </a:lnTo>
                  <a:lnTo>
                    <a:pt x="727" y="404"/>
                  </a:lnTo>
                  <a:lnTo>
                    <a:pt x="727" y="401"/>
                  </a:lnTo>
                  <a:lnTo>
                    <a:pt x="729" y="401"/>
                  </a:lnTo>
                  <a:lnTo>
                    <a:pt x="731" y="404"/>
                  </a:lnTo>
                  <a:lnTo>
                    <a:pt x="734" y="408"/>
                  </a:lnTo>
                  <a:lnTo>
                    <a:pt x="741" y="411"/>
                  </a:lnTo>
                  <a:lnTo>
                    <a:pt x="746" y="416"/>
                  </a:lnTo>
                  <a:lnTo>
                    <a:pt x="751" y="421"/>
                  </a:lnTo>
                  <a:lnTo>
                    <a:pt x="753" y="423"/>
                  </a:lnTo>
                  <a:lnTo>
                    <a:pt x="755" y="424"/>
                  </a:lnTo>
                  <a:lnTo>
                    <a:pt x="756" y="423"/>
                  </a:lnTo>
                  <a:lnTo>
                    <a:pt x="758" y="419"/>
                  </a:lnTo>
                  <a:lnTo>
                    <a:pt x="761" y="414"/>
                  </a:lnTo>
                  <a:lnTo>
                    <a:pt x="766" y="409"/>
                  </a:lnTo>
                  <a:lnTo>
                    <a:pt x="771" y="406"/>
                  </a:lnTo>
                  <a:lnTo>
                    <a:pt x="775" y="406"/>
                  </a:lnTo>
                  <a:lnTo>
                    <a:pt x="780" y="406"/>
                  </a:lnTo>
                  <a:lnTo>
                    <a:pt x="783" y="408"/>
                  </a:lnTo>
                  <a:lnTo>
                    <a:pt x="787" y="408"/>
                  </a:lnTo>
                  <a:lnTo>
                    <a:pt x="788" y="409"/>
                  </a:lnTo>
                  <a:lnTo>
                    <a:pt x="815" y="433"/>
                  </a:lnTo>
                  <a:lnTo>
                    <a:pt x="831" y="435"/>
                  </a:lnTo>
                  <a:lnTo>
                    <a:pt x="849" y="441"/>
                  </a:lnTo>
                  <a:lnTo>
                    <a:pt x="851" y="223"/>
                  </a:lnTo>
                  <a:lnTo>
                    <a:pt x="831" y="84"/>
                  </a:lnTo>
                  <a:lnTo>
                    <a:pt x="829" y="20"/>
                  </a:lnTo>
                  <a:lnTo>
                    <a:pt x="827" y="20"/>
                  </a:lnTo>
                  <a:lnTo>
                    <a:pt x="822" y="20"/>
                  </a:lnTo>
                  <a:lnTo>
                    <a:pt x="814" y="20"/>
                  </a:lnTo>
                  <a:lnTo>
                    <a:pt x="804" y="20"/>
                  </a:lnTo>
                  <a:lnTo>
                    <a:pt x="790" y="20"/>
                  </a:lnTo>
                  <a:lnTo>
                    <a:pt x="773" y="20"/>
                  </a:lnTo>
                  <a:lnTo>
                    <a:pt x="755" y="20"/>
                  </a:lnTo>
                  <a:lnTo>
                    <a:pt x="736" y="20"/>
                  </a:lnTo>
                  <a:lnTo>
                    <a:pt x="712" y="20"/>
                  </a:lnTo>
                  <a:lnTo>
                    <a:pt x="689" y="20"/>
                  </a:lnTo>
                  <a:lnTo>
                    <a:pt x="663" y="20"/>
                  </a:lnTo>
                  <a:lnTo>
                    <a:pt x="636" y="20"/>
                  </a:lnTo>
                  <a:lnTo>
                    <a:pt x="609" y="20"/>
                  </a:lnTo>
                  <a:lnTo>
                    <a:pt x="579" y="18"/>
                  </a:lnTo>
                  <a:lnTo>
                    <a:pt x="550" y="18"/>
                  </a:lnTo>
                  <a:lnTo>
                    <a:pt x="519" y="18"/>
                  </a:lnTo>
                  <a:lnTo>
                    <a:pt x="489" y="18"/>
                  </a:lnTo>
                  <a:lnTo>
                    <a:pt x="457" y="17"/>
                  </a:lnTo>
                  <a:lnTo>
                    <a:pt x="426" y="17"/>
                  </a:lnTo>
                  <a:lnTo>
                    <a:pt x="396" y="17"/>
                  </a:lnTo>
                  <a:lnTo>
                    <a:pt x="364" y="15"/>
                  </a:lnTo>
                  <a:lnTo>
                    <a:pt x="335" y="15"/>
                  </a:lnTo>
                  <a:lnTo>
                    <a:pt x="304" y="15"/>
                  </a:lnTo>
                  <a:lnTo>
                    <a:pt x="276" y="13"/>
                  </a:lnTo>
                  <a:lnTo>
                    <a:pt x="249" y="13"/>
                  </a:lnTo>
                  <a:lnTo>
                    <a:pt x="221" y="12"/>
                  </a:lnTo>
                  <a:lnTo>
                    <a:pt x="198" y="12"/>
                  </a:lnTo>
                  <a:lnTo>
                    <a:pt x="174" y="10"/>
                  </a:lnTo>
                  <a:lnTo>
                    <a:pt x="152" y="10"/>
                  </a:lnTo>
                  <a:lnTo>
                    <a:pt x="133" y="8"/>
                  </a:lnTo>
                  <a:lnTo>
                    <a:pt x="117" y="6"/>
                  </a:lnTo>
                  <a:lnTo>
                    <a:pt x="101" y="6"/>
                  </a:lnTo>
                  <a:lnTo>
                    <a:pt x="5" y="0"/>
                  </a:lnTo>
                  <a:lnTo>
                    <a:pt x="0" y="61"/>
                  </a:lnTo>
                  <a:lnTo>
                    <a:pt x="303" y="79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32" name="Freeform 123"/>
            <p:cNvSpPr>
              <a:spLocks/>
            </p:cNvSpPr>
            <p:nvPr/>
          </p:nvSpPr>
          <p:spPr bwMode="auto">
            <a:xfrm>
              <a:off x="1658" y="2620"/>
              <a:ext cx="1334" cy="1316"/>
            </a:xfrm>
            <a:custGeom>
              <a:avLst/>
              <a:gdLst>
                <a:gd name="T0" fmla="*/ 522 w 1371"/>
                <a:gd name="T1" fmla="*/ 189 h 1355"/>
                <a:gd name="T2" fmla="*/ 569 w 1371"/>
                <a:gd name="T3" fmla="*/ 212 h 1355"/>
                <a:gd name="T4" fmla="*/ 614 w 1371"/>
                <a:gd name="T5" fmla="*/ 210 h 1355"/>
                <a:gd name="T6" fmla="*/ 658 w 1371"/>
                <a:gd name="T7" fmla="*/ 236 h 1355"/>
                <a:gd name="T8" fmla="*/ 674 w 1371"/>
                <a:gd name="T9" fmla="*/ 231 h 1355"/>
                <a:gd name="T10" fmla="*/ 695 w 1371"/>
                <a:gd name="T11" fmla="*/ 229 h 1355"/>
                <a:gd name="T12" fmla="*/ 729 w 1371"/>
                <a:gd name="T13" fmla="*/ 244 h 1355"/>
                <a:gd name="T14" fmla="*/ 767 w 1371"/>
                <a:gd name="T15" fmla="*/ 234 h 1355"/>
                <a:gd name="T16" fmla="*/ 775 w 1371"/>
                <a:gd name="T17" fmla="*/ 236 h 1355"/>
                <a:gd name="T18" fmla="*/ 796 w 1371"/>
                <a:gd name="T19" fmla="*/ 240 h 1355"/>
                <a:gd name="T20" fmla="*/ 818 w 1371"/>
                <a:gd name="T21" fmla="*/ 231 h 1355"/>
                <a:gd name="T22" fmla="*/ 894 w 1371"/>
                <a:gd name="T23" fmla="*/ 303 h 1355"/>
                <a:gd name="T24" fmla="*/ 931 w 1371"/>
                <a:gd name="T25" fmla="*/ 458 h 1355"/>
                <a:gd name="T26" fmla="*/ 923 w 1371"/>
                <a:gd name="T27" fmla="*/ 500 h 1355"/>
                <a:gd name="T28" fmla="*/ 925 w 1371"/>
                <a:gd name="T29" fmla="*/ 533 h 1355"/>
                <a:gd name="T30" fmla="*/ 913 w 1371"/>
                <a:gd name="T31" fmla="*/ 574 h 1355"/>
                <a:gd name="T32" fmla="*/ 894 w 1371"/>
                <a:gd name="T33" fmla="*/ 585 h 1355"/>
                <a:gd name="T34" fmla="*/ 867 w 1371"/>
                <a:gd name="T35" fmla="*/ 592 h 1355"/>
                <a:gd name="T36" fmla="*/ 853 w 1371"/>
                <a:gd name="T37" fmla="*/ 594 h 1355"/>
                <a:gd name="T38" fmla="*/ 853 w 1371"/>
                <a:gd name="T39" fmla="*/ 583 h 1355"/>
                <a:gd name="T40" fmla="*/ 841 w 1371"/>
                <a:gd name="T41" fmla="*/ 579 h 1355"/>
                <a:gd name="T42" fmla="*/ 833 w 1371"/>
                <a:gd name="T43" fmla="*/ 582 h 1355"/>
                <a:gd name="T44" fmla="*/ 829 w 1371"/>
                <a:gd name="T45" fmla="*/ 591 h 1355"/>
                <a:gd name="T46" fmla="*/ 840 w 1371"/>
                <a:gd name="T47" fmla="*/ 610 h 1355"/>
                <a:gd name="T48" fmla="*/ 811 w 1371"/>
                <a:gd name="T49" fmla="*/ 644 h 1355"/>
                <a:gd name="T50" fmla="*/ 773 w 1371"/>
                <a:gd name="T51" fmla="*/ 666 h 1355"/>
                <a:gd name="T52" fmla="*/ 739 w 1371"/>
                <a:gd name="T53" fmla="*/ 687 h 1355"/>
                <a:gd name="T54" fmla="*/ 770 w 1371"/>
                <a:gd name="T55" fmla="*/ 665 h 1355"/>
                <a:gd name="T56" fmla="*/ 751 w 1371"/>
                <a:gd name="T57" fmla="*/ 672 h 1355"/>
                <a:gd name="T58" fmla="*/ 747 w 1371"/>
                <a:gd name="T59" fmla="*/ 663 h 1355"/>
                <a:gd name="T60" fmla="*/ 719 w 1371"/>
                <a:gd name="T61" fmla="*/ 666 h 1355"/>
                <a:gd name="T62" fmla="*/ 729 w 1371"/>
                <a:gd name="T63" fmla="*/ 684 h 1355"/>
                <a:gd name="T64" fmla="*/ 716 w 1371"/>
                <a:gd name="T65" fmla="*/ 694 h 1355"/>
                <a:gd name="T66" fmla="*/ 704 w 1371"/>
                <a:gd name="T67" fmla="*/ 682 h 1355"/>
                <a:gd name="T68" fmla="*/ 695 w 1371"/>
                <a:gd name="T69" fmla="*/ 702 h 1355"/>
                <a:gd name="T70" fmla="*/ 684 w 1371"/>
                <a:gd name="T71" fmla="*/ 718 h 1355"/>
                <a:gd name="T72" fmla="*/ 669 w 1371"/>
                <a:gd name="T73" fmla="*/ 733 h 1355"/>
                <a:gd name="T74" fmla="*/ 654 w 1371"/>
                <a:gd name="T75" fmla="*/ 779 h 1355"/>
                <a:gd name="T76" fmla="*/ 646 w 1371"/>
                <a:gd name="T77" fmla="*/ 769 h 1355"/>
                <a:gd name="T78" fmla="*/ 653 w 1371"/>
                <a:gd name="T79" fmla="*/ 795 h 1355"/>
                <a:gd name="T80" fmla="*/ 654 w 1371"/>
                <a:gd name="T81" fmla="*/ 897 h 1355"/>
                <a:gd name="T82" fmla="*/ 623 w 1371"/>
                <a:gd name="T83" fmla="*/ 881 h 1355"/>
                <a:gd name="T84" fmla="*/ 595 w 1371"/>
                <a:gd name="T85" fmla="*/ 881 h 1355"/>
                <a:gd name="T86" fmla="*/ 535 w 1371"/>
                <a:gd name="T87" fmla="*/ 853 h 1355"/>
                <a:gd name="T88" fmla="*/ 522 w 1371"/>
                <a:gd name="T89" fmla="*/ 841 h 1355"/>
                <a:gd name="T90" fmla="*/ 509 w 1371"/>
                <a:gd name="T91" fmla="*/ 806 h 1355"/>
                <a:gd name="T92" fmla="*/ 504 w 1371"/>
                <a:gd name="T93" fmla="*/ 781 h 1355"/>
                <a:gd name="T94" fmla="*/ 487 w 1371"/>
                <a:gd name="T95" fmla="*/ 748 h 1355"/>
                <a:gd name="T96" fmla="*/ 463 w 1371"/>
                <a:gd name="T97" fmla="*/ 718 h 1355"/>
                <a:gd name="T98" fmla="*/ 444 w 1371"/>
                <a:gd name="T99" fmla="*/ 693 h 1355"/>
                <a:gd name="T100" fmla="*/ 361 w 1371"/>
                <a:gd name="T101" fmla="*/ 569 h 1355"/>
                <a:gd name="T102" fmla="*/ 323 w 1371"/>
                <a:gd name="T103" fmla="*/ 563 h 1355"/>
                <a:gd name="T104" fmla="*/ 297 w 1371"/>
                <a:gd name="T105" fmla="*/ 557 h 1355"/>
                <a:gd name="T106" fmla="*/ 282 w 1371"/>
                <a:gd name="T107" fmla="*/ 562 h 1355"/>
                <a:gd name="T108" fmla="*/ 251 w 1371"/>
                <a:gd name="T109" fmla="*/ 600 h 1355"/>
                <a:gd name="T110" fmla="*/ 238 w 1371"/>
                <a:gd name="T111" fmla="*/ 614 h 1355"/>
                <a:gd name="T112" fmla="*/ 215 w 1371"/>
                <a:gd name="T113" fmla="*/ 619 h 1355"/>
                <a:gd name="T114" fmla="*/ 177 w 1371"/>
                <a:gd name="T115" fmla="*/ 594 h 1355"/>
                <a:gd name="T116" fmla="*/ 143 w 1371"/>
                <a:gd name="T117" fmla="*/ 567 h 1355"/>
                <a:gd name="T118" fmla="*/ 124 w 1371"/>
                <a:gd name="T119" fmla="*/ 510 h 1355"/>
                <a:gd name="T120" fmla="*/ 88 w 1371"/>
                <a:gd name="T121" fmla="*/ 458 h 1355"/>
                <a:gd name="T122" fmla="*/ 6 w 1371"/>
                <a:gd name="T123" fmla="*/ 372 h 1355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w 1371"/>
                <a:gd name="T187" fmla="*/ 0 h 1355"/>
                <a:gd name="T188" fmla="*/ 1371 w 1371"/>
                <a:gd name="T189" fmla="*/ 1355 h 1355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T186" t="T187" r="T188" b="T189"/>
              <a:pathLst>
                <a:path w="1371" h="1355">
                  <a:moveTo>
                    <a:pt x="6" y="560"/>
                  </a:moveTo>
                  <a:lnTo>
                    <a:pt x="0" y="545"/>
                  </a:lnTo>
                  <a:lnTo>
                    <a:pt x="0" y="528"/>
                  </a:lnTo>
                  <a:lnTo>
                    <a:pt x="371" y="565"/>
                  </a:lnTo>
                  <a:lnTo>
                    <a:pt x="417" y="0"/>
                  </a:lnTo>
                  <a:lnTo>
                    <a:pt x="720" y="18"/>
                  </a:lnTo>
                  <a:lnTo>
                    <a:pt x="711" y="259"/>
                  </a:lnTo>
                  <a:lnTo>
                    <a:pt x="720" y="260"/>
                  </a:lnTo>
                  <a:lnTo>
                    <a:pt x="743" y="284"/>
                  </a:lnTo>
                  <a:lnTo>
                    <a:pt x="752" y="277"/>
                  </a:lnTo>
                  <a:lnTo>
                    <a:pt x="767" y="286"/>
                  </a:lnTo>
                  <a:lnTo>
                    <a:pt x="776" y="274"/>
                  </a:lnTo>
                  <a:lnTo>
                    <a:pt x="796" y="308"/>
                  </a:lnTo>
                  <a:lnTo>
                    <a:pt x="814" y="308"/>
                  </a:lnTo>
                  <a:lnTo>
                    <a:pt x="816" y="308"/>
                  </a:lnTo>
                  <a:lnTo>
                    <a:pt x="818" y="309"/>
                  </a:lnTo>
                  <a:lnTo>
                    <a:pt x="821" y="311"/>
                  </a:lnTo>
                  <a:lnTo>
                    <a:pt x="825" y="313"/>
                  </a:lnTo>
                  <a:lnTo>
                    <a:pt x="828" y="314"/>
                  </a:lnTo>
                  <a:lnTo>
                    <a:pt x="831" y="316"/>
                  </a:lnTo>
                  <a:lnTo>
                    <a:pt x="835" y="318"/>
                  </a:lnTo>
                  <a:lnTo>
                    <a:pt x="836" y="318"/>
                  </a:lnTo>
                  <a:lnTo>
                    <a:pt x="843" y="313"/>
                  </a:lnTo>
                  <a:lnTo>
                    <a:pt x="848" y="311"/>
                  </a:lnTo>
                  <a:lnTo>
                    <a:pt x="855" y="313"/>
                  </a:lnTo>
                  <a:lnTo>
                    <a:pt x="860" y="316"/>
                  </a:lnTo>
                  <a:lnTo>
                    <a:pt x="864" y="319"/>
                  </a:lnTo>
                  <a:lnTo>
                    <a:pt x="867" y="325"/>
                  </a:lnTo>
                  <a:lnTo>
                    <a:pt x="869" y="326"/>
                  </a:lnTo>
                  <a:lnTo>
                    <a:pt x="870" y="328"/>
                  </a:lnTo>
                  <a:lnTo>
                    <a:pt x="875" y="318"/>
                  </a:lnTo>
                  <a:lnTo>
                    <a:pt x="886" y="321"/>
                  </a:lnTo>
                  <a:lnTo>
                    <a:pt x="901" y="316"/>
                  </a:lnTo>
                  <a:lnTo>
                    <a:pt x="901" y="330"/>
                  </a:lnTo>
                  <a:lnTo>
                    <a:pt x="913" y="331"/>
                  </a:lnTo>
                  <a:lnTo>
                    <a:pt x="916" y="345"/>
                  </a:lnTo>
                  <a:lnTo>
                    <a:pt x="928" y="350"/>
                  </a:lnTo>
                  <a:lnTo>
                    <a:pt x="935" y="340"/>
                  </a:lnTo>
                  <a:lnTo>
                    <a:pt x="946" y="336"/>
                  </a:lnTo>
                  <a:lnTo>
                    <a:pt x="957" y="347"/>
                  </a:lnTo>
                  <a:lnTo>
                    <a:pt x="965" y="350"/>
                  </a:lnTo>
                  <a:lnTo>
                    <a:pt x="965" y="352"/>
                  </a:lnTo>
                  <a:lnTo>
                    <a:pt x="965" y="353"/>
                  </a:lnTo>
                  <a:lnTo>
                    <a:pt x="965" y="355"/>
                  </a:lnTo>
                  <a:lnTo>
                    <a:pt x="965" y="357"/>
                  </a:lnTo>
                  <a:lnTo>
                    <a:pt x="967" y="358"/>
                  </a:lnTo>
                  <a:lnTo>
                    <a:pt x="968" y="360"/>
                  </a:lnTo>
                  <a:lnTo>
                    <a:pt x="972" y="358"/>
                  </a:lnTo>
                  <a:lnTo>
                    <a:pt x="979" y="355"/>
                  </a:lnTo>
                  <a:lnTo>
                    <a:pt x="984" y="350"/>
                  </a:lnTo>
                  <a:lnTo>
                    <a:pt x="987" y="347"/>
                  </a:lnTo>
                  <a:lnTo>
                    <a:pt x="989" y="345"/>
                  </a:lnTo>
                  <a:lnTo>
                    <a:pt x="989" y="343"/>
                  </a:lnTo>
                  <a:lnTo>
                    <a:pt x="989" y="347"/>
                  </a:lnTo>
                  <a:lnTo>
                    <a:pt x="990" y="352"/>
                  </a:lnTo>
                  <a:lnTo>
                    <a:pt x="992" y="358"/>
                  </a:lnTo>
                  <a:lnTo>
                    <a:pt x="996" y="367"/>
                  </a:lnTo>
                  <a:lnTo>
                    <a:pt x="997" y="370"/>
                  </a:lnTo>
                  <a:lnTo>
                    <a:pt x="1001" y="370"/>
                  </a:lnTo>
                  <a:lnTo>
                    <a:pt x="1001" y="369"/>
                  </a:lnTo>
                  <a:lnTo>
                    <a:pt x="1002" y="365"/>
                  </a:lnTo>
                  <a:lnTo>
                    <a:pt x="1002" y="363"/>
                  </a:lnTo>
                  <a:lnTo>
                    <a:pt x="1002" y="360"/>
                  </a:lnTo>
                  <a:lnTo>
                    <a:pt x="1002" y="358"/>
                  </a:lnTo>
                  <a:lnTo>
                    <a:pt x="1019" y="345"/>
                  </a:lnTo>
                  <a:lnTo>
                    <a:pt x="1033" y="355"/>
                  </a:lnTo>
                  <a:lnTo>
                    <a:pt x="1050" y="347"/>
                  </a:lnTo>
                  <a:lnTo>
                    <a:pt x="1048" y="348"/>
                  </a:lnTo>
                  <a:lnTo>
                    <a:pt x="1048" y="352"/>
                  </a:lnTo>
                  <a:lnTo>
                    <a:pt x="1050" y="353"/>
                  </a:lnTo>
                  <a:lnTo>
                    <a:pt x="1051" y="357"/>
                  </a:lnTo>
                  <a:lnTo>
                    <a:pt x="1056" y="360"/>
                  </a:lnTo>
                  <a:lnTo>
                    <a:pt x="1063" y="363"/>
                  </a:lnTo>
                  <a:lnTo>
                    <a:pt x="1070" y="367"/>
                  </a:lnTo>
                  <a:lnTo>
                    <a:pt x="1075" y="370"/>
                  </a:lnTo>
                  <a:lnTo>
                    <a:pt x="1078" y="372"/>
                  </a:lnTo>
                  <a:lnTo>
                    <a:pt x="1082" y="374"/>
                  </a:lnTo>
                  <a:lnTo>
                    <a:pt x="1084" y="374"/>
                  </a:lnTo>
                  <a:lnTo>
                    <a:pt x="1087" y="372"/>
                  </a:lnTo>
                  <a:lnTo>
                    <a:pt x="1092" y="369"/>
                  </a:lnTo>
                  <a:lnTo>
                    <a:pt x="1099" y="362"/>
                  </a:lnTo>
                  <a:lnTo>
                    <a:pt x="1107" y="355"/>
                  </a:lnTo>
                  <a:lnTo>
                    <a:pt x="1114" y="352"/>
                  </a:lnTo>
                  <a:lnTo>
                    <a:pt x="1119" y="352"/>
                  </a:lnTo>
                  <a:lnTo>
                    <a:pt x="1124" y="353"/>
                  </a:lnTo>
                  <a:lnTo>
                    <a:pt x="1126" y="355"/>
                  </a:lnTo>
                  <a:lnTo>
                    <a:pt x="1129" y="358"/>
                  </a:lnTo>
                  <a:lnTo>
                    <a:pt x="1131" y="360"/>
                  </a:lnTo>
                  <a:lnTo>
                    <a:pt x="1131" y="362"/>
                  </a:lnTo>
                  <a:lnTo>
                    <a:pt x="1133" y="362"/>
                  </a:lnTo>
                  <a:lnTo>
                    <a:pt x="1133" y="360"/>
                  </a:lnTo>
                  <a:lnTo>
                    <a:pt x="1134" y="358"/>
                  </a:lnTo>
                  <a:lnTo>
                    <a:pt x="1138" y="355"/>
                  </a:lnTo>
                  <a:lnTo>
                    <a:pt x="1141" y="350"/>
                  </a:lnTo>
                  <a:lnTo>
                    <a:pt x="1144" y="347"/>
                  </a:lnTo>
                  <a:lnTo>
                    <a:pt x="1144" y="343"/>
                  </a:lnTo>
                  <a:lnTo>
                    <a:pt x="1144" y="340"/>
                  </a:lnTo>
                  <a:lnTo>
                    <a:pt x="1146" y="340"/>
                  </a:lnTo>
                  <a:lnTo>
                    <a:pt x="1148" y="343"/>
                  </a:lnTo>
                  <a:lnTo>
                    <a:pt x="1151" y="347"/>
                  </a:lnTo>
                  <a:lnTo>
                    <a:pt x="1158" y="350"/>
                  </a:lnTo>
                  <a:lnTo>
                    <a:pt x="1163" y="355"/>
                  </a:lnTo>
                  <a:lnTo>
                    <a:pt x="1168" y="360"/>
                  </a:lnTo>
                  <a:lnTo>
                    <a:pt x="1170" y="362"/>
                  </a:lnTo>
                  <a:lnTo>
                    <a:pt x="1172" y="363"/>
                  </a:lnTo>
                  <a:lnTo>
                    <a:pt x="1173" y="362"/>
                  </a:lnTo>
                  <a:lnTo>
                    <a:pt x="1175" y="358"/>
                  </a:lnTo>
                  <a:lnTo>
                    <a:pt x="1178" y="353"/>
                  </a:lnTo>
                  <a:lnTo>
                    <a:pt x="1183" y="348"/>
                  </a:lnTo>
                  <a:lnTo>
                    <a:pt x="1188" y="345"/>
                  </a:lnTo>
                  <a:lnTo>
                    <a:pt x="1192" y="345"/>
                  </a:lnTo>
                  <a:lnTo>
                    <a:pt x="1197" y="345"/>
                  </a:lnTo>
                  <a:lnTo>
                    <a:pt x="1200" y="347"/>
                  </a:lnTo>
                  <a:lnTo>
                    <a:pt x="1204" y="347"/>
                  </a:lnTo>
                  <a:lnTo>
                    <a:pt x="1205" y="348"/>
                  </a:lnTo>
                  <a:lnTo>
                    <a:pt x="1232" y="372"/>
                  </a:lnTo>
                  <a:lnTo>
                    <a:pt x="1248" y="374"/>
                  </a:lnTo>
                  <a:lnTo>
                    <a:pt x="1266" y="380"/>
                  </a:lnTo>
                  <a:lnTo>
                    <a:pt x="1265" y="377"/>
                  </a:lnTo>
                  <a:lnTo>
                    <a:pt x="1276" y="392"/>
                  </a:lnTo>
                  <a:lnTo>
                    <a:pt x="1302" y="389"/>
                  </a:lnTo>
                  <a:lnTo>
                    <a:pt x="1312" y="391"/>
                  </a:lnTo>
                  <a:lnTo>
                    <a:pt x="1312" y="455"/>
                  </a:lnTo>
                  <a:lnTo>
                    <a:pt x="1317" y="580"/>
                  </a:lnTo>
                  <a:lnTo>
                    <a:pt x="1341" y="611"/>
                  </a:lnTo>
                  <a:lnTo>
                    <a:pt x="1341" y="641"/>
                  </a:lnTo>
                  <a:lnTo>
                    <a:pt x="1354" y="655"/>
                  </a:lnTo>
                  <a:lnTo>
                    <a:pt x="1361" y="675"/>
                  </a:lnTo>
                  <a:lnTo>
                    <a:pt x="1361" y="677"/>
                  </a:lnTo>
                  <a:lnTo>
                    <a:pt x="1363" y="678"/>
                  </a:lnTo>
                  <a:lnTo>
                    <a:pt x="1364" y="682"/>
                  </a:lnTo>
                  <a:lnTo>
                    <a:pt x="1366" y="687"/>
                  </a:lnTo>
                  <a:lnTo>
                    <a:pt x="1366" y="690"/>
                  </a:lnTo>
                  <a:lnTo>
                    <a:pt x="1368" y="695"/>
                  </a:lnTo>
                  <a:lnTo>
                    <a:pt x="1370" y="700"/>
                  </a:lnTo>
                  <a:lnTo>
                    <a:pt x="1371" y="705"/>
                  </a:lnTo>
                  <a:lnTo>
                    <a:pt x="1371" y="710"/>
                  </a:lnTo>
                  <a:lnTo>
                    <a:pt x="1371" y="717"/>
                  </a:lnTo>
                  <a:lnTo>
                    <a:pt x="1371" y="722"/>
                  </a:lnTo>
                  <a:lnTo>
                    <a:pt x="1370" y="727"/>
                  </a:lnTo>
                  <a:lnTo>
                    <a:pt x="1368" y="734"/>
                  </a:lnTo>
                  <a:lnTo>
                    <a:pt x="1366" y="739"/>
                  </a:lnTo>
                  <a:lnTo>
                    <a:pt x="1363" y="744"/>
                  </a:lnTo>
                  <a:lnTo>
                    <a:pt x="1356" y="753"/>
                  </a:lnTo>
                  <a:lnTo>
                    <a:pt x="1353" y="759"/>
                  </a:lnTo>
                  <a:lnTo>
                    <a:pt x="1351" y="765"/>
                  </a:lnTo>
                  <a:lnTo>
                    <a:pt x="1351" y="768"/>
                  </a:lnTo>
                  <a:lnTo>
                    <a:pt x="1353" y="771"/>
                  </a:lnTo>
                  <a:lnTo>
                    <a:pt x="1354" y="773"/>
                  </a:lnTo>
                  <a:lnTo>
                    <a:pt x="1356" y="775"/>
                  </a:lnTo>
                  <a:lnTo>
                    <a:pt x="1353" y="797"/>
                  </a:lnTo>
                  <a:lnTo>
                    <a:pt x="1356" y="798"/>
                  </a:lnTo>
                  <a:lnTo>
                    <a:pt x="1358" y="802"/>
                  </a:lnTo>
                  <a:lnTo>
                    <a:pt x="1361" y="807"/>
                  </a:lnTo>
                  <a:lnTo>
                    <a:pt x="1363" y="812"/>
                  </a:lnTo>
                  <a:lnTo>
                    <a:pt x="1363" y="819"/>
                  </a:lnTo>
                  <a:lnTo>
                    <a:pt x="1359" y="827"/>
                  </a:lnTo>
                  <a:lnTo>
                    <a:pt x="1353" y="836"/>
                  </a:lnTo>
                  <a:lnTo>
                    <a:pt x="1351" y="837"/>
                  </a:lnTo>
                  <a:lnTo>
                    <a:pt x="1348" y="836"/>
                  </a:lnTo>
                  <a:lnTo>
                    <a:pt x="1346" y="836"/>
                  </a:lnTo>
                  <a:lnTo>
                    <a:pt x="1329" y="854"/>
                  </a:lnTo>
                  <a:lnTo>
                    <a:pt x="1337" y="866"/>
                  </a:lnTo>
                  <a:lnTo>
                    <a:pt x="1339" y="875"/>
                  </a:lnTo>
                  <a:lnTo>
                    <a:pt x="1337" y="875"/>
                  </a:lnTo>
                  <a:lnTo>
                    <a:pt x="1334" y="875"/>
                  </a:lnTo>
                  <a:lnTo>
                    <a:pt x="1332" y="875"/>
                  </a:lnTo>
                  <a:lnTo>
                    <a:pt x="1329" y="875"/>
                  </a:lnTo>
                  <a:lnTo>
                    <a:pt x="1324" y="876"/>
                  </a:lnTo>
                  <a:lnTo>
                    <a:pt x="1319" y="878"/>
                  </a:lnTo>
                  <a:lnTo>
                    <a:pt x="1312" y="880"/>
                  </a:lnTo>
                  <a:lnTo>
                    <a:pt x="1305" y="883"/>
                  </a:lnTo>
                  <a:lnTo>
                    <a:pt x="1295" y="888"/>
                  </a:lnTo>
                  <a:lnTo>
                    <a:pt x="1285" y="893"/>
                  </a:lnTo>
                  <a:lnTo>
                    <a:pt x="1273" y="898"/>
                  </a:lnTo>
                  <a:lnTo>
                    <a:pt x="1260" y="905"/>
                  </a:lnTo>
                  <a:lnTo>
                    <a:pt x="1246" y="913"/>
                  </a:lnTo>
                  <a:lnTo>
                    <a:pt x="1251" y="905"/>
                  </a:lnTo>
                  <a:lnTo>
                    <a:pt x="1256" y="902"/>
                  </a:lnTo>
                  <a:lnTo>
                    <a:pt x="1268" y="895"/>
                  </a:lnTo>
                  <a:lnTo>
                    <a:pt x="1270" y="895"/>
                  </a:lnTo>
                  <a:lnTo>
                    <a:pt x="1271" y="893"/>
                  </a:lnTo>
                  <a:lnTo>
                    <a:pt x="1271" y="891"/>
                  </a:lnTo>
                  <a:lnTo>
                    <a:pt x="1268" y="890"/>
                  </a:lnTo>
                  <a:lnTo>
                    <a:pt x="1266" y="890"/>
                  </a:lnTo>
                  <a:lnTo>
                    <a:pt x="1263" y="890"/>
                  </a:lnTo>
                  <a:lnTo>
                    <a:pt x="1261" y="890"/>
                  </a:lnTo>
                  <a:lnTo>
                    <a:pt x="1260" y="890"/>
                  </a:lnTo>
                  <a:lnTo>
                    <a:pt x="1258" y="891"/>
                  </a:lnTo>
                  <a:lnTo>
                    <a:pt x="1256" y="891"/>
                  </a:lnTo>
                  <a:lnTo>
                    <a:pt x="1251" y="895"/>
                  </a:lnTo>
                  <a:lnTo>
                    <a:pt x="1249" y="895"/>
                  </a:lnTo>
                  <a:lnTo>
                    <a:pt x="1248" y="895"/>
                  </a:lnTo>
                  <a:lnTo>
                    <a:pt x="1246" y="895"/>
                  </a:lnTo>
                  <a:lnTo>
                    <a:pt x="1244" y="895"/>
                  </a:lnTo>
                  <a:lnTo>
                    <a:pt x="1243" y="893"/>
                  </a:lnTo>
                  <a:lnTo>
                    <a:pt x="1244" y="890"/>
                  </a:lnTo>
                  <a:lnTo>
                    <a:pt x="1246" y="886"/>
                  </a:lnTo>
                  <a:lnTo>
                    <a:pt x="1248" y="881"/>
                  </a:lnTo>
                  <a:lnTo>
                    <a:pt x="1249" y="878"/>
                  </a:lnTo>
                  <a:lnTo>
                    <a:pt x="1251" y="876"/>
                  </a:lnTo>
                  <a:lnTo>
                    <a:pt x="1253" y="875"/>
                  </a:lnTo>
                  <a:lnTo>
                    <a:pt x="1254" y="873"/>
                  </a:lnTo>
                  <a:lnTo>
                    <a:pt x="1254" y="871"/>
                  </a:lnTo>
                  <a:lnTo>
                    <a:pt x="1254" y="869"/>
                  </a:lnTo>
                  <a:lnTo>
                    <a:pt x="1253" y="868"/>
                  </a:lnTo>
                  <a:lnTo>
                    <a:pt x="1251" y="864"/>
                  </a:lnTo>
                  <a:lnTo>
                    <a:pt x="1249" y="864"/>
                  </a:lnTo>
                  <a:lnTo>
                    <a:pt x="1248" y="864"/>
                  </a:lnTo>
                  <a:lnTo>
                    <a:pt x="1243" y="868"/>
                  </a:lnTo>
                  <a:lnTo>
                    <a:pt x="1238" y="869"/>
                  </a:lnTo>
                  <a:lnTo>
                    <a:pt x="1234" y="871"/>
                  </a:lnTo>
                  <a:lnTo>
                    <a:pt x="1232" y="873"/>
                  </a:lnTo>
                  <a:lnTo>
                    <a:pt x="1232" y="875"/>
                  </a:lnTo>
                  <a:lnTo>
                    <a:pt x="1232" y="876"/>
                  </a:lnTo>
                  <a:lnTo>
                    <a:pt x="1232" y="878"/>
                  </a:lnTo>
                  <a:lnTo>
                    <a:pt x="1231" y="880"/>
                  </a:lnTo>
                  <a:lnTo>
                    <a:pt x="1229" y="880"/>
                  </a:lnTo>
                  <a:lnTo>
                    <a:pt x="1227" y="880"/>
                  </a:lnTo>
                  <a:lnTo>
                    <a:pt x="1224" y="878"/>
                  </a:lnTo>
                  <a:lnTo>
                    <a:pt x="1222" y="875"/>
                  </a:lnTo>
                  <a:lnTo>
                    <a:pt x="1219" y="873"/>
                  </a:lnTo>
                  <a:lnTo>
                    <a:pt x="1217" y="871"/>
                  </a:lnTo>
                  <a:lnTo>
                    <a:pt x="1216" y="869"/>
                  </a:lnTo>
                  <a:lnTo>
                    <a:pt x="1216" y="871"/>
                  </a:lnTo>
                  <a:lnTo>
                    <a:pt x="1217" y="875"/>
                  </a:lnTo>
                  <a:lnTo>
                    <a:pt x="1219" y="878"/>
                  </a:lnTo>
                  <a:lnTo>
                    <a:pt x="1219" y="881"/>
                  </a:lnTo>
                  <a:lnTo>
                    <a:pt x="1219" y="885"/>
                  </a:lnTo>
                  <a:lnTo>
                    <a:pt x="1217" y="886"/>
                  </a:lnTo>
                  <a:lnTo>
                    <a:pt x="1216" y="890"/>
                  </a:lnTo>
                  <a:lnTo>
                    <a:pt x="1216" y="891"/>
                  </a:lnTo>
                  <a:lnTo>
                    <a:pt x="1217" y="895"/>
                  </a:lnTo>
                  <a:lnTo>
                    <a:pt x="1221" y="898"/>
                  </a:lnTo>
                  <a:lnTo>
                    <a:pt x="1226" y="903"/>
                  </a:lnTo>
                  <a:lnTo>
                    <a:pt x="1231" y="907"/>
                  </a:lnTo>
                  <a:lnTo>
                    <a:pt x="1234" y="910"/>
                  </a:lnTo>
                  <a:lnTo>
                    <a:pt x="1236" y="913"/>
                  </a:lnTo>
                  <a:lnTo>
                    <a:pt x="1234" y="915"/>
                  </a:lnTo>
                  <a:lnTo>
                    <a:pt x="1234" y="917"/>
                  </a:lnTo>
                  <a:lnTo>
                    <a:pt x="1232" y="919"/>
                  </a:lnTo>
                  <a:lnTo>
                    <a:pt x="1231" y="919"/>
                  </a:lnTo>
                  <a:lnTo>
                    <a:pt x="1212" y="939"/>
                  </a:lnTo>
                  <a:lnTo>
                    <a:pt x="1202" y="937"/>
                  </a:lnTo>
                  <a:lnTo>
                    <a:pt x="1192" y="959"/>
                  </a:lnTo>
                  <a:lnTo>
                    <a:pt x="1202" y="957"/>
                  </a:lnTo>
                  <a:lnTo>
                    <a:pt x="1200" y="959"/>
                  </a:lnTo>
                  <a:lnTo>
                    <a:pt x="1199" y="961"/>
                  </a:lnTo>
                  <a:lnTo>
                    <a:pt x="1197" y="964"/>
                  </a:lnTo>
                  <a:lnTo>
                    <a:pt x="1194" y="966"/>
                  </a:lnTo>
                  <a:lnTo>
                    <a:pt x="1190" y="969"/>
                  </a:lnTo>
                  <a:lnTo>
                    <a:pt x="1185" y="973"/>
                  </a:lnTo>
                  <a:lnTo>
                    <a:pt x="1180" y="976"/>
                  </a:lnTo>
                  <a:lnTo>
                    <a:pt x="1177" y="981"/>
                  </a:lnTo>
                  <a:lnTo>
                    <a:pt x="1172" y="985"/>
                  </a:lnTo>
                  <a:lnTo>
                    <a:pt x="1165" y="988"/>
                  </a:lnTo>
                  <a:lnTo>
                    <a:pt x="1160" y="991"/>
                  </a:lnTo>
                  <a:lnTo>
                    <a:pt x="1155" y="995"/>
                  </a:lnTo>
                  <a:lnTo>
                    <a:pt x="1148" y="998"/>
                  </a:lnTo>
                  <a:lnTo>
                    <a:pt x="1143" y="1000"/>
                  </a:lnTo>
                  <a:lnTo>
                    <a:pt x="1136" y="1001"/>
                  </a:lnTo>
                  <a:lnTo>
                    <a:pt x="1134" y="1003"/>
                  </a:lnTo>
                  <a:lnTo>
                    <a:pt x="1129" y="1007"/>
                  </a:lnTo>
                  <a:lnTo>
                    <a:pt x="1124" y="1010"/>
                  </a:lnTo>
                  <a:lnTo>
                    <a:pt x="1117" y="1013"/>
                  </a:lnTo>
                  <a:lnTo>
                    <a:pt x="1111" y="1018"/>
                  </a:lnTo>
                  <a:lnTo>
                    <a:pt x="1106" y="1022"/>
                  </a:lnTo>
                  <a:lnTo>
                    <a:pt x="1102" y="1023"/>
                  </a:lnTo>
                  <a:lnTo>
                    <a:pt x="1100" y="1025"/>
                  </a:lnTo>
                  <a:lnTo>
                    <a:pt x="1099" y="1025"/>
                  </a:lnTo>
                  <a:lnTo>
                    <a:pt x="1094" y="1029"/>
                  </a:lnTo>
                  <a:lnTo>
                    <a:pt x="1089" y="1032"/>
                  </a:lnTo>
                  <a:lnTo>
                    <a:pt x="1084" y="1034"/>
                  </a:lnTo>
                  <a:lnTo>
                    <a:pt x="1078" y="1034"/>
                  </a:lnTo>
                  <a:lnTo>
                    <a:pt x="1080" y="1034"/>
                  </a:lnTo>
                  <a:lnTo>
                    <a:pt x="1085" y="1029"/>
                  </a:lnTo>
                  <a:lnTo>
                    <a:pt x="1099" y="1020"/>
                  </a:lnTo>
                  <a:lnTo>
                    <a:pt x="1100" y="1018"/>
                  </a:lnTo>
                  <a:lnTo>
                    <a:pt x="1102" y="1017"/>
                  </a:lnTo>
                  <a:lnTo>
                    <a:pt x="1107" y="1015"/>
                  </a:lnTo>
                  <a:lnTo>
                    <a:pt x="1112" y="1012"/>
                  </a:lnTo>
                  <a:lnTo>
                    <a:pt x="1119" y="1008"/>
                  </a:lnTo>
                  <a:lnTo>
                    <a:pt x="1124" y="1005"/>
                  </a:lnTo>
                  <a:lnTo>
                    <a:pt x="1131" y="1001"/>
                  </a:lnTo>
                  <a:lnTo>
                    <a:pt x="1136" y="998"/>
                  </a:lnTo>
                  <a:lnTo>
                    <a:pt x="1139" y="995"/>
                  </a:lnTo>
                  <a:lnTo>
                    <a:pt x="1141" y="993"/>
                  </a:lnTo>
                  <a:lnTo>
                    <a:pt x="1143" y="993"/>
                  </a:lnTo>
                  <a:lnTo>
                    <a:pt x="1141" y="993"/>
                  </a:lnTo>
                  <a:lnTo>
                    <a:pt x="1138" y="993"/>
                  </a:lnTo>
                  <a:lnTo>
                    <a:pt x="1131" y="996"/>
                  </a:lnTo>
                  <a:lnTo>
                    <a:pt x="1119" y="1001"/>
                  </a:lnTo>
                  <a:lnTo>
                    <a:pt x="1106" y="1008"/>
                  </a:lnTo>
                  <a:lnTo>
                    <a:pt x="1104" y="1008"/>
                  </a:lnTo>
                  <a:lnTo>
                    <a:pt x="1102" y="1010"/>
                  </a:lnTo>
                  <a:lnTo>
                    <a:pt x="1099" y="1012"/>
                  </a:lnTo>
                  <a:lnTo>
                    <a:pt x="1097" y="1013"/>
                  </a:lnTo>
                  <a:lnTo>
                    <a:pt x="1094" y="1015"/>
                  </a:lnTo>
                  <a:lnTo>
                    <a:pt x="1092" y="1015"/>
                  </a:lnTo>
                  <a:lnTo>
                    <a:pt x="1092" y="1012"/>
                  </a:lnTo>
                  <a:lnTo>
                    <a:pt x="1094" y="1008"/>
                  </a:lnTo>
                  <a:lnTo>
                    <a:pt x="1094" y="1007"/>
                  </a:lnTo>
                  <a:lnTo>
                    <a:pt x="1095" y="1005"/>
                  </a:lnTo>
                  <a:lnTo>
                    <a:pt x="1095" y="1003"/>
                  </a:lnTo>
                  <a:lnTo>
                    <a:pt x="1097" y="1000"/>
                  </a:lnTo>
                  <a:lnTo>
                    <a:pt x="1097" y="998"/>
                  </a:lnTo>
                  <a:lnTo>
                    <a:pt x="1099" y="995"/>
                  </a:lnTo>
                  <a:lnTo>
                    <a:pt x="1099" y="993"/>
                  </a:lnTo>
                  <a:lnTo>
                    <a:pt x="1087" y="1005"/>
                  </a:lnTo>
                  <a:lnTo>
                    <a:pt x="1078" y="1007"/>
                  </a:lnTo>
                  <a:lnTo>
                    <a:pt x="1075" y="1001"/>
                  </a:lnTo>
                  <a:lnTo>
                    <a:pt x="1077" y="1012"/>
                  </a:lnTo>
                  <a:lnTo>
                    <a:pt x="1067" y="1015"/>
                  </a:lnTo>
                  <a:lnTo>
                    <a:pt x="1065" y="1013"/>
                  </a:lnTo>
                  <a:lnTo>
                    <a:pt x="1062" y="1008"/>
                  </a:lnTo>
                  <a:lnTo>
                    <a:pt x="1056" y="1003"/>
                  </a:lnTo>
                  <a:lnTo>
                    <a:pt x="1051" y="1000"/>
                  </a:lnTo>
                  <a:lnTo>
                    <a:pt x="1048" y="998"/>
                  </a:lnTo>
                  <a:lnTo>
                    <a:pt x="1048" y="1000"/>
                  </a:lnTo>
                  <a:lnTo>
                    <a:pt x="1050" y="1007"/>
                  </a:lnTo>
                  <a:lnTo>
                    <a:pt x="1058" y="1020"/>
                  </a:lnTo>
                  <a:lnTo>
                    <a:pt x="1060" y="1020"/>
                  </a:lnTo>
                  <a:lnTo>
                    <a:pt x="1063" y="1023"/>
                  </a:lnTo>
                  <a:lnTo>
                    <a:pt x="1067" y="1023"/>
                  </a:lnTo>
                  <a:lnTo>
                    <a:pt x="1068" y="1025"/>
                  </a:lnTo>
                  <a:lnTo>
                    <a:pt x="1070" y="1029"/>
                  </a:lnTo>
                  <a:lnTo>
                    <a:pt x="1070" y="1032"/>
                  </a:lnTo>
                  <a:lnTo>
                    <a:pt x="1067" y="1035"/>
                  </a:lnTo>
                  <a:lnTo>
                    <a:pt x="1063" y="1037"/>
                  </a:lnTo>
                  <a:lnTo>
                    <a:pt x="1062" y="1039"/>
                  </a:lnTo>
                  <a:lnTo>
                    <a:pt x="1058" y="1040"/>
                  </a:lnTo>
                  <a:lnTo>
                    <a:pt x="1056" y="1042"/>
                  </a:lnTo>
                  <a:lnTo>
                    <a:pt x="1053" y="1044"/>
                  </a:lnTo>
                  <a:lnTo>
                    <a:pt x="1051" y="1045"/>
                  </a:lnTo>
                  <a:lnTo>
                    <a:pt x="1050" y="1045"/>
                  </a:lnTo>
                  <a:lnTo>
                    <a:pt x="1050" y="1047"/>
                  </a:lnTo>
                  <a:lnTo>
                    <a:pt x="1048" y="1047"/>
                  </a:lnTo>
                  <a:lnTo>
                    <a:pt x="1046" y="1047"/>
                  </a:lnTo>
                  <a:lnTo>
                    <a:pt x="1045" y="1047"/>
                  </a:lnTo>
                  <a:lnTo>
                    <a:pt x="1043" y="1045"/>
                  </a:lnTo>
                  <a:lnTo>
                    <a:pt x="1041" y="1044"/>
                  </a:lnTo>
                  <a:lnTo>
                    <a:pt x="1040" y="1039"/>
                  </a:lnTo>
                  <a:lnTo>
                    <a:pt x="1040" y="1034"/>
                  </a:lnTo>
                  <a:lnTo>
                    <a:pt x="1036" y="1030"/>
                  </a:lnTo>
                  <a:lnTo>
                    <a:pt x="1036" y="1027"/>
                  </a:lnTo>
                  <a:lnTo>
                    <a:pt x="1033" y="1027"/>
                  </a:lnTo>
                  <a:lnTo>
                    <a:pt x="1033" y="1025"/>
                  </a:lnTo>
                  <a:lnTo>
                    <a:pt x="1031" y="1025"/>
                  </a:lnTo>
                  <a:lnTo>
                    <a:pt x="1029" y="1025"/>
                  </a:lnTo>
                  <a:lnTo>
                    <a:pt x="1019" y="1013"/>
                  </a:lnTo>
                  <a:lnTo>
                    <a:pt x="1023" y="1027"/>
                  </a:lnTo>
                  <a:lnTo>
                    <a:pt x="1031" y="1037"/>
                  </a:lnTo>
                  <a:lnTo>
                    <a:pt x="1028" y="1040"/>
                  </a:lnTo>
                  <a:lnTo>
                    <a:pt x="1031" y="1056"/>
                  </a:lnTo>
                  <a:lnTo>
                    <a:pt x="1019" y="1069"/>
                  </a:lnTo>
                  <a:lnTo>
                    <a:pt x="1018" y="1057"/>
                  </a:lnTo>
                  <a:lnTo>
                    <a:pt x="1011" y="1067"/>
                  </a:lnTo>
                  <a:lnTo>
                    <a:pt x="1006" y="1064"/>
                  </a:lnTo>
                  <a:lnTo>
                    <a:pt x="984" y="1078"/>
                  </a:lnTo>
                  <a:lnTo>
                    <a:pt x="992" y="1086"/>
                  </a:lnTo>
                  <a:lnTo>
                    <a:pt x="996" y="1083"/>
                  </a:lnTo>
                  <a:lnTo>
                    <a:pt x="997" y="1081"/>
                  </a:lnTo>
                  <a:lnTo>
                    <a:pt x="1001" y="1078"/>
                  </a:lnTo>
                  <a:lnTo>
                    <a:pt x="1002" y="1076"/>
                  </a:lnTo>
                  <a:lnTo>
                    <a:pt x="1004" y="1078"/>
                  </a:lnTo>
                  <a:lnTo>
                    <a:pt x="1004" y="1081"/>
                  </a:lnTo>
                  <a:lnTo>
                    <a:pt x="1001" y="1089"/>
                  </a:lnTo>
                  <a:lnTo>
                    <a:pt x="999" y="1091"/>
                  </a:lnTo>
                  <a:lnTo>
                    <a:pt x="997" y="1095"/>
                  </a:lnTo>
                  <a:lnTo>
                    <a:pt x="996" y="1098"/>
                  </a:lnTo>
                  <a:lnTo>
                    <a:pt x="994" y="1100"/>
                  </a:lnTo>
                  <a:lnTo>
                    <a:pt x="992" y="1103"/>
                  </a:lnTo>
                  <a:lnTo>
                    <a:pt x="992" y="1105"/>
                  </a:lnTo>
                  <a:lnTo>
                    <a:pt x="985" y="1110"/>
                  </a:lnTo>
                  <a:lnTo>
                    <a:pt x="982" y="1103"/>
                  </a:lnTo>
                  <a:lnTo>
                    <a:pt x="952" y="1103"/>
                  </a:lnTo>
                  <a:lnTo>
                    <a:pt x="957" y="1110"/>
                  </a:lnTo>
                  <a:lnTo>
                    <a:pt x="962" y="1111"/>
                  </a:lnTo>
                  <a:lnTo>
                    <a:pt x="965" y="1120"/>
                  </a:lnTo>
                  <a:lnTo>
                    <a:pt x="972" y="1125"/>
                  </a:lnTo>
                  <a:lnTo>
                    <a:pt x="977" y="1123"/>
                  </a:lnTo>
                  <a:lnTo>
                    <a:pt x="963" y="1167"/>
                  </a:lnTo>
                  <a:lnTo>
                    <a:pt x="963" y="1169"/>
                  </a:lnTo>
                  <a:lnTo>
                    <a:pt x="962" y="1171"/>
                  </a:lnTo>
                  <a:lnTo>
                    <a:pt x="962" y="1172"/>
                  </a:lnTo>
                  <a:lnTo>
                    <a:pt x="960" y="1172"/>
                  </a:lnTo>
                  <a:lnTo>
                    <a:pt x="958" y="1174"/>
                  </a:lnTo>
                  <a:lnTo>
                    <a:pt x="957" y="1172"/>
                  </a:lnTo>
                  <a:lnTo>
                    <a:pt x="955" y="1169"/>
                  </a:lnTo>
                  <a:lnTo>
                    <a:pt x="955" y="1162"/>
                  </a:lnTo>
                  <a:lnTo>
                    <a:pt x="953" y="1159"/>
                  </a:lnTo>
                  <a:lnTo>
                    <a:pt x="953" y="1155"/>
                  </a:lnTo>
                  <a:lnTo>
                    <a:pt x="952" y="1154"/>
                  </a:lnTo>
                  <a:lnTo>
                    <a:pt x="950" y="1152"/>
                  </a:lnTo>
                  <a:lnTo>
                    <a:pt x="948" y="1154"/>
                  </a:lnTo>
                  <a:lnTo>
                    <a:pt x="948" y="1157"/>
                  </a:lnTo>
                  <a:lnTo>
                    <a:pt x="948" y="1164"/>
                  </a:lnTo>
                  <a:lnTo>
                    <a:pt x="946" y="1166"/>
                  </a:lnTo>
                  <a:lnTo>
                    <a:pt x="945" y="1169"/>
                  </a:lnTo>
                  <a:lnTo>
                    <a:pt x="941" y="1172"/>
                  </a:lnTo>
                  <a:lnTo>
                    <a:pt x="940" y="1172"/>
                  </a:lnTo>
                  <a:lnTo>
                    <a:pt x="930" y="1166"/>
                  </a:lnTo>
                  <a:lnTo>
                    <a:pt x="931" y="1174"/>
                  </a:lnTo>
                  <a:lnTo>
                    <a:pt x="928" y="1179"/>
                  </a:lnTo>
                  <a:lnTo>
                    <a:pt x="938" y="1184"/>
                  </a:lnTo>
                  <a:lnTo>
                    <a:pt x="957" y="1181"/>
                  </a:lnTo>
                  <a:lnTo>
                    <a:pt x="958" y="1198"/>
                  </a:lnTo>
                  <a:lnTo>
                    <a:pt x="948" y="1223"/>
                  </a:lnTo>
                  <a:lnTo>
                    <a:pt x="948" y="1233"/>
                  </a:lnTo>
                  <a:lnTo>
                    <a:pt x="962" y="1269"/>
                  </a:lnTo>
                  <a:lnTo>
                    <a:pt x="960" y="1291"/>
                  </a:lnTo>
                  <a:lnTo>
                    <a:pt x="970" y="1304"/>
                  </a:lnTo>
                  <a:lnTo>
                    <a:pt x="975" y="1325"/>
                  </a:lnTo>
                  <a:lnTo>
                    <a:pt x="982" y="1337"/>
                  </a:lnTo>
                  <a:lnTo>
                    <a:pt x="968" y="1347"/>
                  </a:lnTo>
                  <a:lnTo>
                    <a:pt x="962" y="1355"/>
                  </a:lnTo>
                  <a:lnTo>
                    <a:pt x="960" y="1353"/>
                  </a:lnTo>
                  <a:lnTo>
                    <a:pt x="958" y="1352"/>
                  </a:lnTo>
                  <a:lnTo>
                    <a:pt x="957" y="1350"/>
                  </a:lnTo>
                  <a:lnTo>
                    <a:pt x="953" y="1347"/>
                  </a:lnTo>
                  <a:lnTo>
                    <a:pt x="950" y="1343"/>
                  </a:lnTo>
                  <a:lnTo>
                    <a:pt x="946" y="1340"/>
                  </a:lnTo>
                  <a:lnTo>
                    <a:pt x="943" y="1338"/>
                  </a:lnTo>
                  <a:lnTo>
                    <a:pt x="938" y="1335"/>
                  </a:lnTo>
                  <a:lnTo>
                    <a:pt x="933" y="1331"/>
                  </a:lnTo>
                  <a:lnTo>
                    <a:pt x="926" y="1330"/>
                  </a:lnTo>
                  <a:lnTo>
                    <a:pt x="919" y="1326"/>
                  </a:lnTo>
                  <a:lnTo>
                    <a:pt x="913" y="1325"/>
                  </a:lnTo>
                  <a:lnTo>
                    <a:pt x="904" y="1325"/>
                  </a:lnTo>
                  <a:lnTo>
                    <a:pt x="896" y="1325"/>
                  </a:lnTo>
                  <a:lnTo>
                    <a:pt x="887" y="1325"/>
                  </a:lnTo>
                  <a:lnTo>
                    <a:pt x="886" y="1325"/>
                  </a:lnTo>
                  <a:lnTo>
                    <a:pt x="884" y="1325"/>
                  </a:lnTo>
                  <a:lnTo>
                    <a:pt x="882" y="1325"/>
                  </a:lnTo>
                  <a:lnTo>
                    <a:pt x="879" y="1325"/>
                  </a:lnTo>
                  <a:lnTo>
                    <a:pt x="877" y="1325"/>
                  </a:lnTo>
                  <a:lnTo>
                    <a:pt x="875" y="1326"/>
                  </a:lnTo>
                  <a:lnTo>
                    <a:pt x="874" y="1326"/>
                  </a:lnTo>
                  <a:lnTo>
                    <a:pt x="872" y="1326"/>
                  </a:lnTo>
                  <a:lnTo>
                    <a:pt x="836" y="1304"/>
                  </a:lnTo>
                  <a:lnTo>
                    <a:pt x="821" y="1304"/>
                  </a:lnTo>
                  <a:lnTo>
                    <a:pt x="821" y="1303"/>
                  </a:lnTo>
                  <a:lnTo>
                    <a:pt x="820" y="1301"/>
                  </a:lnTo>
                  <a:lnTo>
                    <a:pt x="820" y="1298"/>
                  </a:lnTo>
                  <a:lnTo>
                    <a:pt x="816" y="1294"/>
                  </a:lnTo>
                  <a:lnTo>
                    <a:pt x="811" y="1291"/>
                  </a:lnTo>
                  <a:lnTo>
                    <a:pt x="806" y="1287"/>
                  </a:lnTo>
                  <a:lnTo>
                    <a:pt x="798" y="1284"/>
                  </a:lnTo>
                  <a:lnTo>
                    <a:pt x="787" y="1284"/>
                  </a:lnTo>
                  <a:lnTo>
                    <a:pt x="786" y="1284"/>
                  </a:lnTo>
                  <a:lnTo>
                    <a:pt x="784" y="1284"/>
                  </a:lnTo>
                  <a:lnTo>
                    <a:pt x="781" y="1284"/>
                  </a:lnTo>
                  <a:lnTo>
                    <a:pt x="779" y="1284"/>
                  </a:lnTo>
                  <a:lnTo>
                    <a:pt x="777" y="1284"/>
                  </a:lnTo>
                  <a:lnTo>
                    <a:pt x="776" y="1284"/>
                  </a:lnTo>
                  <a:lnTo>
                    <a:pt x="774" y="1284"/>
                  </a:lnTo>
                  <a:lnTo>
                    <a:pt x="774" y="1269"/>
                  </a:lnTo>
                  <a:lnTo>
                    <a:pt x="767" y="1267"/>
                  </a:lnTo>
                  <a:lnTo>
                    <a:pt x="767" y="1265"/>
                  </a:lnTo>
                  <a:lnTo>
                    <a:pt x="767" y="1262"/>
                  </a:lnTo>
                  <a:lnTo>
                    <a:pt x="765" y="1257"/>
                  </a:lnTo>
                  <a:lnTo>
                    <a:pt x="764" y="1252"/>
                  </a:lnTo>
                  <a:lnTo>
                    <a:pt x="764" y="1247"/>
                  </a:lnTo>
                  <a:lnTo>
                    <a:pt x="762" y="1242"/>
                  </a:lnTo>
                  <a:lnTo>
                    <a:pt x="759" y="1237"/>
                  </a:lnTo>
                  <a:lnTo>
                    <a:pt x="757" y="1230"/>
                  </a:lnTo>
                  <a:lnTo>
                    <a:pt x="755" y="1225"/>
                  </a:lnTo>
                  <a:lnTo>
                    <a:pt x="754" y="1220"/>
                  </a:lnTo>
                  <a:lnTo>
                    <a:pt x="750" y="1216"/>
                  </a:lnTo>
                  <a:lnTo>
                    <a:pt x="748" y="1213"/>
                  </a:lnTo>
                  <a:lnTo>
                    <a:pt x="745" y="1210"/>
                  </a:lnTo>
                  <a:lnTo>
                    <a:pt x="743" y="1208"/>
                  </a:lnTo>
                  <a:lnTo>
                    <a:pt x="740" y="1208"/>
                  </a:lnTo>
                  <a:lnTo>
                    <a:pt x="738" y="1208"/>
                  </a:lnTo>
                  <a:lnTo>
                    <a:pt x="738" y="1205"/>
                  </a:lnTo>
                  <a:lnTo>
                    <a:pt x="738" y="1199"/>
                  </a:lnTo>
                  <a:lnTo>
                    <a:pt x="738" y="1193"/>
                  </a:lnTo>
                  <a:lnTo>
                    <a:pt x="738" y="1188"/>
                  </a:lnTo>
                  <a:lnTo>
                    <a:pt x="738" y="1181"/>
                  </a:lnTo>
                  <a:lnTo>
                    <a:pt x="738" y="1177"/>
                  </a:lnTo>
                  <a:lnTo>
                    <a:pt x="738" y="1176"/>
                  </a:lnTo>
                  <a:lnTo>
                    <a:pt x="728" y="1166"/>
                  </a:lnTo>
                  <a:lnTo>
                    <a:pt x="728" y="1164"/>
                  </a:lnTo>
                  <a:lnTo>
                    <a:pt x="728" y="1161"/>
                  </a:lnTo>
                  <a:lnTo>
                    <a:pt x="730" y="1154"/>
                  </a:lnTo>
                  <a:lnTo>
                    <a:pt x="730" y="1147"/>
                  </a:lnTo>
                  <a:lnTo>
                    <a:pt x="728" y="1140"/>
                  </a:lnTo>
                  <a:lnTo>
                    <a:pt x="726" y="1133"/>
                  </a:lnTo>
                  <a:lnTo>
                    <a:pt x="725" y="1128"/>
                  </a:lnTo>
                  <a:lnTo>
                    <a:pt x="720" y="1127"/>
                  </a:lnTo>
                  <a:lnTo>
                    <a:pt x="718" y="1127"/>
                  </a:lnTo>
                  <a:lnTo>
                    <a:pt x="715" y="1125"/>
                  </a:lnTo>
                  <a:lnTo>
                    <a:pt x="711" y="1123"/>
                  </a:lnTo>
                  <a:lnTo>
                    <a:pt x="708" y="1122"/>
                  </a:lnTo>
                  <a:lnTo>
                    <a:pt x="706" y="1118"/>
                  </a:lnTo>
                  <a:lnTo>
                    <a:pt x="703" y="1115"/>
                  </a:lnTo>
                  <a:lnTo>
                    <a:pt x="699" y="1111"/>
                  </a:lnTo>
                  <a:lnTo>
                    <a:pt x="696" y="1106"/>
                  </a:lnTo>
                  <a:lnTo>
                    <a:pt x="693" y="1103"/>
                  </a:lnTo>
                  <a:lnTo>
                    <a:pt x="689" y="1098"/>
                  </a:lnTo>
                  <a:lnTo>
                    <a:pt x="686" y="1091"/>
                  </a:lnTo>
                  <a:lnTo>
                    <a:pt x="682" y="1086"/>
                  </a:lnTo>
                  <a:lnTo>
                    <a:pt x="679" y="1081"/>
                  </a:lnTo>
                  <a:lnTo>
                    <a:pt x="676" y="1074"/>
                  </a:lnTo>
                  <a:lnTo>
                    <a:pt x="672" y="1069"/>
                  </a:lnTo>
                  <a:lnTo>
                    <a:pt x="669" y="1062"/>
                  </a:lnTo>
                  <a:lnTo>
                    <a:pt x="667" y="1061"/>
                  </a:lnTo>
                  <a:lnTo>
                    <a:pt x="666" y="1059"/>
                  </a:lnTo>
                  <a:lnTo>
                    <a:pt x="662" y="1056"/>
                  </a:lnTo>
                  <a:lnTo>
                    <a:pt x="660" y="1051"/>
                  </a:lnTo>
                  <a:lnTo>
                    <a:pt x="657" y="1047"/>
                  </a:lnTo>
                  <a:lnTo>
                    <a:pt x="654" y="1045"/>
                  </a:lnTo>
                  <a:lnTo>
                    <a:pt x="652" y="1044"/>
                  </a:lnTo>
                  <a:lnTo>
                    <a:pt x="652" y="1042"/>
                  </a:lnTo>
                  <a:lnTo>
                    <a:pt x="610" y="949"/>
                  </a:lnTo>
                  <a:lnTo>
                    <a:pt x="605" y="935"/>
                  </a:lnTo>
                  <a:lnTo>
                    <a:pt x="591" y="915"/>
                  </a:lnTo>
                  <a:lnTo>
                    <a:pt x="564" y="891"/>
                  </a:lnTo>
                  <a:lnTo>
                    <a:pt x="562" y="890"/>
                  </a:lnTo>
                  <a:lnTo>
                    <a:pt x="561" y="885"/>
                  </a:lnTo>
                  <a:lnTo>
                    <a:pt x="554" y="880"/>
                  </a:lnTo>
                  <a:lnTo>
                    <a:pt x="549" y="873"/>
                  </a:lnTo>
                  <a:lnTo>
                    <a:pt x="542" y="866"/>
                  </a:lnTo>
                  <a:lnTo>
                    <a:pt x="535" y="861"/>
                  </a:lnTo>
                  <a:lnTo>
                    <a:pt x="528" y="856"/>
                  </a:lnTo>
                  <a:lnTo>
                    <a:pt x="522" y="854"/>
                  </a:lnTo>
                  <a:lnTo>
                    <a:pt x="520" y="854"/>
                  </a:lnTo>
                  <a:lnTo>
                    <a:pt x="515" y="854"/>
                  </a:lnTo>
                  <a:lnTo>
                    <a:pt x="512" y="853"/>
                  </a:lnTo>
                  <a:lnTo>
                    <a:pt x="506" y="853"/>
                  </a:lnTo>
                  <a:lnTo>
                    <a:pt x="501" y="853"/>
                  </a:lnTo>
                  <a:lnTo>
                    <a:pt x="496" y="851"/>
                  </a:lnTo>
                  <a:lnTo>
                    <a:pt x="490" y="851"/>
                  </a:lnTo>
                  <a:lnTo>
                    <a:pt x="484" y="849"/>
                  </a:lnTo>
                  <a:lnTo>
                    <a:pt x="478" y="849"/>
                  </a:lnTo>
                  <a:lnTo>
                    <a:pt x="473" y="847"/>
                  </a:lnTo>
                  <a:lnTo>
                    <a:pt x="468" y="846"/>
                  </a:lnTo>
                  <a:lnTo>
                    <a:pt x="461" y="844"/>
                  </a:lnTo>
                  <a:lnTo>
                    <a:pt x="457" y="844"/>
                  </a:lnTo>
                  <a:lnTo>
                    <a:pt x="452" y="841"/>
                  </a:lnTo>
                  <a:lnTo>
                    <a:pt x="449" y="839"/>
                  </a:lnTo>
                  <a:lnTo>
                    <a:pt x="446" y="837"/>
                  </a:lnTo>
                  <a:lnTo>
                    <a:pt x="442" y="836"/>
                  </a:lnTo>
                  <a:lnTo>
                    <a:pt x="440" y="834"/>
                  </a:lnTo>
                  <a:lnTo>
                    <a:pt x="439" y="834"/>
                  </a:lnTo>
                  <a:lnTo>
                    <a:pt x="435" y="836"/>
                  </a:lnTo>
                  <a:lnTo>
                    <a:pt x="434" y="837"/>
                  </a:lnTo>
                  <a:lnTo>
                    <a:pt x="432" y="839"/>
                  </a:lnTo>
                  <a:lnTo>
                    <a:pt x="429" y="842"/>
                  </a:lnTo>
                  <a:lnTo>
                    <a:pt x="427" y="846"/>
                  </a:lnTo>
                  <a:lnTo>
                    <a:pt x="424" y="847"/>
                  </a:lnTo>
                  <a:lnTo>
                    <a:pt x="420" y="849"/>
                  </a:lnTo>
                  <a:lnTo>
                    <a:pt x="418" y="849"/>
                  </a:lnTo>
                  <a:lnTo>
                    <a:pt x="417" y="849"/>
                  </a:lnTo>
                  <a:lnTo>
                    <a:pt x="415" y="847"/>
                  </a:lnTo>
                  <a:lnTo>
                    <a:pt x="413" y="846"/>
                  </a:lnTo>
                  <a:lnTo>
                    <a:pt x="412" y="844"/>
                  </a:lnTo>
                  <a:lnTo>
                    <a:pt x="408" y="844"/>
                  </a:lnTo>
                  <a:lnTo>
                    <a:pt x="405" y="846"/>
                  </a:lnTo>
                  <a:lnTo>
                    <a:pt x="398" y="847"/>
                  </a:lnTo>
                  <a:lnTo>
                    <a:pt x="391" y="853"/>
                  </a:lnTo>
                  <a:lnTo>
                    <a:pt x="386" y="863"/>
                  </a:lnTo>
                  <a:lnTo>
                    <a:pt x="380" y="875"/>
                  </a:lnTo>
                  <a:lnTo>
                    <a:pt x="374" y="891"/>
                  </a:lnTo>
                  <a:lnTo>
                    <a:pt x="368" y="902"/>
                  </a:lnTo>
                  <a:lnTo>
                    <a:pt x="368" y="903"/>
                  </a:lnTo>
                  <a:lnTo>
                    <a:pt x="366" y="903"/>
                  </a:lnTo>
                  <a:lnTo>
                    <a:pt x="366" y="905"/>
                  </a:lnTo>
                  <a:lnTo>
                    <a:pt x="364" y="908"/>
                  </a:lnTo>
                  <a:lnTo>
                    <a:pt x="361" y="912"/>
                  </a:lnTo>
                  <a:lnTo>
                    <a:pt x="358" y="915"/>
                  </a:lnTo>
                  <a:lnTo>
                    <a:pt x="356" y="915"/>
                  </a:lnTo>
                  <a:lnTo>
                    <a:pt x="356" y="917"/>
                  </a:lnTo>
                  <a:lnTo>
                    <a:pt x="352" y="919"/>
                  </a:lnTo>
                  <a:lnTo>
                    <a:pt x="351" y="922"/>
                  </a:lnTo>
                  <a:lnTo>
                    <a:pt x="349" y="924"/>
                  </a:lnTo>
                  <a:lnTo>
                    <a:pt x="347" y="925"/>
                  </a:lnTo>
                  <a:lnTo>
                    <a:pt x="346" y="927"/>
                  </a:lnTo>
                  <a:lnTo>
                    <a:pt x="346" y="930"/>
                  </a:lnTo>
                  <a:lnTo>
                    <a:pt x="344" y="932"/>
                  </a:lnTo>
                  <a:lnTo>
                    <a:pt x="342" y="935"/>
                  </a:lnTo>
                  <a:lnTo>
                    <a:pt x="339" y="937"/>
                  </a:lnTo>
                  <a:lnTo>
                    <a:pt x="334" y="937"/>
                  </a:lnTo>
                  <a:lnTo>
                    <a:pt x="325" y="937"/>
                  </a:lnTo>
                  <a:lnTo>
                    <a:pt x="314" y="932"/>
                  </a:lnTo>
                  <a:lnTo>
                    <a:pt x="312" y="930"/>
                  </a:lnTo>
                  <a:lnTo>
                    <a:pt x="308" y="927"/>
                  </a:lnTo>
                  <a:lnTo>
                    <a:pt x="303" y="924"/>
                  </a:lnTo>
                  <a:lnTo>
                    <a:pt x="297" y="919"/>
                  </a:lnTo>
                  <a:lnTo>
                    <a:pt x="288" y="912"/>
                  </a:lnTo>
                  <a:lnTo>
                    <a:pt x="280" y="907"/>
                  </a:lnTo>
                  <a:lnTo>
                    <a:pt x="271" y="902"/>
                  </a:lnTo>
                  <a:lnTo>
                    <a:pt x="263" y="895"/>
                  </a:lnTo>
                  <a:lnTo>
                    <a:pt x="261" y="895"/>
                  </a:lnTo>
                  <a:lnTo>
                    <a:pt x="259" y="895"/>
                  </a:lnTo>
                  <a:lnTo>
                    <a:pt x="256" y="895"/>
                  </a:lnTo>
                  <a:lnTo>
                    <a:pt x="251" y="893"/>
                  </a:lnTo>
                  <a:lnTo>
                    <a:pt x="246" y="890"/>
                  </a:lnTo>
                  <a:lnTo>
                    <a:pt x="239" y="885"/>
                  </a:lnTo>
                  <a:lnTo>
                    <a:pt x="234" y="880"/>
                  </a:lnTo>
                  <a:lnTo>
                    <a:pt x="227" y="869"/>
                  </a:lnTo>
                  <a:lnTo>
                    <a:pt x="224" y="866"/>
                  </a:lnTo>
                  <a:lnTo>
                    <a:pt x="220" y="864"/>
                  </a:lnTo>
                  <a:lnTo>
                    <a:pt x="217" y="863"/>
                  </a:lnTo>
                  <a:lnTo>
                    <a:pt x="214" y="859"/>
                  </a:lnTo>
                  <a:lnTo>
                    <a:pt x="209" y="854"/>
                  </a:lnTo>
                  <a:lnTo>
                    <a:pt x="204" y="846"/>
                  </a:lnTo>
                  <a:lnTo>
                    <a:pt x="195" y="834"/>
                  </a:lnTo>
                  <a:lnTo>
                    <a:pt x="187" y="819"/>
                  </a:lnTo>
                  <a:lnTo>
                    <a:pt x="187" y="815"/>
                  </a:lnTo>
                  <a:lnTo>
                    <a:pt x="185" y="809"/>
                  </a:lnTo>
                  <a:lnTo>
                    <a:pt x="185" y="800"/>
                  </a:lnTo>
                  <a:lnTo>
                    <a:pt x="185" y="792"/>
                  </a:lnTo>
                  <a:lnTo>
                    <a:pt x="183" y="783"/>
                  </a:lnTo>
                  <a:lnTo>
                    <a:pt x="183" y="776"/>
                  </a:lnTo>
                  <a:lnTo>
                    <a:pt x="183" y="771"/>
                  </a:lnTo>
                  <a:lnTo>
                    <a:pt x="183" y="770"/>
                  </a:lnTo>
                  <a:lnTo>
                    <a:pt x="171" y="753"/>
                  </a:lnTo>
                  <a:lnTo>
                    <a:pt x="171" y="751"/>
                  </a:lnTo>
                  <a:lnTo>
                    <a:pt x="171" y="749"/>
                  </a:lnTo>
                  <a:lnTo>
                    <a:pt x="171" y="746"/>
                  </a:lnTo>
                  <a:lnTo>
                    <a:pt x="170" y="741"/>
                  </a:lnTo>
                  <a:lnTo>
                    <a:pt x="166" y="732"/>
                  </a:lnTo>
                  <a:lnTo>
                    <a:pt x="160" y="722"/>
                  </a:lnTo>
                  <a:lnTo>
                    <a:pt x="149" y="710"/>
                  </a:lnTo>
                  <a:lnTo>
                    <a:pt x="134" y="695"/>
                  </a:lnTo>
                  <a:lnTo>
                    <a:pt x="132" y="693"/>
                  </a:lnTo>
                  <a:lnTo>
                    <a:pt x="129" y="690"/>
                  </a:lnTo>
                  <a:lnTo>
                    <a:pt x="124" y="685"/>
                  </a:lnTo>
                  <a:lnTo>
                    <a:pt x="119" y="680"/>
                  </a:lnTo>
                  <a:lnTo>
                    <a:pt x="114" y="677"/>
                  </a:lnTo>
                  <a:lnTo>
                    <a:pt x="109" y="671"/>
                  </a:lnTo>
                  <a:lnTo>
                    <a:pt x="105" y="670"/>
                  </a:lnTo>
                  <a:lnTo>
                    <a:pt x="104" y="668"/>
                  </a:lnTo>
                  <a:lnTo>
                    <a:pt x="92" y="648"/>
                  </a:lnTo>
                  <a:lnTo>
                    <a:pt x="60" y="609"/>
                  </a:lnTo>
                  <a:lnTo>
                    <a:pt x="43" y="605"/>
                  </a:lnTo>
                  <a:lnTo>
                    <a:pt x="19" y="561"/>
                  </a:lnTo>
                  <a:lnTo>
                    <a:pt x="6" y="560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33" name="Freeform 124"/>
            <p:cNvSpPr>
              <a:spLocks/>
            </p:cNvSpPr>
            <p:nvPr/>
          </p:nvSpPr>
          <p:spPr bwMode="auto">
            <a:xfrm>
              <a:off x="2004" y="1844"/>
              <a:ext cx="789" cy="392"/>
            </a:xfrm>
            <a:custGeom>
              <a:avLst/>
              <a:gdLst>
                <a:gd name="T0" fmla="*/ 533 w 811"/>
                <a:gd name="T1" fmla="*/ 239 h 404"/>
                <a:gd name="T2" fmla="*/ 531 w 811"/>
                <a:gd name="T3" fmla="*/ 229 h 404"/>
                <a:gd name="T4" fmla="*/ 528 w 811"/>
                <a:gd name="T5" fmla="*/ 221 h 404"/>
                <a:gd name="T6" fmla="*/ 526 w 811"/>
                <a:gd name="T7" fmla="*/ 216 h 404"/>
                <a:gd name="T8" fmla="*/ 520 w 811"/>
                <a:gd name="T9" fmla="*/ 209 h 404"/>
                <a:gd name="T10" fmla="*/ 518 w 811"/>
                <a:gd name="T11" fmla="*/ 199 h 404"/>
                <a:gd name="T12" fmla="*/ 520 w 811"/>
                <a:gd name="T13" fmla="*/ 188 h 404"/>
                <a:gd name="T14" fmla="*/ 520 w 811"/>
                <a:gd name="T15" fmla="*/ 178 h 404"/>
                <a:gd name="T16" fmla="*/ 521 w 811"/>
                <a:gd name="T17" fmla="*/ 173 h 404"/>
                <a:gd name="T18" fmla="*/ 516 w 811"/>
                <a:gd name="T19" fmla="*/ 146 h 404"/>
                <a:gd name="T20" fmla="*/ 508 w 811"/>
                <a:gd name="T21" fmla="*/ 138 h 404"/>
                <a:gd name="T22" fmla="*/ 505 w 811"/>
                <a:gd name="T23" fmla="*/ 127 h 404"/>
                <a:gd name="T24" fmla="*/ 506 w 811"/>
                <a:gd name="T25" fmla="*/ 122 h 404"/>
                <a:gd name="T26" fmla="*/ 504 w 811"/>
                <a:gd name="T27" fmla="*/ 108 h 404"/>
                <a:gd name="T28" fmla="*/ 501 w 811"/>
                <a:gd name="T29" fmla="*/ 102 h 404"/>
                <a:gd name="T30" fmla="*/ 493 w 811"/>
                <a:gd name="T31" fmla="*/ 97 h 404"/>
                <a:gd name="T32" fmla="*/ 490 w 811"/>
                <a:gd name="T33" fmla="*/ 87 h 404"/>
                <a:gd name="T34" fmla="*/ 489 w 811"/>
                <a:gd name="T35" fmla="*/ 80 h 404"/>
                <a:gd name="T36" fmla="*/ 486 w 811"/>
                <a:gd name="T37" fmla="*/ 73 h 404"/>
                <a:gd name="T38" fmla="*/ 484 w 811"/>
                <a:gd name="T39" fmla="*/ 70 h 404"/>
                <a:gd name="T40" fmla="*/ 478 w 811"/>
                <a:gd name="T41" fmla="*/ 63 h 404"/>
                <a:gd name="T42" fmla="*/ 474 w 811"/>
                <a:gd name="T43" fmla="*/ 58 h 404"/>
                <a:gd name="T44" fmla="*/ 469 w 811"/>
                <a:gd name="T45" fmla="*/ 48 h 404"/>
                <a:gd name="T46" fmla="*/ 459 w 811"/>
                <a:gd name="T47" fmla="*/ 41 h 404"/>
                <a:gd name="T48" fmla="*/ 450 w 811"/>
                <a:gd name="T49" fmla="*/ 39 h 404"/>
                <a:gd name="T50" fmla="*/ 441 w 811"/>
                <a:gd name="T51" fmla="*/ 38 h 404"/>
                <a:gd name="T52" fmla="*/ 398 w 811"/>
                <a:gd name="T53" fmla="*/ 32 h 404"/>
                <a:gd name="T54" fmla="*/ 391 w 811"/>
                <a:gd name="T55" fmla="*/ 37 h 404"/>
                <a:gd name="T56" fmla="*/ 384 w 811"/>
                <a:gd name="T57" fmla="*/ 38 h 404"/>
                <a:gd name="T58" fmla="*/ 378 w 811"/>
                <a:gd name="T59" fmla="*/ 32 h 404"/>
                <a:gd name="T60" fmla="*/ 364 w 811"/>
                <a:gd name="T61" fmla="*/ 18 h 404"/>
                <a:gd name="T62" fmla="*/ 355 w 811"/>
                <a:gd name="T63" fmla="*/ 16 h 404"/>
                <a:gd name="T64" fmla="*/ 348 w 811"/>
                <a:gd name="T65" fmla="*/ 16 h 404"/>
                <a:gd name="T66" fmla="*/ 328 w 811"/>
                <a:gd name="T67" fmla="*/ 16 h 404"/>
                <a:gd name="T68" fmla="*/ 295 w 811"/>
                <a:gd name="T69" fmla="*/ 16 h 404"/>
                <a:gd name="T70" fmla="*/ 258 w 811"/>
                <a:gd name="T71" fmla="*/ 16 h 404"/>
                <a:gd name="T72" fmla="*/ 214 w 811"/>
                <a:gd name="T73" fmla="*/ 16 h 404"/>
                <a:gd name="T74" fmla="*/ 167 w 811"/>
                <a:gd name="T75" fmla="*/ 13 h 404"/>
                <a:gd name="T76" fmla="*/ 123 w 811"/>
                <a:gd name="T77" fmla="*/ 12 h 404"/>
                <a:gd name="T78" fmla="*/ 84 w 811"/>
                <a:gd name="T79" fmla="*/ 8 h 404"/>
                <a:gd name="T80" fmla="*/ 50 w 811"/>
                <a:gd name="T81" fmla="*/ 5 h 404"/>
                <a:gd name="T82" fmla="*/ 23 w 811"/>
                <a:gd name="T83" fmla="*/ 2 h 404"/>
                <a:gd name="T84" fmla="*/ 2 w 811"/>
                <a:gd name="T85" fmla="*/ 165 h 404"/>
                <a:gd name="T86" fmla="*/ 126 w 811"/>
                <a:gd name="T87" fmla="*/ 254 h 404"/>
                <a:gd name="T88" fmla="*/ 153 w 811"/>
                <a:gd name="T89" fmla="*/ 257 h 404"/>
                <a:gd name="T90" fmla="*/ 189 w 811"/>
                <a:gd name="T91" fmla="*/ 260 h 404"/>
                <a:gd name="T92" fmla="*/ 234 w 811"/>
                <a:gd name="T93" fmla="*/ 262 h 404"/>
                <a:gd name="T94" fmla="*/ 289 w 811"/>
                <a:gd name="T95" fmla="*/ 262 h 404"/>
                <a:gd name="T96" fmla="*/ 343 w 811"/>
                <a:gd name="T97" fmla="*/ 262 h 404"/>
                <a:gd name="T98" fmla="*/ 400 w 811"/>
                <a:gd name="T99" fmla="*/ 264 h 404"/>
                <a:gd name="T100" fmla="*/ 449 w 811"/>
                <a:gd name="T101" fmla="*/ 264 h 404"/>
                <a:gd name="T102" fmla="*/ 492 w 811"/>
                <a:gd name="T103" fmla="*/ 265 h 404"/>
                <a:gd name="T104" fmla="*/ 528 w 811"/>
                <a:gd name="T105" fmla="*/ 265 h 404"/>
                <a:gd name="T106" fmla="*/ 547 w 811"/>
                <a:gd name="T107" fmla="*/ 265 h 404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w 811"/>
                <a:gd name="T163" fmla="*/ 0 h 404"/>
                <a:gd name="T164" fmla="*/ 811 w 811"/>
                <a:gd name="T165" fmla="*/ 404 h 404"/>
              </a:gdLst>
              <a:ahLst/>
              <a:cxnLst>
                <a:cxn ang="T108">
                  <a:pos x="T0" y="T1"/>
                </a:cxn>
                <a:cxn ang="T109">
                  <a:pos x="T2" y="T3"/>
                </a:cxn>
                <a:cxn ang="T110">
                  <a:pos x="T4" y="T5"/>
                </a:cxn>
                <a:cxn ang="T111">
                  <a:pos x="T6" y="T7"/>
                </a:cxn>
                <a:cxn ang="T112">
                  <a:pos x="T8" y="T9"/>
                </a:cxn>
                <a:cxn ang="T113">
                  <a:pos x="T10" y="T11"/>
                </a:cxn>
                <a:cxn ang="T114">
                  <a:pos x="T12" y="T13"/>
                </a:cxn>
                <a:cxn ang="T115">
                  <a:pos x="T14" y="T15"/>
                </a:cxn>
                <a:cxn ang="T116">
                  <a:pos x="T16" y="T17"/>
                </a:cxn>
                <a:cxn ang="T117">
                  <a:pos x="T18" y="T19"/>
                </a:cxn>
                <a:cxn ang="T118">
                  <a:pos x="T20" y="T21"/>
                </a:cxn>
                <a:cxn ang="T119">
                  <a:pos x="T22" y="T23"/>
                </a:cxn>
                <a:cxn ang="T120">
                  <a:pos x="T24" y="T25"/>
                </a:cxn>
                <a:cxn ang="T121">
                  <a:pos x="T26" y="T27"/>
                </a:cxn>
                <a:cxn ang="T122">
                  <a:pos x="T28" y="T29"/>
                </a:cxn>
                <a:cxn ang="T123">
                  <a:pos x="T30" y="T31"/>
                </a:cxn>
                <a:cxn ang="T124">
                  <a:pos x="T32" y="T33"/>
                </a:cxn>
                <a:cxn ang="T125">
                  <a:pos x="T34" y="T35"/>
                </a:cxn>
                <a:cxn ang="T126">
                  <a:pos x="T36" y="T37"/>
                </a:cxn>
                <a:cxn ang="T127">
                  <a:pos x="T38" y="T39"/>
                </a:cxn>
                <a:cxn ang="T128">
                  <a:pos x="T40" y="T41"/>
                </a:cxn>
                <a:cxn ang="T129">
                  <a:pos x="T42" y="T43"/>
                </a:cxn>
                <a:cxn ang="T130">
                  <a:pos x="T44" y="T45"/>
                </a:cxn>
                <a:cxn ang="T131">
                  <a:pos x="T46" y="T47"/>
                </a:cxn>
                <a:cxn ang="T132">
                  <a:pos x="T48" y="T49"/>
                </a:cxn>
                <a:cxn ang="T133">
                  <a:pos x="T50" y="T51"/>
                </a:cxn>
                <a:cxn ang="T134">
                  <a:pos x="T52" y="T53"/>
                </a:cxn>
                <a:cxn ang="T135">
                  <a:pos x="T54" y="T55"/>
                </a:cxn>
                <a:cxn ang="T136">
                  <a:pos x="T56" y="T57"/>
                </a:cxn>
                <a:cxn ang="T137">
                  <a:pos x="T58" y="T59"/>
                </a:cxn>
                <a:cxn ang="T138">
                  <a:pos x="T60" y="T61"/>
                </a:cxn>
                <a:cxn ang="T139">
                  <a:pos x="T62" y="T63"/>
                </a:cxn>
                <a:cxn ang="T140">
                  <a:pos x="T64" y="T65"/>
                </a:cxn>
                <a:cxn ang="T141">
                  <a:pos x="T66" y="T67"/>
                </a:cxn>
                <a:cxn ang="T142">
                  <a:pos x="T68" y="T69"/>
                </a:cxn>
                <a:cxn ang="T143">
                  <a:pos x="T70" y="T71"/>
                </a:cxn>
                <a:cxn ang="T144">
                  <a:pos x="T72" y="T73"/>
                </a:cxn>
                <a:cxn ang="T145">
                  <a:pos x="T74" y="T75"/>
                </a:cxn>
                <a:cxn ang="T146">
                  <a:pos x="T76" y="T77"/>
                </a:cxn>
                <a:cxn ang="T147">
                  <a:pos x="T78" y="T79"/>
                </a:cxn>
                <a:cxn ang="T148">
                  <a:pos x="T80" y="T81"/>
                </a:cxn>
                <a:cxn ang="T149">
                  <a:pos x="T82" y="T83"/>
                </a:cxn>
                <a:cxn ang="T150">
                  <a:pos x="T84" y="T85"/>
                </a:cxn>
                <a:cxn ang="T151">
                  <a:pos x="T86" y="T87"/>
                </a:cxn>
                <a:cxn ang="T152">
                  <a:pos x="T88" y="T89"/>
                </a:cxn>
                <a:cxn ang="T153">
                  <a:pos x="T90" y="T91"/>
                </a:cxn>
                <a:cxn ang="T154">
                  <a:pos x="T92" y="T93"/>
                </a:cxn>
                <a:cxn ang="T155">
                  <a:pos x="T94" y="T95"/>
                </a:cxn>
                <a:cxn ang="T156">
                  <a:pos x="T96" y="T97"/>
                </a:cxn>
                <a:cxn ang="T157">
                  <a:pos x="T98" y="T99"/>
                </a:cxn>
                <a:cxn ang="T158">
                  <a:pos x="T100" y="T101"/>
                </a:cxn>
                <a:cxn ang="T159">
                  <a:pos x="T102" y="T103"/>
                </a:cxn>
                <a:cxn ang="T160">
                  <a:pos x="T104" y="T105"/>
                </a:cxn>
                <a:cxn ang="T161">
                  <a:pos x="T106" y="T107"/>
                </a:cxn>
              </a:cxnLst>
              <a:rect l="T162" t="T163" r="T164" b="T165"/>
              <a:pathLst>
                <a:path w="811" h="404">
                  <a:moveTo>
                    <a:pt x="811" y="404"/>
                  </a:moveTo>
                  <a:lnTo>
                    <a:pt x="799" y="376"/>
                  </a:lnTo>
                  <a:lnTo>
                    <a:pt x="785" y="364"/>
                  </a:lnTo>
                  <a:lnTo>
                    <a:pt x="782" y="352"/>
                  </a:lnTo>
                  <a:lnTo>
                    <a:pt x="782" y="350"/>
                  </a:lnTo>
                  <a:lnTo>
                    <a:pt x="780" y="348"/>
                  </a:lnTo>
                  <a:lnTo>
                    <a:pt x="779" y="345"/>
                  </a:lnTo>
                  <a:lnTo>
                    <a:pt x="777" y="342"/>
                  </a:lnTo>
                  <a:lnTo>
                    <a:pt x="775" y="337"/>
                  </a:lnTo>
                  <a:lnTo>
                    <a:pt x="774" y="333"/>
                  </a:lnTo>
                  <a:lnTo>
                    <a:pt x="772" y="330"/>
                  </a:lnTo>
                  <a:lnTo>
                    <a:pt x="769" y="326"/>
                  </a:lnTo>
                  <a:lnTo>
                    <a:pt x="767" y="323"/>
                  </a:lnTo>
                  <a:lnTo>
                    <a:pt x="765" y="318"/>
                  </a:lnTo>
                  <a:lnTo>
                    <a:pt x="765" y="313"/>
                  </a:lnTo>
                  <a:lnTo>
                    <a:pt x="763" y="308"/>
                  </a:lnTo>
                  <a:lnTo>
                    <a:pt x="763" y="303"/>
                  </a:lnTo>
                  <a:lnTo>
                    <a:pt x="763" y="298"/>
                  </a:lnTo>
                  <a:lnTo>
                    <a:pt x="763" y="291"/>
                  </a:lnTo>
                  <a:lnTo>
                    <a:pt x="765" y="286"/>
                  </a:lnTo>
                  <a:lnTo>
                    <a:pt x="765" y="281"/>
                  </a:lnTo>
                  <a:lnTo>
                    <a:pt x="765" y="276"/>
                  </a:lnTo>
                  <a:lnTo>
                    <a:pt x="765" y="272"/>
                  </a:lnTo>
                  <a:lnTo>
                    <a:pt x="767" y="269"/>
                  </a:lnTo>
                  <a:lnTo>
                    <a:pt x="767" y="266"/>
                  </a:lnTo>
                  <a:lnTo>
                    <a:pt x="767" y="264"/>
                  </a:lnTo>
                  <a:lnTo>
                    <a:pt x="760" y="255"/>
                  </a:lnTo>
                  <a:lnTo>
                    <a:pt x="758" y="223"/>
                  </a:lnTo>
                  <a:lnTo>
                    <a:pt x="755" y="218"/>
                  </a:lnTo>
                  <a:lnTo>
                    <a:pt x="750" y="215"/>
                  </a:lnTo>
                  <a:lnTo>
                    <a:pt x="747" y="210"/>
                  </a:lnTo>
                  <a:lnTo>
                    <a:pt x="743" y="205"/>
                  </a:lnTo>
                  <a:lnTo>
                    <a:pt x="743" y="200"/>
                  </a:lnTo>
                  <a:lnTo>
                    <a:pt x="743" y="194"/>
                  </a:lnTo>
                  <a:lnTo>
                    <a:pt x="743" y="191"/>
                  </a:lnTo>
                  <a:lnTo>
                    <a:pt x="743" y="188"/>
                  </a:lnTo>
                  <a:lnTo>
                    <a:pt x="745" y="186"/>
                  </a:lnTo>
                  <a:lnTo>
                    <a:pt x="743" y="178"/>
                  </a:lnTo>
                  <a:lnTo>
                    <a:pt x="743" y="169"/>
                  </a:lnTo>
                  <a:lnTo>
                    <a:pt x="741" y="164"/>
                  </a:lnTo>
                  <a:lnTo>
                    <a:pt x="738" y="159"/>
                  </a:lnTo>
                  <a:lnTo>
                    <a:pt x="736" y="156"/>
                  </a:lnTo>
                  <a:lnTo>
                    <a:pt x="735" y="154"/>
                  </a:lnTo>
                  <a:lnTo>
                    <a:pt x="733" y="152"/>
                  </a:lnTo>
                  <a:lnTo>
                    <a:pt x="731" y="150"/>
                  </a:lnTo>
                  <a:lnTo>
                    <a:pt x="726" y="147"/>
                  </a:lnTo>
                  <a:lnTo>
                    <a:pt x="725" y="144"/>
                  </a:lnTo>
                  <a:lnTo>
                    <a:pt x="721" y="139"/>
                  </a:lnTo>
                  <a:lnTo>
                    <a:pt x="721" y="134"/>
                  </a:lnTo>
                  <a:lnTo>
                    <a:pt x="719" y="130"/>
                  </a:lnTo>
                  <a:lnTo>
                    <a:pt x="719" y="125"/>
                  </a:lnTo>
                  <a:lnTo>
                    <a:pt x="719" y="123"/>
                  </a:lnTo>
                  <a:lnTo>
                    <a:pt x="714" y="110"/>
                  </a:lnTo>
                  <a:lnTo>
                    <a:pt x="713" y="108"/>
                  </a:lnTo>
                  <a:lnTo>
                    <a:pt x="711" y="105"/>
                  </a:lnTo>
                  <a:lnTo>
                    <a:pt x="708" y="103"/>
                  </a:lnTo>
                  <a:lnTo>
                    <a:pt x="706" y="100"/>
                  </a:lnTo>
                  <a:lnTo>
                    <a:pt x="703" y="95"/>
                  </a:lnTo>
                  <a:lnTo>
                    <a:pt x="699" y="93"/>
                  </a:lnTo>
                  <a:lnTo>
                    <a:pt x="697" y="90"/>
                  </a:lnTo>
                  <a:lnTo>
                    <a:pt x="696" y="88"/>
                  </a:lnTo>
                  <a:lnTo>
                    <a:pt x="694" y="84"/>
                  </a:lnTo>
                  <a:lnTo>
                    <a:pt x="692" y="79"/>
                  </a:lnTo>
                  <a:lnTo>
                    <a:pt x="689" y="74"/>
                  </a:lnTo>
                  <a:lnTo>
                    <a:pt x="686" y="69"/>
                  </a:lnTo>
                  <a:lnTo>
                    <a:pt x="681" y="64"/>
                  </a:lnTo>
                  <a:lnTo>
                    <a:pt x="675" y="61"/>
                  </a:lnTo>
                  <a:lnTo>
                    <a:pt x="667" y="59"/>
                  </a:lnTo>
                  <a:lnTo>
                    <a:pt x="665" y="59"/>
                  </a:lnTo>
                  <a:lnTo>
                    <a:pt x="662" y="57"/>
                  </a:lnTo>
                  <a:lnTo>
                    <a:pt x="659" y="56"/>
                  </a:lnTo>
                  <a:lnTo>
                    <a:pt x="659" y="54"/>
                  </a:lnTo>
                  <a:lnTo>
                    <a:pt x="648" y="54"/>
                  </a:lnTo>
                  <a:lnTo>
                    <a:pt x="637" y="44"/>
                  </a:lnTo>
                  <a:lnTo>
                    <a:pt x="584" y="44"/>
                  </a:lnTo>
                  <a:lnTo>
                    <a:pt x="584" y="46"/>
                  </a:lnTo>
                  <a:lnTo>
                    <a:pt x="582" y="47"/>
                  </a:lnTo>
                  <a:lnTo>
                    <a:pt x="579" y="51"/>
                  </a:lnTo>
                  <a:lnTo>
                    <a:pt x="576" y="52"/>
                  </a:lnTo>
                  <a:lnTo>
                    <a:pt x="572" y="56"/>
                  </a:lnTo>
                  <a:lnTo>
                    <a:pt x="569" y="56"/>
                  </a:lnTo>
                  <a:lnTo>
                    <a:pt x="565" y="54"/>
                  </a:lnTo>
                  <a:lnTo>
                    <a:pt x="562" y="51"/>
                  </a:lnTo>
                  <a:lnTo>
                    <a:pt x="560" y="49"/>
                  </a:lnTo>
                  <a:lnTo>
                    <a:pt x="555" y="46"/>
                  </a:lnTo>
                  <a:lnTo>
                    <a:pt x="549" y="42"/>
                  </a:lnTo>
                  <a:lnTo>
                    <a:pt x="542" y="37"/>
                  </a:lnTo>
                  <a:lnTo>
                    <a:pt x="535" y="32"/>
                  </a:lnTo>
                  <a:lnTo>
                    <a:pt x="528" y="29"/>
                  </a:lnTo>
                  <a:lnTo>
                    <a:pt x="523" y="25"/>
                  </a:lnTo>
                  <a:lnTo>
                    <a:pt x="521" y="25"/>
                  </a:lnTo>
                  <a:lnTo>
                    <a:pt x="520" y="25"/>
                  </a:lnTo>
                  <a:lnTo>
                    <a:pt x="516" y="25"/>
                  </a:lnTo>
                  <a:lnTo>
                    <a:pt x="511" y="24"/>
                  </a:lnTo>
                  <a:lnTo>
                    <a:pt x="503" y="24"/>
                  </a:lnTo>
                  <a:lnTo>
                    <a:pt x="493" y="24"/>
                  </a:lnTo>
                  <a:lnTo>
                    <a:pt x="481" y="24"/>
                  </a:lnTo>
                  <a:lnTo>
                    <a:pt x="467" y="24"/>
                  </a:lnTo>
                  <a:lnTo>
                    <a:pt x="450" y="22"/>
                  </a:lnTo>
                  <a:lnTo>
                    <a:pt x="433" y="22"/>
                  </a:lnTo>
                  <a:lnTo>
                    <a:pt x="417" y="20"/>
                  </a:lnTo>
                  <a:lnTo>
                    <a:pt x="398" y="20"/>
                  </a:lnTo>
                  <a:lnTo>
                    <a:pt x="378" y="20"/>
                  </a:lnTo>
                  <a:lnTo>
                    <a:pt x="357" y="18"/>
                  </a:lnTo>
                  <a:lnTo>
                    <a:pt x="335" y="18"/>
                  </a:lnTo>
                  <a:lnTo>
                    <a:pt x="313" y="17"/>
                  </a:lnTo>
                  <a:lnTo>
                    <a:pt x="291" y="15"/>
                  </a:lnTo>
                  <a:lnTo>
                    <a:pt x="269" y="15"/>
                  </a:lnTo>
                  <a:lnTo>
                    <a:pt x="247" y="13"/>
                  </a:lnTo>
                  <a:lnTo>
                    <a:pt x="225" y="13"/>
                  </a:lnTo>
                  <a:lnTo>
                    <a:pt x="203" y="12"/>
                  </a:lnTo>
                  <a:lnTo>
                    <a:pt x="181" y="12"/>
                  </a:lnTo>
                  <a:lnTo>
                    <a:pt x="161" y="10"/>
                  </a:lnTo>
                  <a:lnTo>
                    <a:pt x="142" y="8"/>
                  </a:lnTo>
                  <a:lnTo>
                    <a:pt x="122" y="8"/>
                  </a:lnTo>
                  <a:lnTo>
                    <a:pt x="105" y="7"/>
                  </a:lnTo>
                  <a:lnTo>
                    <a:pt x="88" y="7"/>
                  </a:lnTo>
                  <a:lnTo>
                    <a:pt x="73" y="5"/>
                  </a:lnTo>
                  <a:lnTo>
                    <a:pt x="59" y="3"/>
                  </a:lnTo>
                  <a:lnTo>
                    <a:pt x="48" y="3"/>
                  </a:lnTo>
                  <a:lnTo>
                    <a:pt x="37" y="2"/>
                  </a:lnTo>
                  <a:lnTo>
                    <a:pt x="31" y="2"/>
                  </a:lnTo>
                  <a:lnTo>
                    <a:pt x="24" y="0"/>
                  </a:lnTo>
                  <a:lnTo>
                    <a:pt x="2" y="250"/>
                  </a:lnTo>
                  <a:lnTo>
                    <a:pt x="0" y="250"/>
                  </a:lnTo>
                  <a:lnTo>
                    <a:pt x="193" y="262"/>
                  </a:lnTo>
                  <a:lnTo>
                    <a:pt x="186" y="387"/>
                  </a:lnTo>
                  <a:lnTo>
                    <a:pt x="197" y="389"/>
                  </a:lnTo>
                  <a:lnTo>
                    <a:pt x="208" y="391"/>
                  </a:lnTo>
                  <a:lnTo>
                    <a:pt x="224" y="392"/>
                  </a:lnTo>
                  <a:lnTo>
                    <a:pt x="239" y="392"/>
                  </a:lnTo>
                  <a:lnTo>
                    <a:pt x="257" y="394"/>
                  </a:lnTo>
                  <a:lnTo>
                    <a:pt x="278" y="396"/>
                  </a:lnTo>
                  <a:lnTo>
                    <a:pt x="298" y="396"/>
                  </a:lnTo>
                  <a:lnTo>
                    <a:pt x="322" y="398"/>
                  </a:lnTo>
                  <a:lnTo>
                    <a:pt x="345" y="398"/>
                  </a:lnTo>
                  <a:lnTo>
                    <a:pt x="371" y="399"/>
                  </a:lnTo>
                  <a:lnTo>
                    <a:pt x="396" y="399"/>
                  </a:lnTo>
                  <a:lnTo>
                    <a:pt x="423" y="399"/>
                  </a:lnTo>
                  <a:lnTo>
                    <a:pt x="450" y="401"/>
                  </a:lnTo>
                  <a:lnTo>
                    <a:pt x="477" y="401"/>
                  </a:lnTo>
                  <a:lnTo>
                    <a:pt x="505" y="401"/>
                  </a:lnTo>
                  <a:lnTo>
                    <a:pt x="532" y="401"/>
                  </a:lnTo>
                  <a:lnTo>
                    <a:pt x="559" y="403"/>
                  </a:lnTo>
                  <a:lnTo>
                    <a:pt x="586" y="403"/>
                  </a:lnTo>
                  <a:lnTo>
                    <a:pt x="611" y="403"/>
                  </a:lnTo>
                  <a:lnTo>
                    <a:pt x="637" y="403"/>
                  </a:lnTo>
                  <a:lnTo>
                    <a:pt x="660" y="403"/>
                  </a:lnTo>
                  <a:lnTo>
                    <a:pt x="684" y="403"/>
                  </a:lnTo>
                  <a:lnTo>
                    <a:pt x="704" y="404"/>
                  </a:lnTo>
                  <a:lnTo>
                    <a:pt x="725" y="404"/>
                  </a:lnTo>
                  <a:lnTo>
                    <a:pt x="743" y="404"/>
                  </a:lnTo>
                  <a:lnTo>
                    <a:pt x="760" y="404"/>
                  </a:lnTo>
                  <a:lnTo>
                    <a:pt x="775" y="404"/>
                  </a:lnTo>
                  <a:lnTo>
                    <a:pt x="787" y="404"/>
                  </a:lnTo>
                  <a:lnTo>
                    <a:pt x="797" y="404"/>
                  </a:lnTo>
                  <a:lnTo>
                    <a:pt x="804" y="404"/>
                  </a:lnTo>
                  <a:lnTo>
                    <a:pt x="809" y="404"/>
                  </a:lnTo>
                  <a:lnTo>
                    <a:pt x="811" y="404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34" name="Freeform 125"/>
            <p:cNvSpPr>
              <a:spLocks/>
            </p:cNvSpPr>
            <p:nvPr/>
          </p:nvSpPr>
          <p:spPr bwMode="auto">
            <a:xfrm>
              <a:off x="1384" y="1534"/>
              <a:ext cx="665" cy="553"/>
            </a:xfrm>
            <a:custGeom>
              <a:avLst/>
              <a:gdLst>
                <a:gd name="T0" fmla="*/ 119 w 684"/>
                <a:gd name="T1" fmla="*/ 340 h 570"/>
                <a:gd name="T2" fmla="*/ 108 w 684"/>
                <a:gd name="T3" fmla="*/ 337 h 570"/>
                <a:gd name="T4" fmla="*/ 89 w 684"/>
                <a:gd name="T5" fmla="*/ 333 h 570"/>
                <a:gd name="T6" fmla="*/ 69 w 684"/>
                <a:gd name="T7" fmla="*/ 330 h 570"/>
                <a:gd name="T8" fmla="*/ 47 w 684"/>
                <a:gd name="T9" fmla="*/ 327 h 570"/>
                <a:gd name="T10" fmla="*/ 25 w 684"/>
                <a:gd name="T11" fmla="*/ 324 h 570"/>
                <a:gd name="T12" fmla="*/ 16 w 684"/>
                <a:gd name="T13" fmla="*/ 322 h 570"/>
                <a:gd name="T14" fmla="*/ 2 w 684"/>
                <a:gd name="T15" fmla="*/ 320 h 570"/>
                <a:gd name="T16" fmla="*/ 17 w 684"/>
                <a:gd name="T17" fmla="*/ 244 h 570"/>
                <a:gd name="T18" fmla="*/ 50 w 684"/>
                <a:gd name="T19" fmla="*/ 0 h 570"/>
                <a:gd name="T20" fmla="*/ 83 w 684"/>
                <a:gd name="T21" fmla="*/ 7 h 570"/>
                <a:gd name="T22" fmla="*/ 116 w 684"/>
                <a:gd name="T23" fmla="*/ 15 h 570"/>
                <a:gd name="T24" fmla="*/ 149 w 684"/>
                <a:gd name="T25" fmla="*/ 16 h 570"/>
                <a:gd name="T26" fmla="*/ 182 w 684"/>
                <a:gd name="T27" fmla="*/ 16 h 570"/>
                <a:gd name="T28" fmla="*/ 218 w 684"/>
                <a:gd name="T29" fmla="*/ 20 h 570"/>
                <a:gd name="T30" fmla="*/ 252 w 684"/>
                <a:gd name="T31" fmla="*/ 27 h 570"/>
                <a:gd name="T32" fmla="*/ 285 w 684"/>
                <a:gd name="T33" fmla="*/ 32 h 570"/>
                <a:gd name="T34" fmla="*/ 316 w 684"/>
                <a:gd name="T35" fmla="*/ 36 h 570"/>
                <a:gd name="T36" fmla="*/ 347 w 684"/>
                <a:gd name="T37" fmla="*/ 39 h 570"/>
                <a:gd name="T38" fmla="*/ 374 w 684"/>
                <a:gd name="T39" fmla="*/ 40 h 570"/>
                <a:gd name="T40" fmla="*/ 399 w 684"/>
                <a:gd name="T41" fmla="*/ 42 h 570"/>
                <a:gd name="T42" fmla="*/ 421 w 684"/>
                <a:gd name="T43" fmla="*/ 44 h 570"/>
                <a:gd name="T44" fmla="*/ 437 w 684"/>
                <a:gd name="T45" fmla="*/ 45 h 570"/>
                <a:gd name="T46" fmla="*/ 449 w 684"/>
                <a:gd name="T47" fmla="*/ 45 h 570"/>
                <a:gd name="T48" fmla="*/ 459 w 684"/>
                <a:gd name="T49" fmla="*/ 45 h 570"/>
                <a:gd name="T50" fmla="*/ 461 w 684"/>
                <a:gd name="T51" fmla="*/ 46 h 570"/>
                <a:gd name="T52" fmla="*/ 446 w 684"/>
                <a:gd name="T53" fmla="*/ 210 h 570"/>
                <a:gd name="T54" fmla="*/ 432 w 684"/>
                <a:gd name="T55" fmla="*/ 373 h 570"/>
                <a:gd name="T56" fmla="*/ 425 w 684"/>
                <a:gd name="T57" fmla="*/ 372 h 570"/>
                <a:gd name="T58" fmla="*/ 412 w 684"/>
                <a:gd name="T59" fmla="*/ 372 h 570"/>
                <a:gd name="T60" fmla="*/ 395 w 684"/>
                <a:gd name="T61" fmla="*/ 371 h 570"/>
                <a:gd name="T62" fmla="*/ 374 w 684"/>
                <a:gd name="T63" fmla="*/ 368 h 570"/>
                <a:gd name="T64" fmla="*/ 350 w 684"/>
                <a:gd name="T65" fmla="*/ 364 h 570"/>
                <a:gd name="T66" fmla="*/ 324 w 684"/>
                <a:gd name="T67" fmla="*/ 362 h 570"/>
                <a:gd name="T68" fmla="*/ 296 w 684"/>
                <a:gd name="T69" fmla="*/ 360 h 570"/>
                <a:gd name="T70" fmla="*/ 266 w 684"/>
                <a:gd name="T71" fmla="*/ 357 h 570"/>
                <a:gd name="T72" fmla="*/ 240 w 684"/>
                <a:gd name="T73" fmla="*/ 353 h 570"/>
                <a:gd name="T74" fmla="*/ 213 w 684"/>
                <a:gd name="T75" fmla="*/ 350 h 570"/>
                <a:gd name="T76" fmla="*/ 187 w 684"/>
                <a:gd name="T77" fmla="*/ 348 h 570"/>
                <a:gd name="T78" fmla="*/ 166 w 684"/>
                <a:gd name="T79" fmla="*/ 344 h 570"/>
                <a:gd name="T80" fmla="*/ 146 w 684"/>
                <a:gd name="T81" fmla="*/ 342 h 570"/>
                <a:gd name="T82" fmla="*/ 134 w 684"/>
                <a:gd name="T83" fmla="*/ 341 h 570"/>
                <a:gd name="T84" fmla="*/ 122 w 684"/>
                <a:gd name="T85" fmla="*/ 340 h 570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684"/>
                <a:gd name="T130" fmla="*/ 0 h 570"/>
                <a:gd name="T131" fmla="*/ 684 w 684"/>
                <a:gd name="T132" fmla="*/ 570 h 570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684" h="570">
                  <a:moveTo>
                    <a:pt x="180" y="518"/>
                  </a:moveTo>
                  <a:lnTo>
                    <a:pt x="176" y="518"/>
                  </a:lnTo>
                  <a:lnTo>
                    <a:pt x="169" y="516"/>
                  </a:lnTo>
                  <a:lnTo>
                    <a:pt x="159" y="514"/>
                  </a:lnTo>
                  <a:lnTo>
                    <a:pt x="147" y="513"/>
                  </a:lnTo>
                  <a:lnTo>
                    <a:pt x="134" y="509"/>
                  </a:lnTo>
                  <a:lnTo>
                    <a:pt x="119" y="508"/>
                  </a:lnTo>
                  <a:lnTo>
                    <a:pt x="102" y="504"/>
                  </a:lnTo>
                  <a:lnTo>
                    <a:pt x="87" y="503"/>
                  </a:lnTo>
                  <a:lnTo>
                    <a:pt x="70" y="499"/>
                  </a:lnTo>
                  <a:lnTo>
                    <a:pt x="54" y="498"/>
                  </a:lnTo>
                  <a:lnTo>
                    <a:pt x="39" y="496"/>
                  </a:lnTo>
                  <a:lnTo>
                    <a:pt x="27" y="492"/>
                  </a:lnTo>
                  <a:lnTo>
                    <a:pt x="16" y="491"/>
                  </a:lnTo>
                  <a:lnTo>
                    <a:pt x="9" y="489"/>
                  </a:lnTo>
                  <a:lnTo>
                    <a:pt x="2" y="489"/>
                  </a:lnTo>
                  <a:lnTo>
                    <a:pt x="0" y="489"/>
                  </a:lnTo>
                  <a:lnTo>
                    <a:pt x="17" y="372"/>
                  </a:lnTo>
                  <a:lnTo>
                    <a:pt x="63" y="61"/>
                  </a:lnTo>
                  <a:lnTo>
                    <a:pt x="76" y="0"/>
                  </a:lnTo>
                  <a:lnTo>
                    <a:pt x="98" y="3"/>
                  </a:lnTo>
                  <a:lnTo>
                    <a:pt x="122" y="7"/>
                  </a:lnTo>
                  <a:lnTo>
                    <a:pt x="146" y="12"/>
                  </a:lnTo>
                  <a:lnTo>
                    <a:pt x="171" y="15"/>
                  </a:lnTo>
                  <a:lnTo>
                    <a:pt x="195" y="19"/>
                  </a:lnTo>
                  <a:lnTo>
                    <a:pt x="220" y="22"/>
                  </a:lnTo>
                  <a:lnTo>
                    <a:pt x="246" y="25"/>
                  </a:lnTo>
                  <a:lnTo>
                    <a:pt x="271" y="29"/>
                  </a:lnTo>
                  <a:lnTo>
                    <a:pt x="296" y="32"/>
                  </a:lnTo>
                  <a:lnTo>
                    <a:pt x="323" y="34"/>
                  </a:lnTo>
                  <a:lnTo>
                    <a:pt x="349" y="37"/>
                  </a:lnTo>
                  <a:lnTo>
                    <a:pt x="373" y="41"/>
                  </a:lnTo>
                  <a:lnTo>
                    <a:pt x="398" y="44"/>
                  </a:lnTo>
                  <a:lnTo>
                    <a:pt x="422" y="46"/>
                  </a:lnTo>
                  <a:lnTo>
                    <a:pt x="445" y="49"/>
                  </a:lnTo>
                  <a:lnTo>
                    <a:pt x="469" y="51"/>
                  </a:lnTo>
                  <a:lnTo>
                    <a:pt x="493" y="52"/>
                  </a:lnTo>
                  <a:lnTo>
                    <a:pt x="515" y="56"/>
                  </a:lnTo>
                  <a:lnTo>
                    <a:pt x="535" y="58"/>
                  </a:lnTo>
                  <a:lnTo>
                    <a:pt x="555" y="59"/>
                  </a:lnTo>
                  <a:lnTo>
                    <a:pt x="574" y="61"/>
                  </a:lnTo>
                  <a:lnTo>
                    <a:pt x="591" y="63"/>
                  </a:lnTo>
                  <a:lnTo>
                    <a:pt x="608" y="64"/>
                  </a:lnTo>
                  <a:lnTo>
                    <a:pt x="623" y="66"/>
                  </a:lnTo>
                  <a:lnTo>
                    <a:pt x="637" y="66"/>
                  </a:lnTo>
                  <a:lnTo>
                    <a:pt x="648" y="68"/>
                  </a:lnTo>
                  <a:lnTo>
                    <a:pt x="659" y="68"/>
                  </a:lnTo>
                  <a:lnTo>
                    <a:pt x="667" y="69"/>
                  </a:lnTo>
                  <a:lnTo>
                    <a:pt x="675" y="69"/>
                  </a:lnTo>
                  <a:lnTo>
                    <a:pt x="681" y="69"/>
                  </a:lnTo>
                  <a:lnTo>
                    <a:pt x="684" y="71"/>
                  </a:lnTo>
                  <a:lnTo>
                    <a:pt x="662" y="320"/>
                  </a:lnTo>
                  <a:lnTo>
                    <a:pt x="640" y="570"/>
                  </a:lnTo>
                  <a:lnTo>
                    <a:pt x="635" y="570"/>
                  </a:lnTo>
                  <a:lnTo>
                    <a:pt x="630" y="569"/>
                  </a:lnTo>
                  <a:lnTo>
                    <a:pt x="621" y="569"/>
                  </a:lnTo>
                  <a:lnTo>
                    <a:pt x="611" y="567"/>
                  </a:lnTo>
                  <a:lnTo>
                    <a:pt x="599" y="565"/>
                  </a:lnTo>
                  <a:lnTo>
                    <a:pt x="586" y="565"/>
                  </a:lnTo>
                  <a:lnTo>
                    <a:pt x="571" y="564"/>
                  </a:lnTo>
                  <a:lnTo>
                    <a:pt x="555" y="562"/>
                  </a:lnTo>
                  <a:lnTo>
                    <a:pt x="538" y="558"/>
                  </a:lnTo>
                  <a:lnTo>
                    <a:pt x="520" y="557"/>
                  </a:lnTo>
                  <a:lnTo>
                    <a:pt x="501" y="555"/>
                  </a:lnTo>
                  <a:lnTo>
                    <a:pt x="481" y="553"/>
                  </a:lnTo>
                  <a:lnTo>
                    <a:pt x="461" y="552"/>
                  </a:lnTo>
                  <a:lnTo>
                    <a:pt x="439" y="548"/>
                  </a:lnTo>
                  <a:lnTo>
                    <a:pt x="418" y="547"/>
                  </a:lnTo>
                  <a:lnTo>
                    <a:pt x="396" y="545"/>
                  </a:lnTo>
                  <a:lnTo>
                    <a:pt x="376" y="542"/>
                  </a:lnTo>
                  <a:lnTo>
                    <a:pt x="356" y="540"/>
                  </a:lnTo>
                  <a:lnTo>
                    <a:pt x="335" y="536"/>
                  </a:lnTo>
                  <a:lnTo>
                    <a:pt x="315" y="535"/>
                  </a:lnTo>
                  <a:lnTo>
                    <a:pt x="296" y="533"/>
                  </a:lnTo>
                  <a:lnTo>
                    <a:pt x="278" y="531"/>
                  </a:lnTo>
                  <a:lnTo>
                    <a:pt x="261" y="528"/>
                  </a:lnTo>
                  <a:lnTo>
                    <a:pt x="246" y="526"/>
                  </a:lnTo>
                  <a:lnTo>
                    <a:pt x="230" y="525"/>
                  </a:lnTo>
                  <a:lnTo>
                    <a:pt x="217" y="523"/>
                  </a:lnTo>
                  <a:lnTo>
                    <a:pt x="207" y="523"/>
                  </a:lnTo>
                  <a:lnTo>
                    <a:pt x="197" y="521"/>
                  </a:lnTo>
                  <a:lnTo>
                    <a:pt x="188" y="520"/>
                  </a:lnTo>
                  <a:lnTo>
                    <a:pt x="183" y="520"/>
                  </a:lnTo>
                  <a:lnTo>
                    <a:pt x="180" y="518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1135" name="Group 126"/>
            <p:cNvGrpSpPr>
              <a:grpSpLocks/>
            </p:cNvGrpSpPr>
            <p:nvPr/>
          </p:nvGrpSpPr>
          <p:grpSpPr bwMode="auto">
            <a:xfrm>
              <a:off x="3179" y="1296"/>
              <a:ext cx="723" cy="681"/>
              <a:chOff x="3132" y="1095"/>
              <a:chExt cx="724" cy="681"/>
            </a:xfrm>
          </p:grpSpPr>
          <p:sp>
            <p:nvSpPr>
              <p:cNvPr id="1198" name="Freeform 127"/>
              <p:cNvSpPr>
                <a:spLocks/>
              </p:cNvSpPr>
              <p:nvPr/>
            </p:nvSpPr>
            <p:spPr bwMode="auto">
              <a:xfrm>
                <a:off x="3132" y="1095"/>
                <a:ext cx="548" cy="284"/>
              </a:xfrm>
              <a:custGeom>
                <a:avLst/>
                <a:gdLst>
                  <a:gd name="T0" fmla="*/ 12 w 564"/>
                  <a:gd name="T1" fmla="*/ 83 h 293"/>
                  <a:gd name="T2" fmla="*/ 17 w 564"/>
                  <a:gd name="T3" fmla="*/ 98 h 293"/>
                  <a:gd name="T4" fmla="*/ 27 w 564"/>
                  <a:gd name="T5" fmla="*/ 104 h 293"/>
                  <a:gd name="T6" fmla="*/ 45 w 564"/>
                  <a:gd name="T7" fmla="*/ 104 h 293"/>
                  <a:gd name="T8" fmla="*/ 79 w 564"/>
                  <a:gd name="T9" fmla="*/ 112 h 293"/>
                  <a:gd name="T10" fmla="*/ 104 w 564"/>
                  <a:gd name="T11" fmla="*/ 122 h 293"/>
                  <a:gd name="T12" fmla="*/ 137 w 564"/>
                  <a:gd name="T13" fmla="*/ 125 h 293"/>
                  <a:gd name="T14" fmla="*/ 149 w 564"/>
                  <a:gd name="T15" fmla="*/ 137 h 293"/>
                  <a:gd name="T16" fmla="*/ 156 w 564"/>
                  <a:gd name="T17" fmla="*/ 160 h 293"/>
                  <a:gd name="T18" fmla="*/ 154 w 564"/>
                  <a:gd name="T19" fmla="*/ 172 h 293"/>
                  <a:gd name="T20" fmla="*/ 168 w 564"/>
                  <a:gd name="T21" fmla="*/ 184 h 293"/>
                  <a:gd name="T22" fmla="*/ 178 w 564"/>
                  <a:gd name="T23" fmla="*/ 181 h 293"/>
                  <a:gd name="T24" fmla="*/ 182 w 564"/>
                  <a:gd name="T25" fmla="*/ 172 h 293"/>
                  <a:gd name="T26" fmla="*/ 193 w 564"/>
                  <a:gd name="T27" fmla="*/ 151 h 293"/>
                  <a:gd name="T28" fmla="*/ 200 w 564"/>
                  <a:gd name="T29" fmla="*/ 139 h 293"/>
                  <a:gd name="T30" fmla="*/ 206 w 564"/>
                  <a:gd name="T31" fmla="*/ 122 h 293"/>
                  <a:gd name="T32" fmla="*/ 206 w 564"/>
                  <a:gd name="T33" fmla="*/ 132 h 293"/>
                  <a:gd name="T34" fmla="*/ 218 w 564"/>
                  <a:gd name="T35" fmla="*/ 125 h 293"/>
                  <a:gd name="T36" fmla="*/ 229 w 564"/>
                  <a:gd name="T37" fmla="*/ 127 h 293"/>
                  <a:gd name="T38" fmla="*/ 224 w 564"/>
                  <a:gd name="T39" fmla="*/ 139 h 293"/>
                  <a:gd name="T40" fmla="*/ 229 w 564"/>
                  <a:gd name="T41" fmla="*/ 137 h 293"/>
                  <a:gd name="T42" fmla="*/ 244 w 564"/>
                  <a:gd name="T43" fmla="*/ 125 h 293"/>
                  <a:gd name="T44" fmla="*/ 250 w 564"/>
                  <a:gd name="T45" fmla="*/ 111 h 293"/>
                  <a:gd name="T46" fmla="*/ 287 w 564"/>
                  <a:gd name="T47" fmla="*/ 98 h 293"/>
                  <a:gd name="T48" fmla="*/ 315 w 564"/>
                  <a:gd name="T49" fmla="*/ 101 h 293"/>
                  <a:gd name="T50" fmla="*/ 335 w 564"/>
                  <a:gd name="T51" fmla="*/ 114 h 293"/>
                  <a:gd name="T52" fmla="*/ 334 w 564"/>
                  <a:gd name="T53" fmla="*/ 101 h 293"/>
                  <a:gd name="T54" fmla="*/ 341 w 564"/>
                  <a:gd name="T55" fmla="*/ 97 h 293"/>
                  <a:gd name="T56" fmla="*/ 351 w 564"/>
                  <a:gd name="T57" fmla="*/ 98 h 293"/>
                  <a:gd name="T58" fmla="*/ 373 w 564"/>
                  <a:gd name="T59" fmla="*/ 94 h 293"/>
                  <a:gd name="T60" fmla="*/ 360 w 564"/>
                  <a:gd name="T61" fmla="*/ 79 h 293"/>
                  <a:gd name="T62" fmla="*/ 357 w 564"/>
                  <a:gd name="T63" fmla="*/ 65 h 293"/>
                  <a:gd name="T64" fmla="*/ 347 w 564"/>
                  <a:gd name="T65" fmla="*/ 63 h 293"/>
                  <a:gd name="T66" fmla="*/ 331 w 564"/>
                  <a:gd name="T67" fmla="*/ 64 h 293"/>
                  <a:gd name="T68" fmla="*/ 309 w 564"/>
                  <a:gd name="T69" fmla="*/ 46 h 293"/>
                  <a:gd name="T70" fmla="*/ 304 w 564"/>
                  <a:gd name="T71" fmla="*/ 42 h 293"/>
                  <a:gd name="T72" fmla="*/ 290 w 564"/>
                  <a:gd name="T73" fmla="*/ 46 h 293"/>
                  <a:gd name="T74" fmla="*/ 264 w 564"/>
                  <a:gd name="T75" fmla="*/ 53 h 293"/>
                  <a:gd name="T76" fmla="*/ 247 w 564"/>
                  <a:gd name="T77" fmla="*/ 54 h 293"/>
                  <a:gd name="T78" fmla="*/ 212 w 564"/>
                  <a:gd name="T79" fmla="*/ 76 h 293"/>
                  <a:gd name="T80" fmla="*/ 203 w 564"/>
                  <a:gd name="T81" fmla="*/ 72 h 293"/>
                  <a:gd name="T82" fmla="*/ 190 w 564"/>
                  <a:gd name="T83" fmla="*/ 75 h 293"/>
                  <a:gd name="T84" fmla="*/ 170 w 564"/>
                  <a:gd name="T85" fmla="*/ 65 h 293"/>
                  <a:gd name="T86" fmla="*/ 151 w 564"/>
                  <a:gd name="T87" fmla="*/ 45 h 293"/>
                  <a:gd name="T88" fmla="*/ 127 w 564"/>
                  <a:gd name="T89" fmla="*/ 52 h 293"/>
                  <a:gd name="T90" fmla="*/ 130 w 564"/>
                  <a:gd name="T91" fmla="*/ 44 h 293"/>
                  <a:gd name="T92" fmla="*/ 117 w 564"/>
                  <a:gd name="T93" fmla="*/ 52 h 293"/>
                  <a:gd name="T94" fmla="*/ 113 w 564"/>
                  <a:gd name="T95" fmla="*/ 42 h 293"/>
                  <a:gd name="T96" fmla="*/ 108 w 564"/>
                  <a:gd name="T97" fmla="*/ 40 h 293"/>
                  <a:gd name="T98" fmla="*/ 111 w 564"/>
                  <a:gd name="T99" fmla="*/ 35 h 293"/>
                  <a:gd name="T100" fmla="*/ 113 w 564"/>
                  <a:gd name="T101" fmla="*/ 35 h 293"/>
                  <a:gd name="T102" fmla="*/ 114 w 564"/>
                  <a:gd name="T103" fmla="*/ 39 h 293"/>
                  <a:gd name="T104" fmla="*/ 117 w 564"/>
                  <a:gd name="T105" fmla="*/ 37 h 293"/>
                  <a:gd name="T106" fmla="*/ 142 w 564"/>
                  <a:gd name="T107" fmla="*/ 8 h 293"/>
                  <a:gd name="T108" fmla="*/ 152 w 564"/>
                  <a:gd name="T109" fmla="*/ 3 h 293"/>
                  <a:gd name="T110" fmla="*/ 132 w 564"/>
                  <a:gd name="T111" fmla="*/ 2 h 293"/>
                  <a:gd name="T112" fmla="*/ 104 w 564"/>
                  <a:gd name="T113" fmla="*/ 20 h 293"/>
                  <a:gd name="T114" fmla="*/ 87 w 564"/>
                  <a:gd name="T115" fmla="*/ 38 h 293"/>
                  <a:gd name="T116" fmla="*/ 74 w 564"/>
                  <a:gd name="T117" fmla="*/ 46 h 293"/>
                  <a:gd name="T118" fmla="*/ 55 w 564"/>
                  <a:gd name="T119" fmla="*/ 59 h 293"/>
                  <a:gd name="T120" fmla="*/ 42 w 564"/>
                  <a:gd name="T121" fmla="*/ 61 h 293"/>
                  <a:gd name="T122" fmla="*/ 17 w 564"/>
                  <a:gd name="T123" fmla="*/ 76 h 293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w 564"/>
                  <a:gd name="T187" fmla="*/ 0 h 293"/>
                  <a:gd name="T188" fmla="*/ 564 w 564"/>
                  <a:gd name="T189" fmla="*/ 293 h 293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T186" t="T187" r="T188" b="T189"/>
                <a:pathLst>
                  <a:path w="564" h="293">
                    <a:moveTo>
                      <a:pt x="0" y="129"/>
                    </a:moveTo>
                    <a:lnTo>
                      <a:pt x="2" y="129"/>
                    </a:lnTo>
                    <a:lnTo>
                      <a:pt x="4" y="129"/>
                    </a:lnTo>
                    <a:lnTo>
                      <a:pt x="6" y="129"/>
                    </a:lnTo>
                    <a:lnTo>
                      <a:pt x="9" y="129"/>
                    </a:lnTo>
                    <a:lnTo>
                      <a:pt x="12" y="129"/>
                    </a:lnTo>
                    <a:lnTo>
                      <a:pt x="17" y="130"/>
                    </a:lnTo>
                    <a:lnTo>
                      <a:pt x="21" y="135"/>
                    </a:lnTo>
                    <a:lnTo>
                      <a:pt x="26" y="140"/>
                    </a:lnTo>
                    <a:lnTo>
                      <a:pt x="29" y="149"/>
                    </a:lnTo>
                    <a:lnTo>
                      <a:pt x="31" y="151"/>
                    </a:lnTo>
                    <a:lnTo>
                      <a:pt x="31" y="152"/>
                    </a:lnTo>
                    <a:lnTo>
                      <a:pt x="34" y="154"/>
                    </a:lnTo>
                    <a:lnTo>
                      <a:pt x="36" y="156"/>
                    </a:lnTo>
                    <a:lnTo>
                      <a:pt x="38" y="157"/>
                    </a:lnTo>
                    <a:lnTo>
                      <a:pt x="39" y="159"/>
                    </a:lnTo>
                    <a:lnTo>
                      <a:pt x="41" y="159"/>
                    </a:lnTo>
                    <a:lnTo>
                      <a:pt x="41" y="161"/>
                    </a:lnTo>
                    <a:lnTo>
                      <a:pt x="44" y="161"/>
                    </a:lnTo>
                    <a:lnTo>
                      <a:pt x="48" y="161"/>
                    </a:lnTo>
                    <a:lnTo>
                      <a:pt x="53" y="161"/>
                    </a:lnTo>
                    <a:lnTo>
                      <a:pt x="60" y="162"/>
                    </a:lnTo>
                    <a:lnTo>
                      <a:pt x="66" y="162"/>
                    </a:lnTo>
                    <a:lnTo>
                      <a:pt x="75" y="164"/>
                    </a:lnTo>
                    <a:lnTo>
                      <a:pt x="83" y="166"/>
                    </a:lnTo>
                    <a:lnTo>
                      <a:pt x="92" y="168"/>
                    </a:lnTo>
                    <a:lnTo>
                      <a:pt x="100" y="169"/>
                    </a:lnTo>
                    <a:lnTo>
                      <a:pt x="109" y="171"/>
                    </a:lnTo>
                    <a:lnTo>
                      <a:pt x="117" y="174"/>
                    </a:lnTo>
                    <a:lnTo>
                      <a:pt x="126" y="176"/>
                    </a:lnTo>
                    <a:lnTo>
                      <a:pt x="132" y="179"/>
                    </a:lnTo>
                    <a:lnTo>
                      <a:pt x="139" y="183"/>
                    </a:lnTo>
                    <a:lnTo>
                      <a:pt x="146" y="186"/>
                    </a:lnTo>
                    <a:lnTo>
                      <a:pt x="148" y="186"/>
                    </a:lnTo>
                    <a:lnTo>
                      <a:pt x="154" y="188"/>
                    </a:lnTo>
                    <a:lnTo>
                      <a:pt x="165" y="190"/>
                    </a:lnTo>
                    <a:lnTo>
                      <a:pt x="175" y="190"/>
                    </a:lnTo>
                    <a:lnTo>
                      <a:pt x="185" y="191"/>
                    </a:lnTo>
                    <a:lnTo>
                      <a:pt x="193" y="193"/>
                    </a:lnTo>
                    <a:lnTo>
                      <a:pt x="200" y="193"/>
                    </a:lnTo>
                    <a:lnTo>
                      <a:pt x="204" y="193"/>
                    </a:lnTo>
                    <a:lnTo>
                      <a:pt x="207" y="198"/>
                    </a:lnTo>
                    <a:lnTo>
                      <a:pt x="210" y="210"/>
                    </a:lnTo>
                    <a:lnTo>
                      <a:pt x="212" y="210"/>
                    </a:lnTo>
                    <a:lnTo>
                      <a:pt x="214" y="210"/>
                    </a:lnTo>
                    <a:lnTo>
                      <a:pt x="219" y="210"/>
                    </a:lnTo>
                    <a:lnTo>
                      <a:pt x="222" y="212"/>
                    </a:lnTo>
                    <a:lnTo>
                      <a:pt x="227" y="215"/>
                    </a:lnTo>
                    <a:lnTo>
                      <a:pt x="231" y="222"/>
                    </a:lnTo>
                    <a:lnTo>
                      <a:pt x="234" y="230"/>
                    </a:lnTo>
                    <a:lnTo>
                      <a:pt x="236" y="242"/>
                    </a:lnTo>
                    <a:lnTo>
                      <a:pt x="236" y="244"/>
                    </a:lnTo>
                    <a:lnTo>
                      <a:pt x="234" y="247"/>
                    </a:lnTo>
                    <a:lnTo>
                      <a:pt x="234" y="250"/>
                    </a:lnTo>
                    <a:lnTo>
                      <a:pt x="234" y="256"/>
                    </a:lnTo>
                    <a:lnTo>
                      <a:pt x="232" y="259"/>
                    </a:lnTo>
                    <a:lnTo>
                      <a:pt x="232" y="262"/>
                    </a:lnTo>
                    <a:lnTo>
                      <a:pt x="231" y="266"/>
                    </a:lnTo>
                    <a:lnTo>
                      <a:pt x="253" y="266"/>
                    </a:lnTo>
                    <a:lnTo>
                      <a:pt x="253" y="267"/>
                    </a:lnTo>
                    <a:lnTo>
                      <a:pt x="251" y="269"/>
                    </a:lnTo>
                    <a:lnTo>
                      <a:pt x="251" y="274"/>
                    </a:lnTo>
                    <a:lnTo>
                      <a:pt x="251" y="279"/>
                    </a:lnTo>
                    <a:lnTo>
                      <a:pt x="251" y="284"/>
                    </a:lnTo>
                    <a:lnTo>
                      <a:pt x="253" y="288"/>
                    </a:lnTo>
                    <a:lnTo>
                      <a:pt x="256" y="291"/>
                    </a:lnTo>
                    <a:lnTo>
                      <a:pt x="261" y="293"/>
                    </a:lnTo>
                    <a:lnTo>
                      <a:pt x="266" y="279"/>
                    </a:lnTo>
                    <a:lnTo>
                      <a:pt x="266" y="281"/>
                    </a:lnTo>
                    <a:lnTo>
                      <a:pt x="266" y="279"/>
                    </a:lnTo>
                    <a:lnTo>
                      <a:pt x="266" y="278"/>
                    </a:lnTo>
                    <a:lnTo>
                      <a:pt x="268" y="274"/>
                    </a:lnTo>
                    <a:lnTo>
                      <a:pt x="270" y="271"/>
                    </a:lnTo>
                    <a:lnTo>
                      <a:pt x="271" y="266"/>
                    </a:lnTo>
                    <a:lnTo>
                      <a:pt x="275" y="261"/>
                    </a:lnTo>
                    <a:lnTo>
                      <a:pt x="276" y="256"/>
                    </a:lnTo>
                    <a:lnTo>
                      <a:pt x="280" y="250"/>
                    </a:lnTo>
                    <a:lnTo>
                      <a:pt x="283" y="245"/>
                    </a:lnTo>
                    <a:lnTo>
                      <a:pt x="286" y="239"/>
                    </a:lnTo>
                    <a:lnTo>
                      <a:pt x="288" y="234"/>
                    </a:lnTo>
                    <a:lnTo>
                      <a:pt x="292" y="228"/>
                    </a:lnTo>
                    <a:lnTo>
                      <a:pt x="293" y="225"/>
                    </a:lnTo>
                    <a:lnTo>
                      <a:pt x="297" y="220"/>
                    </a:lnTo>
                    <a:lnTo>
                      <a:pt x="298" y="218"/>
                    </a:lnTo>
                    <a:lnTo>
                      <a:pt x="298" y="217"/>
                    </a:lnTo>
                    <a:lnTo>
                      <a:pt x="300" y="215"/>
                    </a:lnTo>
                    <a:lnTo>
                      <a:pt x="300" y="206"/>
                    </a:lnTo>
                    <a:lnTo>
                      <a:pt x="302" y="198"/>
                    </a:lnTo>
                    <a:lnTo>
                      <a:pt x="303" y="193"/>
                    </a:lnTo>
                    <a:lnTo>
                      <a:pt x="305" y="191"/>
                    </a:lnTo>
                    <a:lnTo>
                      <a:pt x="307" y="188"/>
                    </a:lnTo>
                    <a:lnTo>
                      <a:pt x="308" y="188"/>
                    </a:lnTo>
                    <a:lnTo>
                      <a:pt x="310" y="188"/>
                    </a:lnTo>
                    <a:lnTo>
                      <a:pt x="308" y="191"/>
                    </a:lnTo>
                    <a:lnTo>
                      <a:pt x="308" y="195"/>
                    </a:lnTo>
                    <a:lnTo>
                      <a:pt x="308" y="198"/>
                    </a:lnTo>
                    <a:lnTo>
                      <a:pt x="308" y="203"/>
                    </a:lnTo>
                    <a:lnTo>
                      <a:pt x="308" y="206"/>
                    </a:lnTo>
                    <a:lnTo>
                      <a:pt x="308" y="210"/>
                    </a:lnTo>
                    <a:lnTo>
                      <a:pt x="310" y="213"/>
                    </a:lnTo>
                    <a:lnTo>
                      <a:pt x="327" y="201"/>
                    </a:lnTo>
                    <a:lnTo>
                      <a:pt x="327" y="193"/>
                    </a:lnTo>
                    <a:lnTo>
                      <a:pt x="336" y="191"/>
                    </a:lnTo>
                    <a:lnTo>
                      <a:pt x="341" y="186"/>
                    </a:lnTo>
                    <a:lnTo>
                      <a:pt x="346" y="191"/>
                    </a:lnTo>
                    <a:lnTo>
                      <a:pt x="344" y="191"/>
                    </a:lnTo>
                    <a:lnTo>
                      <a:pt x="344" y="193"/>
                    </a:lnTo>
                    <a:lnTo>
                      <a:pt x="342" y="196"/>
                    </a:lnTo>
                    <a:lnTo>
                      <a:pt x="341" y="198"/>
                    </a:lnTo>
                    <a:lnTo>
                      <a:pt x="339" y="201"/>
                    </a:lnTo>
                    <a:lnTo>
                      <a:pt x="336" y="205"/>
                    </a:lnTo>
                    <a:lnTo>
                      <a:pt x="336" y="208"/>
                    </a:lnTo>
                    <a:lnTo>
                      <a:pt x="336" y="210"/>
                    </a:lnTo>
                    <a:lnTo>
                      <a:pt x="336" y="215"/>
                    </a:lnTo>
                    <a:lnTo>
                      <a:pt x="336" y="218"/>
                    </a:lnTo>
                    <a:lnTo>
                      <a:pt x="337" y="218"/>
                    </a:lnTo>
                    <a:lnTo>
                      <a:pt x="339" y="217"/>
                    </a:lnTo>
                    <a:lnTo>
                      <a:pt x="341" y="215"/>
                    </a:lnTo>
                    <a:lnTo>
                      <a:pt x="342" y="213"/>
                    </a:lnTo>
                    <a:lnTo>
                      <a:pt x="342" y="212"/>
                    </a:lnTo>
                    <a:lnTo>
                      <a:pt x="344" y="210"/>
                    </a:lnTo>
                    <a:lnTo>
                      <a:pt x="354" y="198"/>
                    </a:lnTo>
                    <a:lnTo>
                      <a:pt x="356" y="198"/>
                    </a:lnTo>
                    <a:lnTo>
                      <a:pt x="359" y="196"/>
                    </a:lnTo>
                    <a:lnTo>
                      <a:pt x="363" y="193"/>
                    </a:lnTo>
                    <a:lnTo>
                      <a:pt x="364" y="193"/>
                    </a:lnTo>
                    <a:lnTo>
                      <a:pt x="363" y="188"/>
                    </a:lnTo>
                    <a:lnTo>
                      <a:pt x="363" y="183"/>
                    </a:lnTo>
                    <a:lnTo>
                      <a:pt x="364" y="179"/>
                    </a:lnTo>
                    <a:lnTo>
                      <a:pt x="366" y="176"/>
                    </a:lnTo>
                    <a:lnTo>
                      <a:pt x="369" y="174"/>
                    </a:lnTo>
                    <a:lnTo>
                      <a:pt x="373" y="173"/>
                    </a:lnTo>
                    <a:lnTo>
                      <a:pt x="374" y="173"/>
                    </a:lnTo>
                    <a:lnTo>
                      <a:pt x="376" y="171"/>
                    </a:lnTo>
                    <a:lnTo>
                      <a:pt x="400" y="173"/>
                    </a:lnTo>
                    <a:lnTo>
                      <a:pt x="400" y="168"/>
                    </a:lnTo>
                    <a:lnTo>
                      <a:pt x="417" y="168"/>
                    </a:lnTo>
                    <a:lnTo>
                      <a:pt x="429" y="151"/>
                    </a:lnTo>
                    <a:lnTo>
                      <a:pt x="468" y="154"/>
                    </a:lnTo>
                    <a:lnTo>
                      <a:pt x="471" y="157"/>
                    </a:lnTo>
                    <a:lnTo>
                      <a:pt x="474" y="159"/>
                    </a:lnTo>
                    <a:lnTo>
                      <a:pt x="479" y="162"/>
                    </a:lnTo>
                    <a:lnTo>
                      <a:pt x="486" y="168"/>
                    </a:lnTo>
                    <a:lnTo>
                      <a:pt x="493" y="171"/>
                    </a:lnTo>
                    <a:lnTo>
                      <a:pt x="498" y="174"/>
                    </a:lnTo>
                    <a:lnTo>
                      <a:pt x="501" y="176"/>
                    </a:lnTo>
                    <a:lnTo>
                      <a:pt x="503" y="174"/>
                    </a:lnTo>
                    <a:lnTo>
                      <a:pt x="503" y="173"/>
                    </a:lnTo>
                    <a:lnTo>
                      <a:pt x="501" y="171"/>
                    </a:lnTo>
                    <a:lnTo>
                      <a:pt x="501" y="166"/>
                    </a:lnTo>
                    <a:lnTo>
                      <a:pt x="500" y="162"/>
                    </a:lnTo>
                    <a:lnTo>
                      <a:pt x="500" y="157"/>
                    </a:lnTo>
                    <a:lnTo>
                      <a:pt x="501" y="154"/>
                    </a:lnTo>
                    <a:lnTo>
                      <a:pt x="501" y="152"/>
                    </a:lnTo>
                    <a:lnTo>
                      <a:pt x="505" y="151"/>
                    </a:lnTo>
                    <a:lnTo>
                      <a:pt x="506" y="149"/>
                    </a:lnTo>
                    <a:lnTo>
                      <a:pt x="508" y="149"/>
                    </a:lnTo>
                    <a:lnTo>
                      <a:pt x="510" y="149"/>
                    </a:lnTo>
                    <a:lnTo>
                      <a:pt x="510" y="152"/>
                    </a:lnTo>
                    <a:lnTo>
                      <a:pt x="513" y="154"/>
                    </a:lnTo>
                    <a:lnTo>
                      <a:pt x="517" y="154"/>
                    </a:lnTo>
                    <a:lnTo>
                      <a:pt x="520" y="154"/>
                    </a:lnTo>
                    <a:lnTo>
                      <a:pt x="525" y="152"/>
                    </a:lnTo>
                    <a:lnTo>
                      <a:pt x="528" y="151"/>
                    </a:lnTo>
                    <a:lnTo>
                      <a:pt x="532" y="151"/>
                    </a:lnTo>
                    <a:lnTo>
                      <a:pt x="532" y="149"/>
                    </a:lnTo>
                    <a:lnTo>
                      <a:pt x="562" y="149"/>
                    </a:lnTo>
                    <a:lnTo>
                      <a:pt x="564" y="144"/>
                    </a:lnTo>
                    <a:lnTo>
                      <a:pt x="559" y="144"/>
                    </a:lnTo>
                    <a:lnTo>
                      <a:pt x="550" y="129"/>
                    </a:lnTo>
                    <a:lnTo>
                      <a:pt x="537" y="129"/>
                    </a:lnTo>
                    <a:lnTo>
                      <a:pt x="537" y="127"/>
                    </a:lnTo>
                    <a:lnTo>
                      <a:pt x="537" y="125"/>
                    </a:lnTo>
                    <a:lnTo>
                      <a:pt x="537" y="124"/>
                    </a:lnTo>
                    <a:lnTo>
                      <a:pt x="535" y="120"/>
                    </a:lnTo>
                    <a:lnTo>
                      <a:pt x="535" y="118"/>
                    </a:lnTo>
                    <a:lnTo>
                      <a:pt x="535" y="117"/>
                    </a:lnTo>
                    <a:lnTo>
                      <a:pt x="535" y="115"/>
                    </a:lnTo>
                    <a:lnTo>
                      <a:pt x="535" y="105"/>
                    </a:lnTo>
                    <a:lnTo>
                      <a:pt x="534" y="100"/>
                    </a:lnTo>
                    <a:lnTo>
                      <a:pt x="530" y="96"/>
                    </a:lnTo>
                    <a:lnTo>
                      <a:pt x="527" y="95"/>
                    </a:lnTo>
                    <a:lnTo>
                      <a:pt x="523" y="95"/>
                    </a:lnTo>
                    <a:lnTo>
                      <a:pt x="520" y="95"/>
                    </a:lnTo>
                    <a:lnTo>
                      <a:pt x="518" y="96"/>
                    </a:lnTo>
                    <a:lnTo>
                      <a:pt x="513" y="102"/>
                    </a:lnTo>
                    <a:lnTo>
                      <a:pt x="508" y="102"/>
                    </a:lnTo>
                    <a:lnTo>
                      <a:pt x="505" y="102"/>
                    </a:lnTo>
                    <a:lnTo>
                      <a:pt x="501" y="102"/>
                    </a:lnTo>
                    <a:lnTo>
                      <a:pt x="500" y="100"/>
                    </a:lnTo>
                    <a:lnTo>
                      <a:pt x="496" y="98"/>
                    </a:lnTo>
                    <a:lnTo>
                      <a:pt x="496" y="96"/>
                    </a:lnTo>
                    <a:lnTo>
                      <a:pt x="496" y="95"/>
                    </a:lnTo>
                    <a:lnTo>
                      <a:pt x="490" y="102"/>
                    </a:lnTo>
                    <a:lnTo>
                      <a:pt x="468" y="100"/>
                    </a:lnTo>
                    <a:lnTo>
                      <a:pt x="466" y="95"/>
                    </a:lnTo>
                    <a:lnTo>
                      <a:pt x="462" y="73"/>
                    </a:lnTo>
                    <a:lnTo>
                      <a:pt x="466" y="68"/>
                    </a:lnTo>
                    <a:lnTo>
                      <a:pt x="464" y="61"/>
                    </a:lnTo>
                    <a:lnTo>
                      <a:pt x="462" y="63"/>
                    </a:lnTo>
                    <a:lnTo>
                      <a:pt x="459" y="63"/>
                    </a:lnTo>
                    <a:lnTo>
                      <a:pt x="456" y="64"/>
                    </a:lnTo>
                    <a:lnTo>
                      <a:pt x="452" y="66"/>
                    </a:lnTo>
                    <a:lnTo>
                      <a:pt x="449" y="66"/>
                    </a:lnTo>
                    <a:lnTo>
                      <a:pt x="447" y="68"/>
                    </a:lnTo>
                    <a:lnTo>
                      <a:pt x="440" y="71"/>
                    </a:lnTo>
                    <a:lnTo>
                      <a:pt x="434" y="73"/>
                    </a:lnTo>
                    <a:lnTo>
                      <a:pt x="427" y="74"/>
                    </a:lnTo>
                    <a:lnTo>
                      <a:pt x="420" y="78"/>
                    </a:lnTo>
                    <a:lnTo>
                      <a:pt x="413" y="78"/>
                    </a:lnTo>
                    <a:lnTo>
                      <a:pt x="407" y="80"/>
                    </a:lnTo>
                    <a:lnTo>
                      <a:pt x="402" y="81"/>
                    </a:lnTo>
                    <a:lnTo>
                      <a:pt x="395" y="81"/>
                    </a:lnTo>
                    <a:lnTo>
                      <a:pt x="390" y="83"/>
                    </a:lnTo>
                    <a:lnTo>
                      <a:pt x="383" y="83"/>
                    </a:lnTo>
                    <a:lnTo>
                      <a:pt x="380" y="83"/>
                    </a:lnTo>
                    <a:lnTo>
                      <a:pt x="374" y="83"/>
                    </a:lnTo>
                    <a:lnTo>
                      <a:pt x="371" y="83"/>
                    </a:lnTo>
                    <a:lnTo>
                      <a:pt x="369" y="83"/>
                    </a:lnTo>
                    <a:lnTo>
                      <a:pt x="368" y="83"/>
                    </a:lnTo>
                    <a:lnTo>
                      <a:pt x="330" y="118"/>
                    </a:lnTo>
                    <a:lnTo>
                      <a:pt x="324" y="117"/>
                    </a:lnTo>
                    <a:lnTo>
                      <a:pt x="317" y="117"/>
                    </a:lnTo>
                    <a:lnTo>
                      <a:pt x="315" y="117"/>
                    </a:lnTo>
                    <a:lnTo>
                      <a:pt x="312" y="117"/>
                    </a:lnTo>
                    <a:lnTo>
                      <a:pt x="308" y="117"/>
                    </a:lnTo>
                    <a:lnTo>
                      <a:pt x="307" y="117"/>
                    </a:lnTo>
                    <a:lnTo>
                      <a:pt x="305" y="112"/>
                    </a:lnTo>
                    <a:lnTo>
                      <a:pt x="303" y="110"/>
                    </a:lnTo>
                    <a:lnTo>
                      <a:pt x="300" y="108"/>
                    </a:lnTo>
                    <a:lnTo>
                      <a:pt x="297" y="110"/>
                    </a:lnTo>
                    <a:lnTo>
                      <a:pt x="292" y="112"/>
                    </a:lnTo>
                    <a:lnTo>
                      <a:pt x="288" y="113"/>
                    </a:lnTo>
                    <a:lnTo>
                      <a:pt x="286" y="115"/>
                    </a:lnTo>
                    <a:lnTo>
                      <a:pt x="285" y="115"/>
                    </a:lnTo>
                    <a:lnTo>
                      <a:pt x="266" y="115"/>
                    </a:lnTo>
                    <a:lnTo>
                      <a:pt x="263" y="108"/>
                    </a:lnTo>
                    <a:lnTo>
                      <a:pt x="263" y="107"/>
                    </a:lnTo>
                    <a:lnTo>
                      <a:pt x="261" y="105"/>
                    </a:lnTo>
                    <a:lnTo>
                      <a:pt x="258" y="102"/>
                    </a:lnTo>
                    <a:lnTo>
                      <a:pt x="254" y="100"/>
                    </a:lnTo>
                    <a:lnTo>
                      <a:pt x="253" y="96"/>
                    </a:lnTo>
                    <a:lnTo>
                      <a:pt x="249" y="93"/>
                    </a:lnTo>
                    <a:lnTo>
                      <a:pt x="246" y="90"/>
                    </a:lnTo>
                    <a:lnTo>
                      <a:pt x="244" y="88"/>
                    </a:lnTo>
                    <a:lnTo>
                      <a:pt x="236" y="78"/>
                    </a:lnTo>
                    <a:lnTo>
                      <a:pt x="226" y="71"/>
                    </a:lnTo>
                    <a:lnTo>
                      <a:pt x="217" y="69"/>
                    </a:lnTo>
                    <a:lnTo>
                      <a:pt x="209" y="69"/>
                    </a:lnTo>
                    <a:lnTo>
                      <a:pt x="200" y="73"/>
                    </a:lnTo>
                    <a:lnTo>
                      <a:pt x="195" y="76"/>
                    </a:lnTo>
                    <a:lnTo>
                      <a:pt x="192" y="78"/>
                    </a:lnTo>
                    <a:lnTo>
                      <a:pt x="190" y="80"/>
                    </a:lnTo>
                    <a:lnTo>
                      <a:pt x="190" y="78"/>
                    </a:lnTo>
                    <a:lnTo>
                      <a:pt x="192" y="74"/>
                    </a:lnTo>
                    <a:lnTo>
                      <a:pt x="192" y="73"/>
                    </a:lnTo>
                    <a:lnTo>
                      <a:pt x="193" y="71"/>
                    </a:lnTo>
                    <a:lnTo>
                      <a:pt x="193" y="68"/>
                    </a:lnTo>
                    <a:lnTo>
                      <a:pt x="193" y="66"/>
                    </a:lnTo>
                    <a:lnTo>
                      <a:pt x="188" y="68"/>
                    </a:lnTo>
                    <a:lnTo>
                      <a:pt x="183" y="69"/>
                    </a:lnTo>
                    <a:lnTo>
                      <a:pt x="180" y="74"/>
                    </a:lnTo>
                    <a:lnTo>
                      <a:pt x="176" y="80"/>
                    </a:lnTo>
                    <a:lnTo>
                      <a:pt x="173" y="85"/>
                    </a:lnTo>
                    <a:lnTo>
                      <a:pt x="171" y="88"/>
                    </a:lnTo>
                    <a:lnTo>
                      <a:pt x="170" y="91"/>
                    </a:lnTo>
                    <a:lnTo>
                      <a:pt x="168" y="64"/>
                    </a:lnTo>
                    <a:lnTo>
                      <a:pt x="168" y="66"/>
                    </a:lnTo>
                    <a:lnTo>
                      <a:pt x="166" y="66"/>
                    </a:lnTo>
                    <a:lnTo>
                      <a:pt x="165" y="66"/>
                    </a:lnTo>
                    <a:lnTo>
                      <a:pt x="163" y="64"/>
                    </a:lnTo>
                    <a:lnTo>
                      <a:pt x="163" y="63"/>
                    </a:lnTo>
                    <a:lnTo>
                      <a:pt x="161" y="61"/>
                    </a:lnTo>
                    <a:lnTo>
                      <a:pt x="163" y="56"/>
                    </a:lnTo>
                    <a:lnTo>
                      <a:pt x="163" y="52"/>
                    </a:lnTo>
                    <a:lnTo>
                      <a:pt x="165" y="49"/>
                    </a:lnTo>
                    <a:lnTo>
                      <a:pt x="166" y="49"/>
                    </a:lnTo>
                    <a:lnTo>
                      <a:pt x="166" y="51"/>
                    </a:lnTo>
                    <a:lnTo>
                      <a:pt x="168" y="52"/>
                    </a:lnTo>
                    <a:lnTo>
                      <a:pt x="168" y="54"/>
                    </a:lnTo>
                    <a:lnTo>
                      <a:pt x="168" y="52"/>
                    </a:lnTo>
                    <a:lnTo>
                      <a:pt x="168" y="51"/>
                    </a:lnTo>
                    <a:lnTo>
                      <a:pt x="168" y="49"/>
                    </a:lnTo>
                    <a:lnTo>
                      <a:pt x="166" y="47"/>
                    </a:lnTo>
                    <a:lnTo>
                      <a:pt x="168" y="49"/>
                    </a:lnTo>
                    <a:lnTo>
                      <a:pt x="168" y="54"/>
                    </a:lnTo>
                    <a:lnTo>
                      <a:pt x="170" y="59"/>
                    </a:lnTo>
                    <a:lnTo>
                      <a:pt x="171" y="61"/>
                    </a:lnTo>
                    <a:lnTo>
                      <a:pt x="173" y="61"/>
                    </a:lnTo>
                    <a:lnTo>
                      <a:pt x="175" y="61"/>
                    </a:lnTo>
                    <a:lnTo>
                      <a:pt x="175" y="58"/>
                    </a:lnTo>
                    <a:lnTo>
                      <a:pt x="176" y="56"/>
                    </a:lnTo>
                    <a:lnTo>
                      <a:pt x="176" y="54"/>
                    </a:lnTo>
                    <a:lnTo>
                      <a:pt x="185" y="46"/>
                    </a:lnTo>
                    <a:lnTo>
                      <a:pt x="187" y="37"/>
                    </a:lnTo>
                    <a:lnTo>
                      <a:pt x="207" y="19"/>
                    </a:lnTo>
                    <a:lnTo>
                      <a:pt x="214" y="8"/>
                    </a:lnTo>
                    <a:lnTo>
                      <a:pt x="212" y="8"/>
                    </a:lnTo>
                    <a:lnTo>
                      <a:pt x="212" y="10"/>
                    </a:lnTo>
                    <a:lnTo>
                      <a:pt x="214" y="10"/>
                    </a:lnTo>
                    <a:lnTo>
                      <a:pt x="222" y="7"/>
                    </a:lnTo>
                    <a:lnTo>
                      <a:pt x="226" y="5"/>
                    </a:lnTo>
                    <a:lnTo>
                      <a:pt x="227" y="3"/>
                    </a:lnTo>
                    <a:lnTo>
                      <a:pt x="224" y="2"/>
                    </a:lnTo>
                    <a:lnTo>
                      <a:pt x="219" y="2"/>
                    </a:lnTo>
                    <a:lnTo>
                      <a:pt x="215" y="0"/>
                    </a:lnTo>
                    <a:lnTo>
                      <a:pt x="210" y="0"/>
                    </a:lnTo>
                    <a:lnTo>
                      <a:pt x="209" y="0"/>
                    </a:lnTo>
                    <a:lnTo>
                      <a:pt x="197" y="2"/>
                    </a:lnTo>
                    <a:lnTo>
                      <a:pt x="185" y="5"/>
                    </a:lnTo>
                    <a:lnTo>
                      <a:pt x="176" y="12"/>
                    </a:lnTo>
                    <a:lnTo>
                      <a:pt x="168" y="19"/>
                    </a:lnTo>
                    <a:lnTo>
                      <a:pt x="163" y="25"/>
                    </a:lnTo>
                    <a:lnTo>
                      <a:pt x="158" y="30"/>
                    </a:lnTo>
                    <a:lnTo>
                      <a:pt x="154" y="34"/>
                    </a:lnTo>
                    <a:lnTo>
                      <a:pt x="154" y="36"/>
                    </a:lnTo>
                    <a:lnTo>
                      <a:pt x="146" y="37"/>
                    </a:lnTo>
                    <a:lnTo>
                      <a:pt x="141" y="41"/>
                    </a:lnTo>
                    <a:lnTo>
                      <a:pt x="136" y="46"/>
                    </a:lnTo>
                    <a:lnTo>
                      <a:pt x="132" y="51"/>
                    </a:lnTo>
                    <a:lnTo>
                      <a:pt x="131" y="56"/>
                    </a:lnTo>
                    <a:lnTo>
                      <a:pt x="127" y="61"/>
                    </a:lnTo>
                    <a:lnTo>
                      <a:pt x="126" y="64"/>
                    </a:lnTo>
                    <a:lnTo>
                      <a:pt x="122" y="66"/>
                    </a:lnTo>
                    <a:lnTo>
                      <a:pt x="119" y="68"/>
                    </a:lnTo>
                    <a:lnTo>
                      <a:pt x="114" y="69"/>
                    </a:lnTo>
                    <a:lnTo>
                      <a:pt x="109" y="73"/>
                    </a:lnTo>
                    <a:lnTo>
                      <a:pt x="104" y="78"/>
                    </a:lnTo>
                    <a:lnTo>
                      <a:pt x="99" y="81"/>
                    </a:lnTo>
                    <a:lnTo>
                      <a:pt x="95" y="85"/>
                    </a:lnTo>
                    <a:lnTo>
                      <a:pt x="92" y="88"/>
                    </a:lnTo>
                    <a:lnTo>
                      <a:pt x="92" y="90"/>
                    </a:lnTo>
                    <a:lnTo>
                      <a:pt x="83" y="90"/>
                    </a:lnTo>
                    <a:lnTo>
                      <a:pt x="73" y="90"/>
                    </a:lnTo>
                    <a:lnTo>
                      <a:pt x="73" y="91"/>
                    </a:lnTo>
                    <a:lnTo>
                      <a:pt x="70" y="91"/>
                    </a:lnTo>
                    <a:lnTo>
                      <a:pt x="66" y="91"/>
                    </a:lnTo>
                    <a:lnTo>
                      <a:pt x="65" y="93"/>
                    </a:lnTo>
                    <a:lnTo>
                      <a:pt x="60" y="93"/>
                    </a:lnTo>
                    <a:lnTo>
                      <a:pt x="56" y="95"/>
                    </a:lnTo>
                    <a:lnTo>
                      <a:pt x="55" y="96"/>
                    </a:lnTo>
                    <a:lnTo>
                      <a:pt x="53" y="96"/>
                    </a:lnTo>
                    <a:lnTo>
                      <a:pt x="46" y="105"/>
                    </a:lnTo>
                    <a:lnTo>
                      <a:pt x="38" y="112"/>
                    </a:lnTo>
                    <a:lnTo>
                      <a:pt x="29" y="117"/>
                    </a:lnTo>
                    <a:lnTo>
                      <a:pt x="21" y="120"/>
                    </a:lnTo>
                    <a:lnTo>
                      <a:pt x="12" y="124"/>
                    </a:lnTo>
                    <a:lnTo>
                      <a:pt x="7" y="127"/>
                    </a:lnTo>
                    <a:lnTo>
                      <a:pt x="2" y="127"/>
                    </a:lnTo>
                    <a:lnTo>
                      <a:pt x="0" y="129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99" name="Freeform 128"/>
              <p:cNvSpPr>
                <a:spLocks/>
              </p:cNvSpPr>
              <p:nvPr/>
            </p:nvSpPr>
            <p:spPr bwMode="auto">
              <a:xfrm>
                <a:off x="3490" y="1273"/>
                <a:ext cx="366" cy="503"/>
              </a:xfrm>
              <a:custGeom>
                <a:avLst/>
                <a:gdLst>
                  <a:gd name="T0" fmla="*/ 211 w 377"/>
                  <a:gd name="T1" fmla="*/ 296 h 519"/>
                  <a:gd name="T2" fmla="*/ 216 w 377"/>
                  <a:gd name="T3" fmla="*/ 272 h 519"/>
                  <a:gd name="T4" fmla="*/ 230 w 377"/>
                  <a:gd name="T5" fmla="*/ 256 h 519"/>
                  <a:gd name="T6" fmla="*/ 236 w 377"/>
                  <a:gd name="T7" fmla="*/ 241 h 519"/>
                  <a:gd name="T8" fmla="*/ 237 w 377"/>
                  <a:gd name="T9" fmla="*/ 233 h 519"/>
                  <a:gd name="T10" fmla="*/ 244 w 377"/>
                  <a:gd name="T11" fmla="*/ 236 h 519"/>
                  <a:gd name="T12" fmla="*/ 248 w 377"/>
                  <a:gd name="T13" fmla="*/ 233 h 519"/>
                  <a:gd name="T14" fmla="*/ 250 w 377"/>
                  <a:gd name="T15" fmla="*/ 204 h 519"/>
                  <a:gd name="T16" fmla="*/ 229 w 377"/>
                  <a:gd name="T17" fmla="*/ 139 h 519"/>
                  <a:gd name="T18" fmla="*/ 214 w 377"/>
                  <a:gd name="T19" fmla="*/ 122 h 519"/>
                  <a:gd name="T20" fmla="*/ 204 w 377"/>
                  <a:gd name="T21" fmla="*/ 128 h 519"/>
                  <a:gd name="T22" fmla="*/ 192 w 377"/>
                  <a:gd name="T23" fmla="*/ 133 h 519"/>
                  <a:gd name="T24" fmla="*/ 186 w 377"/>
                  <a:gd name="T25" fmla="*/ 148 h 519"/>
                  <a:gd name="T26" fmla="*/ 176 w 377"/>
                  <a:gd name="T27" fmla="*/ 162 h 519"/>
                  <a:gd name="T28" fmla="*/ 172 w 377"/>
                  <a:gd name="T29" fmla="*/ 168 h 519"/>
                  <a:gd name="T30" fmla="*/ 166 w 377"/>
                  <a:gd name="T31" fmla="*/ 166 h 519"/>
                  <a:gd name="T32" fmla="*/ 153 w 377"/>
                  <a:gd name="T33" fmla="*/ 155 h 519"/>
                  <a:gd name="T34" fmla="*/ 156 w 377"/>
                  <a:gd name="T35" fmla="*/ 139 h 519"/>
                  <a:gd name="T36" fmla="*/ 164 w 377"/>
                  <a:gd name="T37" fmla="*/ 135 h 519"/>
                  <a:gd name="T38" fmla="*/ 182 w 377"/>
                  <a:gd name="T39" fmla="*/ 98 h 519"/>
                  <a:gd name="T40" fmla="*/ 182 w 377"/>
                  <a:gd name="T41" fmla="*/ 76 h 519"/>
                  <a:gd name="T42" fmla="*/ 173 w 377"/>
                  <a:gd name="T43" fmla="*/ 59 h 519"/>
                  <a:gd name="T44" fmla="*/ 169 w 377"/>
                  <a:gd name="T45" fmla="*/ 47 h 519"/>
                  <a:gd name="T46" fmla="*/ 178 w 377"/>
                  <a:gd name="T47" fmla="*/ 48 h 519"/>
                  <a:gd name="T48" fmla="*/ 164 w 377"/>
                  <a:gd name="T49" fmla="*/ 26 h 519"/>
                  <a:gd name="T50" fmla="*/ 140 w 377"/>
                  <a:gd name="T51" fmla="*/ 16 h 519"/>
                  <a:gd name="T52" fmla="*/ 91 w 377"/>
                  <a:gd name="T53" fmla="*/ 0 h 519"/>
                  <a:gd name="T54" fmla="*/ 77 w 377"/>
                  <a:gd name="T55" fmla="*/ 10 h 519"/>
                  <a:gd name="T56" fmla="*/ 71 w 377"/>
                  <a:gd name="T57" fmla="*/ 23 h 519"/>
                  <a:gd name="T58" fmla="*/ 79 w 377"/>
                  <a:gd name="T59" fmla="*/ 33 h 519"/>
                  <a:gd name="T60" fmla="*/ 72 w 377"/>
                  <a:gd name="T61" fmla="*/ 37 h 519"/>
                  <a:gd name="T62" fmla="*/ 57 w 377"/>
                  <a:gd name="T63" fmla="*/ 46 h 519"/>
                  <a:gd name="T64" fmla="*/ 59 w 377"/>
                  <a:gd name="T65" fmla="*/ 66 h 519"/>
                  <a:gd name="T66" fmla="*/ 55 w 377"/>
                  <a:gd name="T67" fmla="*/ 81 h 519"/>
                  <a:gd name="T68" fmla="*/ 47 w 377"/>
                  <a:gd name="T69" fmla="*/ 85 h 519"/>
                  <a:gd name="T70" fmla="*/ 47 w 377"/>
                  <a:gd name="T71" fmla="*/ 69 h 519"/>
                  <a:gd name="T72" fmla="*/ 44 w 377"/>
                  <a:gd name="T73" fmla="*/ 53 h 519"/>
                  <a:gd name="T74" fmla="*/ 42 w 377"/>
                  <a:gd name="T75" fmla="*/ 59 h 519"/>
                  <a:gd name="T76" fmla="*/ 36 w 377"/>
                  <a:gd name="T77" fmla="*/ 74 h 519"/>
                  <a:gd name="T78" fmla="*/ 25 w 377"/>
                  <a:gd name="T79" fmla="*/ 75 h 519"/>
                  <a:gd name="T80" fmla="*/ 18 w 377"/>
                  <a:gd name="T81" fmla="*/ 78 h 519"/>
                  <a:gd name="T82" fmla="*/ 17 w 377"/>
                  <a:gd name="T83" fmla="*/ 91 h 519"/>
                  <a:gd name="T84" fmla="*/ 17 w 377"/>
                  <a:gd name="T85" fmla="*/ 103 h 519"/>
                  <a:gd name="T86" fmla="*/ 17 w 377"/>
                  <a:gd name="T87" fmla="*/ 117 h 519"/>
                  <a:gd name="T88" fmla="*/ 10 w 377"/>
                  <a:gd name="T89" fmla="*/ 139 h 519"/>
                  <a:gd name="T90" fmla="*/ 3 w 377"/>
                  <a:gd name="T91" fmla="*/ 150 h 519"/>
                  <a:gd name="T92" fmla="*/ 10 w 377"/>
                  <a:gd name="T93" fmla="*/ 170 h 519"/>
                  <a:gd name="T94" fmla="*/ 3 w 377"/>
                  <a:gd name="T95" fmla="*/ 178 h 519"/>
                  <a:gd name="T96" fmla="*/ 17 w 377"/>
                  <a:gd name="T97" fmla="*/ 201 h 519"/>
                  <a:gd name="T98" fmla="*/ 17 w 377"/>
                  <a:gd name="T99" fmla="*/ 215 h 519"/>
                  <a:gd name="T100" fmla="*/ 30 w 377"/>
                  <a:gd name="T101" fmla="*/ 246 h 519"/>
                  <a:gd name="T102" fmla="*/ 28 w 377"/>
                  <a:gd name="T103" fmla="*/ 282 h 519"/>
                  <a:gd name="T104" fmla="*/ 17 w 377"/>
                  <a:gd name="T105" fmla="*/ 306 h 519"/>
                  <a:gd name="T106" fmla="*/ 17 w 377"/>
                  <a:gd name="T107" fmla="*/ 320 h 519"/>
                  <a:gd name="T108" fmla="*/ 3 w 377"/>
                  <a:gd name="T109" fmla="*/ 334 h 519"/>
                  <a:gd name="T110" fmla="*/ 201 w 377"/>
                  <a:gd name="T111" fmla="*/ 320 h 519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377"/>
                  <a:gd name="T169" fmla="*/ 0 h 519"/>
                  <a:gd name="T170" fmla="*/ 377 w 377"/>
                  <a:gd name="T171" fmla="*/ 519 h 519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377" h="519">
                    <a:moveTo>
                      <a:pt x="304" y="496"/>
                    </a:moveTo>
                    <a:lnTo>
                      <a:pt x="304" y="489"/>
                    </a:lnTo>
                    <a:lnTo>
                      <a:pt x="308" y="480"/>
                    </a:lnTo>
                    <a:lnTo>
                      <a:pt x="311" y="472"/>
                    </a:lnTo>
                    <a:lnTo>
                      <a:pt x="314" y="465"/>
                    </a:lnTo>
                    <a:lnTo>
                      <a:pt x="320" y="458"/>
                    </a:lnTo>
                    <a:lnTo>
                      <a:pt x="325" y="453"/>
                    </a:lnTo>
                    <a:lnTo>
                      <a:pt x="326" y="450"/>
                    </a:lnTo>
                    <a:lnTo>
                      <a:pt x="328" y="448"/>
                    </a:lnTo>
                    <a:lnTo>
                      <a:pt x="326" y="438"/>
                    </a:lnTo>
                    <a:lnTo>
                      <a:pt x="326" y="430"/>
                    </a:lnTo>
                    <a:lnTo>
                      <a:pt x="328" y="421"/>
                    </a:lnTo>
                    <a:lnTo>
                      <a:pt x="330" y="416"/>
                    </a:lnTo>
                    <a:lnTo>
                      <a:pt x="333" y="411"/>
                    </a:lnTo>
                    <a:lnTo>
                      <a:pt x="336" y="408"/>
                    </a:lnTo>
                    <a:lnTo>
                      <a:pt x="338" y="406"/>
                    </a:lnTo>
                    <a:lnTo>
                      <a:pt x="340" y="406"/>
                    </a:lnTo>
                    <a:lnTo>
                      <a:pt x="348" y="396"/>
                    </a:lnTo>
                    <a:lnTo>
                      <a:pt x="350" y="386"/>
                    </a:lnTo>
                    <a:lnTo>
                      <a:pt x="350" y="384"/>
                    </a:lnTo>
                    <a:lnTo>
                      <a:pt x="350" y="382"/>
                    </a:lnTo>
                    <a:lnTo>
                      <a:pt x="352" y="381"/>
                    </a:lnTo>
                    <a:lnTo>
                      <a:pt x="352" y="379"/>
                    </a:lnTo>
                    <a:lnTo>
                      <a:pt x="355" y="375"/>
                    </a:lnTo>
                    <a:lnTo>
                      <a:pt x="355" y="372"/>
                    </a:lnTo>
                    <a:lnTo>
                      <a:pt x="353" y="370"/>
                    </a:lnTo>
                    <a:lnTo>
                      <a:pt x="355" y="365"/>
                    </a:lnTo>
                    <a:lnTo>
                      <a:pt x="355" y="362"/>
                    </a:lnTo>
                    <a:lnTo>
                      <a:pt x="358" y="360"/>
                    </a:lnTo>
                    <a:lnTo>
                      <a:pt x="360" y="360"/>
                    </a:lnTo>
                    <a:lnTo>
                      <a:pt x="364" y="359"/>
                    </a:lnTo>
                    <a:lnTo>
                      <a:pt x="365" y="360"/>
                    </a:lnTo>
                    <a:lnTo>
                      <a:pt x="367" y="360"/>
                    </a:lnTo>
                    <a:lnTo>
                      <a:pt x="369" y="360"/>
                    </a:lnTo>
                    <a:lnTo>
                      <a:pt x="369" y="365"/>
                    </a:lnTo>
                    <a:lnTo>
                      <a:pt x="370" y="367"/>
                    </a:lnTo>
                    <a:lnTo>
                      <a:pt x="372" y="367"/>
                    </a:lnTo>
                    <a:lnTo>
                      <a:pt x="372" y="365"/>
                    </a:lnTo>
                    <a:lnTo>
                      <a:pt x="374" y="364"/>
                    </a:lnTo>
                    <a:lnTo>
                      <a:pt x="374" y="362"/>
                    </a:lnTo>
                    <a:lnTo>
                      <a:pt x="375" y="360"/>
                    </a:lnTo>
                    <a:lnTo>
                      <a:pt x="377" y="316"/>
                    </a:lnTo>
                    <a:lnTo>
                      <a:pt x="377" y="318"/>
                    </a:lnTo>
                    <a:lnTo>
                      <a:pt x="377" y="316"/>
                    </a:lnTo>
                    <a:lnTo>
                      <a:pt x="372" y="293"/>
                    </a:lnTo>
                    <a:lnTo>
                      <a:pt x="365" y="271"/>
                    </a:lnTo>
                    <a:lnTo>
                      <a:pt x="360" y="254"/>
                    </a:lnTo>
                    <a:lnTo>
                      <a:pt x="355" y="237"/>
                    </a:lnTo>
                    <a:lnTo>
                      <a:pt x="350" y="225"/>
                    </a:lnTo>
                    <a:lnTo>
                      <a:pt x="345" y="215"/>
                    </a:lnTo>
                    <a:lnTo>
                      <a:pt x="340" y="206"/>
                    </a:lnTo>
                    <a:lnTo>
                      <a:pt x="336" y="199"/>
                    </a:lnTo>
                    <a:lnTo>
                      <a:pt x="333" y="196"/>
                    </a:lnTo>
                    <a:lnTo>
                      <a:pt x="330" y="193"/>
                    </a:lnTo>
                    <a:lnTo>
                      <a:pt x="326" y="191"/>
                    </a:lnTo>
                    <a:lnTo>
                      <a:pt x="323" y="189"/>
                    </a:lnTo>
                    <a:lnTo>
                      <a:pt x="321" y="189"/>
                    </a:lnTo>
                    <a:lnTo>
                      <a:pt x="318" y="191"/>
                    </a:lnTo>
                    <a:lnTo>
                      <a:pt x="316" y="191"/>
                    </a:lnTo>
                    <a:lnTo>
                      <a:pt x="314" y="193"/>
                    </a:lnTo>
                    <a:lnTo>
                      <a:pt x="311" y="194"/>
                    </a:lnTo>
                    <a:lnTo>
                      <a:pt x="308" y="198"/>
                    </a:lnTo>
                    <a:lnTo>
                      <a:pt x="303" y="199"/>
                    </a:lnTo>
                    <a:lnTo>
                      <a:pt x="299" y="201"/>
                    </a:lnTo>
                    <a:lnTo>
                      <a:pt x="296" y="203"/>
                    </a:lnTo>
                    <a:lnTo>
                      <a:pt x="294" y="205"/>
                    </a:lnTo>
                    <a:lnTo>
                      <a:pt x="292" y="205"/>
                    </a:lnTo>
                    <a:lnTo>
                      <a:pt x="292" y="206"/>
                    </a:lnTo>
                    <a:lnTo>
                      <a:pt x="287" y="210"/>
                    </a:lnTo>
                    <a:lnTo>
                      <a:pt x="284" y="218"/>
                    </a:lnTo>
                    <a:lnTo>
                      <a:pt x="284" y="221"/>
                    </a:lnTo>
                    <a:lnTo>
                      <a:pt x="282" y="225"/>
                    </a:lnTo>
                    <a:lnTo>
                      <a:pt x="281" y="230"/>
                    </a:lnTo>
                    <a:lnTo>
                      <a:pt x="277" y="233"/>
                    </a:lnTo>
                    <a:lnTo>
                      <a:pt x="276" y="238"/>
                    </a:lnTo>
                    <a:lnTo>
                      <a:pt x="272" y="242"/>
                    </a:lnTo>
                    <a:lnTo>
                      <a:pt x="269" y="242"/>
                    </a:lnTo>
                    <a:lnTo>
                      <a:pt x="269" y="247"/>
                    </a:lnTo>
                    <a:lnTo>
                      <a:pt x="267" y="250"/>
                    </a:lnTo>
                    <a:lnTo>
                      <a:pt x="265" y="254"/>
                    </a:lnTo>
                    <a:lnTo>
                      <a:pt x="264" y="255"/>
                    </a:lnTo>
                    <a:lnTo>
                      <a:pt x="262" y="257"/>
                    </a:lnTo>
                    <a:lnTo>
                      <a:pt x="260" y="259"/>
                    </a:lnTo>
                    <a:lnTo>
                      <a:pt x="259" y="259"/>
                    </a:lnTo>
                    <a:lnTo>
                      <a:pt x="255" y="259"/>
                    </a:lnTo>
                    <a:lnTo>
                      <a:pt x="254" y="257"/>
                    </a:lnTo>
                    <a:lnTo>
                      <a:pt x="252" y="257"/>
                    </a:lnTo>
                    <a:lnTo>
                      <a:pt x="250" y="257"/>
                    </a:lnTo>
                    <a:lnTo>
                      <a:pt x="247" y="255"/>
                    </a:lnTo>
                    <a:lnTo>
                      <a:pt x="238" y="255"/>
                    </a:lnTo>
                    <a:lnTo>
                      <a:pt x="235" y="250"/>
                    </a:lnTo>
                    <a:lnTo>
                      <a:pt x="232" y="245"/>
                    </a:lnTo>
                    <a:lnTo>
                      <a:pt x="232" y="240"/>
                    </a:lnTo>
                    <a:lnTo>
                      <a:pt x="232" y="233"/>
                    </a:lnTo>
                    <a:lnTo>
                      <a:pt x="233" y="228"/>
                    </a:lnTo>
                    <a:lnTo>
                      <a:pt x="233" y="225"/>
                    </a:lnTo>
                    <a:lnTo>
                      <a:pt x="235" y="223"/>
                    </a:lnTo>
                    <a:lnTo>
                      <a:pt x="235" y="218"/>
                    </a:lnTo>
                    <a:lnTo>
                      <a:pt x="237" y="215"/>
                    </a:lnTo>
                    <a:lnTo>
                      <a:pt x="238" y="213"/>
                    </a:lnTo>
                    <a:lnTo>
                      <a:pt x="242" y="211"/>
                    </a:lnTo>
                    <a:lnTo>
                      <a:pt x="243" y="210"/>
                    </a:lnTo>
                    <a:lnTo>
                      <a:pt x="247" y="210"/>
                    </a:lnTo>
                    <a:lnTo>
                      <a:pt x="248" y="208"/>
                    </a:lnTo>
                    <a:lnTo>
                      <a:pt x="259" y="198"/>
                    </a:lnTo>
                    <a:lnTo>
                      <a:pt x="262" y="176"/>
                    </a:lnTo>
                    <a:lnTo>
                      <a:pt x="276" y="164"/>
                    </a:lnTo>
                    <a:lnTo>
                      <a:pt x="276" y="162"/>
                    </a:lnTo>
                    <a:lnTo>
                      <a:pt x="276" y="159"/>
                    </a:lnTo>
                    <a:lnTo>
                      <a:pt x="276" y="152"/>
                    </a:lnTo>
                    <a:lnTo>
                      <a:pt x="276" y="147"/>
                    </a:lnTo>
                    <a:lnTo>
                      <a:pt x="276" y="140"/>
                    </a:lnTo>
                    <a:lnTo>
                      <a:pt x="276" y="133"/>
                    </a:lnTo>
                    <a:lnTo>
                      <a:pt x="276" y="128"/>
                    </a:lnTo>
                    <a:lnTo>
                      <a:pt x="276" y="127"/>
                    </a:lnTo>
                    <a:lnTo>
                      <a:pt x="276" y="118"/>
                    </a:lnTo>
                    <a:lnTo>
                      <a:pt x="274" y="110"/>
                    </a:lnTo>
                    <a:lnTo>
                      <a:pt x="272" y="105"/>
                    </a:lnTo>
                    <a:lnTo>
                      <a:pt x="269" y="100"/>
                    </a:lnTo>
                    <a:lnTo>
                      <a:pt x="267" y="96"/>
                    </a:lnTo>
                    <a:lnTo>
                      <a:pt x="264" y="93"/>
                    </a:lnTo>
                    <a:lnTo>
                      <a:pt x="262" y="91"/>
                    </a:lnTo>
                    <a:lnTo>
                      <a:pt x="260" y="89"/>
                    </a:lnTo>
                    <a:lnTo>
                      <a:pt x="255" y="86"/>
                    </a:lnTo>
                    <a:lnTo>
                      <a:pt x="254" y="83"/>
                    </a:lnTo>
                    <a:lnTo>
                      <a:pt x="254" y="79"/>
                    </a:lnTo>
                    <a:lnTo>
                      <a:pt x="254" y="76"/>
                    </a:lnTo>
                    <a:lnTo>
                      <a:pt x="255" y="74"/>
                    </a:lnTo>
                    <a:lnTo>
                      <a:pt x="257" y="73"/>
                    </a:lnTo>
                    <a:lnTo>
                      <a:pt x="259" y="71"/>
                    </a:lnTo>
                    <a:lnTo>
                      <a:pt x="260" y="71"/>
                    </a:lnTo>
                    <a:lnTo>
                      <a:pt x="265" y="76"/>
                    </a:lnTo>
                    <a:lnTo>
                      <a:pt x="269" y="76"/>
                    </a:lnTo>
                    <a:lnTo>
                      <a:pt x="270" y="76"/>
                    </a:lnTo>
                    <a:lnTo>
                      <a:pt x="270" y="74"/>
                    </a:lnTo>
                    <a:lnTo>
                      <a:pt x="270" y="73"/>
                    </a:lnTo>
                    <a:lnTo>
                      <a:pt x="269" y="71"/>
                    </a:lnTo>
                    <a:lnTo>
                      <a:pt x="269" y="69"/>
                    </a:lnTo>
                    <a:lnTo>
                      <a:pt x="267" y="67"/>
                    </a:lnTo>
                    <a:lnTo>
                      <a:pt x="248" y="40"/>
                    </a:lnTo>
                    <a:lnTo>
                      <a:pt x="240" y="39"/>
                    </a:lnTo>
                    <a:lnTo>
                      <a:pt x="232" y="37"/>
                    </a:lnTo>
                    <a:lnTo>
                      <a:pt x="225" y="35"/>
                    </a:lnTo>
                    <a:lnTo>
                      <a:pt x="220" y="34"/>
                    </a:lnTo>
                    <a:lnTo>
                      <a:pt x="215" y="32"/>
                    </a:lnTo>
                    <a:lnTo>
                      <a:pt x="211" y="29"/>
                    </a:lnTo>
                    <a:lnTo>
                      <a:pt x="210" y="27"/>
                    </a:lnTo>
                    <a:lnTo>
                      <a:pt x="208" y="27"/>
                    </a:lnTo>
                    <a:lnTo>
                      <a:pt x="193" y="27"/>
                    </a:lnTo>
                    <a:lnTo>
                      <a:pt x="179" y="12"/>
                    </a:lnTo>
                    <a:lnTo>
                      <a:pt x="152" y="10"/>
                    </a:lnTo>
                    <a:lnTo>
                      <a:pt x="138" y="0"/>
                    </a:lnTo>
                    <a:lnTo>
                      <a:pt x="130" y="0"/>
                    </a:lnTo>
                    <a:lnTo>
                      <a:pt x="125" y="3"/>
                    </a:lnTo>
                    <a:lnTo>
                      <a:pt x="115" y="1"/>
                    </a:lnTo>
                    <a:lnTo>
                      <a:pt x="115" y="3"/>
                    </a:lnTo>
                    <a:lnTo>
                      <a:pt x="115" y="7"/>
                    </a:lnTo>
                    <a:lnTo>
                      <a:pt x="115" y="10"/>
                    </a:lnTo>
                    <a:lnTo>
                      <a:pt x="115" y="12"/>
                    </a:lnTo>
                    <a:lnTo>
                      <a:pt x="108" y="17"/>
                    </a:lnTo>
                    <a:lnTo>
                      <a:pt x="105" y="22"/>
                    </a:lnTo>
                    <a:lnTo>
                      <a:pt x="103" y="27"/>
                    </a:lnTo>
                    <a:lnTo>
                      <a:pt x="105" y="32"/>
                    </a:lnTo>
                    <a:lnTo>
                      <a:pt x="106" y="37"/>
                    </a:lnTo>
                    <a:lnTo>
                      <a:pt x="110" y="40"/>
                    </a:lnTo>
                    <a:lnTo>
                      <a:pt x="111" y="42"/>
                    </a:lnTo>
                    <a:lnTo>
                      <a:pt x="113" y="44"/>
                    </a:lnTo>
                    <a:lnTo>
                      <a:pt x="116" y="44"/>
                    </a:lnTo>
                    <a:lnTo>
                      <a:pt x="120" y="45"/>
                    </a:lnTo>
                    <a:lnTo>
                      <a:pt x="120" y="47"/>
                    </a:lnTo>
                    <a:lnTo>
                      <a:pt x="120" y="49"/>
                    </a:lnTo>
                    <a:lnTo>
                      <a:pt x="120" y="51"/>
                    </a:lnTo>
                    <a:lnTo>
                      <a:pt x="118" y="52"/>
                    </a:lnTo>
                    <a:lnTo>
                      <a:pt x="116" y="52"/>
                    </a:lnTo>
                    <a:lnTo>
                      <a:pt x="116" y="54"/>
                    </a:lnTo>
                    <a:lnTo>
                      <a:pt x="108" y="54"/>
                    </a:lnTo>
                    <a:lnTo>
                      <a:pt x="101" y="56"/>
                    </a:lnTo>
                    <a:lnTo>
                      <a:pt x="96" y="59"/>
                    </a:lnTo>
                    <a:lnTo>
                      <a:pt x="91" y="62"/>
                    </a:lnTo>
                    <a:lnTo>
                      <a:pt x="89" y="67"/>
                    </a:lnTo>
                    <a:lnTo>
                      <a:pt x="86" y="71"/>
                    </a:lnTo>
                    <a:lnTo>
                      <a:pt x="86" y="73"/>
                    </a:lnTo>
                    <a:lnTo>
                      <a:pt x="86" y="74"/>
                    </a:lnTo>
                    <a:lnTo>
                      <a:pt x="88" y="79"/>
                    </a:lnTo>
                    <a:lnTo>
                      <a:pt x="88" y="86"/>
                    </a:lnTo>
                    <a:lnTo>
                      <a:pt x="89" y="91"/>
                    </a:lnTo>
                    <a:lnTo>
                      <a:pt x="89" y="96"/>
                    </a:lnTo>
                    <a:lnTo>
                      <a:pt x="89" y="101"/>
                    </a:lnTo>
                    <a:lnTo>
                      <a:pt x="89" y="106"/>
                    </a:lnTo>
                    <a:lnTo>
                      <a:pt x="88" y="110"/>
                    </a:lnTo>
                    <a:lnTo>
                      <a:pt x="86" y="115"/>
                    </a:lnTo>
                    <a:lnTo>
                      <a:pt x="86" y="118"/>
                    </a:lnTo>
                    <a:lnTo>
                      <a:pt x="84" y="123"/>
                    </a:lnTo>
                    <a:lnTo>
                      <a:pt x="83" y="127"/>
                    </a:lnTo>
                    <a:lnTo>
                      <a:pt x="83" y="128"/>
                    </a:lnTo>
                    <a:lnTo>
                      <a:pt x="81" y="132"/>
                    </a:lnTo>
                    <a:lnTo>
                      <a:pt x="79" y="133"/>
                    </a:lnTo>
                    <a:lnTo>
                      <a:pt x="72" y="132"/>
                    </a:lnTo>
                    <a:lnTo>
                      <a:pt x="66" y="130"/>
                    </a:lnTo>
                    <a:lnTo>
                      <a:pt x="66" y="128"/>
                    </a:lnTo>
                    <a:lnTo>
                      <a:pt x="67" y="125"/>
                    </a:lnTo>
                    <a:lnTo>
                      <a:pt x="67" y="118"/>
                    </a:lnTo>
                    <a:lnTo>
                      <a:pt x="69" y="113"/>
                    </a:lnTo>
                    <a:lnTo>
                      <a:pt x="71" y="106"/>
                    </a:lnTo>
                    <a:lnTo>
                      <a:pt x="71" y="100"/>
                    </a:lnTo>
                    <a:lnTo>
                      <a:pt x="71" y="95"/>
                    </a:lnTo>
                    <a:lnTo>
                      <a:pt x="71" y="93"/>
                    </a:lnTo>
                    <a:lnTo>
                      <a:pt x="69" y="86"/>
                    </a:lnTo>
                    <a:lnTo>
                      <a:pt x="67" y="83"/>
                    </a:lnTo>
                    <a:lnTo>
                      <a:pt x="66" y="81"/>
                    </a:lnTo>
                    <a:lnTo>
                      <a:pt x="64" y="83"/>
                    </a:lnTo>
                    <a:lnTo>
                      <a:pt x="64" y="84"/>
                    </a:lnTo>
                    <a:lnTo>
                      <a:pt x="62" y="88"/>
                    </a:lnTo>
                    <a:lnTo>
                      <a:pt x="62" y="89"/>
                    </a:lnTo>
                    <a:lnTo>
                      <a:pt x="61" y="91"/>
                    </a:lnTo>
                    <a:lnTo>
                      <a:pt x="61" y="93"/>
                    </a:lnTo>
                    <a:lnTo>
                      <a:pt x="59" y="98"/>
                    </a:lnTo>
                    <a:lnTo>
                      <a:pt x="56" y="101"/>
                    </a:lnTo>
                    <a:lnTo>
                      <a:pt x="54" y="106"/>
                    </a:lnTo>
                    <a:lnTo>
                      <a:pt x="52" y="110"/>
                    </a:lnTo>
                    <a:lnTo>
                      <a:pt x="50" y="113"/>
                    </a:lnTo>
                    <a:lnTo>
                      <a:pt x="49" y="113"/>
                    </a:lnTo>
                    <a:lnTo>
                      <a:pt x="44" y="111"/>
                    </a:lnTo>
                    <a:lnTo>
                      <a:pt x="40" y="111"/>
                    </a:lnTo>
                    <a:lnTo>
                      <a:pt x="39" y="113"/>
                    </a:lnTo>
                    <a:lnTo>
                      <a:pt x="39" y="115"/>
                    </a:lnTo>
                    <a:lnTo>
                      <a:pt x="39" y="117"/>
                    </a:lnTo>
                    <a:lnTo>
                      <a:pt x="32" y="120"/>
                    </a:lnTo>
                    <a:lnTo>
                      <a:pt x="32" y="122"/>
                    </a:lnTo>
                    <a:lnTo>
                      <a:pt x="32" y="125"/>
                    </a:lnTo>
                    <a:lnTo>
                      <a:pt x="30" y="128"/>
                    </a:lnTo>
                    <a:lnTo>
                      <a:pt x="30" y="133"/>
                    </a:lnTo>
                    <a:lnTo>
                      <a:pt x="30" y="137"/>
                    </a:lnTo>
                    <a:lnTo>
                      <a:pt x="30" y="139"/>
                    </a:lnTo>
                    <a:lnTo>
                      <a:pt x="30" y="140"/>
                    </a:lnTo>
                    <a:lnTo>
                      <a:pt x="23" y="144"/>
                    </a:lnTo>
                    <a:lnTo>
                      <a:pt x="20" y="147"/>
                    </a:lnTo>
                    <a:lnTo>
                      <a:pt x="18" y="150"/>
                    </a:lnTo>
                    <a:lnTo>
                      <a:pt x="17" y="152"/>
                    </a:lnTo>
                    <a:lnTo>
                      <a:pt x="15" y="155"/>
                    </a:lnTo>
                    <a:lnTo>
                      <a:pt x="17" y="159"/>
                    </a:lnTo>
                    <a:lnTo>
                      <a:pt x="17" y="161"/>
                    </a:lnTo>
                    <a:lnTo>
                      <a:pt x="18" y="162"/>
                    </a:lnTo>
                    <a:lnTo>
                      <a:pt x="20" y="166"/>
                    </a:lnTo>
                    <a:lnTo>
                      <a:pt x="20" y="171"/>
                    </a:lnTo>
                    <a:lnTo>
                      <a:pt x="20" y="176"/>
                    </a:lnTo>
                    <a:lnTo>
                      <a:pt x="20" y="181"/>
                    </a:lnTo>
                    <a:lnTo>
                      <a:pt x="18" y="186"/>
                    </a:lnTo>
                    <a:lnTo>
                      <a:pt x="17" y="193"/>
                    </a:lnTo>
                    <a:lnTo>
                      <a:pt x="15" y="198"/>
                    </a:lnTo>
                    <a:lnTo>
                      <a:pt x="13" y="203"/>
                    </a:lnTo>
                    <a:lnTo>
                      <a:pt x="12" y="210"/>
                    </a:lnTo>
                    <a:lnTo>
                      <a:pt x="10" y="215"/>
                    </a:lnTo>
                    <a:lnTo>
                      <a:pt x="8" y="220"/>
                    </a:lnTo>
                    <a:lnTo>
                      <a:pt x="6" y="225"/>
                    </a:lnTo>
                    <a:lnTo>
                      <a:pt x="5" y="228"/>
                    </a:lnTo>
                    <a:lnTo>
                      <a:pt x="3" y="232"/>
                    </a:lnTo>
                    <a:lnTo>
                      <a:pt x="3" y="233"/>
                    </a:lnTo>
                    <a:lnTo>
                      <a:pt x="5" y="238"/>
                    </a:lnTo>
                    <a:lnTo>
                      <a:pt x="6" y="245"/>
                    </a:lnTo>
                    <a:lnTo>
                      <a:pt x="8" y="250"/>
                    </a:lnTo>
                    <a:lnTo>
                      <a:pt x="8" y="255"/>
                    </a:lnTo>
                    <a:lnTo>
                      <a:pt x="10" y="260"/>
                    </a:lnTo>
                    <a:lnTo>
                      <a:pt x="10" y="264"/>
                    </a:lnTo>
                    <a:lnTo>
                      <a:pt x="10" y="267"/>
                    </a:lnTo>
                    <a:lnTo>
                      <a:pt x="6" y="269"/>
                    </a:lnTo>
                    <a:lnTo>
                      <a:pt x="5" y="271"/>
                    </a:lnTo>
                    <a:lnTo>
                      <a:pt x="3" y="274"/>
                    </a:lnTo>
                    <a:lnTo>
                      <a:pt x="3" y="277"/>
                    </a:lnTo>
                    <a:lnTo>
                      <a:pt x="5" y="282"/>
                    </a:lnTo>
                    <a:lnTo>
                      <a:pt x="6" y="287"/>
                    </a:lnTo>
                    <a:lnTo>
                      <a:pt x="8" y="294"/>
                    </a:lnTo>
                    <a:lnTo>
                      <a:pt x="12" y="299"/>
                    </a:lnTo>
                    <a:lnTo>
                      <a:pt x="15" y="306"/>
                    </a:lnTo>
                    <a:lnTo>
                      <a:pt x="17" y="311"/>
                    </a:lnTo>
                    <a:lnTo>
                      <a:pt x="20" y="318"/>
                    </a:lnTo>
                    <a:lnTo>
                      <a:pt x="23" y="323"/>
                    </a:lnTo>
                    <a:lnTo>
                      <a:pt x="25" y="326"/>
                    </a:lnTo>
                    <a:lnTo>
                      <a:pt x="27" y="330"/>
                    </a:lnTo>
                    <a:lnTo>
                      <a:pt x="28" y="333"/>
                    </a:lnTo>
                    <a:lnTo>
                      <a:pt x="30" y="333"/>
                    </a:lnTo>
                    <a:lnTo>
                      <a:pt x="34" y="338"/>
                    </a:lnTo>
                    <a:lnTo>
                      <a:pt x="37" y="345"/>
                    </a:lnTo>
                    <a:lnTo>
                      <a:pt x="39" y="353"/>
                    </a:lnTo>
                    <a:lnTo>
                      <a:pt x="42" y="362"/>
                    </a:lnTo>
                    <a:lnTo>
                      <a:pt x="42" y="370"/>
                    </a:lnTo>
                    <a:lnTo>
                      <a:pt x="44" y="381"/>
                    </a:lnTo>
                    <a:lnTo>
                      <a:pt x="44" y="391"/>
                    </a:lnTo>
                    <a:lnTo>
                      <a:pt x="44" y="401"/>
                    </a:lnTo>
                    <a:lnTo>
                      <a:pt x="44" y="411"/>
                    </a:lnTo>
                    <a:lnTo>
                      <a:pt x="44" y="419"/>
                    </a:lnTo>
                    <a:lnTo>
                      <a:pt x="44" y="428"/>
                    </a:lnTo>
                    <a:lnTo>
                      <a:pt x="42" y="436"/>
                    </a:lnTo>
                    <a:lnTo>
                      <a:pt x="42" y="441"/>
                    </a:lnTo>
                    <a:lnTo>
                      <a:pt x="40" y="447"/>
                    </a:lnTo>
                    <a:lnTo>
                      <a:pt x="40" y="450"/>
                    </a:lnTo>
                    <a:lnTo>
                      <a:pt x="40" y="452"/>
                    </a:lnTo>
                    <a:lnTo>
                      <a:pt x="32" y="463"/>
                    </a:lnTo>
                    <a:lnTo>
                      <a:pt x="27" y="474"/>
                    </a:lnTo>
                    <a:lnTo>
                      <a:pt x="23" y="480"/>
                    </a:lnTo>
                    <a:lnTo>
                      <a:pt x="23" y="487"/>
                    </a:lnTo>
                    <a:lnTo>
                      <a:pt x="23" y="491"/>
                    </a:lnTo>
                    <a:lnTo>
                      <a:pt x="23" y="494"/>
                    </a:lnTo>
                    <a:lnTo>
                      <a:pt x="23" y="496"/>
                    </a:lnTo>
                    <a:lnTo>
                      <a:pt x="18" y="502"/>
                    </a:lnTo>
                    <a:lnTo>
                      <a:pt x="15" y="506"/>
                    </a:lnTo>
                    <a:lnTo>
                      <a:pt x="12" y="511"/>
                    </a:lnTo>
                    <a:lnTo>
                      <a:pt x="8" y="513"/>
                    </a:lnTo>
                    <a:lnTo>
                      <a:pt x="6" y="516"/>
                    </a:lnTo>
                    <a:lnTo>
                      <a:pt x="3" y="518"/>
                    </a:lnTo>
                    <a:lnTo>
                      <a:pt x="3" y="519"/>
                    </a:lnTo>
                    <a:lnTo>
                      <a:pt x="1" y="519"/>
                    </a:lnTo>
                    <a:lnTo>
                      <a:pt x="0" y="519"/>
                    </a:lnTo>
                    <a:lnTo>
                      <a:pt x="184" y="497"/>
                    </a:lnTo>
                    <a:lnTo>
                      <a:pt x="188" y="514"/>
                    </a:lnTo>
                    <a:lnTo>
                      <a:pt x="304" y="496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1136" name="Freeform 129"/>
            <p:cNvSpPr>
              <a:spLocks/>
            </p:cNvSpPr>
            <p:nvPr/>
          </p:nvSpPr>
          <p:spPr bwMode="auto">
            <a:xfrm>
              <a:off x="3986" y="2043"/>
              <a:ext cx="434" cy="427"/>
            </a:xfrm>
            <a:custGeom>
              <a:avLst/>
              <a:gdLst>
                <a:gd name="T0" fmla="*/ 44 w 446"/>
                <a:gd name="T1" fmla="*/ 263 h 440"/>
                <a:gd name="T2" fmla="*/ 35 w 446"/>
                <a:gd name="T3" fmla="*/ 261 h 440"/>
                <a:gd name="T4" fmla="*/ 18 w 446"/>
                <a:gd name="T5" fmla="*/ 234 h 440"/>
                <a:gd name="T6" fmla="*/ 5 w 446"/>
                <a:gd name="T7" fmla="*/ 218 h 440"/>
                <a:gd name="T8" fmla="*/ 3 w 446"/>
                <a:gd name="T9" fmla="*/ 201 h 440"/>
                <a:gd name="T10" fmla="*/ 1 w 446"/>
                <a:gd name="T11" fmla="*/ 196 h 440"/>
                <a:gd name="T12" fmla="*/ 18 w 446"/>
                <a:gd name="T13" fmla="*/ 195 h 440"/>
                <a:gd name="T14" fmla="*/ 18 w 446"/>
                <a:gd name="T15" fmla="*/ 167 h 440"/>
                <a:gd name="T16" fmla="*/ 23 w 446"/>
                <a:gd name="T17" fmla="*/ 160 h 440"/>
                <a:gd name="T18" fmla="*/ 26 w 446"/>
                <a:gd name="T19" fmla="*/ 148 h 440"/>
                <a:gd name="T20" fmla="*/ 40 w 446"/>
                <a:gd name="T21" fmla="*/ 148 h 440"/>
                <a:gd name="T22" fmla="*/ 47 w 446"/>
                <a:gd name="T23" fmla="*/ 148 h 440"/>
                <a:gd name="T24" fmla="*/ 64 w 446"/>
                <a:gd name="T25" fmla="*/ 110 h 440"/>
                <a:gd name="T26" fmla="*/ 74 w 446"/>
                <a:gd name="T27" fmla="*/ 110 h 440"/>
                <a:gd name="T28" fmla="*/ 81 w 446"/>
                <a:gd name="T29" fmla="*/ 103 h 440"/>
                <a:gd name="T30" fmla="*/ 90 w 446"/>
                <a:gd name="T31" fmla="*/ 90 h 440"/>
                <a:gd name="T32" fmla="*/ 97 w 446"/>
                <a:gd name="T33" fmla="*/ 72 h 440"/>
                <a:gd name="T34" fmla="*/ 98 w 446"/>
                <a:gd name="T35" fmla="*/ 59 h 440"/>
                <a:gd name="T36" fmla="*/ 102 w 446"/>
                <a:gd name="T37" fmla="*/ 37 h 440"/>
                <a:gd name="T38" fmla="*/ 100 w 446"/>
                <a:gd name="T39" fmla="*/ 10 h 440"/>
                <a:gd name="T40" fmla="*/ 184 w 446"/>
                <a:gd name="T41" fmla="*/ 62 h 440"/>
                <a:gd name="T42" fmla="*/ 216 w 446"/>
                <a:gd name="T43" fmla="*/ 80 h 440"/>
                <a:gd name="T44" fmla="*/ 230 w 446"/>
                <a:gd name="T45" fmla="*/ 65 h 440"/>
                <a:gd name="T46" fmla="*/ 249 w 446"/>
                <a:gd name="T47" fmla="*/ 66 h 440"/>
                <a:gd name="T48" fmla="*/ 260 w 446"/>
                <a:gd name="T49" fmla="*/ 53 h 440"/>
                <a:gd name="T50" fmla="*/ 282 w 446"/>
                <a:gd name="T51" fmla="*/ 55 h 440"/>
                <a:gd name="T52" fmla="*/ 290 w 446"/>
                <a:gd name="T53" fmla="*/ 55 h 440"/>
                <a:gd name="T54" fmla="*/ 296 w 446"/>
                <a:gd name="T55" fmla="*/ 62 h 440"/>
                <a:gd name="T56" fmla="*/ 302 w 446"/>
                <a:gd name="T57" fmla="*/ 79 h 440"/>
                <a:gd name="T58" fmla="*/ 299 w 446"/>
                <a:gd name="T59" fmla="*/ 86 h 440"/>
                <a:gd name="T60" fmla="*/ 276 w 446"/>
                <a:gd name="T61" fmla="*/ 80 h 440"/>
                <a:gd name="T62" fmla="*/ 262 w 446"/>
                <a:gd name="T63" fmla="*/ 74 h 440"/>
                <a:gd name="T64" fmla="*/ 254 w 446"/>
                <a:gd name="T65" fmla="*/ 107 h 440"/>
                <a:gd name="T66" fmla="*/ 242 w 446"/>
                <a:gd name="T67" fmla="*/ 119 h 440"/>
                <a:gd name="T68" fmla="*/ 236 w 446"/>
                <a:gd name="T69" fmla="*/ 134 h 440"/>
                <a:gd name="T70" fmla="*/ 229 w 446"/>
                <a:gd name="T71" fmla="*/ 129 h 440"/>
                <a:gd name="T72" fmla="*/ 223 w 446"/>
                <a:gd name="T73" fmla="*/ 143 h 440"/>
                <a:gd name="T74" fmla="*/ 221 w 446"/>
                <a:gd name="T75" fmla="*/ 149 h 440"/>
                <a:gd name="T76" fmla="*/ 218 w 446"/>
                <a:gd name="T77" fmla="*/ 159 h 440"/>
                <a:gd name="T78" fmla="*/ 199 w 446"/>
                <a:gd name="T79" fmla="*/ 160 h 440"/>
                <a:gd name="T80" fmla="*/ 188 w 446"/>
                <a:gd name="T81" fmla="*/ 160 h 440"/>
                <a:gd name="T82" fmla="*/ 188 w 446"/>
                <a:gd name="T83" fmla="*/ 176 h 440"/>
                <a:gd name="T84" fmla="*/ 183 w 446"/>
                <a:gd name="T85" fmla="*/ 189 h 440"/>
                <a:gd name="T86" fmla="*/ 179 w 446"/>
                <a:gd name="T87" fmla="*/ 195 h 440"/>
                <a:gd name="T88" fmla="*/ 174 w 446"/>
                <a:gd name="T89" fmla="*/ 212 h 440"/>
                <a:gd name="T90" fmla="*/ 163 w 446"/>
                <a:gd name="T91" fmla="*/ 232 h 440"/>
                <a:gd name="T92" fmla="*/ 163 w 446"/>
                <a:gd name="T93" fmla="*/ 239 h 440"/>
                <a:gd name="T94" fmla="*/ 164 w 446"/>
                <a:gd name="T95" fmla="*/ 253 h 440"/>
                <a:gd name="T96" fmla="*/ 148 w 446"/>
                <a:gd name="T97" fmla="*/ 259 h 440"/>
                <a:gd name="T98" fmla="*/ 136 w 446"/>
                <a:gd name="T99" fmla="*/ 267 h 440"/>
                <a:gd name="T100" fmla="*/ 125 w 446"/>
                <a:gd name="T101" fmla="*/ 268 h 440"/>
                <a:gd name="T102" fmla="*/ 122 w 446"/>
                <a:gd name="T103" fmla="*/ 276 h 440"/>
                <a:gd name="T104" fmla="*/ 118 w 446"/>
                <a:gd name="T105" fmla="*/ 279 h 440"/>
                <a:gd name="T106" fmla="*/ 97 w 446"/>
                <a:gd name="T107" fmla="*/ 280 h 440"/>
                <a:gd name="T108" fmla="*/ 90 w 446"/>
                <a:gd name="T109" fmla="*/ 285 h 440"/>
                <a:gd name="T110" fmla="*/ 74 w 446"/>
                <a:gd name="T111" fmla="*/ 288 h 440"/>
                <a:gd name="T112" fmla="*/ 55 w 446"/>
                <a:gd name="T113" fmla="*/ 279 h 440"/>
                <a:gd name="T114" fmla="*/ 51 w 446"/>
                <a:gd name="T115" fmla="*/ 265 h 440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446"/>
                <a:gd name="T175" fmla="*/ 0 h 440"/>
                <a:gd name="T176" fmla="*/ 446 w 446"/>
                <a:gd name="T177" fmla="*/ 440 h 440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446" h="440">
                  <a:moveTo>
                    <a:pt x="76" y="404"/>
                  </a:moveTo>
                  <a:lnTo>
                    <a:pt x="64" y="404"/>
                  </a:lnTo>
                  <a:lnTo>
                    <a:pt x="64" y="402"/>
                  </a:lnTo>
                  <a:lnTo>
                    <a:pt x="62" y="401"/>
                  </a:lnTo>
                  <a:lnTo>
                    <a:pt x="62" y="399"/>
                  </a:lnTo>
                  <a:lnTo>
                    <a:pt x="61" y="397"/>
                  </a:lnTo>
                  <a:lnTo>
                    <a:pt x="57" y="397"/>
                  </a:lnTo>
                  <a:lnTo>
                    <a:pt x="54" y="396"/>
                  </a:lnTo>
                  <a:lnTo>
                    <a:pt x="49" y="396"/>
                  </a:lnTo>
                  <a:lnTo>
                    <a:pt x="49" y="394"/>
                  </a:lnTo>
                  <a:lnTo>
                    <a:pt x="45" y="389"/>
                  </a:lnTo>
                  <a:lnTo>
                    <a:pt x="40" y="384"/>
                  </a:lnTo>
                  <a:lnTo>
                    <a:pt x="35" y="375"/>
                  </a:lnTo>
                  <a:lnTo>
                    <a:pt x="28" y="367"/>
                  </a:lnTo>
                  <a:lnTo>
                    <a:pt x="22" y="357"/>
                  </a:lnTo>
                  <a:lnTo>
                    <a:pt x="13" y="348"/>
                  </a:lnTo>
                  <a:lnTo>
                    <a:pt x="5" y="338"/>
                  </a:lnTo>
                  <a:lnTo>
                    <a:pt x="5" y="335"/>
                  </a:lnTo>
                  <a:lnTo>
                    <a:pt x="5" y="331"/>
                  </a:lnTo>
                  <a:lnTo>
                    <a:pt x="6" y="326"/>
                  </a:lnTo>
                  <a:lnTo>
                    <a:pt x="6" y="323"/>
                  </a:lnTo>
                  <a:lnTo>
                    <a:pt x="6" y="318"/>
                  </a:lnTo>
                  <a:lnTo>
                    <a:pt x="5" y="311"/>
                  </a:lnTo>
                  <a:lnTo>
                    <a:pt x="3" y="306"/>
                  </a:lnTo>
                  <a:lnTo>
                    <a:pt x="0" y="303"/>
                  </a:lnTo>
                  <a:lnTo>
                    <a:pt x="0" y="299"/>
                  </a:lnTo>
                  <a:lnTo>
                    <a:pt x="0" y="297"/>
                  </a:lnTo>
                  <a:lnTo>
                    <a:pt x="1" y="297"/>
                  </a:lnTo>
                  <a:lnTo>
                    <a:pt x="1" y="299"/>
                  </a:lnTo>
                  <a:lnTo>
                    <a:pt x="3" y="299"/>
                  </a:lnTo>
                  <a:lnTo>
                    <a:pt x="6" y="303"/>
                  </a:lnTo>
                  <a:lnTo>
                    <a:pt x="13" y="301"/>
                  </a:lnTo>
                  <a:lnTo>
                    <a:pt x="18" y="297"/>
                  </a:lnTo>
                  <a:lnTo>
                    <a:pt x="23" y="292"/>
                  </a:lnTo>
                  <a:lnTo>
                    <a:pt x="28" y="287"/>
                  </a:lnTo>
                  <a:lnTo>
                    <a:pt x="32" y="281"/>
                  </a:lnTo>
                  <a:lnTo>
                    <a:pt x="34" y="277"/>
                  </a:lnTo>
                  <a:lnTo>
                    <a:pt x="35" y="275"/>
                  </a:lnTo>
                  <a:lnTo>
                    <a:pt x="32" y="253"/>
                  </a:lnTo>
                  <a:lnTo>
                    <a:pt x="34" y="252"/>
                  </a:lnTo>
                  <a:lnTo>
                    <a:pt x="34" y="250"/>
                  </a:lnTo>
                  <a:lnTo>
                    <a:pt x="35" y="247"/>
                  </a:lnTo>
                  <a:lnTo>
                    <a:pt x="37" y="243"/>
                  </a:lnTo>
                  <a:lnTo>
                    <a:pt x="39" y="242"/>
                  </a:lnTo>
                  <a:lnTo>
                    <a:pt x="39" y="238"/>
                  </a:lnTo>
                  <a:lnTo>
                    <a:pt x="40" y="230"/>
                  </a:lnTo>
                  <a:lnTo>
                    <a:pt x="40" y="225"/>
                  </a:lnTo>
                  <a:lnTo>
                    <a:pt x="44" y="221"/>
                  </a:lnTo>
                  <a:lnTo>
                    <a:pt x="45" y="221"/>
                  </a:lnTo>
                  <a:lnTo>
                    <a:pt x="49" y="221"/>
                  </a:lnTo>
                  <a:lnTo>
                    <a:pt x="50" y="221"/>
                  </a:lnTo>
                  <a:lnTo>
                    <a:pt x="52" y="223"/>
                  </a:lnTo>
                  <a:lnTo>
                    <a:pt x="54" y="225"/>
                  </a:lnTo>
                  <a:lnTo>
                    <a:pt x="57" y="233"/>
                  </a:lnTo>
                  <a:lnTo>
                    <a:pt x="61" y="235"/>
                  </a:lnTo>
                  <a:lnTo>
                    <a:pt x="62" y="233"/>
                  </a:lnTo>
                  <a:lnTo>
                    <a:pt x="66" y="230"/>
                  </a:lnTo>
                  <a:lnTo>
                    <a:pt x="67" y="225"/>
                  </a:lnTo>
                  <a:lnTo>
                    <a:pt x="67" y="221"/>
                  </a:lnTo>
                  <a:lnTo>
                    <a:pt x="67" y="216"/>
                  </a:lnTo>
                  <a:lnTo>
                    <a:pt x="69" y="216"/>
                  </a:lnTo>
                  <a:lnTo>
                    <a:pt x="71" y="189"/>
                  </a:lnTo>
                  <a:lnTo>
                    <a:pt x="93" y="167"/>
                  </a:lnTo>
                  <a:lnTo>
                    <a:pt x="93" y="169"/>
                  </a:lnTo>
                  <a:lnTo>
                    <a:pt x="94" y="171"/>
                  </a:lnTo>
                  <a:lnTo>
                    <a:pt x="98" y="171"/>
                  </a:lnTo>
                  <a:lnTo>
                    <a:pt x="101" y="169"/>
                  </a:lnTo>
                  <a:lnTo>
                    <a:pt x="105" y="169"/>
                  </a:lnTo>
                  <a:lnTo>
                    <a:pt x="108" y="167"/>
                  </a:lnTo>
                  <a:lnTo>
                    <a:pt x="110" y="165"/>
                  </a:lnTo>
                  <a:lnTo>
                    <a:pt x="110" y="164"/>
                  </a:lnTo>
                  <a:lnTo>
                    <a:pt x="111" y="164"/>
                  </a:lnTo>
                  <a:lnTo>
                    <a:pt x="113" y="160"/>
                  </a:lnTo>
                  <a:lnTo>
                    <a:pt x="118" y="155"/>
                  </a:lnTo>
                  <a:lnTo>
                    <a:pt x="122" y="150"/>
                  </a:lnTo>
                  <a:lnTo>
                    <a:pt x="125" y="147"/>
                  </a:lnTo>
                  <a:lnTo>
                    <a:pt x="130" y="142"/>
                  </a:lnTo>
                  <a:lnTo>
                    <a:pt x="132" y="138"/>
                  </a:lnTo>
                  <a:lnTo>
                    <a:pt x="133" y="137"/>
                  </a:lnTo>
                  <a:lnTo>
                    <a:pt x="138" y="130"/>
                  </a:lnTo>
                  <a:lnTo>
                    <a:pt x="142" y="125"/>
                  </a:lnTo>
                  <a:lnTo>
                    <a:pt x="144" y="120"/>
                  </a:lnTo>
                  <a:lnTo>
                    <a:pt x="144" y="115"/>
                  </a:lnTo>
                  <a:lnTo>
                    <a:pt x="144" y="111"/>
                  </a:lnTo>
                  <a:lnTo>
                    <a:pt x="142" y="108"/>
                  </a:lnTo>
                  <a:lnTo>
                    <a:pt x="142" y="106"/>
                  </a:lnTo>
                  <a:lnTo>
                    <a:pt x="142" y="105"/>
                  </a:lnTo>
                  <a:lnTo>
                    <a:pt x="142" y="103"/>
                  </a:lnTo>
                  <a:lnTo>
                    <a:pt x="142" y="96"/>
                  </a:lnTo>
                  <a:lnTo>
                    <a:pt x="144" y="89"/>
                  </a:lnTo>
                  <a:lnTo>
                    <a:pt x="144" y="79"/>
                  </a:lnTo>
                  <a:lnTo>
                    <a:pt x="145" y="69"/>
                  </a:lnTo>
                  <a:lnTo>
                    <a:pt x="147" y="61"/>
                  </a:lnTo>
                  <a:lnTo>
                    <a:pt x="147" y="55"/>
                  </a:lnTo>
                  <a:lnTo>
                    <a:pt x="149" y="52"/>
                  </a:lnTo>
                  <a:lnTo>
                    <a:pt x="152" y="47"/>
                  </a:lnTo>
                  <a:lnTo>
                    <a:pt x="152" y="40"/>
                  </a:lnTo>
                  <a:lnTo>
                    <a:pt x="152" y="32"/>
                  </a:lnTo>
                  <a:lnTo>
                    <a:pt x="150" y="23"/>
                  </a:lnTo>
                  <a:lnTo>
                    <a:pt x="149" y="15"/>
                  </a:lnTo>
                  <a:lnTo>
                    <a:pt x="147" y="10"/>
                  </a:lnTo>
                  <a:lnTo>
                    <a:pt x="145" y="5"/>
                  </a:lnTo>
                  <a:lnTo>
                    <a:pt x="144" y="3"/>
                  </a:lnTo>
                  <a:lnTo>
                    <a:pt x="155" y="0"/>
                  </a:lnTo>
                  <a:lnTo>
                    <a:pt x="174" y="111"/>
                  </a:lnTo>
                  <a:lnTo>
                    <a:pt x="269" y="93"/>
                  </a:lnTo>
                  <a:lnTo>
                    <a:pt x="279" y="154"/>
                  </a:lnTo>
                  <a:lnTo>
                    <a:pt x="314" y="121"/>
                  </a:lnTo>
                  <a:lnTo>
                    <a:pt x="314" y="123"/>
                  </a:lnTo>
                  <a:lnTo>
                    <a:pt x="316" y="123"/>
                  </a:lnTo>
                  <a:lnTo>
                    <a:pt x="318" y="123"/>
                  </a:lnTo>
                  <a:lnTo>
                    <a:pt x="321" y="121"/>
                  </a:lnTo>
                  <a:lnTo>
                    <a:pt x="326" y="116"/>
                  </a:lnTo>
                  <a:lnTo>
                    <a:pt x="331" y="110"/>
                  </a:lnTo>
                  <a:lnTo>
                    <a:pt x="338" y="98"/>
                  </a:lnTo>
                  <a:lnTo>
                    <a:pt x="340" y="98"/>
                  </a:lnTo>
                  <a:lnTo>
                    <a:pt x="343" y="99"/>
                  </a:lnTo>
                  <a:lnTo>
                    <a:pt x="348" y="101"/>
                  </a:lnTo>
                  <a:lnTo>
                    <a:pt x="353" y="101"/>
                  </a:lnTo>
                  <a:lnTo>
                    <a:pt x="358" y="101"/>
                  </a:lnTo>
                  <a:lnTo>
                    <a:pt x="365" y="99"/>
                  </a:lnTo>
                  <a:lnTo>
                    <a:pt x="370" y="94"/>
                  </a:lnTo>
                  <a:lnTo>
                    <a:pt x="375" y="88"/>
                  </a:lnTo>
                  <a:lnTo>
                    <a:pt x="377" y="86"/>
                  </a:lnTo>
                  <a:lnTo>
                    <a:pt x="377" y="84"/>
                  </a:lnTo>
                  <a:lnTo>
                    <a:pt x="380" y="81"/>
                  </a:lnTo>
                  <a:lnTo>
                    <a:pt x="384" y="79"/>
                  </a:lnTo>
                  <a:lnTo>
                    <a:pt x="389" y="77"/>
                  </a:lnTo>
                  <a:lnTo>
                    <a:pt x="394" y="77"/>
                  </a:lnTo>
                  <a:lnTo>
                    <a:pt x="402" y="79"/>
                  </a:lnTo>
                  <a:lnTo>
                    <a:pt x="413" y="83"/>
                  </a:lnTo>
                  <a:lnTo>
                    <a:pt x="414" y="83"/>
                  </a:lnTo>
                  <a:lnTo>
                    <a:pt x="416" y="83"/>
                  </a:lnTo>
                  <a:lnTo>
                    <a:pt x="418" y="83"/>
                  </a:lnTo>
                  <a:lnTo>
                    <a:pt x="419" y="83"/>
                  </a:lnTo>
                  <a:lnTo>
                    <a:pt x="423" y="83"/>
                  </a:lnTo>
                  <a:lnTo>
                    <a:pt x="424" y="83"/>
                  </a:lnTo>
                  <a:lnTo>
                    <a:pt x="426" y="83"/>
                  </a:lnTo>
                  <a:lnTo>
                    <a:pt x="428" y="89"/>
                  </a:lnTo>
                  <a:lnTo>
                    <a:pt x="430" y="91"/>
                  </a:lnTo>
                  <a:lnTo>
                    <a:pt x="433" y="93"/>
                  </a:lnTo>
                  <a:lnTo>
                    <a:pt x="436" y="96"/>
                  </a:lnTo>
                  <a:lnTo>
                    <a:pt x="441" y="99"/>
                  </a:lnTo>
                  <a:lnTo>
                    <a:pt x="445" y="105"/>
                  </a:lnTo>
                  <a:lnTo>
                    <a:pt x="446" y="110"/>
                  </a:lnTo>
                  <a:lnTo>
                    <a:pt x="446" y="115"/>
                  </a:lnTo>
                  <a:lnTo>
                    <a:pt x="443" y="120"/>
                  </a:lnTo>
                  <a:lnTo>
                    <a:pt x="443" y="121"/>
                  </a:lnTo>
                  <a:lnTo>
                    <a:pt x="443" y="125"/>
                  </a:lnTo>
                  <a:lnTo>
                    <a:pt x="443" y="128"/>
                  </a:lnTo>
                  <a:lnTo>
                    <a:pt x="441" y="130"/>
                  </a:lnTo>
                  <a:lnTo>
                    <a:pt x="438" y="132"/>
                  </a:lnTo>
                  <a:lnTo>
                    <a:pt x="433" y="133"/>
                  </a:lnTo>
                  <a:lnTo>
                    <a:pt x="424" y="130"/>
                  </a:lnTo>
                  <a:lnTo>
                    <a:pt x="411" y="125"/>
                  </a:lnTo>
                  <a:lnTo>
                    <a:pt x="409" y="123"/>
                  </a:lnTo>
                  <a:lnTo>
                    <a:pt x="406" y="121"/>
                  </a:lnTo>
                  <a:lnTo>
                    <a:pt x="401" y="120"/>
                  </a:lnTo>
                  <a:lnTo>
                    <a:pt x="396" y="118"/>
                  </a:lnTo>
                  <a:lnTo>
                    <a:pt x="392" y="115"/>
                  </a:lnTo>
                  <a:lnTo>
                    <a:pt x="387" y="113"/>
                  </a:lnTo>
                  <a:lnTo>
                    <a:pt x="384" y="111"/>
                  </a:lnTo>
                  <a:lnTo>
                    <a:pt x="380" y="145"/>
                  </a:lnTo>
                  <a:lnTo>
                    <a:pt x="375" y="150"/>
                  </a:lnTo>
                  <a:lnTo>
                    <a:pt x="375" y="152"/>
                  </a:lnTo>
                  <a:lnTo>
                    <a:pt x="374" y="157"/>
                  </a:lnTo>
                  <a:lnTo>
                    <a:pt x="372" y="162"/>
                  </a:lnTo>
                  <a:lnTo>
                    <a:pt x="369" y="169"/>
                  </a:lnTo>
                  <a:lnTo>
                    <a:pt x="365" y="176"/>
                  </a:lnTo>
                  <a:lnTo>
                    <a:pt x="362" y="179"/>
                  </a:lnTo>
                  <a:lnTo>
                    <a:pt x="358" y="182"/>
                  </a:lnTo>
                  <a:lnTo>
                    <a:pt x="355" y="181"/>
                  </a:lnTo>
                  <a:lnTo>
                    <a:pt x="355" y="182"/>
                  </a:lnTo>
                  <a:lnTo>
                    <a:pt x="355" y="186"/>
                  </a:lnTo>
                  <a:lnTo>
                    <a:pt x="353" y="189"/>
                  </a:lnTo>
                  <a:lnTo>
                    <a:pt x="352" y="194"/>
                  </a:lnTo>
                  <a:lnTo>
                    <a:pt x="350" y="199"/>
                  </a:lnTo>
                  <a:lnTo>
                    <a:pt x="347" y="203"/>
                  </a:lnTo>
                  <a:lnTo>
                    <a:pt x="345" y="203"/>
                  </a:lnTo>
                  <a:lnTo>
                    <a:pt x="342" y="199"/>
                  </a:lnTo>
                  <a:lnTo>
                    <a:pt x="340" y="199"/>
                  </a:lnTo>
                  <a:lnTo>
                    <a:pt x="338" y="198"/>
                  </a:lnTo>
                  <a:lnTo>
                    <a:pt x="336" y="196"/>
                  </a:lnTo>
                  <a:lnTo>
                    <a:pt x="333" y="196"/>
                  </a:lnTo>
                  <a:lnTo>
                    <a:pt x="331" y="198"/>
                  </a:lnTo>
                  <a:lnTo>
                    <a:pt x="328" y="199"/>
                  </a:lnTo>
                  <a:lnTo>
                    <a:pt x="326" y="206"/>
                  </a:lnTo>
                  <a:lnTo>
                    <a:pt x="326" y="216"/>
                  </a:lnTo>
                  <a:lnTo>
                    <a:pt x="326" y="218"/>
                  </a:lnTo>
                  <a:lnTo>
                    <a:pt x="326" y="220"/>
                  </a:lnTo>
                  <a:lnTo>
                    <a:pt x="325" y="223"/>
                  </a:lnTo>
                  <a:lnTo>
                    <a:pt x="325" y="225"/>
                  </a:lnTo>
                  <a:lnTo>
                    <a:pt x="323" y="226"/>
                  </a:lnTo>
                  <a:lnTo>
                    <a:pt x="323" y="228"/>
                  </a:lnTo>
                  <a:lnTo>
                    <a:pt x="323" y="230"/>
                  </a:lnTo>
                  <a:lnTo>
                    <a:pt x="323" y="231"/>
                  </a:lnTo>
                  <a:lnTo>
                    <a:pt x="321" y="235"/>
                  </a:lnTo>
                  <a:lnTo>
                    <a:pt x="320" y="242"/>
                  </a:lnTo>
                  <a:lnTo>
                    <a:pt x="318" y="247"/>
                  </a:lnTo>
                  <a:lnTo>
                    <a:pt x="313" y="250"/>
                  </a:lnTo>
                  <a:lnTo>
                    <a:pt x="308" y="252"/>
                  </a:lnTo>
                  <a:lnTo>
                    <a:pt x="301" y="250"/>
                  </a:lnTo>
                  <a:lnTo>
                    <a:pt x="291" y="243"/>
                  </a:lnTo>
                  <a:lnTo>
                    <a:pt x="289" y="242"/>
                  </a:lnTo>
                  <a:lnTo>
                    <a:pt x="286" y="240"/>
                  </a:lnTo>
                  <a:lnTo>
                    <a:pt x="282" y="238"/>
                  </a:lnTo>
                  <a:lnTo>
                    <a:pt x="279" y="238"/>
                  </a:lnTo>
                  <a:lnTo>
                    <a:pt x="276" y="240"/>
                  </a:lnTo>
                  <a:lnTo>
                    <a:pt x="274" y="243"/>
                  </a:lnTo>
                  <a:lnTo>
                    <a:pt x="274" y="250"/>
                  </a:lnTo>
                  <a:lnTo>
                    <a:pt x="276" y="260"/>
                  </a:lnTo>
                  <a:lnTo>
                    <a:pt x="276" y="262"/>
                  </a:lnTo>
                  <a:lnTo>
                    <a:pt x="276" y="265"/>
                  </a:lnTo>
                  <a:lnTo>
                    <a:pt x="274" y="267"/>
                  </a:lnTo>
                  <a:lnTo>
                    <a:pt x="272" y="269"/>
                  </a:lnTo>
                  <a:lnTo>
                    <a:pt x="272" y="272"/>
                  </a:lnTo>
                  <a:lnTo>
                    <a:pt x="270" y="274"/>
                  </a:lnTo>
                  <a:lnTo>
                    <a:pt x="270" y="275"/>
                  </a:lnTo>
                  <a:lnTo>
                    <a:pt x="269" y="275"/>
                  </a:lnTo>
                  <a:lnTo>
                    <a:pt x="267" y="287"/>
                  </a:lnTo>
                  <a:lnTo>
                    <a:pt x="265" y="289"/>
                  </a:lnTo>
                  <a:lnTo>
                    <a:pt x="264" y="291"/>
                  </a:lnTo>
                  <a:lnTo>
                    <a:pt x="264" y="292"/>
                  </a:lnTo>
                  <a:lnTo>
                    <a:pt x="262" y="296"/>
                  </a:lnTo>
                  <a:lnTo>
                    <a:pt x="260" y="301"/>
                  </a:lnTo>
                  <a:lnTo>
                    <a:pt x="259" y="308"/>
                  </a:lnTo>
                  <a:lnTo>
                    <a:pt x="259" y="314"/>
                  </a:lnTo>
                  <a:lnTo>
                    <a:pt x="259" y="318"/>
                  </a:lnTo>
                  <a:lnTo>
                    <a:pt x="255" y="321"/>
                  </a:lnTo>
                  <a:lnTo>
                    <a:pt x="252" y="326"/>
                  </a:lnTo>
                  <a:lnTo>
                    <a:pt x="248" y="331"/>
                  </a:lnTo>
                  <a:lnTo>
                    <a:pt x="245" y="336"/>
                  </a:lnTo>
                  <a:lnTo>
                    <a:pt x="242" y="341"/>
                  </a:lnTo>
                  <a:lnTo>
                    <a:pt x="240" y="347"/>
                  </a:lnTo>
                  <a:lnTo>
                    <a:pt x="238" y="352"/>
                  </a:lnTo>
                  <a:lnTo>
                    <a:pt x="238" y="353"/>
                  </a:lnTo>
                  <a:lnTo>
                    <a:pt x="238" y="355"/>
                  </a:lnTo>
                  <a:lnTo>
                    <a:pt x="238" y="357"/>
                  </a:lnTo>
                  <a:lnTo>
                    <a:pt x="238" y="360"/>
                  </a:lnTo>
                  <a:lnTo>
                    <a:pt x="238" y="362"/>
                  </a:lnTo>
                  <a:lnTo>
                    <a:pt x="238" y="363"/>
                  </a:lnTo>
                  <a:lnTo>
                    <a:pt x="238" y="365"/>
                  </a:lnTo>
                  <a:lnTo>
                    <a:pt x="243" y="369"/>
                  </a:lnTo>
                  <a:lnTo>
                    <a:pt x="237" y="377"/>
                  </a:lnTo>
                  <a:lnTo>
                    <a:pt x="242" y="384"/>
                  </a:lnTo>
                  <a:lnTo>
                    <a:pt x="225" y="396"/>
                  </a:lnTo>
                  <a:lnTo>
                    <a:pt x="223" y="396"/>
                  </a:lnTo>
                  <a:lnTo>
                    <a:pt x="220" y="394"/>
                  </a:lnTo>
                  <a:lnTo>
                    <a:pt x="216" y="394"/>
                  </a:lnTo>
                  <a:lnTo>
                    <a:pt x="211" y="394"/>
                  </a:lnTo>
                  <a:lnTo>
                    <a:pt x="208" y="396"/>
                  </a:lnTo>
                  <a:lnTo>
                    <a:pt x="203" y="401"/>
                  </a:lnTo>
                  <a:lnTo>
                    <a:pt x="201" y="407"/>
                  </a:lnTo>
                  <a:lnTo>
                    <a:pt x="199" y="406"/>
                  </a:lnTo>
                  <a:lnTo>
                    <a:pt x="198" y="404"/>
                  </a:lnTo>
                  <a:lnTo>
                    <a:pt x="194" y="404"/>
                  </a:lnTo>
                  <a:lnTo>
                    <a:pt x="189" y="402"/>
                  </a:lnTo>
                  <a:lnTo>
                    <a:pt x="186" y="402"/>
                  </a:lnTo>
                  <a:lnTo>
                    <a:pt x="184" y="404"/>
                  </a:lnTo>
                  <a:lnTo>
                    <a:pt x="184" y="407"/>
                  </a:lnTo>
                  <a:lnTo>
                    <a:pt x="186" y="414"/>
                  </a:lnTo>
                  <a:lnTo>
                    <a:pt x="186" y="416"/>
                  </a:lnTo>
                  <a:lnTo>
                    <a:pt x="184" y="418"/>
                  </a:lnTo>
                  <a:lnTo>
                    <a:pt x="182" y="418"/>
                  </a:lnTo>
                  <a:lnTo>
                    <a:pt x="179" y="419"/>
                  </a:lnTo>
                  <a:lnTo>
                    <a:pt x="176" y="421"/>
                  </a:lnTo>
                  <a:lnTo>
                    <a:pt x="174" y="423"/>
                  </a:lnTo>
                  <a:lnTo>
                    <a:pt x="172" y="423"/>
                  </a:lnTo>
                  <a:lnTo>
                    <a:pt x="171" y="424"/>
                  </a:lnTo>
                  <a:lnTo>
                    <a:pt x="167" y="426"/>
                  </a:lnTo>
                  <a:lnTo>
                    <a:pt x="162" y="428"/>
                  </a:lnTo>
                  <a:lnTo>
                    <a:pt x="155" y="429"/>
                  </a:lnTo>
                  <a:lnTo>
                    <a:pt x="150" y="429"/>
                  </a:lnTo>
                  <a:lnTo>
                    <a:pt x="145" y="429"/>
                  </a:lnTo>
                  <a:lnTo>
                    <a:pt x="142" y="428"/>
                  </a:lnTo>
                  <a:lnTo>
                    <a:pt x="140" y="423"/>
                  </a:lnTo>
                  <a:lnTo>
                    <a:pt x="138" y="426"/>
                  </a:lnTo>
                  <a:lnTo>
                    <a:pt x="135" y="429"/>
                  </a:lnTo>
                  <a:lnTo>
                    <a:pt x="132" y="433"/>
                  </a:lnTo>
                  <a:lnTo>
                    <a:pt x="127" y="438"/>
                  </a:lnTo>
                  <a:lnTo>
                    <a:pt x="122" y="440"/>
                  </a:lnTo>
                  <a:lnTo>
                    <a:pt x="116" y="440"/>
                  </a:lnTo>
                  <a:lnTo>
                    <a:pt x="110" y="438"/>
                  </a:lnTo>
                  <a:lnTo>
                    <a:pt x="108" y="438"/>
                  </a:lnTo>
                  <a:lnTo>
                    <a:pt x="105" y="438"/>
                  </a:lnTo>
                  <a:lnTo>
                    <a:pt x="101" y="436"/>
                  </a:lnTo>
                  <a:lnTo>
                    <a:pt x="98" y="435"/>
                  </a:lnTo>
                  <a:lnTo>
                    <a:pt x="93" y="433"/>
                  </a:lnTo>
                  <a:lnTo>
                    <a:pt x="88" y="428"/>
                  </a:lnTo>
                  <a:lnTo>
                    <a:pt x="83" y="423"/>
                  </a:lnTo>
                  <a:lnTo>
                    <a:pt x="79" y="416"/>
                  </a:lnTo>
                  <a:lnTo>
                    <a:pt x="78" y="413"/>
                  </a:lnTo>
                  <a:lnTo>
                    <a:pt x="78" y="409"/>
                  </a:lnTo>
                  <a:lnTo>
                    <a:pt x="78" y="406"/>
                  </a:lnTo>
                  <a:lnTo>
                    <a:pt x="76" y="404"/>
                  </a:lnTo>
                </a:path>
              </a:pathLst>
            </a:custGeom>
            <a:solidFill>
              <a:srgbClr val="C00000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37" name="Freeform 130"/>
            <p:cNvSpPr>
              <a:spLocks/>
            </p:cNvSpPr>
            <p:nvPr/>
          </p:nvSpPr>
          <p:spPr bwMode="auto">
            <a:xfrm>
              <a:off x="4583" y="2049"/>
              <a:ext cx="102" cy="170"/>
            </a:xfrm>
            <a:custGeom>
              <a:avLst/>
              <a:gdLst>
                <a:gd name="T0" fmla="*/ 17 w 105"/>
                <a:gd name="T1" fmla="*/ 16 h 175"/>
                <a:gd name="T2" fmla="*/ 17 w 105"/>
                <a:gd name="T3" fmla="*/ 17 h 175"/>
                <a:gd name="T4" fmla="*/ 17 w 105"/>
                <a:gd name="T5" fmla="*/ 17 h 175"/>
                <a:gd name="T6" fmla="*/ 17 w 105"/>
                <a:gd name="T7" fmla="*/ 20 h 175"/>
                <a:gd name="T8" fmla="*/ 17 w 105"/>
                <a:gd name="T9" fmla="*/ 22 h 175"/>
                <a:gd name="T10" fmla="*/ 17 w 105"/>
                <a:gd name="T11" fmla="*/ 24 h 175"/>
                <a:gd name="T12" fmla="*/ 17 w 105"/>
                <a:gd name="T13" fmla="*/ 32 h 175"/>
                <a:gd name="T14" fmla="*/ 17 w 105"/>
                <a:gd name="T15" fmla="*/ 39 h 175"/>
                <a:gd name="T16" fmla="*/ 20 w 105"/>
                <a:gd name="T17" fmla="*/ 42 h 175"/>
                <a:gd name="T18" fmla="*/ 23 w 105"/>
                <a:gd name="T19" fmla="*/ 42 h 175"/>
                <a:gd name="T20" fmla="*/ 25 w 105"/>
                <a:gd name="T21" fmla="*/ 43 h 175"/>
                <a:gd name="T22" fmla="*/ 30 w 105"/>
                <a:gd name="T23" fmla="*/ 45 h 175"/>
                <a:gd name="T24" fmla="*/ 35 w 105"/>
                <a:gd name="T25" fmla="*/ 48 h 175"/>
                <a:gd name="T26" fmla="*/ 35 w 105"/>
                <a:gd name="T27" fmla="*/ 54 h 175"/>
                <a:gd name="T28" fmla="*/ 35 w 105"/>
                <a:gd name="T29" fmla="*/ 59 h 175"/>
                <a:gd name="T30" fmla="*/ 35 w 105"/>
                <a:gd name="T31" fmla="*/ 59 h 175"/>
                <a:gd name="T32" fmla="*/ 39 w 105"/>
                <a:gd name="T33" fmla="*/ 63 h 175"/>
                <a:gd name="T34" fmla="*/ 41 w 105"/>
                <a:gd name="T35" fmla="*/ 67 h 175"/>
                <a:gd name="T36" fmla="*/ 43 w 105"/>
                <a:gd name="T37" fmla="*/ 70 h 175"/>
                <a:gd name="T38" fmla="*/ 43 w 105"/>
                <a:gd name="T39" fmla="*/ 71 h 175"/>
                <a:gd name="T40" fmla="*/ 44 w 105"/>
                <a:gd name="T41" fmla="*/ 71 h 175"/>
                <a:gd name="T42" fmla="*/ 45 w 105"/>
                <a:gd name="T43" fmla="*/ 74 h 175"/>
                <a:gd name="T44" fmla="*/ 45 w 105"/>
                <a:gd name="T45" fmla="*/ 75 h 175"/>
                <a:gd name="T46" fmla="*/ 49 w 105"/>
                <a:gd name="T47" fmla="*/ 80 h 175"/>
                <a:gd name="T48" fmla="*/ 55 w 105"/>
                <a:gd name="T49" fmla="*/ 82 h 175"/>
                <a:gd name="T50" fmla="*/ 59 w 105"/>
                <a:gd name="T51" fmla="*/ 82 h 175"/>
                <a:gd name="T52" fmla="*/ 61 w 105"/>
                <a:gd name="T53" fmla="*/ 82 h 175"/>
                <a:gd name="T54" fmla="*/ 63 w 105"/>
                <a:gd name="T55" fmla="*/ 90 h 175"/>
                <a:gd name="T56" fmla="*/ 58 w 105"/>
                <a:gd name="T57" fmla="*/ 94 h 175"/>
                <a:gd name="T58" fmla="*/ 58 w 105"/>
                <a:gd name="T59" fmla="*/ 94 h 175"/>
                <a:gd name="T60" fmla="*/ 57 w 105"/>
                <a:gd name="T61" fmla="*/ 95 h 175"/>
                <a:gd name="T62" fmla="*/ 57 w 105"/>
                <a:gd name="T63" fmla="*/ 96 h 175"/>
                <a:gd name="T64" fmla="*/ 53 w 105"/>
                <a:gd name="T65" fmla="*/ 99 h 175"/>
                <a:gd name="T66" fmla="*/ 57 w 105"/>
                <a:gd name="T67" fmla="*/ 100 h 175"/>
                <a:gd name="T68" fmla="*/ 61 w 105"/>
                <a:gd name="T69" fmla="*/ 99 h 175"/>
                <a:gd name="T70" fmla="*/ 63 w 105"/>
                <a:gd name="T71" fmla="*/ 98 h 175"/>
                <a:gd name="T72" fmla="*/ 66 w 105"/>
                <a:gd name="T73" fmla="*/ 96 h 175"/>
                <a:gd name="T74" fmla="*/ 69 w 105"/>
                <a:gd name="T75" fmla="*/ 99 h 175"/>
                <a:gd name="T76" fmla="*/ 69 w 105"/>
                <a:gd name="T77" fmla="*/ 104 h 175"/>
                <a:gd name="T78" fmla="*/ 69 w 105"/>
                <a:gd name="T79" fmla="*/ 109 h 175"/>
                <a:gd name="T80" fmla="*/ 0 w 105"/>
                <a:gd name="T81" fmla="*/ 17 h 175"/>
                <a:gd name="T82" fmla="*/ 0 w 105"/>
                <a:gd name="T83" fmla="*/ 17 h 175"/>
                <a:gd name="T84" fmla="*/ 5 w 105"/>
                <a:gd name="T85" fmla="*/ 7 h 175"/>
                <a:gd name="T86" fmla="*/ 15 w 105"/>
                <a:gd name="T87" fmla="*/ 0 h 175"/>
                <a:gd name="T88" fmla="*/ 17 w 105"/>
                <a:gd name="T89" fmla="*/ 0 h 175"/>
                <a:gd name="T90" fmla="*/ 18 w 105"/>
                <a:gd name="T91" fmla="*/ 2 h 175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w 105"/>
                <a:gd name="T139" fmla="*/ 0 h 175"/>
                <a:gd name="T140" fmla="*/ 105 w 105"/>
                <a:gd name="T141" fmla="*/ 175 h 175"/>
              </a:gdLst>
              <a:ahLst/>
              <a:cxnLst>
                <a:cxn ang="T92">
                  <a:pos x="T0" y="T1"/>
                </a:cxn>
                <a:cxn ang="T93">
                  <a:pos x="T2" y="T3"/>
                </a:cxn>
                <a:cxn ang="T94">
                  <a:pos x="T4" y="T5"/>
                </a:cxn>
                <a:cxn ang="T95">
                  <a:pos x="T6" y="T7"/>
                </a:cxn>
                <a:cxn ang="T96">
                  <a:pos x="T8" y="T9"/>
                </a:cxn>
                <a:cxn ang="T97">
                  <a:pos x="T10" y="T11"/>
                </a:cxn>
                <a:cxn ang="T98">
                  <a:pos x="T12" y="T13"/>
                </a:cxn>
                <a:cxn ang="T99">
                  <a:pos x="T14" y="T15"/>
                </a:cxn>
                <a:cxn ang="T100">
                  <a:pos x="T16" y="T17"/>
                </a:cxn>
                <a:cxn ang="T101">
                  <a:pos x="T18" y="T19"/>
                </a:cxn>
                <a:cxn ang="T102">
                  <a:pos x="T20" y="T21"/>
                </a:cxn>
                <a:cxn ang="T103">
                  <a:pos x="T22" y="T23"/>
                </a:cxn>
                <a:cxn ang="T104">
                  <a:pos x="T24" y="T25"/>
                </a:cxn>
                <a:cxn ang="T105">
                  <a:pos x="T26" y="T27"/>
                </a:cxn>
                <a:cxn ang="T106">
                  <a:pos x="T28" y="T29"/>
                </a:cxn>
                <a:cxn ang="T107">
                  <a:pos x="T30" y="T31"/>
                </a:cxn>
                <a:cxn ang="T108">
                  <a:pos x="T32" y="T33"/>
                </a:cxn>
                <a:cxn ang="T109">
                  <a:pos x="T34" y="T35"/>
                </a:cxn>
                <a:cxn ang="T110">
                  <a:pos x="T36" y="T37"/>
                </a:cxn>
                <a:cxn ang="T111">
                  <a:pos x="T38" y="T39"/>
                </a:cxn>
                <a:cxn ang="T112">
                  <a:pos x="T40" y="T41"/>
                </a:cxn>
                <a:cxn ang="T113">
                  <a:pos x="T42" y="T43"/>
                </a:cxn>
                <a:cxn ang="T114">
                  <a:pos x="T44" y="T45"/>
                </a:cxn>
                <a:cxn ang="T115">
                  <a:pos x="T46" y="T47"/>
                </a:cxn>
                <a:cxn ang="T116">
                  <a:pos x="T48" y="T49"/>
                </a:cxn>
                <a:cxn ang="T117">
                  <a:pos x="T50" y="T51"/>
                </a:cxn>
                <a:cxn ang="T118">
                  <a:pos x="T52" y="T53"/>
                </a:cxn>
                <a:cxn ang="T119">
                  <a:pos x="T54" y="T55"/>
                </a:cxn>
                <a:cxn ang="T120">
                  <a:pos x="T56" y="T57"/>
                </a:cxn>
                <a:cxn ang="T121">
                  <a:pos x="T58" y="T59"/>
                </a:cxn>
                <a:cxn ang="T122">
                  <a:pos x="T60" y="T61"/>
                </a:cxn>
                <a:cxn ang="T123">
                  <a:pos x="T62" y="T63"/>
                </a:cxn>
                <a:cxn ang="T124">
                  <a:pos x="T64" y="T65"/>
                </a:cxn>
                <a:cxn ang="T125">
                  <a:pos x="T66" y="T67"/>
                </a:cxn>
                <a:cxn ang="T126">
                  <a:pos x="T68" y="T69"/>
                </a:cxn>
                <a:cxn ang="T127">
                  <a:pos x="T70" y="T71"/>
                </a:cxn>
                <a:cxn ang="T128">
                  <a:pos x="T72" y="T73"/>
                </a:cxn>
                <a:cxn ang="T129">
                  <a:pos x="T74" y="T75"/>
                </a:cxn>
                <a:cxn ang="T130">
                  <a:pos x="T76" y="T77"/>
                </a:cxn>
                <a:cxn ang="T131">
                  <a:pos x="T78" y="T79"/>
                </a:cxn>
                <a:cxn ang="T132">
                  <a:pos x="T80" y="T81"/>
                </a:cxn>
                <a:cxn ang="T133">
                  <a:pos x="T82" y="T83"/>
                </a:cxn>
                <a:cxn ang="T134">
                  <a:pos x="T84" y="T85"/>
                </a:cxn>
                <a:cxn ang="T135">
                  <a:pos x="T86" y="T87"/>
                </a:cxn>
                <a:cxn ang="T136">
                  <a:pos x="T88" y="T89"/>
                </a:cxn>
                <a:cxn ang="T137">
                  <a:pos x="T90" y="T91"/>
                </a:cxn>
              </a:cxnLst>
              <a:rect l="T138" t="T139" r="T140" b="T141"/>
              <a:pathLst>
                <a:path w="105" h="175">
                  <a:moveTo>
                    <a:pt x="27" y="7"/>
                  </a:moveTo>
                  <a:lnTo>
                    <a:pt x="24" y="16"/>
                  </a:lnTo>
                  <a:lnTo>
                    <a:pt x="20" y="22"/>
                  </a:lnTo>
                  <a:lnTo>
                    <a:pt x="20" y="26"/>
                  </a:lnTo>
                  <a:lnTo>
                    <a:pt x="20" y="29"/>
                  </a:lnTo>
                  <a:lnTo>
                    <a:pt x="20" y="31"/>
                  </a:lnTo>
                  <a:lnTo>
                    <a:pt x="22" y="34"/>
                  </a:lnTo>
                  <a:lnTo>
                    <a:pt x="22" y="36"/>
                  </a:lnTo>
                  <a:lnTo>
                    <a:pt x="24" y="36"/>
                  </a:lnTo>
                  <a:lnTo>
                    <a:pt x="24" y="38"/>
                  </a:lnTo>
                  <a:lnTo>
                    <a:pt x="25" y="46"/>
                  </a:lnTo>
                  <a:lnTo>
                    <a:pt x="27" y="49"/>
                  </a:lnTo>
                  <a:lnTo>
                    <a:pt x="29" y="55"/>
                  </a:lnTo>
                  <a:lnTo>
                    <a:pt x="30" y="56"/>
                  </a:lnTo>
                  <a:lnTo>
                    <a:pt x="34" y="60"/>
                  </a:lnTo>
                  <a:lnTo>
                    <a:pt x="36" y="61"/>
                  </a:lnTo>
                  <a:lnTo>
                    <a:pt x="37" y="61"/>
                  </a:lnTo>
                  <a:lnTo>
                    <a:pt x="39" y="63"/>
                  </a:lnTo>
                  <a:lnTo>
                    <a:pt x="44" y="66"/>
                  </a:lnTo>
                  <a:lnTo>
                    <a:pt x="47" y="70"/>
                  </a:lnTo>
                  <a:lnTo>
                    <a:pt x="49" y="73"/>
                  </a:lnTo>
                  <a:lnTo>
                    <a:pt x="49" y="78"/>
                  </a:lnTo>
                  <a:lnTo>
                    <a:pt x="49" y="82"/>
                  </a:lnTo>
                  <a:lnTo>
                    <a:pt x="49" y="85"/>
                  </a:lnTo>
                  <a:lnTo>
                    <a:pt x="49" y="88"/>
                  </a:lnTo>
                  <a:lnTo>
                    <a:pt x="51" y="92"/>
                  </a:lnTo>
                  <a:lnTo>
                    <a:pt x="54" y="93"/>
                  </a:lnTo>
                  <a:lnTo>
                    <a:pt x="56" y="97"/>
                  </a:lnTo>
                  <a:lnTo>
                    <a:pt x="59" y="99"/>
                  </a:lnTo>
                  <a:lnTo>
                    <a:pt x="61" y="102"/>
                  </a:lnTo>
                  <a:lnTo>
                    <a:pt x="63" y="104"/>
                  </a:lnTo>
                  <a:lnTo>
                    <a:pt x="63" y="105"/>
                  </a:lnTo>
                  <a:lnTo>
                    <a:pt x="64" y="105"/>
                  </a:lnTo>
                  <a:lnTo>
                    <a:pt x="64" y="109"/>
                  </a:lnTo>
                  <a:lnTo>
                    <a:pt x="66" y="110"/>
                  </a:lnTo>
                  <a:lnTo>
                    <a:pt x="66" y="112"/>
                  </a:lnTo>
                  <a:lnTo>
                    <a:pt x="71" y="115"/>
                  </a:lnTo>
                  <a:lnTo>
                    <a:pt x="74" y="119"/>
                  </a:lnTo>
                  <a:lnTo>
                    <a:pt x="80" y="121"/>
                  </a:lnTo>
                  <a:lnTo>
                    <a:pt x="83" y="122"/>
                  </a:lnTo>
                  <a:lnTo>
                    <a:pt x="86" y="122"/>
                  </a:lnTo>
                  <a:lnTo>
                    <a:pt x="88" y="122"/>
                  </a:lnTo>
                  <a:lnTo>
                    <a:pt x="90" y="122"/>
                  </a:lnTo>
                  <a:lnTo>
                    <a:pt x="93" y="126"/>
                  </a:lnTo>
                  <a:lnTo>
                    <a:pt x="93" y="136"/>
                  </a:lnTo>
                  <a:lnTo>
                    <a:pt x="86" y="136"/>
                  </a:lnTo>
                  <a:lnTo>
                    <a:pt x="86" y="141"/>
                  </a:lnTo>
                  <a:lnTo>
                    <a:pt x="86" y="143"/>
                  </a:lnTo>
                  <a:lnTo>
                    <a:pt x="85" y="143"/>
                  </a:lnTo>
                  <a:lnTo>
                    <a:pt x="85" y="144"/>
                  </a:lnTo>
                  <a:lnTo>
                    <a:pt x="83" y="146"/>
                  </a:lnTo>
                  <a:lnTo>
                    <a:pt x="81" y="148"/>
                  </a:lnTo>
                  <a:lnTo>
                    <a:pt x="83" y="149"/>
                  </a:lnTo>
                  <a:lnTo>
                    <a:pt x="85" y="149"/>
                  </a:lnTo>
                  <a:lnTo>
                    <a:pt x="88" y="149"/>
                  </a:lnTo>
                  <a:lnTo>
                    <a:pt x="90" y="148"/>
                  </a:lnTo>
                  <a:lnTo>
                    <a:pt x="91" y="148"/>
                  </a:lnTo>
                  <a:lnTo>
                    <a:pt x="93" y="146"/>
                  </a:lnTo>
                  <a:lnTo>
                    <a:pt x="98" y="144"/>
                  </a:lnTo>
                  <a:lnTo>
                    <a:pt x="100" y="144"/>
                  </a:lnTo>
                  <a:lnTo>
                    <a:pt x="102" y="148"/>
                  </a:lnTo>
                  <a:lnTo>
                    <a:pt x="102" y="149"/>
                  </a:lnTo>
                  <a:lnTo>
                    <a:pt x="102" y="154"/>
                  </a:lnTo>
                  <a:lnTo>
                    <a:pt x="105" y="158"/>
                  </a:lnTo>
                  <a:lnTo>
                    <a:pt x="103" y="163"/>
                  </a:lnTo>
                  <a:lnTo>
                    <a:pt x="41" y="175"/>
                  </a:lnTo>
                  <a:lnTo>
                    <a:pt x="0" y="21"/>
                  </a:lnTo>
                  <a:lnTo>
                    <a:pt x="0" y="22"/>
                  </a:lnTo>
                  <a:lnTo>
                    <a:pt x="2" y="12"/>
                  </a:lnTo>
                  <a:lnTo>
                    <a:pt x="5" y="7"/>
                  </a:lnTo>
                  <a:lnTo>
                    <a:pt x="10" y="4"/>
                  </a:lnTo>
                  <a:lnTo>
                    <a:pt x="15" y="0"/>
                  </a:lnTo>
                  <a:lnTo>
                    <a:pt x="22" y="0"/>
                  </a:lnTo>
                  <a:lnTo>
                    <a:pt x="27" y="0"/>
                  </a:lnTo>
                  <a:lnTo>
                    <a:pt x="30" y="0"/>
                  </a:lnTo>
                  <a:lnTo>
                    <a:pt x="32" y="2"/>
                  </a:lnTo>
                  <a:lnTo>
                    <a:pt x="27" y="7"/>
                  </a:lnTo>
                </a:path>
              </a:pathLst>
            </a:custGeom>
            <a:solidFill>
              <a:srgbClr val="C00000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1138" name="Group 131"/>
            <p:cNvGrpSpPr>
              <a:grpSpLocks/>
            </p:cNvGrpSpPr>
            <p:nvPr/>
          </p:nvGrpSpPr>
          <p:grpSpPr bwMode="auto">
            <a:xfrm>
              <a:off x="3980" y="2710"/>
              <a:ext cx="478" cy="363"/>
              <a:chOff x="3916" y="2758"/>
              <a:chExt cx="478" cy="363"/>
            </a:xfrm>
          </p:grpSpPr>
          <p:sp>
            <p:nvSpPr>
              <p:cNvPr id="1191" name="Freeform 132"/>
              <p:cNvSpPr>
                <a:spLocks/>
              </p:cNvSpPr>
              <p:nvPr/>
            </p:nvSpPr>
            <p:spPr bwMode="auto">
              <a:xfrm>
                <a:off x="4222" y="3072"/>
                <a:ext cx="15" cy="16"/>
              </a:xfrm>
              <a:custGeom>
                <a:avLst/>
                <a:gdLst>
                  <a:gd name="T0" fmla="*/ 1 w 15"/>
                  <a:gd name="T1" fmla="*/ 5 h 17"/>
                  <a:gd name="T2" fmla="*/ 5 w 15"/>
                  <a:gd name="T3" fmla="*/ 2 h 17"/>
                  <a:gd name="T4" fmla="*/ 6 w 15"/>
                  <a:gd name="T5" fmla="*/ 0 h 17"/>
                  <a:gd name="T6" fmla="*/ 10 w 15"/>
                  <a:gd name="T7" fmla="*/ 0 h 17"/>
                  <a:gd name="T8" fmla="*/ 12 w 15"/>
                  <a:gd name="T9" fmla="*/ 0 h 17"/>
                  <a:gd name="T10" fmla="*/ 13 w 15"/>
                  <a:gd name="T11" fmla="*/ 2 h 17"/>
                  <a:gd name="T12" fmla="*/ 13 w 15"/>
                  <a:gd name="T13" fmla="*/ 2 h 17"/>
                  <a:gd name="T14" fmla="*/ 15 w 15"/>
                  <a:gd name="T15" fmla="*/ 3 h 17"/>
                  <a:gd name="T16" fmla="*/ 15 w 15"/>
                  <a:gd name="T17" fmla="*/ 5 h 17"/>
                  <a:gd name="T18" fmla="*/ 15 w 15"/>
                  <a:gd name="T19" fmla="*/ 7 h 17"/>
                  <a:gd name="T20" fmla="*/ 13 w 15"/>
                  <a:gd name="T21" fmla="*/ 8 h 17"/>
                  <a:gd name="T22" fmla="*/ 13 w 15"/>
                  <a:gd name="T23" fmla="*/ 8 h 17"/>
                  <a:gd name="T24" fmla="*/ 12 w 15"/>
                  <a:gd name="T25" fmla="*/ 8 h 17"/>
                  <a:gd name="T26" fmla="*/ 10 w 15"/>
                  <a:gd name="T27" fmla="*/ 8 h 17"/>
                  <a:gd name="T28" fmla="*/ 6 w 15"/>
                  <a:gd name="T29" fmla="*/ 8 h 17"/>
                  <a:gd name="T30" fmla="*/ 3 w 15"/>
                  <a:gd name="T31" fmla="*/ 8 h 17"/>
                  <a:gd name="T32" fmla="*/ 1 w 15"/>
                  <a:gd name="T33" fmla="*/ 8 h 17"/>
                  <a:gd name="T34" fmla="*/ 1 w 15"/>
                  <a:gd name="T35" fmla="*/ 8 h 17"/>
                  <a:gd name="T36" fmla="*/ 0 w 15"/>
                  <a:gd name="T37" fmla="*/ 8 h 17"/>
                  <a:gd name="T38" fmla="*/ 0 w 15"/>
                  <a:gd name="T39" fmla="*/ 8 h 17"/>
                  <a:gd name="T40" fmla="*/ 0 w 15"/>
                  <a:gd name="T41" fmla="*/ 8 h 17"/>
                  <a:gd name="T42" fmla="*/ 0 w 15"/>
                  <a:gd name="T43" fmla="*/ 8 h 17"/>
                  <a:gd name="T44" fmla="*/ 0 w 15"/>
                  <a:gd name="T45" fmla="*/ 8 h 17"/>
                  <a:gd name="T46" fmla="*/ 1 w 15"/>
                  <a:gd name="T47" fmla="*/ 7 h 17"/>
                  <a:gd name="T48" fmla="*/ 1 w 15"/>
                  <a:gd name="T49" fmla="*/ 5 h 1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15"/>
                  <a:gd name="T76" fmla="*/ 0 h 17"/>
                  <a:gd name="T77" fmla="*/ 15 w 15"/>
                  <a:gd name="T78" fmla="*/ 17 h 17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15" h="17">
                    <a:moveTo>
                      <a:pt x="1" y="5"/>
                    </a:moveTo>
                    <a:lnTo>
                      <a:pt x="5" y="2"/>
                    </a:lnTo>
                    <a:lnTo>
                      <a:pt x="6" y="0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5" y="3"/>
                    </a:lnTo>
                    <a:lnTo>
                      <a:pt x="15" y="5"/>
                    </a:lnTo>
                    <a:lnTo>
                      <a:pt x="15" y="7"/>
                    </a:lnTo>
                    <a:lnTo>
                      <a:pt x="13" y="8"/>
                    </a:lnTo>
                    <a:lnTo>
                      <a:pt x="13" y="10"/>
                    </a:lnTo>
                    <a:lnTo>
                      <a:pt x="12" y="12"/>
                    </a:lnTo>
                    <a:lnTo>
                      <a:pt x="10" y="15"/>
                    </a:lnTo>
                    <a:lnTo>
                      <a:pt x="6" y="17"/>
                    </a:lnTo>
                    <a:lnTo>
                      <a:pt x="3" y="17"/>
                    </a:lnTo>
                    <a:lnTo>
                      <a:pt x="1" y="17"/>
                    </a:lnTo>
                    <a:lnTo>
                      <a:pt x="0" y="15"/>
                    </a:lnTo>
                    <a:lnTo>
                      <a:pt x="0" y="13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1" y="7"/>
                    </a:lnTo>
                    <a:lnTo>
                      <a:pt x="1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92" name="Freeform 133"/>
              <p:cNvSpPr>
                <a:spLocks/>
              </p:cNvSpPr>
              <p:nvPr/>
            </p:nvSpPr>
            <p:spPr bwMode="auto">
              <a:xfrm>
                <a:off x="4206" y="3072"/>
                <a:ext cx="11" cy="12"/>
              </a:xfrm>
              <a:custGeom>
                <a:avLst/>
                <a:gdLst>
                  <a:gd name="T0" fmla="*/ 0 w 11"/>
                  <a:gd name="T1" fmla="*/ 6 h 13"/>
                  <a:gd name="T2" fmla="*/ 0 w 11"/>
                  <a:gd name="T3" fmla="*/ 3 h 13"/>
                  <a:gd name="T4" fmla="*/ 2 w 11"/>
                  <a:gd name="T5" fmla="*/ 2 h 13"/>
                  <a:gd name="T6" fmla="*/ 4 w 11"/>
                  <a:gd name="T7" fmla="*/ 0 h 13"/>
                  <a:gd name="T8" fmla="*/ 6 w 11"/>
                  <a:gd name="T9" fmla="*/ 0 h 13"/>
                  <a:gd name="T10" fmla="*/ 7 w 11"/>
                  <a:gd name="T11" fmla="*/ 0 h 13"/>
                  <a:gd name="T12" fmla="*/ 9 w 11"/>
                  <a:gd name="T13" fmla="*/ 2 h 13"/>
                  <a:gd name="T14" fmla="*/ 11 w 11"/>
                  <a:gd name="T15" fmla="*/ 3 h 13"/>
                  <a:gd name="T16" fmla="*/ 11 w 11"/>
                  <a:gd name="T17" fmla="*/ 6 h 13"/>
                  <a:gd name="T18" fmla="*/ 11 w 11"/>
                  <a:gd name="T19" fmla="*/ 6 h 13"/>
                  <a:gd name="T20" fmla="*/ 9 w 11"/>
                  <a:gd name="T21" fmla="*/ 6 h 13"/>
                  <a:gd name="T22" fmla="*/ 7 w 11"/>
                  <a:gd name="T23" fmla="*/ 6 h 13"/>
                  <a:gd name="T24" fmla="*/ 6 w 11"/>
                  <a:gd name="T25" fmla="*/ 6 h 13"/>
                  <a:gd name="T26" fmla="*/ 4 w 11"/>
                  <a:gd name="T27" fmla="*/ 6 h 13"/>
                  <a:gd name="T28" fmla="*/ 2 w 11"/>
                  <a:gd name="T29" fmla="*/ 6 h 13"/>
                  <a:gd name="T30" fmla="*/ 0 w 11"/>
                  <a:gd name="T31" fmla="*/ 6 h 13"/>
                  <a:gd name="T32" fmla="*/ 0 w 11"/>
                  <a:gd name="T33" fmla="*/ 6 h 13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1"/>
                  <a:gd name="T52" fmla="*/ 0 h 13"/>
                  <a:gd name="T53" fmla="*/ 11 w 11"/>
                  <a:gd name="T54" fmla="*/ 13 h 13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1" h="13">
                    <a:moveTo>
                      <a:pt x="0" y="7"/>
                    </a:moveTo>
                    <a:lnTo>
                      <a:pt x="0" y="3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0"/>
                    </a:lnTo>
                    <a:lnTo>
                      <a:pt x="9" y="2"/>
                    </a:lnTo>
                    <a:lnTo>
                      <a:pt x="11" y="3"/>
                    </a:lnTo>
                    <a:lnTo>
                      <a:pt x="11" y="7"/>
                    </a:lnTo>
                    <a:lnTo>
                      <a:pt x="11" y="10"/>
                    </a:lnTo>
                    <a:lnTo>
                      <a:pt x="9" y="12"/>
                    </a:lnTo>
                    <a:lnTo>
                      <a:pt x="7" y="13"/>
                    </a:lnTo>
                    <a:lnTo>
                      <a:pt x="6" y="13"/>
                    </a:lnTo>
                    <a:lnTo>
                      <a:pt x="4" y="13"/>
                    </a:lnTo>
                    <a:lnTo>
                      <a:pt x="2" y="12"/>
                    </a:lnTo>
                    <a:lnTo>
                      <a:pt x="0" y="10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93" name="Freeform 134"/>
              <p:cNvSpPr>
                <a:spLocks/>
              </p:cNvSpPr>
              <p:nvPr/>
            </p:nvSpPr>
            <p:spPr bwMode="auto">
              <a:xfrm>
                <a:off x="4212" y="3098"/>
                <a:ext cx="13" cy="16"/>
              </a:xfrm>
              <a:custGeom>
                <a:avLst/>
                <a:gdLst>
                  <a:gd name="T0" fmla="*/ 1 w 13"/>
                  <a:gd name="T1" fmla="*/ 5 h 17"/>
                  <a:gd name="T2" fmla="*/ 3 w 13"/>
                  <a:gd name="T3" fmla="*/ 2 h 17"/>
                  <a:gd name="T4" fmla="*/ 6 w 13"/>
                  <a:gd name="T5" fmla="*/ 0 h 17"/>
                  <a:gd name="T6" fmla="*/ 8 w 13"/>
                  <a:gd name="T7" fmla="*/ 0 h 17"/>
                  <a:gd name="T8" fmla="*/ 11 w 13"/>
                  <a:gd name="T9" fmla="*/ 0 h 17"/>
                  <a:gd name="T10" fmla="*/ 13 w 13"/>
                  <a:gd name="T11" fmla="*/ 0 h 17"/>
                  <a:gd name="T12" fmla="*/ 13 w 13"/>
                  <a:gd name="T13" fmla="*/ 2 h 17"/>
                  <a:gd name="T14" fmla="*/ 13 w 13"/>
                  <a:gd name="T15" fmla="*/ 3 h 17"/>
                  <a:gd name="T16" fmla="*/ 13 w 13"/>
                  <a:gd name="T17" fmla="*/ 5 h 17"/>
                  <a:gd name="T18" fmla="*/ 13 w 13"/>
                  <a:gd name="T19" fmla="*/ 5 h 17"/>
                  <a:gd name="T20" fmla="*/ 13 w 13"/>
                  <a:gd name="T21" fmla="*/ 8 h 17"/>
                  <a:gd name="T22" fmla="*/ 13 w 13"/>
                  <a:gd name="T23" fmla="*/ 8 h 17"/>
                  <a:gd name="T24" fmla="*/ 11 w 13"/>
                  <a:gd name="T25" fmla="*/ 8 h 17"/>
                  <a:gd name="T26" fmla="*/ 10 w 13"/>
                  <a:gd name="T27" fmla="*/ 8 h 17"/>
                  <a:gd name="T28" fmla="*/ 6 w 13"/>
                  <a:gd name="T29" fmla="*/ 8 h 17"/>
                  <a:gd name="T30" fmla="*/ 5 w 13"/>
                  <a:gd name="T31" fmla="*/ 8 h 17"/>
                  <a:gd name="T32" fmla="*/ 1 w 13"/>
                  <a:gd name="T33" fmla="*/ 8 h 17"/>
                  <a:gd name="T34" fmla="*/ 1 w 13"/>
                  <a:gd name="T35" fmla="*/ 8 h 17"/>
                  <a:gd name="T36" fmla="*/ 0 w 13"/>
                  <a:gd name="T37" fmla="*/ 8 h 17"/>
                  <a:gd name="T38" fmla="*/ 0 w 13"/>
                  <a:gd name="T39" fmla="*/ 8 h 17"/>
                  <a:gd name="T40" fmla="*/ 0 w 13"/>
                  <a:gd name="T41" fmla="*/ 8 h 17"/>
                  <a:gd name="T42" fmla="*/ 0 w 13"/>
                  <a:gd name="T43" fmla="*/ 8 h 17"/>
                  <a:gd name="T44" fmla="*/ 0 w 13"/>
                  <a:gd name="T45" fmla="*/ 8 h 17"/>
                  <a:gd name="T46" fmla="*/ 0 w 13"/>
                  <a:gd name="T47" fmla="*/ 7 h 17"/>
                  <a:gd name="T48" fmla="*/ 1 w 13"/>
                  <a:gd name="T49" fmla="*/ 5 h 1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13"/>
                  <a:gd name="T76" fmla="*/ 0 h 17"/>
                  <a:gd name="T77" fmla="*/ 13 w 13"/>
                  <a:gd name="T78" fmla="*/ 17 h 17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13" h="17">
                    <a:moveTo>
                      <a:pt x="1" y="5"/>
                    </a:moveTo>
                    <a:lnTo>
                      <a:pt x="3" y="2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1" y="0"/>
                    </a:lnTo>
                    <a:lnTo>
                      <a:pt x="13" y="0"/>
                    </a:lnTo>
                    <a:lnTo>
                      <a:pt x="13" y="2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3" y="8"/>
                    </a:lnTo>
                    <a:lnTo>
                      <a:pt x="11" y="10"/>
                    </a:lnTo>
                    <a:lnTo>
                      <a:pt x="10" y="14"/>
                    </a:lnTo>
                    <a:lnTo>
                      <a:pt x="6" y="15"/>
                    </a:lnTo>
                    <a:lnTo>
                      <a:pt x="5" y="17"/>
                    </a:lnTo>
                    <a:lnTo>
                      <a:pt x="1" y="17"/>
                    </a:lnTo>
                    <a:lnTo>
                      <a:pt x="1" y="15"/>
                    </a:lnTo>
                    <a:lnTo>
                      <a:pt x="0" y="14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1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94" name="Freeform 135"/>
              <p:cNvSpPr>
                <a:spLocks/>
              </p:cNvSpPr>
              <p:nvPr/>
            </p:nvSpPr>
            <p:spPr bwMode="auto">
              <a:xfrm>
                <a:off x="3916" y="2758"/>
                <a:ext cx="478" cy="363"/>
              </a:xfrm>
              <a:custGeom>
                <a:avLst/>
                <a:gdLst>
                  <a:gd name="T0" fmla="*/ 178 w 492"/>
                  <a:gd name="T1" fmla="*/ 243 h 374"/>
                  <a:gd name="T2" fmla="*/ 178 w 492"/>
                  <a:gd name="T3" fmla="*/ 240 h 374"/>
                  <a:gd name="T4" fmla="*/ 178 w 492"/>
                  <a:gd name="T5" fmla="*/ 229 h 374"/>
                  <a:gd name="T6" fmla="*/ 162 w 492"/>
                  <a:gd name="T7" fmla="*/ 208 h 374"/>
                  <a:gd name="T8" fmla="*/ 154 w 492"/>
                  <a:gd name="T9" fmla="*/ 202 h 374"/>
                  <a:gd name="T10" fmla="*/ 142 w 492"/>
                  <a:gd name="T11" fmla="*/ 177 h 374"/>
                  <a:gd name="T12" fmla="*/ 130 w 492"/>
                  <a:gd name="T13" fmla="*/ 173 h 374"/>
                  <a:gd name="T14" fmla="*/ 122 w 492"/>
                  <a:gd name="T15" fmla="*/ 168 h 374"/>
                  <a:gd name="T16" fmla="*/ 112 w 492"/>
                  <a:gd name="T17" fmla="*/ 156 h 374"/>
                  <a:gd name="T18" fmla="*/ 106 w 492"/>
                  <a:gd name="T19" fmla="*/ 144 h 374"/>
                  <a:gd name="T20" fmla="*/ 95 w 492"/>
                  <a:gd name="T21" fmla="*/ 139 h 374"/>
                  <a:gd name="T22" fmla="*/ 91 w 492"/>
                  <a:gd name="T23" fmla="*/ 137 h 374"/>
                  <a:gd name="T24" fmla="*/ 86 w 492"/>
                  <a:gd name="T25" fmla="*/ 132 h 374"/>
                  <a:gd name="T26" fmla="*/ 79 w 492"/>
                  <a:gd name="T27" fmla="*/ 120 h 374"/>
                  <a:gd name="T28" fmla="*/ 73 w 492"/>
                  <a:gd name="T29" fmla="*/ 120 h 374"/>
                  <a:gd name="T30" fmla="*/ 63 w 492"/>
                  <a:gd name="T31" fmla="*/ 114 h 374"/>
                  <a:gd name="T32" fmla="*/ 55 w 492"/>
                  <a:gd name="T33" fmla="*/ 104 h 374"/>
                  <a:gd name="T34" fmla="*/ 47 w 492"/>
                  <a:gd name="T35" fmla="*/ 96 h 374"/>
                  <a:gd name="T36" fmla="*/ 40 w 492"/>
                  <a:gd name="T37" fmla="*/ 79 h 374"/>
                  <a:gd name="T38" fmla="*/ 38 w 492"/>
                  <a:gd name="T39" fmla="*/ 74 h 374"/>
                  <a:gd name="T40" fmla="*/ 32 w 492"/>
                  <a:gd name="T41" fmla="*/ 73 h 374"/>
                  <a:gd name="T42" fmla="*/ 17 w 492"/>
                  <a:gd name="T43" fmla="*/ 70 h 374"/>
                  <a:gd name="T44" fmla="*/ 17 w 492"/>
                  <a:gd name="T45" fmla="*/ 67 h 374"/>
                  <a:gd name="T46" fmla="*/ 0 w 492"/>
                  <a:gd name="T47" fmla="*/ 56 h 374"/>
                  <a:gd name="T48" fmla="*/ 17 w 492"/>
                  <a:gd name="T49" fmla="*/ 37 h 374"/>
                  <a:gd name="T50" fmla="*/ 17 w 492"/>
                  <a:gd name="T51" fmla="*/ 37 h 374"/>
                  <a:gd name="T52" fmla="*/ 17 w 492"/>
                  <a:gd name="T53" fmla="*/ 28 h 374"/>
                  <a:gd name="T54" fmla="*/ 38 w 492"/>
                  <a:gd name="T55" fmla="*/ 17 h 374"/>
                  <a:gd name="T56" fmla="*/ 57 w 492"/>
                  <a:gd name="T57" fmla="*/ 15 h 374"/>
                  <a:gd name="T58" fmla="*/ 138 w 492"/>
                  <a:gd name="T59" fmla="*/ 1 h 374"/>
                  <a:gd name="T60" fmla="*/ 144 w 492"/>
                  <a:gd name="T61" fmla="*/ 0 h 374"/>
                  <a:gd name="T62" fmla="*/ 162 w 492"/>
                  <a:gd name="T63" fmla="*/ 12 h 374"/>
                  <a:gd name="T64" fmla="*/ 329 w 492"/>
                  <a:gd name="T65" fmla="*/ 77 h 374"/>
                  <a:gd name="T66" fmla="*/ 326 w 492"/>
                  <a:gd name="T67" fmla="*/ 79 h 374"/>
                  <a:gd name="T68" fmla="*/ 317 w 492"/>
                  <a:gd name="T69" fmla="*/ 85 h 374"/>
                  <a:gd name="T70" fmla="*/ 306 w 492"/>
                  <a:gd name="T71" fmla="*/ 100 h 374"/>
                  <a:gd name="T72" fmla="*/ 295 w 492"/>
                  <a:gd name="T73" fmla="*/ 120 h 374"/>
                  <a:gd name="T74" fmla="*/ 292 w 492"/>
                  <a:gd name="T75" fmla="*/ 125 h 374"/>
                  <a:gd name="T76" fmla="*/ 289 w 492"/>
                  <a:gd name="T77" fmla="*/ 123 h 374"/>
                  <a:gd name="T78" fmla="*/ 288 w 492"/>
                  <a:gd name="T79" fmla="*/ 131 h 374"/>
                  <a:gd name="T80" fmla="*/ 293 w 492"/>
                  <a:gd name="T81" fmla="*/ 134 h 374"/>
                  <a:gd name="T82" fmla="*/ 295 w 492"/>
                  <a:gd name="T83" fmla="*/ 139 h 374"/>
                  <a:gd name="T84" fmla="*/ 288 w 492"/>
                  <a:gd name="T85" fmla="*/ 148 h 374"/>
                  <a:gd name="T86" fmla="*/ 282 w 492"/>
                  <a:gd name="T87" fmla="*/ 149 h 374"/>
                  <a:gd name="T88" fmla="*/ 269 w 492"/>
                  <a:gd name="T89" fmla="*/ 164 h 374"/>
                  <a:gd name="T90" fmla="*/ 265 w 492"/>
                  <a:gd name="T91" fmla="*/ 172 h 374"/>
                  <a:gd name="T92" fmla="*/ 259 w 492"/>
                  <a:gd name="T93" fmla="*/ 177 h 374"/>
                  <a:gd name="T94" fmla="*/ 251 w 492"/>
                  <a:gd name="T95" fmla="*/ 182 h 374"/>
                  <a:gd name="T96" fmla="*/ 233 w 492"/>
                  <a:gd name="T97" fmla="*/ 196 h 374"/>
                  <a:gd name="T98" fmla="*/ 214 w 492"/>
                  <a:gd name="T99" fmla="*/ 207 h 374"/>
                  <a:gd name="T100" fmla="*/ 203 w 492"/>
                  <a:gd name="T101" fmla="*/ 229 h 374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w 492"/>
                  <a:gd name="T154" fmla="*/ 0 h 374"/>
                  <a:gd name="T155" fmla="*/ 492 w 492"/>
                  <a:gd name="T156" fmla="*/ 374 h 374"/>
                </a:gdLst>
                <a:ahLst/>
                <a:cxnLst>
                  <a:cxn ang="T102">
                    <a:pos x="T0" y="T1"/>
                  </a:cxn>
                  <a:cxn ang="T103">
                    <a:pos x="T2" y="T3"/>
                  </a:cxn>
                  <a:cxn ang="T104">
                    <a:pos x="T4" y="T5"/>
                  </a:cxn>
                  <a:cxn ang="T105">
                    <a:pos x="T6" y="T7"/>
                  </a:cxn>
                  <a:cxn ang="T106">
                    <a:pos x="T8" y="T9"/>
                  </a:cxn>
                  <a:cxn ang="T107">
                    <a:pos x="T10" y="T11"/>
                  </a:cxn>
                  <a:cxn ang="T108">
                    <a:pos x="T12" y="T13"/>
                  </a:cxn>
                  <a:cxn ang="T109">
                    <a:pos x="T14" y="T15"/>
                  </a:cxn>
                  <a:cxn ang="T110">
                    <a:pos x="T16" y="T17"/>
                  </a:cxn>
                  <a:cxn ang="T111">
                    <a:pos x="T18" y="T19"/>
                  </a:cxn>
                  <a:cxn ang="T112">
                    <a:pos x="T20" y="T21"/>
                  </a:cxn>
                  <a:cxn ang="T113">
                    <a:pos x="T22" y="T23"/>
                  </a:cxn>
                  <a:cxn ang="T114">
                    <a:pos x="T24" y="T25"/>
                  </a:cxn>
                  <a:cxn ang="T115">
                    <a:pos x="T26" y="T27"/>
                  </a:cxn>
                  <a:cxn ang="T116">
                    <a:pos x="T28" y="T29"/>
                  </a:cxn>
                  <a:cxn ang="T117">
                    <a:pos x="T30" y="T31"/>
                  </a:cxn>
                  <a:cxn ang="T118">
                    <a:pos x="T32" y="T33"/>
                  </a:cxn>
                  <a:cxn ang="T119">
                    <a:pos x="T34" y="T35"/>
                  </a:cxn>
                  <a:cxn ang="T120">
                    <a:pos x="T36" y="T37"/>
                  </a:cxn>
                  <a:cxn ang="T121">
                    <a:pos x="T38" y="T39"/>
                  </a:cxn>
                  <a:cxn ang="T122">
                    <a:pos x="T40" y="T41"/>
                  </a:cxn>
                  <a:cxn ang="T123">
                    <a:pos x="T42" y="T43"/>
                  </a:cxn>
                  <a:cxn ang="T124">
                    <a:pos x="T44" y="T45"/>
                  </a:cxn>
                  <a:cxn ang="T125">
                    <a:pos x="T46" y="T47"/>
                  </a:cxn>
                  <a:cxn ang="T126">
                    <a:pos x="T48" y="T49"/>
                  </a:cxn>
                  <a:cxn ang="T127">
                    <a:pos x="T50" y="T51"/>
                  </a:cxn>
                  <a:cxn ang="T128">
                    <a:pos x="T52" y="T53"/>
                  </a:cxn>
                  <a:cxn ang="T129">
                    <a:pos x="T54" y="T55"/>
                  </a:cxn>
                  <a:cxn ang="T130">
                    <a:pos x="T56" y="T57"/>
                  </a:cxn>
                  <a:cxn ang="T131">
                    <a:pos x="T58" y="T59"/>
                  </a:cxn>
                  <a:cxn ang="T132">
                    <a:pos x="T60" y="T61"/>
                  </a:cxn>
                  <a:cxn ang="T133">
                    <a:pos x="T62" y="T63"/>
                  </a:cxn>
                  <a:cxn ang="T134">
                    <a:pos x="T64" y="T65"/>
                  </a:cxn>
                  <a:cxn ang="T135">
                    <a:pos x="T66" y="T67"/>
                  </a:cxn>
                  <a:cxn ang="T136">
                    <a:pos x="T68" y="T69"/>
                  </a:cxn>
                  <a:cxn ang="T137">
                    <a:pos x="T70" y="T71"/>
                  </a:cxn>
                  <a:cxn ang="T138">
                    <a:pos x="T72" y="T73"/>
                  </a:cxn>
                  <a:cxn ang="T139">
                    <a:pos x="T74" y="T75"/>
                  </a:cxn>
                  <a:cxn ang="T140">
                    <a:pos x="T76" y="T77"/>
                  </a:cxn>
                  <a:cxn ang="T141">
                    <a:pos x="T78" y="T79"/>
                  </a:cxn>
                  <a:cxn ang="T142">
                    <a:pos x="T80" y="T81"/>
                  </a:cxn>
                  <a:cxn ang="T143">
                    <a:pos x="T82" y="T83"/>
                  </a:cxn>
                  <a:cxn ang="T144">
                    <a:pos x="T84" y="T85"/>
                  </a:cxn>
                  <a:cxn ang="T145">
                    <a:pos x="T86" y="T87"/>
                  </a:cxn>
                  <a:cxn ang="T146">
                    <a:pos x="T88" y="T89"/>
                  </a:cxn>
                  <a:cxn ang="T147">
                    <a:pos x="T90" y="T91"/>
                  </a:cxn>
                  <a:cxn ang="T148">
                    <a:pos x="T92" y="T93"/>
                  </a:cxn>
                  <a:cxn ang="T149">
                    <a:pos x="T94" y="T95"/>
                  </a:cxn>
                  <a:cxn ang="T150">
                    <a:pos x="T96" y="T97"/>
                  </a:cxn>
                  <a:cxn ang="T151">
                    <a:pos x="T98" y="T99"/>
                  </a:cxn>
                  <a:cxn ang="T152">
                    <a:pos x="T100" y="T101"/>
                  </a:cxn>
                </a:cxnLst>
                <a:rect l="T153" t="T154" r="T155" b="T156"/>
                <a:pathLst>
                  <a:path w="492" h="374">
                    <a:moveTo>
                      <a:pt x="269" y="374"/>
                    </a:moveTo>
                    <a:lnTo>
                      <a:pt x="269" y="374"/>
                    </a:lnTo>
                    <a:lnTo>
                      <a:pt x="269" y="372"/>
                    </a:lnTo>
                    <a:lnTo>
                      <a:pt x="267" y="370"/>
                    </a:lnTo>
                    <a:lnTo>
                      <a:pt x="267" y="369"/>
                    </a:lnTo>
                    <a:lnTo>
                      <a:pt x="267" y="367"/>
                    </a:lnTo>
                    <a:lnTo>
                      <a:pt x="267" y="365"/>
                    </a:lnTo>
                    <a:lnTo>
                      <a:pt x="267" y="364"/>
                    </a:lnTo>
                    <a:lnTo>
                      <a:pt x="267" y="362"/>
                    </a:lnTo>
                    <a:lnTo>
                      <a:pt x="266" y="348"/>
                    </a:lnTo>
                    <a:lnTo>
                      <a:pt x="261" y="338"/>
                    </a:lnTo>
                    <a:lnTo>
                      <a:pt x="255" y="330"/>
                    </a:lnTo>
                    <a:lnTo>
                      <a:pt x="249" y="321"/>
                    </a:lnTo>
                    <a:lnTo>
                      <a:pt x="242" y="316"/>
                    </a:lnTo>
                    <a:lnTo>
                      <a:pt x="235" y="313"/>
                    </a:lnTo>
                    <a:lnTo>
                      <a:pt x="232" y="309"/>
                    </a:lnTo>
                    <a:lnTo>
                      <a:pt x="230" y="308"/>
                    </a:lnTo>
                    <a:lnTo>
                      <a:pt x="228" y="292"/>
                    </a:lnTo>
                    <a:lnTo>
                      <a:pt x="225" y="282"/>
                    </a:lnTo>
                    <a:lnTo>
                      <a:pt x="218" y="274"/>
                    </a:lnTo>
                    <a:lnTo>
                      <a:pt x="211" y="269"/>
                    </a:lnTo>
                    <a:lnTo>
                      <a:pt x="205" y="265"/>
                    </a:lnTo>
                    <a:lnTo>
                      <a:pt x="200" y="264"/>
                    </a:lnTo>
                    <a:lnTo>
                      <a:pt x="195" y="262"/>
                    </a:lnTo>
                    <a:lnTo>
                      <a:pt x="193" y="262"/>
                    </a:lnTo>
                    <a:lnTo>
                      <a:pt x="193" y="260"/>
                    </a:lnTo>
                    <a:lnTo>
                      <a:pt x="189" y="259"/>
                    </a:lnTo>
                    <a:lnTo>
                      <a:pt x="184" y="254"/>
                    </a:lnTo>
                    <a:lnTo>
                      <a:pt x="179" y="250"/>
                    </a:lnTo>
                    <a:lnTo>
                      <a:pt x="174" y="245"/>
                    </a:lnTo>
                    <a:lnTo>
                      <a:pt x="171" y="240"/>
                    </a:lnTo>
                    <a:lnTo>
                      <a:pt x="167" y="237"/>
                    </a:lnTo>
                    <a:lnTo>
                      <a:pt x="166" y="233"/>
                    </a:lnTo>
                    <a:lnTo>
                      <a:pt x="162" y="225"/>
                    </a:lnTo>
                    <a:lnTo>
                      <a:pt x="157" y="218"/>
                    </a:lnTo>
                    <a:lnTo>
                      <a:pt x="154" y="213"/>
                    </a:lnTo>
                    <a:lnTo>
                      <a:pt x="149" y="211"/>
                    </a:lnTo>
                    <a:lnTo>
                      <a:pt x="145" y="210"/>
                    </a:lnTo>
                    <a:lnTo>
                      <a:pt x="142" y="210"/>
                    </a:lnTo>
                    <a:lnTo>
                      <a:pt x="139" y="210"/>
                    </a:lnTo>
                    <a:lnTo>
                      <a:pt x="137" y="208"/>
                    </a:lnTo>
                    <a:lnTo>
                      <a:pt x="135" y="204"/>
                    </a:lnTo>
                    <a:lnTo>
                      <a:pt x="132" y="203"/>
                    </a:lnTo>
                    <a:lnTo>
                      <a:pt x="130" y="199"/>
                    </a:lnTo>
                    <a:lnTo>
                      <a:pt x="127" y="193"/>
                    </a:lnTo>
                    <a:lnTo>
                      <a:pt x="123" y="188"/>
                    </a:lnTo>
                    <a:lnTo>
                      <a:pt x="120" y="184"/>
                    </a:lnTo>
                    <a:lnTo>
                      <a:pt x="117" y="182"/>
                    </a:lnTo>
                    <a:lnTo>
                      <a:pt x="113" y="181"/>
                    </a:lnTo>
                    <a:lnTo>
                      <a:pt x="112" y="182"/>
                    </a:lnTo>
                    <a:lnTo>
                      <a:pt x="108" y="182"/>
                    </a:lnTo>
                    <a:lnTo>
                      <a:pt x="101" y="181"/>
                    </a:lnTo>
                    <a:lnTo>
                      <a:pt x="96" y="179"/>
                    </a:lnTo>
                    <a:lnTo>
                      <a:pt x="93" y="174"/>
                    </a:lnTo>
                    <a:lnTo>
                      <a:pt x="90" y="169"/>
                    </a:lnTo>
                    <a:lnTo>
                      <a:pt x="86" y="164"/>
                    </a:lnTo>
                    <a:lnTo>
                      <a:pt x="85" y="160"/>
                    </a:lnTo>
                    <a:lnTo>
                      <a:pt x="83" y="157"/>
                    </a:lnTo>
                    <a:lnTo>
                      <a:pt x="83" y="155"/>
                    </a:lnTo>
                    <a:lnTo>
                      <a:pt x="78" y="152"/>
                    </a:lnTo>
                    <a:lnTo>
                      <a:pt x="71" y="145"/>
                    </a:lnTo>
                    <a:lnTo>
                      <a:pt x="66" y="138"/>
                    </a:lnTo>
                    <a:lnTo>
                      <a:pt x="61" y="132"/>
                    </a:lnTo>
                    <a:lnTo>
                      <a:pt x="57" y="125"/>
                    </a:lnTo>
                    <a:lnTo>
                      <a:pt x="56" y="118"/>
                    </a:lnTo>
                    <a:lnTo>
                      <a:pt x="52" y="115"/>
                    </a:lnTo>
                    <a:lnTo>
                      <a:pt x="52" y="113"/>
                    </a:lnTo>
                    <a:lnTo>
                      <a:pt x="52" y="111"/>
                    </a:lnTo>
                    <a:lnTo>
                      <a:pt x="49" y="111"/>
                    </a:lnTo>
                    <a:lnTo>
                      <a:pt x="47" y="111"/>
                    </a:lnTo>
                    <a:lnTo>
                      <a:pt x="46" y="110"/>
                    </a:lnTo>
                    <a:lnTo>
                      <a:pt x="39" y="110"/>
                    </a:lnTo>
                    <a:lnTo>
                      <a:pt x="32" y="108"/>
                    </a:lnTo>
                    <a:lnTo>
                      <a:pt x="27" y="106"/>
                    </a:lnTo>
                    <a:lnTo>
                      <a:pt x="24" y="105"/>
                    </a:lnTo>
                    <a:lnTo>
                      <a:pt x="20" y="103"/>
                    </a:lnTo>
                    <a:lnTo>
                      <a:pt x="19" y="101"/>
                    </a:lnTo>
                    <a:lnTo>
                      <a:pt x="17" y="100"/>
                    </a:lnTo>
                    <a:lnTo>
                      <a:pt x="5" y="98"/>
                    </a:lnTo>
                    <a:lnTo>
                      <a:pt x="0" y="93"/>
                    </a:lnTo>
                    <a:lnTo>
                      <a:pt x="0" y="84"/>
                    </a:lnTo>
                    <a:lnTo>
                      <a:pt x="2" y="74"/>
                    </a:lnTo>
                    <a:lnTo>
                      <a:pt x="7" y="66"/>
                    </a:lnTo>
                    <a:lnTo>
                      <a:pt x="13" y="57"/>
                    </a:lnTo>
                    <a:lnTo>
                      <a:pt x="17" y="52"/>
                    </a:lnTo>
                    <a:lnTo>
                      <a:pt x="19" y="50"/>
                    </a:lnTo>
                    <a:lnTo>
                      <a:pt x="20" y="52"/>
                    </a:lnTo>
                    <a:lnTo>
                      <a:pt x="22" y="50"/>
                    </a:lnTo>
                    <a:lnTo>
                      <a:pt x="24" y="49"/>
                    </a:lnTo>
                    <a:lnTo>
                      <a:pt x="27" y="45"/>
                    </a:lnTo>
                    <a:lnTo>
                      <a:pt x="30" y="42"/>
                    </a:lnTo>
                    <a:lnTo>
                      <a:pt x="35" y="39"/>
                    </a:lnTo>
                    <a:lnTo>
                      <a:pt x="41" y="35"/>
                    </a:lnTo>
                    <a:lnTo>
                      <a:pt x="47" y="32"/>
                    </a:lnTo>
                    <a:lnTo>
                      <a:pt x="52" y="28"/>
                    </a:lnTo>
                    <a:lnTo>
                      <a:pt x="61" y="23"/>
                    </a:lnTo>
                    <a:lnTo>
                      <a:pt x="68" y="20"/>
                    </a:lnTo>
                    <a:lnTo>
                      <a:pt x="76" y="17"/>
                    </a:lnTo>
                    <a:lnTo>
                      <a:pt x="85" y="15"/>
                    </a:lnTo>
                    <a:lnTo>
                      <a:pt x="95" y="13"/>
                    </a:lnTo>
                    <a:lnTo>
                      <a:pt x="105" y="10"/>
                    </a:lnTo>
                    <a:lnTo>
                      <a:pt x="113" y="10"/>
                    </a:lnTo>
                    <a:lnTo>
                      <a:pt x="206" y="1"/>
                    </a:lnTo>
                    <a:lnTo>
                      <a:pt x="208" y="1"/>
                    </a:lnTo>
                    <a:lnTo>
                      <a:pt x="210" y="0"/>
                    </a:lnTo>
                    <a:lnTo>
                      <a:pt x="215" y="0"/>
                    </a:lnTo>
                    <a:lnTo>
                      <a:pt x="222" y="0"/>
                    </a:lnTo>
                    <a:lnTo>
                      <a:pt x="228" y="1"/>
                    </a:lnTo>
                    <a:lnTo>
                      <a:pt x="235" y="5"/>
                    </a:lnTo>
                    <a:lnTo>
                      <a:pt x="242" y="12"/>
                    </a:lnTo>
                    <a:lnTo>
                      <a:pt x="250" y="23"/>
                    </a:lnTo>
                    <a:lnTo>
                      <a:pt x="254" y="37"/>
                    </a:lnTo>
                    <a:lnTo>
                      <a:pt x="362" y="20"/>
                    </a:lnTo>
                    <a:lnTo>
                      <a:pt x="492" y="115"/>
                    </a:lnTo>
                    <a:lnTo>
                      <a:pt x="491" y="115"/>
                    </a:lnTo>
                    <a:lnTo>
                      <a:pt x="489" y="118"/>
                    </a:lnTo>
                    <a:lnTo>
                      <a:pt x="486" y="120"/>
                    </a:lnTo>
                    <a:lnTo>
                      <a:pt x="484" y="122"/>
                    </a:lnTo>
                    <a:lnTo>
                      <a:pt x="481" y="125"/>
                    </a:lnTo>
                    <a:lnTo>
                      <a:pt x="475" y="130"/>
                    </a:lnTo>
                    <a:lnTo>
                      <a:pt x="472" y="133"/>
                    </a:lnTo>
                    <a:lnTo>
                      <a:pt x="467" y="140"/>
                    </a:lnTo>
                    <a:lnTo>
                      <a:pt x="464" y="145"/>
                    </a:lnTo>
                    <a:lnTo>
                      <a:pt x="459" y="150"/>
                    </a:lnTo>
                    <a:lnTo>
                      <a:pt x="455" y="159"/>
                    </a:lnTo>
                    <a:lnTo>
                      <a:pt x="450" y="166"/>
                    </a:lnTo>
                    <a:lnTo>
                      <a:pt x="447" y="174"/>
                    </a:lnTo>
                    <a:lnTo>
                      <a:pt x="443" y="182"/>
                    </a:lnTo>
                    <a:lnTo>
                      <a:pt x="440" y="191"/>
                    </a:lnTo>
                    <a:lnTo>
                      <a:pt x="437" y="189"/>
                    </a:lnTo>
                    <a:lnTo>
                      <a:pt x="435" y="188"/>
                    </a:lnTo>
                    <a:lnTo>
                      <a:pt x="435" y="186"/>
                    </a:lnTo>
                    <a:lnTo>
                      <a:pt x="433" y="186"/>
                    </a:lnTo>
                    <a:lnTo>
                      <a:pt x="433" y="188"/>
                    </a:lnTo>
                    <a:lnTo>
                      <a:pt x="431" y="191"/>
                    </a:lnTo>
                    <a:lnTo>
                      <a:pt x="431" y="194"/>
                    </a:lnTo>
                    <a:lnTo>
                      <a:pt x="431" y="198"/>
                    </a:lnTo>
                    <a:lnTo>
                      <a:pt x="433" y="199"/>
                    </a:lnTo>
                    <a:lnTo>
                      <a:pt x="435" y="201"/>
                    </a:lnTo>
                    <a:lnTo>
                      <a:pt x="440" y="203"/>
                    </a:lnTo>
                    <a:lnTo>
                      <a:pt x="442" y="203"/>
                    </a:lnTo>
                    <a:lnTo>
                      <a:pt x="442" y="204"/>
                    </a:lnTo>
                    <a:lnTo>
                      <a:pt x="443" y="206"/>
                    </a:lnTo>
                    <a:lnTo>
                      <a:pt x="443" y="210"/>
                    </a:lnTo>
                    <a:lnTo>
                      <a:pt x="443" y="213"/>
                    </a:lnTo>
                    <a:lnTo>
                      <a:pt x="440" y="216"/>
                    </a:lnTo>
                    <a:lnTo>
                      <a:pt x="437" y="221"/>
                    </a:lnTo>
                    <a:lnTo>
                      <a:pt x="431" y="225"/>
                    </a:lnTo>
                    <a:lnTo>
                      <a:pt x="430" y="225"/>
                    </a:lnTo>
                    <a:lnTo>
                      <a:pt x="428" y="225"/>
                    </a:lnTo>
                    <a:lnTo>
                      <a:pt x="423" y="228"/>
                    </a:lnTo>
                    <a:lnTo>
                      <a:pt x="418" y="230"/>
                    </a:lnTo>
                    <a:lnTo>
                      <a:pt x="413" y="235"/>
                    </a:lnTo>
                    <a:lnTo>
                      <a:pt x="408" y="240"/>
                    </a:lnTo>
                    <a:lnTo>
                      <a:pt x="403" y="248"/>
                    </a:lnTo>
                    <a:lnTo>
                      <a:pt x="398" y="259"/>
                    </a:lnTo>
                    <a:lnTo>
                      <a:pt x="396" y="260"/>
                    </a:lnTo>
                    <a:lnTo>
                      <a:pt x="394" y="262"/>
                    </a:lnTo>
                    <a:lnTo>
                      <a:pt x="393" y="265"/>
                    </a:lnTo>
                    <a:lnTo>
                      <a:pt x="391" y="267"/>
                    </a:lnTo>
                    <a:lnTo>
                      <a:pt x="389" y="269"/>
                    </a:lnTo>
                    <a:lnTo>
                      <a:pt x="387" y="270"/>
                    </a:lnTo>
                    <a:lnTo>
                      <a:pt x="376" y="272"/>
                    </a:lnTo>
                    <a:lnTo>
                      <a:pt x="376" y="277"/>
                    </a:lnTo>
                    <a:lnTo>
                      <a:pt x="384" y="279"/>
                    </a:lnTo>
                    <a:lnTo>
                      <a:pt x="359" y="299"/>
                    </a:lnTo>
                    <a:lnTo>
                      <a:pt x="354" y="291"/>
                    </a:lnTo>
                    <a:lnTo>
                      <a:pt x="349" y="299"/>
                    </a:lnTo>
                    <a:lnTo>
                      <a:pt x="354" y="304"/>
                    </a:lnTo>
                    <a:lnTo>
                      <a:pt x="343" y="316"/>
                    </a:lnTo>
                    <a:lnTo>
                      <a:pt x="335" y="314"/>
                    </a:lnTo>
                    <a:lnTo>
                      <a:pt x="320" y="314"/>
                    </a:lnTo>
                    <a:lnTo>
                      <a:pt x="305" y="316"/>
                    </a:lnTo>
                    <a:lnTo>
                      <a:pt x="296" y="320"/>
                    </a:lnTo>
                    <a:lnTo>
                      <a:pt x="291" y="336"/>
                    </a:lnTo>
                    <a:lnTo>
                      <a:pt x="303" y="348"/>
                    </a:lnTo>
                    <a:lnTo>
                      <a:pt x="289" y="374"/>
                    </a:lnTo>
                    <a:lnTo>
                      <a:pt x="281" y="372"/>
                    </a:lnTo>
                    <a:lnTo>
                      <a:pt x="269" y="374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95" name="Freeform 136"/>
              <p:cNvSpPr>
                <a:spLocks/>
              </p:cNvSpPr>
              <p:nvPr/>
            </p:nvSpPr>
            <p:spPr bwMode="auto">
              <a:xfrm>
                <a:off x="4222" y="3072"/>
                <a:ext cx="15" cy="16"/>
              </a:xfrm>
              <a:custGeom>
                <a:avLst/>
                <a:gdLst>
                  <a:gd name="T0" fmla="*/ 1 w 15"/>
                  <a:gd name="T1" fmla="*/ 5 h 17"/>
                  <a:gd name="T2" fmla="*/ 1 w 15"/>
                  <a:gd name="T3" fmla="*/ 5 h 17"/>
                  <a:gd name="T4" fmla="*/ 5 w 15"/>
                  <a:gd name="T5" fmla="*/ 2 h 17"/>
                  <a:gd name="T6" fmla="*/ 6 w 15"/>
                  <a:gd name="T7" fmla="*/ 0 h 17"/>
                  <a:gd name="T8" fmla="*/ 10 w 15"/>
                  <a:gd name="T9" fmla="*/ 0 h 17"/>
                  <a:gd name="T10" fmla="*/ 12 w 15"/>
                  <a:gd name="T11" fmla="*/ 0 h 17"/>
                  <a:gd name="T12" fmla="*/ 12 w 15"/>
                  <a:gd name="T13" fmla="*/ 0 h 17"/>
                  <a:gd name="T14" fmla="*/ 13 w 15"/>
                  <a:gd name="T15" fmla="*/ 2 h 17"/>
                  <a:gd name="T16" fmla="*/ 13 w 15"/>
                  <a:gd name="T17" fmla="*/ 2 h 17"/>
                  <a:gd name="T18" fmla="*/ 15 w 15"/>
                  <a:gd name="T19" fmla="*/ 3 h 17"/>
                  <a:gd name="T20" fmla="*/ 15 w 15"/>
                  <a:gd name="T21" fmla="*/ 5 h 17"/>
                  <a:gd name="T22" fmla="*/ 15 w 15"/>
                  <a:gd name="T23" fmla="*/ 7 h 17"/>
                  <a:gd name="T24" fmla="*/ 13 w 15"/>
                  <a:gd name="T25" fmla="*/ 8 h 17"/>
                  <a:gd name="T26" fmla="*/ 13 w 15"/>
                  <a:gd name="T27" fmla="*/ 8 h 17"/>
                  <a:gd name="T28" fmla="*/ 12 w 15"/>
                  <a:gd name="T29" fmla="*/ 8 h 17"/>
                  <a:gd name="T30" fmla="*/ 12 w 15"/>
                  <a:gd name="T31" fmla="*/ 8 h 17"/>
                  <a:gd name="T32" fmla="*/ 10 w 15"/>
                  <a:gd name="T33" fmla="*/ 8 h 17"/>
                  <a:gd name="T34" fmla="*/ 6 w 15"/>
                  <a:gd name="T35" fmla="*/ 8 h 17"/>
                  <a:gd name="T36" fmla="*/ 3 w 15"/>
                  <a:gd name="T37" fmla="*/ 8 h 17"/>
                  <a:gd name="T38" fmla="*/ 1 w 15"/>
                  <a:gd name="T39" fmla="*/ 8 h 17"/>
                  <a:gd name="T40" fmla="*/ 1 w 15"/>
                  <a:gd name="T41" fmla="*/ 8 h 17"/>
                  <a:gd name="T42" fmla="*/ 1 w 15"/>
                  <a:gd name="T43" fmla="*/ 8 h 17"/>
                  <a:gd name="T44" fmla="*/ 0 w 15"/>
                  <a:gd name="T45" fmla="*/ 8 h 17"/>
                  <a:gd name="T46" fmla="*/ 0 w 15"/>
                  <a:gd name="T47" fmla="*/ 8 h 17"/>
                  <a:gd name="T48" fmla="*/ 0 w 15"/>
                  <a:gd name="T49" fmla="*/ 8 h 17"/>
                  <a:gd name="T50" fmla="*/ 0 w 15"/>
                  <a:gd name="T51" fmla="*/ 8 h 17"/>
                  <a:gd name="T52" fmla="*/ 0 w 15"/>
                  <a:gd name="T53" fmla="*/ 8 h 17"/>
                  <a:gd name="T54" fmla="*/ 1 w 15"/>
                  <a:gd name="T55" fmla="*/ 7 h 17"/>
                  <a:gd name="T56" fmla="*/ 1 w 15"/>
                  <a:gd name="T57" fmla="*/ 5 h 17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w 15"/>
                  <a:gd name="T88" fmla="*/ 0 h 17"/>
                  <a:gd name="T89" fmla="*/ 15 w 15"/>
                  <a:gd name="T90" fmla="*/ 17 h 17"/>
                </a:gdLst>
                <a:ahLst/>
                <a:cxnLst>
                  <a:cxn ang="T58">
                    <a:pos x="T0" y="T1"/>
                  </a:cxn>
                  <a:cxn ang="T59">
                    <a:pos x="T2" y="T3"/>
                  </a:cxn>
                  <a:cxn ang="T60">
                    <a:pos x="T4" y="T5"/>
                  </a:cxn>
                  <a:cxn ang="T61">
                    <a:pos x="T6" y="T7"/>
                  </a:cxn>
                  <a:cxn ang="T62">
                    <a:pos x="T8" y="T9"/>
                  </a:cxn>
                  <a:cxn ang="T63">
                    <a:pos x="T10" y="T11"/>
                  </a:cxn>
                  <a:cxn ang="T64">
                    <a:pos x="T12" y="T13"/>
                  </a:cxn>
                  <a:cxn ang="T65">
                    <a:pos x="T14" y="T15"/>
                  </a:cxn>
                  <a:cxn ang="T66">
                    <a:pos x="T16" y="T17"/>
                  </a:cxn>
                  <a:cxn ang="T67">
                    <a:pos x="T18" y="T19"/>
                  </a:cxn>
                  <a:cxn ang="T68">
                    <a:pos x="T20" y="T21"/>
                  </a:cxn>
                  <a:cxn ang="T69">
                    <a:pos x="T22" y="T23"/>
                  </a:cxn>
                  <a:cxn ang="T70">
                    <a:pos x="T24" y="T25"/>
                  </a:cxn>
                  <a:cxn ang="T71">
                    <a:pos x="T26" y="T27"/>
                  </a:cxn>
                  <a:cxn ang="T72">
                    <a:pos x="T28" y="T29"/>
                  </a:cxn>
                  <a:cxn ang="T73">
                    <a:pos x="T30" y="T31"/>
                  </a:cxn>
                  <a:cxn ang="T74">
                    <a:pos x="T32" y="T33"/>
                  </a:cxn>
                  <a:cxn ang="T75">
                    <a:pos x="T34" y="T35"/>
                  </a:cxn>
                  <a:cxn ang="T76">
                    <a:pos x="T36" y="T37"/>
                  </a:cxn>
                  <a:cxn ang="T77">
                    <a:pos x="T38" y="T39"/>
                  </a:cxn>
                  <a:cxn ang="T78">
                    <a:pos x="T40" y="T41"/>
                  </a:cxn>
                  <a:cxn ang="T79">
                    <a:pos x="T42" y="T43"/>
                  </a:cxn>
                  <a:cxn ang="T80">
                    <a:pos x="T44" y="T45"/>
                  </a:cxn>
                  <a:cxn ang="T81">
                    <a:pos x="T46" y="T47"/>
                  </a:cxn>
                  <a:cxn ang="T82">
                    <a:pos x="T48" y="T49"/>
                  </a:cxn>
                  <a:cxn ang="T83">
                    <a:pos x="T50" y="T51"/>
                  </a:cxn>
                  <a:cxn ang="T84">
                    <a:pos x="T52" y="T53"/>
                  </a:cxn>
                  <a:cxn ang="T85">
                    <a:pos x="T54" y="T55"/>
                  </a:cxn>
                  <a:cxn ang="T86">
                    <a:pos x="T56" y="T57"/>
                  </a:cxn>
                </a:cxnLst>
                <a:rect l="T87" t="T88" r="T89" b="T90"/>
                <a:pathLst>
                  <a:path w="15" h="17">
                    <a:moveTo>
                      <a:pt x="1" y="5"/>
                    </a:moveTo>
                    <a:lnTo>
                      <a:pt x="1" y="5"/>
                    </a:lnTo>
                    <a:lnTo>
                      <a:pt x="5" y="2"/>
                    </a:lnTo>
                    <a:lnTo>
                      <a:pt x="6" y="0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5" y="3"/>
                    </a:lnTo>
                    <a:lnTo>
                      <a:pt x="15" y="5"/>
                    </a:lnTo>
                    <a:lnTo>
                      <a:pt x="15" y="7"/>
                    </a:lnTo>
                    <a:lnTo>
                      <a:pt x="13" y="8"/>
                    </a:lnTo>
                    <a:lnTo>
                      <a:pt x="13" y="10"/>
                    </a:lnTo>
                    <a:lnTo>
                      <a:pt x="12" y="12"/>
                    </a:lnTo>
                    <a:lnTo>
                      <a:pt x="10" y="15"/>
                    </a:lnTo>
                    <a:lnTo>
                      <a:pt x="6" y="17"/>
                    </a:lnTo>
                    <a:lnTo>
                      <a:pt x="3" y="17"/>
                    </a:lnTo>
                    <a:lnTo>
                      <a:pt x="1" y="17"/>
                    </a:lnTo>
                    <a:lnTo>
                      <a:pt x="0" y="15"/>
                    </a:lnTo>
                    <a:lnTo>
                      <a:pt x="0" y="13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1" y="7"/>
                    </a:lnTo>
                    <a:lnTo>
                      <a:pt x="1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96" name="Freeform 137"/>
              <p:cNvSpPr>
                <a:spLocks/>
              </p:cNvSpPr>
              <p:nvPr/>
            </p:nvSpPr>
            <p:spPr bwMode="auto">
              <a:xfrm>
                <a:off x="4206" y="3072"/>
                <a:ext cx="11" cy="12"/>
              </a:xfrm>
              <a:custGeom>
                <a:avLst/>
                <a:gdLst>
                  <a:gd name="T0" fmla="*/ 0 w 11"/>
                  <a:gd name="T1" fmla="*/ 6 h 13"/>
                  <a:gd name="T2" fmla="*/ 0 w 11"/>
                  <a:gd name="T3" fmla="*/ 6 h 13"/>
                  <a:gd name="T4" fmla="*/ 0 w 11"/>
                  <a:gd name="T5" fmla="*/ 3 h 13"/>
                  <a:gd name="T6" fmla="*/ 2 w 11"/>
                  <a:gd name="T7" fmla="*/ 2 h 13"/>
                  <a:gd name="T8" fmla="*/ 4 w 11"/>
                  <a:gd name="T9" fmla="*/ 0 h 13"/>
                  <a:gd name="T10" fmla="*/ 6 w 11"/>
                  <a:gd name="T11" fmla="*/ 0 h 13"/>
                  <a:gd name="T12" fmla="*/ 6 w 11"/>
                  <a:gd name="T13" fmla="*/ 0 h 13"/>
                  <a:gd name="T14" fmla="*/ 7 w 11"/>
                  <a:gd name="T15" fmla="*/ 0 h 13"/>
                  <a:gd name="T16" fmla="*/ 9 w 11"/>
                  <a:gd name="T17" fmla="*/ 2 h 13"/>
                  <a:gd name="T18" fmla="*/ 11 w 11"/>
                  <a:gd name="T19" fmla="*/ 3 h 13"/>
                  <a:gd name="T20" fmla="*/ 11 w 11"/>
                  <a:gd name="T21" fmla="*/ 6 h 13"/>
                  <a:gd name="T22" fmla="*/ 11 w 11"/>
                  <a:gd name="T23" fmla="*/ 6 h 13"/>
                  <a:gd name="T24" fmla="*/ 11 w 11"/>
                  <a:gd name="T25" fmla="*/ 6 h 13"/>
                  <a:gd name="T26" fmla="*/ 9 w 11"/>
                  <a:gd name="T27" fmla="*/ 6 h 13"/>
                  <a:gd name="T28" fmla="*/ 7 w 11"/>
                  <a:gd name="T29" fmla="*/ 6 h 13"/>
                  <a:gd name="T30" fmla="*/ 6 w 11"/>
                  <a:gd name="T31" fmla="*/ 6 h 13"/>
                  <a:gd name="T32" fmla="*/ 6 w 11"/>
                  <a:gd name="T33" fmla="*/ 6 h 13"/>
                  <a:gd name="T34" fmla="*/ 4 w 11"/>
                  <a:gd name="T35" fmla="*/ 6 h 13"/>
                  <a:gd name="T36" fmla="*/ 2 w 11"/>
                  <a:gd name="T37" fmla="*/ 6 h 13"/>
                  <a:gd name="T38" fmla="*/ 0 w 11"/>
                  <a:gd name="T39" fmla="*/ 6 h 13"/>
                  <a:gd name="T40" fmla="*/ 0 w 11"/>
                  <a:gd name="T41" fmla="*/ 6 h 13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1"/>
                  <a:gd name="T64" fmla="*/ 0 h 13"/>
                  <a:gd name="T65" fmla="*/ 11 w 11"/>
                  <a:gd name="T66" fmla="*/ 13 h 13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1" h="13">
                    <a:moveTo>
                      <a:pt x="0" y="7"/>
                    </a:moveTo>
                    <a:lnTo>
                      <a:pt x="0" y="7"/>
                    </a:lnTo>
                    <a:lnTo>
                      <a:pt x="0" y="3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7" y="0"/>
                    </a:lnTo>
                    <a:lnTo>
                      <a:pt x="9" y="2"/>
                    </a:lnTo>
                    <a:lnTo>
                      <a:pt x="11" y="3"/>
                    </a:lnTo>
                    <a:lnTo>
                      <a:pt x="11" y="7"/>
                    </a:lnTo>
                    <a:lnTo>
                      <a:pt x="11" y="10"/>
                    </a:lnTo>
                    <a:lnTo>
                      <a:pt x="9" y="12"/>
                    </a:lnTo>
                    <a:lnTo>
                      <a:pt x="7" y="13"/>
                    </a:lnTo>
                    <a:lnTo>
                      <a:pt x="6" y="13"/>
                    </a:lnTo>
                    <a:lnTo>
                      <a:pt x="4" y="13"/>
                    </a:lnTo>
                    <a:lnTo>
                      <a:pt x="2" y="12"/>
                    </a:lnTo>
                    <a:lnTo>
                      <a:pt x="0" y="10"/>
                    </a:lnTo>
                    <a:lnTo>
                      <a:pt x="0" y="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97" name="Freeform 138"/>
              <p:cNvSpPr>
                <a:spLocks/>
              </p:cNvSpPr>
              <p:nvPr/>
            </p:nvSpPr>
            <p:spPr bwMode="auto">
              <a:xfrm>
                <a:off x="4212" y="3098"/>
                <a:ext cx="13" cy="16"/>
              </a:xfrm>
              <a:custGeom>
                <a:avLst/>
                <a:gdLst>
                  <a:gd name="T0" fmla="*/ 1 w 13"/>
                  <a:gd name="T1" fmla="*/ 5 h 17"/>
                  <a:gd name="T2" fmla="*/ 1 w 13"/>
                  <a:gd name="T3" fmla="*/ 5 h 17"/>
                  <a:gd name="T4" fmla="*/ 3 w 13"/>
                  <a:gd name="T5" fmla="*/ 2 h 17"/>
                  <a:gd name="T6" fmla="*/ 6 w 13"/>
                  <a:gd name="T7" fmla="*/ 0 h 17"/>
                  <a:gd name="T8" fmla="*/ 8 w 13"/>
                  <a:gd name="T9" fmla="*/ 0 h 17"/>
                  <a:gd name="T10" fmla="*/ 11 w 13"/>
                  <a:gd name="T11" fmla="*/ 0 h 17"/>
                  <a:gd name="T12" fmla="*/ 11 w 13"/>
                  <a:gd name="T13" fmla="*/ 0 h 17"/>
                  <a:gd name="T14" fmla="*/ 13 w 13"/>
                  <a:gd name="T15" fmla="*/ 0 h 17"/>
                  <a:gd name="T16" fmla="*/ 13 w 13"/>
                  <a:gd name="T17" fmla="*/ 2 h 17"/>
                  <a:gd name="T18" fmla="*/ 13 w 13"/>
                  <a:gd name="T19" fmla="*/ 3 h 17"/>
                  <a:gd name="T20" fmla="*/ 13 w 13"/>
                  <a:gd name="T21" fmla="*/ 5 h 17"/>
                  <a:gd name="T22" fmla="*/ 13 w 13"/>
                  <a:gd name="T23" fmla="*/ 5 h 17"/>
                  <a:gd name="T24" fmla="*/ 13 w 13"/>
                  <a:gd name="T25" fmla="*/ 8 h 17"/>
                  <a:gd name="T26" fmla="*/ 13 w 13"/>
                  <a:gd name="T27" fmla="*/ 8 h 17"/>
                  <a:gd name="T28" fmla="*/ 11 w 13"/>
                  <a:gd name="T29" fmla="*/ 8 h 17"/>
                  <a:gd name="T30" fmla="*/ 11 w 13"/>
                  <a:gd name="T31" fmla="*/ 8 h 17"/>
                  <a:gd name="T32" fmla="*/ 10 w 13"/>
                  <a:gd name="T33" fmla="*/ 8 h 17"/>
                  <a:gd name="T34" fmla="*/ 6 w 13"/>
                  <a:gd name="T35" fmla="*/ 8 h 17"/>
                  <a:gd name="T36" fmla="*/ 5 w 13"/>
                  <a:gd name="T37" fmla="*/ 8 h 17"/>
                  <a:gd name="T38" fmla="*/ 1 w 13"/>
                  <a:gd name="T39" fmla="*/ 8 h 17"/>
                  <a:gd name="T40" fmla="*/ 1 w 13"/>
                  <a:gd name="T41" fmla="*/ 8 h 17"/>
                  <a:gd name="T42" fmla="*/ 1 w 13"/>
                  <a:gd name="T43" fmla="*/ 8 h 17"/>
                  <a:gd name="T44" fmla="*/ 0 w 13"/>
                  <a:gd name="T45" fmla="*/ 8 h 17"/>
                  <a:gd name="T46" fmla="*/ 0 w 13"/>
                  <a:gd name="T47" fmla="*/ 8 h 17"/>
                  <a:gd name="T48" fmla="*/ 0 w 13"/>
                  <a:gd name="T49" fmla="*/ 8 h 17"/>
                  <a:gd name="T50" fmla="*/ 0 w 13"/>
                  <a:gd name="T51" fmla="*/ 8 h 17"/>
                  <a:gd name="T52" fmla="*/ 0 w 13"/>
                  <a:gd name="T53" fmla="*/ 8 h 17"/>
                  <a:gd name="T54" fmla="*/ 0 w 13"/>
                  <a:gd name="T55" fmla="*/ 7 h 17"/>
                  <a:gd name="T56" fmla="*/ 1 w 13"/>
                  <a:gd name="T57" fmla="*/ 5 h 17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w 13"/>
                  <a:gd name="T88" fmla="*/ 0 h 17"/>
                  <a:gd name="T89" fmla="*/ 13 w 13"/>
                  <a:gd name="T90" fmla="*/ 17 h 17"/>
                </a:gdLst>
                <a:ahLst/>
                <a:cxnLst>
                  <a:cxn ang="T58">
                    <a:pos x="T0" y="T1"/>
                  </a:cxn>
                  <a:cxn ang="T59">
                    <a:pos x="T2" y="T3"/>
                  </a:cxn>
                  <a:cxn ang="T60">
                    <a:pos x="T4" y="T5"/>
                  </a:cxn>
                  <a:cxn ang="T61">
                    <a:pos x="T6" y="T7"/>
                  </a:cxn>
                  <a:cxn ang="T62">
                    <a:pos x="T8" y="T9"/>
                  </a:cxn>
                  <a:cxn ang="T63">
                    <a:pos x="T10" y="T11"/>
                  </a:cxn>
                  <a:cxn ang="T64">
                    <a:pos x="T12" y="T13"/>
                  </a:cxn>
                  <a:cxn ang="T65">
                    <a:pos x="T14" y="T15"/>
                  </a:cxn>
                  <a:cxn ang="T66">
                    <a:pos x="T16" y="T17"/>
                  </a:cxn>
                  <a:cxn ang="T67">
                    <a:pos x="T18" y="T19"/>
                  </a:cxn>
                  <a:cxn ang="T68">
                    <a:pos x="T20" y="T21"/>
                  </a:cxn>
                  <a:cxn ang="T69">
                    <a:pos x="T22" y="T23"/>
                  </a:cxn>
                  <a:cxn ang="T70">
                    <a:pos x="T24" y="T25"/>
                  </a:cxn>
                  <a:cxn ang="T71">
                    <a:pos x="T26" y="T27"/>
                  </a:cxn>
                  <a:cxn ang="T72">
                    <a:pos x="T28" y="T29"/>
                  </a:cxn>
                  <a:cxn ang="T73">
                    <a:pos x="T30" y="T31"/>
                  </a:cxn>
                  <a:cxn ang="T74">
                    <a:pos x="T32" y="T33"/>
                  </a:cxn>
                  <a:cxn ang="T75">
                    <a:pos x="T34" y="T35"/>
                  </a:cxn>
                  <a:cxn ang="T76">
                    <a:pos x="T36" y="T37"/>
                  </a:cxn>
                  <a:cxn ang="T77">
                    <a:pos x="T38" y="T39"/>
                  </a:cxn>
                  <a:cxn ang="T78">
                    <a:pos x="T40" y="T41"/>
                  </a:cxn>
                  <a:cxn ang="T79">
                    <a:pos x="T42" y="T43"/>
                  </a:cxn>
                  <a:cxn ang="T80">
                    <a:pos x="T44" y="T45"/>
                  </a:cxn>
                  <a:cxn ang="T81">
                    <a:pos x="T46" y="T47"/>
                  </a:cxn>
                  <a:cxn ang="T82">
                    <a:pos x="T48" y="T49"/>
                  </a:cxn>
                  <a:cxn ang="T83">
                    <a:pos x="T50" y="T51"/>
                  </a:cxn>
                  <a:cxn ang="T84">
                    <a:pos x="T52" y="T53"/>
                  </a:cxn>
                  <a:cxn ang="T85">
                    <a:pos x="T54" y="T55"/>
                  </a:cxn>
                  <a:cxn ang="T86">
                    <a:pos x="T56" y="T57"/>
                  </a:cxn>
                </a:cxnLst>
                <a:rect l="T87" t="T88" r="T89" b="T90"/>
                <a:pathLst>
                  <a:path w="13" h="17">
                    <a:moveTo>
                      <a:pt x="1" y="5"/>
                    </a:moveTo>
                    <a:lnTo>
                      <a:pt x="1" y="5"/>
                    </a:lnTo>
                    <a:lnTo>
                      <a:pt x="3" y="2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1" y="0"/>
                    </a:lnTo>
                    <a:lnTo>
                      <a:pt x="13" y="0"/>
                    </a:lnTo>
                    <a:lnTo>
                      <a:pt x="13" y="2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3" y="8"/>
                    </a:lnTo>
                    <a:lnTo>
                      <a:pt x="11" y="10"/>
                    </a:lnTo>
                    <a:lnTo>
                      <a:pt x="10" y="14"/>
                    </a:lnTo>
                    <a:lnTo>
                      <a:pt x="6" y="15"/>
                    </a:lnTo>
                    <a:lnTo>
                      <a:pt x="5" y="17"/>
                    </a:lnTo>
                    <a:lnTo>
                      <a:pt x="1" y="17"/>
                    </a:lnTo>
                    <a:lnTo>
                      <a:pt x="1" y="15"/>
                    </a:lnTo>
                    <a:lnTo>
                      <a:pt x="0" y="14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7"/>
                    </a:lnTo>
                    <a:lnTo>
                      <a:pt x="1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1139" name="Group 139"/>
            <p:cNvGrpSpPr>
              <a:grpSpLocks/>
            </p:cNvGrpSpPr>
            <p:nvPr/>
          </p:nvGrpSpPr>
          <p:grpSpPr bwMode="auto">
            <a:xfrm>
              <a:off x="1186" y="3709"/>
              <a:ext cx="274" cy="176"/>
              <a:chOff x="1338" y="3375"/>
              <a:chExt cx="282" cy="181"/>
            </a:xfrm>
          </p:grpSpPr>
          <p:sp>
            <p:nvSpPr>
              <p:cNvPr id="1175" name="Freeform 140"/>
              <p:cNvSpPr>
                <a:spLocks/>
              </p:cNvSpPr>
              <p:nvPr/>
            </p:nvSpPr>
            <p:spPr bwMode="auto">
              <a:xfrm>
                <a:off x="1361" y="3375"/>
                <a:ext cx="26" cy="18"/>
              </a:xfrm>
              <a:custGeom>
                <a:avLst/>
                <a:gdLst>
                  <a:gd name="T0" fmla="*/ 0 w 26"/>
                  <a:gd name="T1" fmla="*/ 8 h 18"/>
                  <a:gd name="T2" fmla="*/ 0 w 26"/>
                  <a:gd name="T3" fmla="*/ 8 h 18"/>
                  <a:gd name="T4" fmla="*/ 2 w 26"/>
                  <a:gd name="T5" fmla="*/ 6 h 18"/>
                  <a:gd name="T6" fmla="*/ 2 w 26"/>
                  <a:gd name="T7" fmla="*/ 6 h 18"/>
                  <a:gd name="T8" fmla="*/ 5 w 26"/>
                  <a:gd name="T9" fmla="*/ 3 h 18"/>
                  <a:gd name="T10" fmla="*/ 9 w 26"/>
                  <a:gd name="T11" fmla="*/ 3 h 18"/>
                  <a:gd name="T12" fmla="*/ 12 w 26"/>
                  <a:gd name="T13" fmla="*/ 1 h 18"/>
                  <a:gd name="T14" fmla="*/ 17 w 26"/>
                  <a:gd name="T15" fmla="*/ 0 h 18"/>
                  <a:gd name="T16" fmla="*/ 22 w 26"/>
                  <a:gd name="T17" fmla="*/ 0 h 18"/>
                  <a:gd name="T18" fmla="*/ 24 w 26"/>
                  <a:gd name="T19" fmla="*/ 0 h 18"/>
                  <a:gd name="T20" fmla="*/ 24 w 26"/>
                  <a:gd name="T21" fmla="*/ 3 h 18"/>
                  <a:gd name="T22" fmla="*/ 24 w 26"/>
                  <a:gd name="T23" fmla="*/ 6 h 18"/>
                  <a:gd name="T24" fmla="*/ 26 w 26"/>
                  <a:gd name="T25" fmla="*/ 6 h 18"/>
                  <a:gd name="T26" fmla="*/ 21 w 26"/>
                  <a:gd name="T27" fmla="*/ 18 h 18"/>
                  <a:gd name="T28" fmla="*/ 4 w 26"/>
                  <a:gd name="T29" fmla="*/ 13 h 18"/>
                  <a:gd name="T30" fmla="*/ 0 w 26"/>
                  <a:gd name="T31" fmla="*/ 8 h 18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w 26"/>
                  <a:gd name="T49" fmla="*/ 0 h 18"/>
                  <a:gd name="T50" fmla="*/ 26 w 26"/>
                  <a:gd name="T51" fmla="*/ 18 h 18"/>
                </a:gdLst>
                <a:ahLst/>
                <a:cxnLst>
                  <a:cxn ang="T32">
                    <a:pos x="T0" y="T1"/>
                  </a:cxn>
                  <a:cxn ang="T33">
                    <a:pos x="T2" y="T3"/>
                  </a:cxn>
                  <a:cxn ang="T34">
                    <a:pos x="T4" y="T5"/>
                  </a:cxn>
                  <a:cxn ang="T35">
                    <a:pos x="T6" y="T7"/>
                  </a:cxn>
                  <a:cxn ang="T36">
                    <a:pos x="T8" y="T9"/>
                  </a:cxn>
                  <a:cxn ang="T37">
                    <a:pos x="T10" y="T11"/>
                  </a:cxn>
                  <a:cxn ang="T38">
                    <a:pos x="T12" y="T13"/>
                  </a:cxn>
                  <a:cxn ang="T39">
                    <a:pos x="T14" y="T15"/>
                  </a:cxn>
                  <a:cxn ang="T40">
                    <a:pos x="T16" y="T17"/>
                  </a:cxn>
                  <a:cxn ang="T41">
                    <a:pos x="T18" y="T19"/>
                  </a:cxn>
                  <a:cxn ang="T42">
                    <a:pos x="T20" y="T21"/>
                  </a:cxn>
                  <a:cxn ang="T43">
                    <a:pos x="T22" y="T23"/>
                  </a:cxn>
                  <a:cxn ang="T44">
                    <a:pos x="T24" y="T25"/>
                  </a:cxn>
                  <a:cxn ang="T45">
                    <a:pos x="T26" y="T27"/>
                  </a:cxn>
                  <a:cxn ang="T46">
                    <a:pos x="T28" y="T29"/>
                  </a:cxn>
                  <a:cxn ang="T47">
                    <a:pos x="T30" y="T31"/>
                  </a:cxn>
                </a:cxnLst>
                <a:rect l="T48" t="T49" r="T50" b="T51"/>
                <a:pathLst>
                  <a:path w="26" h="18">
                    <a:moveTo>
                      <a:pt x="0" y="8"/>
                    </a:moveTo>
                    <a:lnTo>
                      <a:pt x="0" y="8"/>
                    </a:lnTo>
                    <a:lnTo>
                      <a:pt x="2" y="6"/>
                    </a:lnTo>
                    <a:lnTo>
                      <a:pt x="5" y="3"/>
                    </a:lnTo>
                    <a:lnTo>
                      <a:pt x="9" y="3"/>
                    </a:lnTo>
                    <a:lnTo>
                      <a:pt x="12" y="1"/>
                    </a:lnTo>
                    <a:lnTo>
                      <a:pt x="17" y="0"/>
                    </a:lnTo>
                    <a:lnTo>
                      <a:pt x="22" y="0"/>
                    </a:lnTo>
                    <a:lnTo>
                      <a:pt x="24" y="0"/>
                    </a:lnTo>
                    <a:lnTo>
                      <a:pt x="24" y="3"/>
                    </a:lnTo>
                    <a:lnTo>
                      <a:pt x="24" y="6"/>
                    </a:lnTo>
                    <a:lnTo>
                      <a:pt x="26" y="6"/>
                    </a:lnTo>
                    <a:lnTo>
                      <a:pt x="21" y="18"/>
                    </a:lnTo>
                    <a:lnTo>
                      <a:pt x="4" y="13"/>
                    </a:lnTo>
                    <a:lnTo>
                      <a:pt x="0" y="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76" name="Freeform 141"/>
              <p:cNvSpPr>
                <a:spLocks/>
              </p:cNvSpPr>
              <p:nvPr/>
            </p:nvSpPr>
            <p:spPr bwMode="auto">
              <a:xfrm>
                <a:off x="1361" y="3375"/>
                <a:ext cx="26" cy="18"/>
              </a:xfrm>
              <a:custGeom>
                <a:avLst/>
                <a:gdLst>
                  <a:gd name="T0" fmla="*/ 0 w 26"/>
                  <a:gd name="T1" fmla="*/ 8 h 18"/>
                  <a:gd name="T2" fmla="*/ 0 w 26"/>
                  <a:gd name="T3" fmla="*/ 8 h 18"/>
                  <a:gd name="T4" fmla="*/ 0 w 26"/>
                  <a:gd name="T5" fmla="*/ 8 h 18"/>
                  <a:gd name="T6" fmla="*/ 2 w 26"/>
                  <a:gd name="T7" fmla="*/ 6 h 18"/>
                  <a:gd name="T8" fmla="*/ 2 w 26"/>
                  <a:gd name="T9" fmla="*/ 6 h 18"/>
                  <a:gd name="T10" fmla="*/ 5 w 26"/>
                  <a:gd name="T11" fmla="*/ 3 h 18"/>
                  <a:gd name="T12" fmla="*/ 9 w 26"/>
                  <a:gd name="T13" fmla="*/ 3 h 18"/>
                  <a:gd name="T14" fmla="*/ 12 w 26"/>
                  <a:gd name="T15" fmla="*/ 1 h 18"/>
                  <a:gd name="T16" fmla="*/ 17 w 26"/>
                  <a:gd name="T17" fmla="*/ 0 h 18"/>
                  <a:gd name="T18" fmla="*/ 22 w 26"/>
                  <a:gd name="T19" fmla="*/ 0 h 18"/>
                  <a:gd name="T20" fmla="*/ 22 w 26"/>
                  <a:gd name="T21" fmla="*/ 0 h 18"/>
                  <a:gd name="T22" fmla="*/ 24 w 26"/>
                  <a:gd name="T23" fmla="*/ 0 h 18"/>
                  <a:gd name="T24" fmla="*/ 24 w 26"/>
                  <a:gd name="T25" fmla="*/ 3 h 18"/>
                  <a:gd name="T26" fmla="*/ 24 w 26"/>
                  <a:gd name="T27" fmla="*/ 6 h 18"/>
                  <a:gd name="T28" fmla="*/ 26 w 26"/>
                  <a:gd name="T29" fmla="*/ 6 h 18"/>
                  <a:gd name="T30" fmla="*/ 21 w 26"/>
                  <a:gd name="T31" fmla="*/ 18 h 18"/>
                  <a:gd name="T32" fmla="*/ 4 w 26"/>
                  <a:gd name="T33" fmla="*/ 13 h 18"/>
                  <a:gd name="T34" fmla="*/ 0 w 26"/>
                  <a:gd name="T35" fmla="*/ 8 h 18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w 26"/>
                  <a:gd name="T55" fmla="*/ 0 h 18"/>
                  <a:gd name="T56" fmla="*/ 26 w 26"/>
                  <a:gd name="T57" fmla="*/ 18 h 18"/>
                </a:gdLst>
                <a:ahLst/>
                <a:cxnLst>
                  <a:cxn ang="T36">
                    <a:pos x="T0" y="T1"/>
                  </a:cxn>
                  <a:cxn ang="T37">
                    <a:pos x="T2" y="T3"/>
                  </a:cxn>
                  <a:cxn ang="T38">
                    <a:pos x="T4" y="T5"/>
                  </a:cxn>
                  <a:cxn ang="T39">
                    <a:pos x="T6" y="T7"/>
                  </a:cxn>
                  <a:cxn ang="T40">
                    <a:pos x="T8" y="T9"/>
                  </a:cxn>
                  <a:cxn ang="T41">
                    <a:pos x="T10" y="T11"/>
                  </a:cxn>
                  <a:cxn ang="T42">
                    <a:pos x="T12" y="T13"/>
                  </a:cxn>
                  <a:cxn ang="T43">
                    <a:pos x="T14" y="T15"/>
                  </a:cxn>
                  <a:cxn ang="T44">
                    <a:pos x="T16" y="T17"/>
                  </a:cxn>
                  <a:cxn ang="T45">
                    <a:pos x="T18" y="T19"/>
                  </a:cxn>
                  <a:cxn ang="T46">
                    <a:pos x="T20" y="T21"/>
                  </a:cxn>
                  <a:cxn ang="T47">
                    <a:pos x="T22" y="T23"/>
                  </a:cxn>
                  <a:cxn ang="T48">
                    <a:pos x="T24" y="T25"/>
                  </a:cxn>
                  <a:cxn ang="T49">
                    <a:pos x="T26" y="T27"/>
                  </a:cxn>
                  <a:cxn ang="T50">
                    <a:pos x="T28" y="T29"/>
                  </a:cxn>
                  <a:cxn ang="T51">
                    <a:pos x="T30" y="T31"/>
                  </a:cxn>
                  <a:cxn ang="T52">
                    <a:pos x="T32" y="T33"/>
                  </a:cxn>
                  <a:cxn ang="T53">
                    <a:pos x="T34" y="T35"/>
                  </a:cxn>
                </a:cxnLst>
                <a:rect l="T54" t="T55" r="T56" b="T57"/>
                <a:pathLst>
                  <a:path w="26" h="18">
                    <a:moveTo>
                      <a:pt x="0" y="8"/>
                    </a:moveTo>
                    <a:lnTo>
                      <a:pt x="0" y="8"/>
                    </a:lnTo>
                    <a:lnTo>
                      <a:pt x="2" y="6"/>
                    </a:lnTo>
                    <a:lnTo>
                      <a:pt x="5" y="3"/>
                    </a:lnTo>
                    <a:lnTo>
                      <a:pt x="9" y="3"/>
                    </a:lnTo>
                    <a:lnTo>
                      <a:pt x="12" y="1"/>
                    </a:lnTo>
                    <a:lnTo>
                      <a:pt x="17" y="0"/>
                    </a:lnTo>
                    <a:lnTo>
                      <a:pt x="22" y="0"/>
                    </a:lnTo>
                    <a:lnTo>
                      <a:pt x="24" y="0"/>
                    </a:lnTo>
                    <a:lnTo>
                      <a:pt x="24" y="3"/>
                    </a:lnTo>
                    <a:lnTo>
                      <a:pt x="24" y="6"/>
                    </a:lnTo>
                    <a:lnTo>
                      <a:pt x="26" y="6"/>
                    </a:lnTo>
                    <a:lnTo>
                      <a:pt x="21" y="18"/>
                    </a:lnTo>
                    <a:lnTo>
                      <a:pt x="4" y="13"/>
                    </a:lnTo>
                    <a:lnTo>
                      <a:pt x="0" y="8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77" name="Freeform 142"/>
              <p:cNvSpPr>
                <a:spLocks/>
              </p:cNvSpPr>
              <p:nvPr/>
            </p:nvSpPr>
            <p:spPr bwMode="auto">
              <a:xfrm>
                <a:off x="1441" y="3403"/>
                <a:ext cx="30" cy="24"/>
              </a:xfrm>
              <a:custGeom>
                <a:avLst/>
                <a:gdLst>
                  <a:gd name="T0" fmla="*/ 0 w 30"/>
                  <a:gd name="T1" fmla="*/ 5 h 24"/>
                  <a:gd name="T2" fmla="*/ 8 w 30"/>
                  <a:gd name="T3" fmla="*/ 5 h 24"/>
                  <a:gd name="T4" fmla="*/ 8 w 30"/>
                  <a:gd name="T5" fmla="*/ 5 h 24"/>
                  <a:gd name="T6" fmla="*/ 8 w 30"/>
                  <a:gd name="T7" fmla="*/ 4 h 24"/>
                  <a:gd name="T8" fmla="*/ 8 w 30"/>
                  <a:gd name="T9" fmla="*/ 2 h 24"/>
                  <a:gd name="T10" fmla="*/ 10 w 30"/>
                  <a:gd name="T11" fmla="*/ 0 h 24"/>
                  <a:gd name="T12" fmla="*/ 10 w 30"/>
                  <a:gd name="T13" fmla="*/ 0 h 24"/>
                  <a:gd name="T14" fmla="*/ 12 w 30"/>
                  <a:gd name="T15" fmla="*/ 0 h 24"/>
                  <a:gd name="T16" fmla="*/ 13 w 30"/>
                  <a:gd name="T17" fmla="*/ 2 h 24"/>
                  <a:gd name="T18" fmla="*/ 17 w 30"/>
                  <a:gd name="T19" fmla="*/ 5 h 24"/>
                  <a:gd name="T20" fmla="*/ 17 w 30"/>
                  <a:gd name="T21" fmla="*/ 7 h 24"/>
                  <a:gd name="T22" fmla="*/ 18 w 30"/>
                  <a:gd name="T23" fmla="*/ 9 h 24"/>
                  <a:gd name="T24" fmla="*/ 22 w 30"/>
                  <a:gd name="T25" fmla="*/ 12 h 24"/>
                  <a:gd name="T26" fmla="*/ 27 w 30"/>
                  <a:gd name="T27" fmla="*/ 16 h 24"/>
                  <a:gd name="T28" fmla="*/ 27 w 30"/>
                  <a:gd name="T29" fmla="*/ 17 h 24"/>
                  <a:gd name="T30" fmla="*/ 29 w 30"/>
                  <a:gd name="T31" fmla="*/ 19 h 24"/>
                  <a:gd name="T32" fmla="*/ 30 w 30"/>
                  <a:gd name="T33" fmla="*/ 21 h 24"/>
                  <a:gd name="T34" fmla="*/ 30 w 30"/>
                  <a:gd name="T35" fmla="*/ 22 h 24"/>
                  <a:gd name="T36" fmla="*/ 30 w 30"/>
                  <a:gd name="T37" fmla="*/ 24 h 24"/>
                  <a:gd name="T38" fmla="*/ 27 w 30"/>
                  <a:gd name="T39" fmla="*/ 24 h 24"/>
                  <a:gd name="T40" fmla="*/ 22 w 30"/>
                  <a:gd name="T41" fmla="*/ 24 h 24"/>
                  <a:gd name="T42" fmla="*/ 15 w 30"/>
                  <a:gd name="T43" fmla="*/ 21 h 24"/>
                  <a:gd name="T44" fmla="*/ 13 w 30"/>
                  <a:gd name="T45" fmla="*/ 21 h 24"/>
                  <a:gd name="T46" fmla="*/ 10 w 30"/>
                  <a:gd name="T47" fmla="*/ 21 h 24"/>
                  <a:gd name="T48" fmla="*/ 8 w 30"/>
                  <a:gd name="T49" fmla="*/ 22 h 24"/>
                  <a:gd name="T50" fmla="*/ 8 w 30"/>
                  <a:gd name="T51" fmla="*/ 22 h 24"/>
                  <a:gd name="T52" fmla="*/ 1 w 30"/>
                  <a:gd name="T53" fmla="*/ 14 h 24"/>
                  <a:gd name="T54" fmla="*/ 0 w 30"/>
                  <a:gd name="T55" fmla="*/ 5 h 24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w 30"/>
                  <a:gd name="T85" fmla="*/ 0 h 24"/>
                  <a:gd name="T86" fmla="*/ 30 w 30"/>
                  <a:gd name="T87" fmla="*/ 24 h 24"/>
                </a:gdLst>
                <a:ahLst/>
                <a:cxnLst>
                  <a:cxn ang="T56">
                    <a:pos x="T0" y="T1"/>
                  </a:cxn>
                  <a:cxn ang="T57">
                    <a:pos x="T2" y="T3"/>
                  </a:cxn>
                  <a:cxn ang="T58">
                    <a:pos x="T4" y="T5"/>
                  </a:cxn>
                  <a:cxn ang="T59">
                    <a:pos x="T6" y="T7"/>
                  </a:cxn>
                  <a:cxn ang="T60">
                    <a:pos x="T8" y="T9"/>
                  </a:cxn>
                  <a:cxn ang="T61">
                    <a:pos x="T10" y="T11"/>
                  </a:cxn>
                  <a:cxn ang="T62">
                    <a:pos x="T12" y="T13"/>
                  </a:cxn>
                  <a:cxn ang="T63">
                    <a:pos x="T14" y="T15"/>
                  </a:cxn>
                  <a:cxn ang="T64">
                    <a:pos x="T16" y="T17"/>
                  </a:cxn>
                  <a:cxn ang="T65">
                    <a:pos x="T18" y="T19"/>
                  </a:cxn>
                  <a:cxn ang="T66">
                    <a:pos x="T20" y="T21"/>
                  </a:cxn>
                  <a:cxn ang="T67">
                    <a:pos x="T22" y="T23"/>
                  </a:cxn>
                  <a:cxn ang="T68">
                    <a:pos x="T24" y="T25"/>
                  </a:cxn>
                  <a:cxn ang="T69">
                    <a:pos x="T26" y="T27"/>
                  </a:cxn>
                  <a:cxn ang="T70">
                    <a:pos x="T28" y="T29"/>
                  </a:cxn>
                  <a:cxn ang="T71">
                    <a:pos x="T30" y="T31"/>
                  </a:cxn>
                  <a:cxn ang="T72">
                    <a:pos x="T32" y="T33"/>
                  </a:cxn>
                  <a:cxn ang="T73">
                    <a:pos x="T34" y="T35"/>
                  </a:cxn>
                  <a:cxn ang="T74">
                    <a:pos x="T36" y="T37"/>
                  </a:cxn>
                  <a:cxn ang="T75">
                    <a:pos x="T38" y="T39"/>
                  </a:cxn>
                  <a:cxn ang="T76">
                    <a:pos x="T40" y="T41"/>
                  </a:cxn>
                  <a:cxn ang="T77">
                    <a:pos x="T42" y="T43"/>
                  </a:cxn>
                  <a:cxn ang="T78">
                    <a:pos x="T44" y="T45"/>
                  </a:cxn>
                  <a:cxn ang="T79">
                    <a:pos x="T46" y="T47"/>
                  </a:cxn>
                  <a:cxn ang="T80">
                    <a:pos x="T48" y="T49"/>
                  </a:cxn>
                  <a:cxn ang="T81">
                    <a:pos x="T50" y="T51"/>
                  </a:cxn>
                  <a:cxn ang="T82">
                    <a:pos x="T52" y="T53"/>
                  </a:cxn>
                  <a:cxn ang="T83">
                    <a:pos x="T54" y="T55"/>
                  </a:cxn>
                </a:cxnLst>
                <a:rect l="T84" t="T85" r="T86" b="T87"/>
                <a:pathLst>
                  <a:path w="30" h="24">
                    <a:moveTo>
                      <a:pt x="0" y="5"/>
                    </a:moveTo>
                    <a:lnTo>
                      <a:pt x="8" y="5"/>
                    </a:lnTo>
                    <a:lnTo>
                      <a:pt x="8" y="4"/>
                    </a:lnTo>
                    <a:lnTo>
                      <a:pt x="8" y="2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7" y="5"/>
                    </a:lnTo>
                    <a:lnTo>
                      <a:pt x="17" y="7"/>
                    </a:lnTo>
                    <a:lnTo>
                      <a:pt x="18" y="9"/>
                    </a:lnTo>
                    <a:lnTo>
                      <a:pt x="22" y="12"/>
                    </a:lnTo>
                    <a:lnTo>
                      <a:pt x="27" y="16"/>
                    </a:lnTo>
                    <a:lnTo>
                      <a:pt x="27" y="17"/>
                    </a:lnTo>
                    <a:lnTo>
                      <a:pt x="29" y="19"/>
                    </a:lnTo>
                    <a:lnTo>
                      <a:pt x="30" y="21"/>
                    </a:lnTo>
                    <a:lnTo>
                      <a:pt x="30" y="22"/>
                    </a:lnTo>
                    <a:lnTo>
                      <a:pt x="30" y="24"/>
                    </a:lnTo>
                    <a:lnTo>
                      <a:pt x="27" y="24"/>
                    </a:lnTo>
                    <a:lnTo>
                      <a:pt x="22" y="24"/>
                    </a:lnTo>
                    <a:lnTo>
                      <a:pt x="15" y="21"/>
                    </a:lnTo>
                    <a:lnTo>
                      <a:pt x="13" y="21"/>
                    </a:lnTo>
                    <a:lnTo>
                      <a:pt x="10" y="21"/>
                    </a:lnTo>
                    <a:lnTo>
                      <a:pt x="8" y="22"/>
                    </a:lnTo>
                    <a:lnTo>
                      <a:pt x="1" y="14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78" name="Freeform 143"/>
              <p:cNvSpPr>
                <a:spLocks/>
              </p:cNvSpPr>
              <p:nvPr/>
            </p:nvSpPr>
            <p:spPr bwMode="auto">
              <a:xfrm>
                <a:off x="1441" y="3403"/>
                <a:ext cx="30" cy="24"/>
              </a:xfrm>
              <a:custGeom>
                <a:avLst/>
                <a:gdLst>
                  <a:gd name="T0" fmla="*/ 0 w 30"/>
                  <a:gd name="T1" fmla="*/ 5 h 24"/>
                  <a:gd name="T2" fmla="*/ 8 w 30"/>
                  <a:gd name="T3" fmla="*/ 5 h 24"/>
                  <a:gd name="T4" fmla="*/ 8 w 30"/>
                  <a:gd name="T5" fmla="*/ 5 h 24"/>
                  <a:gd name="T6" fmla="*/ 8 w 30"/>
                  <a:gd name="T7" fmla="*/ 5 h 24"/>
                  <a:gd name="T8" fmla="*/ 8 w 30"/>
                  <a:gd name="T9" fmla="*/ 4 h 24"/>
                  <a:gd name="T10" fmla="*/ 8 w 30"/>
                  <a:gd name="T11" fmla="*/ 2 h 24"/>
                  <a:gd name="T12" fmla="*/ 10 w 30"/>
                  <a:gd name="T13" fmla="*/ 0 h 24"/>
                  <a:gd name="T14" fmla="*/ 10 w 30"/>
                  <a:gd name="T15" fmla="*/ 0 h 24"/>
                  <a:gd name="T16" fmla="*/ 12 w 30"/>
                  <a:gd name="T17" fmla="*/ 0 h 24"/>
                  <a:gd name="T18" fmla="*/ 13 w 30"/>
                  <a:gd name="T19" fmla="*/ 2 h 24"/>
                  <a:gd name="T20" fmla="*/ 17 w 30"/>
                  <a:gd name="T21" fmla="*/ 5 h 24"/>
                  <a:gd name="T22" fmla="*/ 17 w 30"/>
                  <a:gd name="T23" fmla="*/ 5 h 24"/>
                  <a:gd name="T24" fmla="*/ 17 w 30"/>
                  <a:gd name="T25" fmla="*/ 7 h 24"/>
                  <a:gd name="T26" fmla="*/ 18 w 30"/>
                  <a:gd name="T27" fmla="*/ 9 h 24"/>
                  <a:gd name="T28" fmla="*/ 22 w 30"/>
                  <a:gd name="T29" fmla="*/ 12 h 24"/>
                  <a:gd name="T30" fmla="*/ 27 w 30"/>
                  <a:gd name="T31" fmla="*/ 16 h 24"/>
                  <a:gd name="T32" fmla="*/ 27 w 30"/>
                  <a:gd name="T33" fmla="*/ 16 h 24"/>
                  <a:gd name="T34" fmla="*/ 27 w 30"/>
                  <a:gd name="T35" fmla="*/ 17 h 24"/>
                  <a:gd name="T36" fmla="*/ 29 w 30"/>
                  <a:gd name="T37" fmla="*/ 19 h 24"/>
                  <a:gd name="T38" fmla="*/ 30 w 30"/>
                  <a:gd name="T39" fmla="*/ 21 h 24"/>
                  <a:gd name="T40" fmla="*/ 30 w 30"/>
                  <a:gd name="T41" fmla="*/ 22 h 24"/>
                  <a:gd name="T42" fmla="*/ 30 w 30"/>
                  <a:gd name="T43" fmla="*/ 24 h 24"/>
                  <a:gd name="T44" fmla="*/ 27 w 30"/>
                  <a:gd name="T45" fmla="*/ 24 h 24"/>
                  <a:gd name="T46" fmla="*/ 22 w 30"/>
                  <a:gd name="T47" fmla="*/ 24 h 24"/>
                  <a:gd name="T48" fmla="*/ 15 w 30"/>
                  <a:gd name="T49" fmla="*/ 21 h 24"/>
                  <a:gd name="T50" fmla="*/ 15 w 30"/>
                  <a:gd name="T51" fmla="*/ 21 h 24"/>
                  <a:gd name="T52" fmla="*/ 13 w 30"/>
                  <a:gd name="T53" fmla="*/ 21 h 24"/>
                  <a:gd name="T54" fmla="*/ 10 w 30"/>
                  <a:gd name="T55" fmla="*/ 21 h 24"/>
                  <a:gd name="T56" fmla="*/ 8 w 30"/>
                  <a:gd name="T57" fmla="*/ 22 h 24"/>
                  <a:gd name="T58" fmla="*/ 8 w 30"/>
                  <a:gd name="T59" fmla="*/ 22 h 24"/>
                  <a:gd name="T60" fmla="*/ 1 w 30"/>
                  <a:gd name="T61" fmla="*/ 14 h 24"/>
                  <a:gd name="T62" fmla="*/ 0 w 30"/>
                  <a:gd name="T63" fmla="*/ 5 h 24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w 30"/>
                  <a:gd name="T97" fmla="*/ 0 h 24"/>
                  <a:gd name="T98" fmla="*/ 30 w 30"/>
                  <a:gd name="T99" fmla="*/ 24 h 24"/>
                </a:gdLst>
                <a:ahLst/>
                <a:cxnLst>
                  <a:cxn ang="T64">
                    <a:pos x="T0" y="T1"/>
                  </a:cxn>
                  <a:cxn ang="T65">
                    <a:pos x="T2" y="T3"/>
                  </a:cxn>
                  <a:cxn ang="T66">
                    <a:pos x="T4" y="T5"/>
                  </a:cxn>
                  <a:cxn ang="T67">
                    <a:pos x="T6" y="T7"/>
                  </a:cxn>
                  <a:cxn ang="T68">
                    <a:pos x="T8" y="T9"/>
                  </a:cxn>
                  <a:cxn ang="T69">
                    <a:pos x="T10" y="T11"/>
                  </a:cxn>
                  <a:cxn ang="T70">
                    <a:pos x="T12" y="T13"/>
                  </a:cxn>
                  <a:cxn ang="T71">
                    <a:pos x="T14" y="T15"/>
                  </a:cxn>
                  <a:cxn ang="T72">
                    <a:pos x="T16" y="T17"/>
                  </a:cxn>
                  <a:cxn ang="T73">
                    <a:pos x="T18" y="T19"/>
                  </a:cxn>
                  <a:cxn ang="T74">
                    <a:pos x="T20" y="T21"/>
                  </a:cxn>
                  <a:cxn ang="T75">
                    <a:pos x="T22" y="T23"/>
                  </a:cxn>
                  <a:cxn ang="T76">
                    <a:pos x="T24" y="T25"/>
                  </a:cxn>
                  <a:cxn ang="T77">
                    <a:pos x="T26" y="T27"/>
                  </a:cxn>
                  <a:cxn ang="T78">
                    <a:pos x="T28" y="T29"/>
                  </a:cxn>
                  <a:cxn ang="T79">
                    <a:pos x="T30" y="T31"/>
                  </a:cxn>
                  <a:cxn ang="T80">
                    <a:pos x="T32" y="T33"/>
                  </a:cxn>
                  <a:cxn ang="T81">
                    <a:pos x="T34" y="T35"/>
                  </a:cxn>
                  <a:cxn ang="T82">
                    <a:pos x="T36" y="T37"/>
                  </a:cxn>
                  <a:cxn ang="T83">
                    <a:pos x="T38" y="T39"/>
                  </a:cxn>
                  <a:cxn ang="T84">
                    <a:pos x="T40" y="T41"/>
                  </a:cxn>
                  <a:cxn ang="T85">
                    <a:pos x="T42" y="T43"/>
                  </a:cxn>
                  <a:cxn ang="T86">
                    <a:pos x="T44" y="T45"/>
                  </a:cxn>
                  <a:cxn ang="T87">
                    <a:pos x="T46" y="T47"/>
                  </a:cxn>
                  <a:cxn ang="T88">
                    <a:pos x="T48" y="T49"/>
                  </a:cxn>
                  <a:cxn ang="T89">
                    <a:pos x="T50" y="T51"/>
                  </a:cxn>
                  <a:cxn ang="T90">
                    <a:pos x="T52" y="T53"/>
                  </a:cxn>
                  <a:cxn ang="T91">
                    <a:pos x="T54" y="T55"/>
                  </a:cxn>
                  <a:cxn ang="T92">
                    <a:pos x="T56" y="T57"/>
                  </a:cxn>
                  <a:cxn ang="T93">
                    <a:pos x="T58" y="T59"/>
                  </a:cxn>
                  <a:cxn ang="T94">
                    <a:pos x="T60" y="T61"/>
                  </a:cxn>
                  <a:cxn ang="T95">
                    <a:pos x="T62" y="T63"/>
                  </a:cxn>
                </a:cxnLst>
                <a:rect l="T96" t="T97" r="T98" b="T99"/>
                <a:pathLst>
                  <a:path w="30" h="24">
                    <a:moveTo>
                      <a:pt x="0" y="5"/>
                    </a:moveTo>
                    <a:lnTo>
                      <a:pt x="8" y="5"/>
                    </a:lnTo>
                    <a:lnTo>
                      <a:pt x="8" y="4"/>
                    </a:lnTo>
                    <a:lnTo>
                      <a:pt x="8" y="2"/>
                    </a:lnTo>
                    <a:lnTo>
                      <a:pt x="10" y="0"/>
                    </a:lnTo>
                    <a:lnTo>
                      <a:pt x="12" y="0"/>
                    </a:lnTo>
                    <a:lnTo>
                      <a:pt x="13" y="2"/>
                    </a:lnTo>
                    <a:lnTo>
                      <a:pt x="17" y="5"/>
                    </a:lnTo>
                    <a:lnTo>
                      <a:pt x="17" y="7"/>
                    </a:lnTo>
                    <a:lnTo>
                      <a:pt x="18" y="9"/>
                    </a:lnTo>
                    <a:lnTo>
                      <a:pt x="22" y="12"/>
                    </a:lnTo>
                    <a:lnTo>
                      <a:pt x="27" y="16"/>
                    </a:lnTo>
                    <a:lnTo>
                      <a:pt x="27" y="17"/>
                    </a:lnTo>
                    <a:lnTo>
                      <a:pt x="29" y="19"/>
                    </a:lnTo>
                    <a:lnTo>
                      <a:pt x="30" y="21"/>
                    </a:lnTo>
                    <a:lnTo>
                      <a:pt x="30" y="22"/>
                    </a:lnTo>
                    <a:lnTo>
                      <a:pt x="30" y="24"/>
                    </a:lnTo>
                    <a:lnTo>
                      <a:pt x="27" y="24"/>
                    </a:lnTo>
                    <a:lnTo>
                      <a:pt x="22" y="24"/>
                    </a:lnTo>
                    <a:lnTo>
                      <a:pt x="15" y="21"/>
                    </a:lnTo>
                    <a:lnTo>
                      <a:pt x="13" y="21"/>
                    </a:lnTo>
                    <a:lnTo>
                      <a:pt x="10" y="21"/>
                    </a:lnTo>
                    <a:lnTo>
                      <a:pt x="8" y="22"/>
                    </a:lnTo>
                    <a:lnTo>
                      <a:pt x="1" y="14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79" name="Freeform 144"/>
              <p:cNvSpPr>
                <a:spLocks/>
              </p:cNvSpPr>
              <p:nvPr/>
            </p:nvSpPr>
            <p:spPr bwMode="auto">
              <a:xfrm>
                <a:off x="1492" y="3427"/>
                <a:ext cx="27" cy="12"/>
              </a:xfrm>
              <a:custGeom>
                <a:avLst/>
                <a:gdLst>
                  <a:gd name="T0" fmla="*/ 1 w 27"/>
                  <a:gd name="T1" fmla="*/ 0 h 12"/>
                  <a:gd name="T2" fmla="*/ 0 w 27"/>
                  <a:gd name="T3" fmla="*/ 9 h 12"/>
                  <a:gd name="T4" fmla="*/ 18 w 27"/>
                  <a:gd name="T5" fmla="*/ 12 h 12"/>
                  <a:gd name="T6" fmla="*/ 18 w 27"/>
                  <a:gd name="T7" fmla="*/ 12 h 12"/>
                  <a:gd name="T8" fmla="*/ 20 w 27"/>
                  <a:gd name="T9" fmla="*/ 10 h 12"/>
                  <a:gd name="T10" fmla="*/ 23 w 27"/>
                  <a:gd name="T11" fmla="*/ 9 h 12"/>
                  <a:gd name="T12" fmla="*/ 27 w 27"/>
                  <a:gd name="T13" fmla="*/ 7 h 12"/>
                  <a:gd name="T14" fmla="*/ 27 w 27"/>
                  <a:gd name="T15" fmla="*/ 5 h 12"/>
                  <a:gd name="T16" fmla="*/ 27 w 27"/>
                  <a:gd name="T17" fmla="*/ 3 h 12"/>
                  <a:gd name="T18" fmla="*/ 23 w 27"/>
                  <a:gd name="T19" fmla="*/ 3 h 12"/>
                  <a:gd name="T20" fmla="*/ 18 w 27"/>
                  <a:gd name="T21" fmla="*/ 3 h 12"/>
                  <a:gd name="T22" fmla="*/ 16 w 27"/>
                  <a:gd name="T23" fmla="*/ 3 h 12"/>
                  <a:gd name="T24" fmla="*/ 13 w 27"/>
                  <a:gd name="T25" fmla="*/ 2 h 12"/>
                  <a:gd name="T26" fmla="*/ 11 w 27"/>
                  <a:gd name="T27" fmla="*/ 2 h 12"/>
                  <a:gd name="T28" fmla="*/ 8 w 27"/>
                  <a:gd name="T29" fmla="*/ 2 h 12"/>
                  <a:gd name="T30" fmla="*/ 6 w 27"/>
                  <a:gd name="T31" fmla="*/ 2 h 12"/>
                  <a:gd name="T32" fmla="*/ 3 w 27"/>
                  <a:gd name="T33" fmla="*/ 0 h 12"/>
                  <a:gd name="T34" fmla="*/ 3 w 27"/>
                  <a:gd name="T35" fmla="*/ 0 h 12"/>
                  <a:gd name="T36" fmla="*/ 1 w 27"/>
                  <a:gd name="T37" fmla="*/ 0 h 12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w 27"/>
                  <a:gd name="T58" fmla="*/ 0 h 12"/>
                  <a:gd name="T59" fmla="*/ 27 w 27"/>
                  <a:gd name="T60" fmla="*/ 12 h 12"/>
                </a:gdLst>
                <a:ahLst/>
                <a:cxnLst>
                  <a:cxn ang="T38">
                    <a:pos x="T0" y="T1"/>
                  </a:cxn>
                  <a:cxn ang="T39">
                    <a:pos x="T2" y="T3"/>
                  </a:cxn>
                  <a:cxn ang="T40">
                    <a:pos x="T4" y="T5"/>
                  </a:cxn>
                  <a:cxn ang="T41">
                    <a:pos x="T6" y="T7"/>
                  </a:cxn>
                  <a:cxn ang="T42">
                    <a:pos x="T8" y="T9"/>
                  </a:cxn>
                  <a:cxn ang="T43">
                    <a:pos x="T10" y="T11"/>
                  </a:cxn>
                  <a:cxn ang="T44">
                    <a:pos x="T12" y="T13"/>
                  </a:cxn>
                  <a:cxn ang="T45">
                    <a:pos x="T14" y="T15"/>
                  </a:cxn>
                  <a:cxn ang="T46">
                    <a:pos x="T16" y="T17"/>
                  </a:cxn>
                  <a:cxn ang="T47">
                    <a:pos x="T18" y="T19"/>
                  </a:cxn>
                  <a:cxn ang="T48">
                    <a:pos x="T20" y="T21"/>
                  </a:cxn>
                  <a:cxn ang="T49">
                    <a:pos x="T22" y="T23"/>
                  </a:cxn>
                  <a:cxn ang="T50">
                    <a:pos x="T24" y="T25"/>
                  </a:cxn>
                  <a:cxn ang="T51">
                    <a:pos x="T26" y="T27"/>
                  </a:cxn>
                  <a:cxn ang="T52">
                    <a:pos x="T28" y="T29"/>
                  </a:cxn>
                  <a:cxn ang="T53">
                    <a:pos x="T30" y="T31"/>
                  </a:cxn>
                  <a:cxn ang="T54">
                    <a:pos x="T32" y="T33"/>
                  </a:cxn>
                  <a:cxn ang="T55">
                    <a:pos x="T34" y="T35"/>
                  </a:cxn>
                  <a:cxn ang="T56">
                    <a:pos x="T36" y="T37"/>
                  </a:cxn>
                </a:cxnLst>
                <a:rect l="T57" t="T58" r="T59" b="T60"/>
                <a:pathLst>
                  <a:path w="27" h="12">
                    <a:moveTo>
                      <a:pt x="1" y="0"/>
                    </a:moveTo>
                    <a:lnTo>
                      <a:pt x="0" y="9"/>
                    </a:lnTo>
                    <a:lnTo>
                      <a:pt x="18" y="12"/>
                    </a:lnTo>
                    <a:lnTo>
                      <a:pt x="20" y="10"/>
                    </a:lnTo>
                    <a:lnTo>
                      <a:pt x="23" y="9"/>
                    </a:lnTo>
                    <a:lnTo>
                      <a:pt x="27" y="7"/>
                    </a:lnTo>
                    <a:lnTo>
                      <a:pt x="27" y="5"/>
                    </a:lnTo>
                    <a:lnTo>
                      <a:pt x="27" y="3"/>
                    </a:lnTo>
                    <a:lnTo>
                      <a:pt x="23" y="3"/>
                    </a:lnTo>
                    <a:lnTo>
                      <a:pt x="18" y="3"/>
                    </a:lnTo>
                    <a:lnTo>
                      <a:pt x="16" y="3"/>
                    </a:lnTo>
                    <a:lnTo>
                      <a:pt x="13" y="2"/>
                    </a:lnTo>
                    <a:lnTo>
                      <a:pt x="11" y="2"/>
                    </a:lnTo>
                    <a:lnTo>
                      <a:pt x="8" y="2"/>
                    </a:lnTo>
                    <a:lnTo>
                      <a:pt x="6" y="2"/>
                    </a:lnTo>
                    <a:lnTo>
                      <a:pt x="3" y="0"/>
                    </a:lnTo>
                    <a:lnTo>
                      <a:pt x="1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80" name="Freeform 145"/>
              <p:cNvSpPr>
                <a:spLocks/>
              </p:cNvSpPr>
              <p:nvPr/>
            </p:nvSpPr>
            <p:spPr bwMode="auto">
              <a:xfrm>
                <a:off x="1492" y="3427"/>
                <a:ext cx="27" cy="12"/>
              </a:xfrm>
              <a:custGeom>
                <a:avLst/>
                <a:gdLst>
                  <a:gd name="T0" fmla="*/ 1 w 27"/>
                  <a:gd name="T1" fmla="*/ 0 h 12"/>
                  <a:gd name="T2" fmla="*/ 0 w 27"/>
                  <a:gd name="T3" fmla="*/ 9 h 12"/>
                  <a:gd name="T4" fmla="*/ 18 w 27"/>
                  <a:gd name="T5" fmla="*/ 12 h 12"/>
                  <a:gd name="T6" fmla="*/ 18 w 27"/>
                  <a:gd name="T7" fmla="*/ 12 h 12"/>
                  <a:gd name="T8" fmla="*/ 18 w 27"/>
                  <a:gd name="T9" fmla="*/ 12 h 12"/>
                  <a:gd name="T10" fmla="*/ 20 w 27"/>
                  <a:gd name="T11" fmla="*/ 10 h 12"/>
                  <a:gd name="T12" fmla="*/ 23 w 27"/>
                  <a:gd name="T13" fmla="*/ 9 h 12"/>
                  <a:gd name="T14" fmla="*/ 27 w 27"/>
                  <a:gd name="T15" fmla="*/ 7 h 12"/>
                  <a:gd name="T16" fmla="*/ 27 w 27"/>
                  <a:gd name="T17" fmla="*/ 5 h 12"/>
                  <a:gd name="T18" fmla="*/ 27 w 27"/>
                  <a:gd name="T19" fmla="*/ 3 h 12"/>
                  <a:gd name="T20" fmla="*/ 23 w 27"/>
                  <a:gd name="T21" fmla="*/ 3 h 12"/>
                  <a:gd name="T22" fmla="*/ 18 w 27"/>
                  <a:gd name="T23" fmla="*/ 3 h 12"/>
                  <a:gd name="T24" fmla="*/ 18 w 27"/>
                  <a:gd name="T25" fmla="*/ 3 h 12"/>
                  <a:gd name="T26" fmla="*/ 16 w 27"/>
                  <a:gd name="T27" fmla="*/ 3 h 12"/>
                  <a:gd name="T28" fmla="*/ 13 w 27"/>
                  <a:gd name="T29" fmla="*/ 2 h 12"/>
                  <a:gd name="T30" fmla="*/ 11 w 27"/>
                  <a:gd name="T31" fmla="*/ 2 h 12"/>
                  <a:gd name="T32" fmla="*/ 8 w 27"/>
                  <a:gd name="T33" fmla="*/ 2 h 12"/>
                  <a:gd name="T34" fmla="*/ 6 w 27"/>
                  <a:gd name="T35" fmla="*/ 2 h 12"/>
                  <a:gd name="T36" fmla="*/ 3 w 27"/>
                  <a:gd name="T37" fmla="*/ 0 h 12"/>
                  <a:gd name="T38" fmla="*/ 3 w 27"/>
                  <a:gd name="T39" fmla="*/ 0 h 12"/>
                  <a:gd name="T40" fmla="*/ 1 w 27"/>
                  <a:gd name="T41" fmla="*/ 0 h 12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27"/>
                  <a:gd name="T64" fmla="*/ 0 h 12"/>
                  <a:gd name="T65" fmla="*/ 27 w 27"/>
                  <a:gd name="T66" fmla="*/ 12 h 12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27" h="12">
                    <a:moveTo>
                      <a:pt x="1" y="0"/>
                    </a:moveTo>
                    <a:lnTo>
                      <a:pt x="0" y="9"/>
                    </a:lnTo>
                    <a:lnTo>
                      <a:pt x="18" y="12"/>
                    </a:lnTo>
                    <a:lnTo>
                      <a:pt x="20" y="10"/>
                    </a:lnTo>
                    <a:lnTo>
                      <a:pt x="23" y="9"/>
                    </a:lnTo>
                    <a:lnTo>
                      <a:pt x="27" y="7"/>
                    </a:lnTo>
                    <a:lnTo>
                      <a:pt x="27" y="5"/>
                    </a:lnTo>
                    <a:lnTo>
                      <a:pt x="27" y="3"/>
                    </a:lnTo>
                    <a:lnTo>
                      <a:pt x="23" y="3"/>
                    </a:lnTo>
                    <a:lnTo>
                      <a:pt x="18" y="3"/>
                    </a:lnTo>
                    <a:lnTo>
                      <a:pt x="16" y="3"/>
                    </a:lnTo>
                    <a:lnTo>
                      <a:pt x="13" y="2"/>
                    </a:lnTo>
                    <a:lnTo>
                      <a:pt x="11" y="2"/>
                    </a:lnTo>
                    <a:lnTo>
                      <a:pt x="8" y="2"/>
                    </a:lnTo>
                    <a:lnTo>
                      <a:pt x="6" y="2"/>
                    </a:lnTo>
                    <a:lnTo>
                      <a:pt x="3" y="0"/>
                    </a:lnTo>
                    <a:lnTo>
                      <a:pt x="1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81" name="Freeform 146"/>
              <p:cNvSpPr>
                <a:spLocks/>
              </p:cNvSpPr>
              <p:nvPr/>
            </p:nvSpPr>
            <p:spPr bwMode="auto">
              <a:xfrm>
                <a:off x="1524" y="3441"/>
                <a:ext cx="35" cy="25"/>
              </a:xfrm>
              <a:custGeom>
                <a:avLst/>
                <a:gdLst>
                  <a:gd name="T0" fmla="*/ 1 w 35"/>
                  <a:gd name="T1" fmla="*/ 8 h 25"/>
                  <a:gd name="T2" fmla="*/ 1 w 35"/>
                  <a:gd name="T3" fmla="*/ 8 h 25"/>
                  <a:gd name="T4" fmla="*/ 0 w 35"/>
                  <a:gd name="T5" fmla="*/ 6 h 25"/>
                  <a:gd name="T6" fmla="*/ 0 w 35"/>
                  <a:gd name="T7" fmla="*/ 5 h 25"/>
                  <a:gd name="T8" fmla="*/ 0 w 35"/>
                  <a:gd name="T9" fmla="*/ 3 h 25"/>
                  <a:gd name="T10" fmla="*/ 0 w 35"/>
                  <a:gd name="T11" fmla="*/ 1 h 25"/>
                  <a:gd name="T12" fmla="*/ 1 w 35"/>
                  <a:gd name="T13" fmla="*/ 0 h 25"/>
                  <a:gd name="T14" fmla="*/ 5 w 35"/>
                  <a:gd name="T15" fmla="*/ 1 h 25"/>
                  <a:gd name="T16" fmla="*/ 8 w 35"/>
                  <a:gd name="T17" fmla="*/ 3 h 25"/>
                  <a:gd name="T18" fmla="*/ 10 w 35"/>
                  <a:gd name="T19" fmla="*/ 3 h 25"/>
                  <a:gd name="T20" fmla="*/ 13 w 35"/>
                  <a:gd name="T21" fmla="*/ 3 h 25"/>
                  <a:gd name="T22" fmla="*/ 13 w 35"/>
                  <a:gd name="T23" fmla="*/ 5 h 25"/>
                  <a:gd name="T24" fmla="*/ 15 w 35"/>
                  <a:gd name="T25" fmla="*/ 5 h 25"/>
                  <a:gd name="T26" fmla="*/ 22 w 35"/>
                  <a:gd name="T27" fmla="*/ 5 h 25"/>
                  <a:gd name="T28" fmla="*/ 30 w 35"/>
                  <a:gd name="T29" fmla="*/ 10 h 25"/>
                  <a:gd name="T30" fmla="*/ 30 w 35"/>
                  <a:gd name="T31" fmla="*/ 10 h 25"/>
                  <a:gd name="T32" fmla="*/ 32 w 35"/>
                  <a:gd name="T33" fmla="*/ 11 h 25"/>
                  <a:gd name="T34" fmla="*/ 34 w 35"/>
                  <a:gd name="T35" fmla="*/ 13 h 25"/>
                  <a:gd name="T36" fmla="*/ 35 w 35"/>
                  <a:gd name="T37" fmla="*/ 15 h 25"/>
                  <a:gd name="T38" fmla="*/ 35 w 35"/>
                  <a:gd name="T39" fmla="*/ 17 h 25"/>
                  <a:gd name="T40" fmla="*/ 34 w 35"/>
                  <a:gd name="T41" fmla="*/ 20 h 25"/>
                  <a:gd name="T42" fmla="*/ 30 w 35"/>
                  <a:gd name="T43" fmla="*/ 20 h 25"/>
                  <a:gd name="T44" fmla="*/ 25 w 35"/>
                  <a:gd name="T45" fmla="*/ 22 h 25"/>
                  <a:gd name="T46" fmla="*/ 23 w 35"/>
                  <a:gd name="T47" fmla="*/ 22 h 25"/>
                  <a:gd name="T48" fmla="*/ 23 w 35"/>
                  <a:gd name="T49" fmla="*/ 23 h 25"/>
                  <a:gd name="T50" fmla="*/ 22 w 35"/>
                  <a:gd name="T51" fmla="*/ 23 h 25"/>
                  <a:gd name="T52" fmla="*/ 20 w 35"/>
                  <a:gd name="T53" fmla="*/ 25 h 25"/>
                  <a:gd name="T54" fmla="*/ 18 w 35"/>
                  <a:gd name="T55" fmla="*/ 25 h 25"/>
                  <a:gd name="T56" fmla="*/ 15 w 35"/>
                  <a:gd name="T57" fmla="*/ 23 h 25"/>
                  <a:gd name="T58" fmla="*/ 13 w 35"/>
                  <a:gd name="T59" fmla="*/ 20 h 25"/>
                  <a:gd name="T60" fmla="*/ 12 w 35"/>
                  <a:gd name="T61" fmla="*/ 17 h 25"/>
                  <a:gd name="T62" fmla="*/ 10 w 35"/>
                  <a:gd name="T63" fmla="*/ 15 h 25"/>
                  <a:gd name="T64" fmla="*/ 6 w 35"/>
                  <a:gd name="T65" fmla="*/ 11 h 25"/>
                  <a:gd name="T66" fmla="*/ 3 w 35"/>
                  <a:gd name="T67" fmla="*/ 10 h 25"/>
                  <a:gd name="T68" fmla="*/ 1 w 35"/>
                  <a:gd name="T69" fmla="*/ 8 h 25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w 35"/>
                  <a:gd name="T106" fmla="*/ 0 h 25"/>
                  <a:gd name="T107" fmla="*/ 35 w 35"/>
                  <a:gd name="T108" fmla="*/ 25 h 25"/>
                </a:gdLst>
                <a:ahLst/>
                <a:cxnLst>
                  <a:cxn ang="T70">
                    <a:pos x="T0" y="T1"/>
                  </a:cxn>
                  <a:cxn ang="T71">
                    <a:pos x="T2" y="T3"/>
                  </a:cxn>
                  <a:cxn ang="T72">
                    <a:pos x="T4" y="T5"/>
                  </a:cxn>
                  <a:cxn ang="T73">
                    <a:pos x="T6" y="T7"/>
                  </a:cxn>
                  <a:cxn ang="T74">
                    <a:pos x="T8" y="T9"/>
                  </a:cxn>
                  <a:cxn ang="T75">
                    <a:pos x="T10" y="T11"/>
                  </a:cxn>
                  <a:cxn ang="T76">
                    <a:pos x="T12" y="T13"/>
                  </a:cxn>
                  <a:cxn ang="T77">
                    <a:pos x="T14" y="T15"/>
                  </a:cxn>
                  <a:cxn ang="T78">
                    <a:pos x="T16" y="T17"/>
                  </a:cxn>
                  <a:cxn ang="T79">
                    <a:pos x="T18" y="T19"/>
                  </a:cxn>
                  <a:cxn ang="T80">
                    <a:pos x="T20" y="T21"/>
                  </a:cxn>
                  <a:cxn ang="T81">
                    <a:pos x="T22" y="T23"/>
                  </a:cxn>
                  <a:cxn ang="T82">
                    <a:pos x="T24" y="T25"/>
                  </a:cxn>
                  <a:cxn ang="T83">
                    <a:pos x="T26" y="T27"/>
                  </a:cxn>
                  <a:cxn ang="T84">
                    <a:pos x="T28" y="T29"/>
                  </a:cxn>
                  <a:cxn ang="T85">
                    <a:pos x="T30" y="T31"/>
                  </a:cxn>
                  <a:cxn ang="T86">
                    <a:pos x="T32" y="T33"/>
                  </a:cxn>
                  <a:cxn ang="T87">
                    <a:pos x="T34" y="T35"/>
                  </a:cxn>
                  <a:cxn ang="T88">
                    <a:pos x="T36" y="T37"/>
                  </a:cxn>
                  <a:cxn ang="T89">
                    <a:pos x="T38" y="T39"/>
                  </a:cxn>
                  <a:cxn ang="T90">
                    <a:pos x="T40" y="T41"/>
                  </a:cxn>
                  <a:cxn ang="T91">
                    <a:pos x="T42" y="T43"/>
                  </a:cxn>
                  <a:cxn ang="T92">
                    <a:pos x="T44" y="T45"/>
                  </a:cxn>
                  <a:cxn ang="T93">
                    <a:pos x="T46" y="T47"/>
                  </a:cxn>
                  <a:cxn ang="T94">
                    <a:pos x="T48" y="T49"/>
                  </a:cxn>
                  <a:cxn ang="T95">
                    <a:pos x="T50" y="T51"/>
                  </a:cxn>
                  <a:cxn ang="T96">
                    <a:pos x="T52" y="T53"/>
                  </a:cxn>
                  <a:cxn ang="T97">
                    <a:pos x="T54" y="T55"/>
                  </a:cxn>
                  <a:cxn ang="T98">
                    <a:pos x="T56" y="T57"/>
                  </a:cxn>
                  <a:cxn ang="T99">
                    <a:pos x="T58" y="T59"/>
                  </a:cxn>
                  <a:cxn ang="T100">
                    <a:pos x="T60" y="T61"/>
                  </a:cxn>
                  <a:cxn ang="T101">
                    <a:pos x="T62" y="T63"/>
                  </a:cxn>
                  <a:cxn ang="T102">
                    <a:pos x="T64" y="T65"/>
                  </a:cxn>
                  <a:cxn ang="T103">
                    <a:pos x="T66" y="T67"/>
                  </a:cxn>
                  <a:cxn ang="T104">
                    <a:pos x="T68" y="T69"/>
                  </a:cxn>
                </a:cxnLst>
                <a:rect l="T105" t="T106" r="T107" b="T108"/>
                <a:pathLst>
                  <a:path w="35" h="25">
                    <a:moveTo>
                      <a:pt x="1" y="8"/>
                    </a:moveTo>
                    <a:lnTo>
                      <a:pt x="1" y="8"/>
                    </a:lnTo>
                    <a:lnTo>
                      <a:pt x="0" y="6"/>
                    </a:lnTo>
                    <a:lnTo>
                      <a:pt x="0" y="5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5" y="1"/>
                    </a:lnTo>
                    <a:lnTo>
                      <a:pt x="8" y="3"/>
                    </a:lnTo>
                    <a:lnTo>
                      <a:pt x="10" y="3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5" y="5"/>
                    </a:lnTo>
                    <a:lnTo>
                      <a:pt x="22" y="5"/>
                    </a:lnTo>
                    <a:lnTo>
                      <a:pt x="30" y="10"/>
                    </a:lnTo>
                    <a:lnTo>
                      <a:pt x="32" y="11"/>
                    </a:lnTo>
                    <a:lnTo>
                      <a:pt x="34" y="13"/>
                    </a:lnTo>
                    <a:lnTo>
                      <a:pt x="35" y="15"/>
                    </a:lnTo>
                    <a:lnTo>
                      <a:pt x="35" y="17"/>
                    </a:lnTo>
                    <a:lnTo>
                      <a:pt x="34" y="20"/>
                    </a:lnTo>
                    <a:lnTo>
                      <a:pt x="30" y="20"/>
                    </a:lnTo>
                    <a:lnTo>
                      <a:pt x="25" y="22"/>
                    </a:lnTo>
                    <a:lnTo>
                      <a:pt x="23" y="22"/>
                    </a:lnTo>
                    <a:lnTo>
                      <a:pt x="23" y="23"/>
                    </a:lnTo>
                    <a:lnTo>
                      <a:pt x="22" y="23"/>
                    </a:lnTo>
                    <a:lnTo>
                      <a:pt x="20" y="25"/>
                    </a:lnTo>
                    <a:lnTo>
                      <a:pt x="18" y="25"/>
                    </a:lnTo>
                    <a:lnTo>
                      <a:pt x="15" y="23"/>
                    </a:lnTo>
                    <a:lnTo>
                      <a:pt x="13" y="20"/>
                    </a:lnTo>
                    <a:lnTo>
                      <a:pt x="12" y="17"/>
                    </a:lnTo>
                    <a:lnTo>
                      <a:pt x="10" y="15"/>
                    </a:lnTo>
                    <a:lnTo>
                      <a:pt x="6" y="11"/>
                    </a:lnTo>
                    <a:lnTo>
                      <a:pt x="3" y="10"/>
                    </a:lnTo>
                    <a:lnTo>
                      <a:pt x="1" y="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82" name="Freeform 147"/>
              <p:cNvSpPr>
                <a:spLocks/>
              </p:cNvSpPr>
              <p:nvPr/>
            </p:nvSpPr>
            <p:spPr bwMode="auto">
              <a:xfrm>
                <a:off x="1524" y="3441"/>
                <a:ext cx="35" cy="25"/>
              </a:xfrm>
              <a:custGeom>
                <a:avLst/>
                <a:gdLst>
                  <a:gd name="T0" fmla="*/ 1 w 35"/>
                  <a:gd name="T1" fmla="*/ 8 h 25"/>
                  <a:gd name="T2" fmla="*/ 1 w 35"/>
                  <a:gd name="T3" fmla="*/ 8 h 25"/>
                  <a:gd name="T4" fmla="*/ 1 w 35"/>
                  <a:gd name="T5" fmla="*/ 8 h 25"/>
                  <a:gd name="T6" fmla="*/ 0 w 35"/>
                  <a:gd name="T7" fmla="*/ 6 h 25"/>
                  <a:gd name="T8" fmla="*/ 0 w 35"/>
                  <a:gd name="T9" fmla="*/ 5 h 25"/>
                  <a:gd name="T10" fmla="*/ 0 w 35"/>
                  <a:gd name="T11" fmla="*/ 3 h 25"/>
                  <a:gd name="T12" fmla="*/ 0 w 35"/>
                  <a:gd name="T13" fmla="*/ 1 h 25"/>
                  <a:gd name="T14" fmla="*/ 1 w 35"/>
                  <a:gd name="T15" fmla="*/ 0 h 25"/>
                  <a:gd name="T16" fmla="*/ 5 w 35"/>
                  <a:gd name="T17" fmla="*/ 1 h 25"/>
                  <a:gd name="T18" fmla="*/ 8 w 35"/>
                  <a:gd name="T19" fmla="*/ 3 h 25"/>
                  <a:gd name="T20" fmla="*/ 8 w 35"/>
                  <a:gd name="T21" fmla="*/ 3 h 25"/>
                  <a:gd name="T22" fmla="*/ 10 w 35"/>
                  <a:gd name="T23" fmla="*/ 3 h 25"/>
                  <a:gd name="T24" fmla="*/ 13 w 35"/>
                  <a:gd name="T25" fmla="*/ 3 h 25"/>
                  <a:gd name="T26" fmla="*/ 13 w 35"/>
                  <a:gd name="T27" fmla="*/ 5 h 25"/>
                  <a:gd name="T28" fmla="*/ 15 w 35"/>
                  <a:gd name="T29" fmla="*/ 5 h 25"/>
                  <a:gd name="T30" fmla="*/ 22 w 35"/>
                  <a:gd name="T31" fmla="*/ 5 h 25"/>
                  <a:gd name="T32" fmla="*/ 30 w 35"/>
                  <a:gd name="T33" fmla="*/ 10 h 25"/>
                  <a:gd name="T34" fmla="*/ 30 w 35"/>
                  <a:gd name="T35" fmla="*/ 10 h 25"/>
                  <a:gd name="T36" fmla="*/ 30 w 35"/>
                  <a:gd name="T37" fmla="*/ 10 h 25"/>
                  <a:gd name="T38" fmla="*/ 32 w 35"/>
                  <a:gd name="T39" fmla="*/ 11 h 25"/>
                  <a:gd name="T40" fmla="*/ 34 w 35"/>
                  <a:gd name="T41" fmla="*/ 13 h 25"/>
                  <a:gd name="T42" fmla="*/ 35 w 35"/>
                  <a:gd name="T43" fmla="*/ 15 h 25"/>
                  <a:gd name="T44" fmla="*/ 35 w 35"/>
                  <a:gd name="T45" fmla="*/ 17 h 25"/>
                  <a:gd name="T46" fmla="*/ 34 w 35"/>
                  <a:gd name="T47" fmla="*/ 20 h 25"/>
                  <a:gd name="T48" fmla="*/ 30 w 35"/>
                  <a:gd name="T49" fmla="*/ 20 h 25"/>
                  <a:gd name="T50" fmla="*/ 25 w 35"/>
                  <a:gd name="T51" fmla="*/ 22 h 25"/>
                  <a:gd name="T52" fmla="*/ 25 w 35"/>
                  <a:gd name="T53" fmla="*/ 22 h 25"/>
                  <a:gd name="T54" fmla="*/ 23 w 35"/>
                  <a:gd name="T55" fmla="*/ 22 h 25"/>
                  <a:gd name="T56" fmla="*/ 23 w 35"/>
                  <a:gd name="T57" fmla="*/ 23 h 25"/>
                  <a:gd name="T58" fmla="*/ 22 w 35"/>
                  <a:gd name="T59" fmla="*/ 23 h 25"/>
                  <a:gd name="T60" fmla="*/ 20 w 35"/>
                  <a:gd name="T61" fmla="*/ 25 h 25"/>
                  <a:gd name="T62" fmla="*/ 18 w 35"/>
                  <a:gd name="T63" fmla="*/ 25 h 25"/>
                  <a:gd name="T64" fmla="*/ 15 w 35"/>
                  <a:gd name="T65" fmla="*/ 23 h 25"/>
                  <a:gd name="T66" fmla="*/ 13 w 35"/>
                  <a:gd name="T67" fmla="*/ 20 h 25"/>
                  <a:gd name="T68" fmla="*/ 12 w 35"/>
                  <a:gd name="T69" fmla="*/ 17 h 25"/>
                  <a:gd name="T70" fmla="*/ 12 w 35"/>
                  <a:gd name="T71" fmla="*/ 17 h 25"/>
                  <a:gd name="T72" fmla="*/ 10 w 35"/>
                  <a:gd name="T73" fmla="*/ 15 h 25"/>
                  <a:gd name="T74" fmla="*/ 6 w 35"/>
                  <a:gd name="T75" fmla="*/ 11 h 25"/>
                  <a:gd name="T76" fmla="*/ 3 w 35"/>
                  <a:gd name="T77" fmla="*/ 10 h 25"/>
                  <a:gd name="T78" fmla="*/ 1 w 35"/>
                  <a:gd name="T79" fmla="*/ 8 h 25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w 35"/>
                  <a:gd name="T121" fmla="*/ 0 h 25"/>
                  <a:gd name="T122" fmla="*/ 35 w 35"/>
                  <a:gd name="T123" fmla="*/ 25 h 25"/>
                </a:gdLst>
                <a:ahLst/>
                <a:cxnLst>
                  <a:cxn ang="T80">
                    <a:pos x="T0" y="T1"/>
                  </a:cxn>
                  <a:cxn ang="T81">
                    <a:pos x="T2" y="T3"/>
                  </a:cxn>
                  <a:cxn ang="T82">
                    <a:pos x="T4" y="T5"/>
                  </a:cxn>
                  <a:cxn ang="T83">
                    <a:pos x="T6" y="T7"/>
                  </a:cxn>
                  <a:cxn ang="T84">
                    <a:pos x="T8" y="T9"/>
                  </a:cxn>
                  <a:cxn ang="T85">
                    <a:pos x="T10" y="T11"/>
                  </a:cxn>
                  <a:cxn ang="T86">
                    <a:pos x="T12" y="T13"/>
                  </a:cxn>
                  <a:cxn ang="T87">
                    <a:pos x="T14" y="T15"/>
                  </a:cxn>
                  <a:cxn ang="T88">
                    <a:pos x="T16" y="T17"/>
                  </a:cxn>
                  <a:cxn ang="T89">
                    <a:pos x="T18" y="T19"/>
                  </a:cxn>
                  <a:cxn ang="T90">
                    <a:pos x="T20" y="T21"/>
                  </a:cxn>
                  <a:cxn ang="T91">
                    <a:pos x="T22" y="T23"/>
                  </a:cxn>
                  <a:cxn ang="T92">
                    <a:pos x="T24" y="T25"/>
                  </a:cxn>
                  <a:cxn ang="T93">
                    <a:pos x="T26" y="T27"/>
                  </a:cxn>
                  <a:cxn ang="T94">
                    <a:pos x="T28" y="T29"/>
                  </a:cxn>
                  <a:cxn ang="T95">
                    <a:pos x="T30" y="T31"/>
                  </a:cxn>
                  <a:cxn ang="T96">
                    <a:pos x="T32" y="T33"/>
                  </a:cxn>
                  <a:cxn ang="T97">
                    <a:pos x="T34" y="T35"/>
                  </a:cxn>
                  <a:cxn ang="T98">
                    <a:pos x="T36" y="T37"/>
                  </a:cxn>
                  <a:cxn ang="T99">
                    <a:pos x="T38" y="T39"/>
                  </a:cxn>
                  <a:cxn ang="T100">
                    <a:pos x="T40" y="T41"/>
                  </a:cxn>
                  <a:cxn ang="T101">
                    <a:pos x="T42" y="T43"/>
                  </a:cxn>
                  <a:cxn ang="T102">
                    <a:pos x="T44" y="T45"/>
                  </a:cxn>
                  <a:cxn ang="T103">
                    <a:pos x="T46" y="T47"/>
                  </a:cxn>
                  <a:cxn ang="T104">
                    <a:pos x="T48" y="T49"/>
                  </a:cxn>
                  <a:cxn ang="T105">
                    <a:pos x="T50" y="T51"/>
                  </a:cxn>
                  <a:cxn ang="T106">
                    <a:pos x="T52" y="T53"/>
                  </a:cxn>
                  <a:cxn ang="T107">
                    <a:pos x="T54" y="T55"/>
                  </a:cxn>
                  <a:cxn ang="T108">
                    <a:pos x="T56" y="T57"/>
                  </a:cxn>
                  <a:cxn ang="T109">
                    <a:pos x="T58" y="T59"/>
                  </a:cxn>
                  <a:cxn ang="T110">
                    <a:pos x="T60" y="T61"/>
                  </a:cxn>
                  <a:cxn ang="T111">
                    <a:pos x="T62" y="T63"/>
                  </a:cxn>
                  <a:cxn ang="T112">
                    <a:pos x="T64" y="T65"/>
                  </a:cxn>
                  <a:cxn ang="T113">
                    <a:pos x="T66" y="T67"/>
                  </a:cxn>
                  <a:cxn ang="T114">
                    <a:pos x="T68" y="T69"/>
                  </a:cxn>
                  <a:cxn ang="T115">
                    <a:pos x="T70" y="T71"/>
                  </a:cxn>
                  <a:cxn ang="T116">
                    <a:pos x="T72" y="T73"/>
                  </a:cxn>
                  <a:cxn ang="T117">
                    <a:pos x="T74" y="T75"/>
                  </a:cxn>
                  <a:cxn ang="T118">
                    <a:pos x="T76" y="T77"/>
                  </a:cxn>
                  <a:cxn ang="T119">
                    <a:pos x="T78" y="T79"/>
                  </a:cxn>
                </a:cxnLst>
                <a:rect l="T120" t="T121" r="T122" b="T123"/>
                <a:pathLst>
                  <a:path w="35" h="25">
                    <a:moveTo>
                      <a:pt x="1" y="8"/>
                    </a:moveTo>
                    <a:lnTo>
                      <a:pt x="1" y="8"/>
                    </a:lnTo>
                    <a:lnTo>
                      <a:pt x="0" y="6"/>
                    </a:lnTo>
                    <a:lnTo>
                      <a:pt x="0" y="5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1" y="0"/>
                    </a:lnTo>
                    <a:lnTo>
                      <a:pt x="5" y="1"/>
                    </a:lnTo>
                    <a:lnTo>
                      <a:pt x="8" y="3"/>
                    </a:lnTo>
                    <a:lnTo>
                      <a:pt x="10" y="3"/>
                    </a:lnTo>
                    <a:lnTo>
                      <a:pt x="13" y="3"/>
                    </a:lnTo>
                    <a:lnTo>
                      <a:pt x="13" y="5"/>
                    </a:lnTo>
                    <a:lnTo>
                      <a:pt x="15" y="5"/>
                    </a:lnTo>
                    <a:lnTo>
                      <a:pt x="22" y="5"/>
                    </a:lnTo>
                    <a:lnTo>
                      <a:pt x="30" y="10"/>
                    </a:lnTo>
                    <a:lnTo>
                      <a:pt x="32" y="11"/>
                    </a:lnTo>
                    <a:lnTo>
                      <a:pt x="34" y="13"/>
                    </a:lnTo>
                    <a:lnTo>
                      <a:pt x="35" y="15"/>
                    </a:lnTo>
                    <a:lnTo>
                      <a:pt x="35" y="17"/>
                    </a:lnTo>
                    <a:lnTo>
                      <a:pt x="34" y="20"/>
                    </a:lnTo>
                    <a:lnTo>
                      <a:pt x="30" y="20"/>
                    </a:lnTo>
                    <a:lnTo>
                      <a:pt x="25" y="22"/>
                    </a:lnTo>
                    <a:lnTo>
                      <a:pt x="23" y="22"/>
                    </a:lnTo>
                    <a:lnTo>
                      <a:pt x="23" y="23"/>
                    </a:lnTo>
                    <a:lnTo>
                      <a:pt x="22" y="23"/>
                    </a:lnTo>
                    <a:lnTo>
                      <a:pt x="20" y="25"/>
                    </a:lnTo>
                    <a:lnTo>
                      <a:pt x="18" y="25"/>
                    </a:lnTo>
                    <a:lnTo>
                      <a:pt x="15" y="23"/>
                    </a:lnTo>
                    <a:lnTo>
                      <a:pt x="13" y="20"/>
                    </a:lnTo>
                    <a:lnTo>
                      <a:pt x="12" y="17"/>
                    </a:lnTo>
                    <a:lnTo>
                      <a:pt x="10" y="15"/>
                    </a:lnTo>
                    <a:lnTo>
                      <a:pt x="6" y="11"/>
                    </a:lnTo>
                    <a:lnTo>
                      <a:pt x="3" y="10"/>
                    </a:lnTo>
                    <a:lnTo>
                      <a:pt x="1" y="8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83" name="Freeform 148"/>
              <p:cNvSpPr>
                <a:spLocks/>
              </p:cNvSpPr>
              <p:nvPr/>
            </p:nvSpPr>
            <p:spPr bwMode="auto">
              <a:xfrm>
                <a:off x="1554" y="3480"/>
                <a:ext cx="66" cy="76"/>
              </a:xfrm>
              <a:custGeom>
                <a:avLst/>
                <a:gdLst>
                  <a:gd name="T0" fmla="*/ 10 w 66"/>
                  <a:gd name="T1" fmla="*/ 5 h 76"/>
                  <a:gd name="T2" fmla="*/ 14 w 66"/>
                  <a:gd name="T3" fmla="*/ 0 h 76"/>
                  <a:gd name="T4" fmla="*/ 22 w 66"/>
                  <a:gd name="T5" fmla="*/ 6 h 76"/>
                  <a:gd name="T6" fmla="*/ 46 w 66"/>
                  <a:gd name="T7" fmla="*/ 18 h 76"/>
                  <a:gd name="T8" fmla="*/ 54 w 66"/>
                  <a:gd name="T9" fmla="*/ 22 h 76"/>
                  <a:gd name="T10" fmla="*/ 54 w 66"/>
                  <a:gd name="T11" fmla="*/ 28 h 76"/>
                  <a:gd name="T12" fmla="*/ 61 w 66"/>
                  <a:gd name="T13" fmla="*/ 38 h 76"/>
                  <a:gd name="T14" fmla="*/ 61 w 66"/>
                  <a:gd name="T15" fmla="*/ 38 h 76"/>
                  <a:gd name="T16" fmla="*/ 63 w 66"/>
                  <a:gd name="T17" fmla="*/ 38 h 76"/>
                  <a:gd name="T18" fmla="*/ 64 w 66"/>
                  <a:gd name="T19" fmla="*/ 40 h 76"/>
                  <a:gd name="T20" fmla="*/ 66 w 66"/>
                  <a:gd name="T21" fmla="*/ 42 h 76"/>
                  <a:gd name="T22" fmla="*/ 66 w 66"/>
                  <a:gd name="T23" fmla="*/ 44 h 76"/>
                  <a:gd name="T24" fmla="*/ 66 w 66"/>
                  <a:gd name="T25" fmla="*/ 45 h 76"/>
                  <a:gd name="T26" fmla="*/ 63 w 66"/>
                  <a:gd name="T27" fmla="*/ 49 h 76"/>
                  <a:gd name="T28" fmla="*/ 58 w 66"/>
                  <a:gd name="T29" fmla="*/ 52 h 76"/>
                  <a:gd name="T30" fmla="*/ 56 w 66"/>
                  <a:gd name="T31" fmla="*/ 52 h 76"/>
                  <a:gd name="T32" fmla="*/ 54 w 66"/>
                  <a:gd name="T33" fmla="*/ 52 h 76"/>
                  <a:gd name="T34" fmla="*/ 49 w 66"/>
                  <a:gd name="T35" fmla="*/ 54 h 76"/>
                  <a:gd name="T36" fmla="*/ 44 w 66"/>
                  <a:gd name="T37" fmla="*/ 55 h 76"/>
                  <a:gd name="T38" fmla="*/ 37 w 66"/>
                  <a:gd name="T39" fmla="*/ 59 h 76"/>
                  <a:gd name="T40" fmla="*/ 32 w 66"/>
                  <a:gd name="T41" fmla="*/ 62 h 76"/>
                  <a:gd name="T42" fmla="*/ 27 w 66"/>
                  <a:gd name="T43" fmla="*/ 67 h 76"/>
                  <a:gd name="T44" fmla="*/ 24 w 66"/>
                  <a:gd name="T45" fmla="*/ 76 h 76"/>
                  <a:gd name="T46" fmla="*/ 22 w 66"/>
                  <a:gd name="T47" fmla="*/ 76 h 76"/>
                  <a:gd name="T48" fmla="*/ 22 w 66"/>
                  <a:gd name="T49" fmla="*/ 74 h 76"/>
                  <a:gd name="T50" fmla="*/ 19 w 66"/>
                  <a:gd name="T51" fmla="*/ 74 h 76"/>
                  <a:gd name="T52" fmla="*/ 15 w 66"/>
                  <a:gd name="T53" fmla="*/ 71 h 76"/>
                  <a:gd name="T54" fmla="*/ 14 w 66"/>
                  <a:gd name="T55" fmla="*/ 69 h 76"/>
                  <a:gd name="T56" fmla="*/ 10 w 66"/>
                  <a:gd name="T57" fmla="*/ 66 h 76"/>
                  <a:gd name="T58" fmla="*/ 10 w 66"/>
                  <a:gd name="T59" fmla="*/ 60 h 76"/>
                  <a:gd name="T60" fmla="*/ 9 w 66"/>
                  <a:gd name="T61" fmla="*/ 54 h 76"/>
                  <a:gd name="T62" fmla="*/ 9 w 66"/>
                  <a:gd name="T63" fmla="*/ 54 h 76"/>
                  <a:gd name="T64" fmla="*/ 9 w 66"/>
                  <a:gd name="T65" fmla="*/ 52 h 76"/>
                  <a:gd name="T66" fmla="*/ 10 w 66"/>
                  <a:gd name="T67" fmla="*/ 50 h 76"/>
                  <a:gd name="T68" fmla="*/ 10 w 66"/>
                  <a:gd name="T69" fmla="*/ 49 h 76"/>
                  <a:gd name="T70" fmla="*/ 9 w 66"/>
                  <a:gd name="T71" fmla="*/ 47 h 76"/>
                  <a:gd name="T72" fmla="*/ 9 w 66"/>
                  <a:gd name="T73" fmla="*/ 44 h 76"/>
                  <a:gd name="T74" fmla="*/ 7 w 66"/>
                  <a:gd name="T75" fmla="*/ 40 h 76"/>
                  <a:gd name="T76" fmla="*/ 4 w 66"/>
                  <a:gd name="T77" fmla="*/ 37 h 76"/>
                  <a:gd name="T78" fmla="*/ 4 w 66"/>
                  <a:gd name="T79" fmla="*/ 35 h 76"/>
                  <a:gd name="T80" fmla="*/ 2 w 66"/>
                  <a:gd name="T81" fmla="*/ 33 h 76"/>
                  <a:gd name="T82" fmla="*/ 2 w 66"/>
                  <a:gd name="T83" fmla="*/ 32 h 76"/>
                  <a:gd name="T84" fmla="*/ 0 w 66"/>
                  <a:gd name="T85" fmla="*/ 30 h 76"/>
                  <a:gd name="T86" fmla="*/ 0 w 66"/>
                  <a:gd name="T87" fmla="*/ 28 h 76"/>
                  <a:gd name="T88" fmla="*/ 2 w 66"/>
                  <a:gd name="T89" fmla="*/ 25 h 76"/>
                  <a:gd name="T90" fmla="*/ 4 w 66"/>
                  <a:gd name="T91" fmla="*/ 25 h 76"/>
                  <a:gd name="T92" fmla="*/ 7 w 66"/>
                  <a:gd name="T93" fmla="*/ 23 h 76"/>
                  <a:gd name="T94" fmla="*/ 9 w 66"/>
                  <a:gd name="T95" fmla="*/ 25 h 76"/>
                  <a:gd name="T96" fmla="*/ 9 w 66"/>
                  <a:gd name="T97" fmla="*/ 25 h 76"/>
                  <a:gd name="T98" fmla="*/ 10 w 66"/>
                  <a:gd name="T99" fmla="*/ 25 h 76"/>
                  <a:gd name="T100" fmla="*/ 10 w 66"/>
                  <a:gd name="T101" fmla="*/ 25 h 76"/>
                  <a:gd name="T102" fmla="*/ 10 w 66"/>
                  <a:gd name="T103" fmla="*/ 23 h 76"/>
                  <a:gd name="T104" fmla="*/ 12 w 66"/>
                  <a:gd name="T105" fmla="*/ 22 h 76"/>
                  <a:gd name="T106" fmla="*/ 12 w 66"/>
                  <a:gd name="T107" fmla="*/ 16 h 76"/>
                  <a:gd name="T108" fmla="*/ 12 w 66"/>
                  <a:gd name="T109" fmla="*/ 10 h 76"/>
                  <a:gd name="T110" fmla="*/ 12 w 66"/>
                  <a:gd name="T111" fmla="*/ 8 h 76"/>
                  <a:gd name="T112" fmla="*/ 10 w 66"/>
                  <a:gd name="T113" fmla="*/ 6 h 76"/>
                  <a:gd name="T114" fmla="*/ 10 w 66"/>
                  <a:gd name="T115" fmla="*/ 6 h 76"/>
                  <a:gd name="T116" fmla="*/ 10 w 66"/>
                  <a:gd name="T117" fmla="*/ 5 h 7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66"/>
                  <a:gd name="T178" fmla="*/ 0 h 76"/>
                  <a:gd name="T179" fmla="*/ 66 w 66"/>
                  <a:gd name="T180" fmla="*/ 76 h 76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66" h="76">
                    <a:moveTo>
                      <a:pt x="10" y="5"/>
                    </a:moveTo>
                    <a:lnTo>
                      <a:pt x="14" y="0"/>
                    </a:lnTo>
                    <a:lnTo>
                      <a:pt x="22" y="6"/>
                    </a:lnTo>
                    <a:lnTo>
                      <a:pt x="46" y="18"/>
                    </a:lnTo>
                    <a:lnTo>
                      <a:pt x="54" y="22"/>
                    </a:lnTo>
                    <a:lnTo>
                      <a:pt x="54" y="28"/>
                    </a:lnTo>
                    <a:lnTo>
                      <a:pt x="61" y="38"/>
                    </a:lnTo>
                    <a:lnTo>
                      <a:pt x="63" y="38"/>
                    </a:lnTo>
                    <a:lnTo>
                      <a:pt x="64" y="40"/>
                    </a:lnTo>
                    <a:lnTo>
                      <a:pt x="66" y="42"/>
                    </a:lnTo>
                    <a:lnTo>
                      <a:pt x="66" y="44"/>
                    </a:lnTo>
                    <a:lnTo>
                      <a:pt x="66" y="45"/>
                    </a:lnTo>
                    <a:lnTo>
                      <a:pt x="63" y="49"/>
                    </a:lnTo>
                    <a:lnTo>
                      <a:pt x="58" y="52"/>
                    </a:lnTo>
                    <a:lnTo>
                      <a:pt x="56" y="52"/>
                    </a:lnTo>
                    <a:lnTo>
                      <a:pt x="54" y="52"/>
                    </a:lnTo>
                    <a:lnTo>
                      <a:pt x="49" y="54"/>
                    </a:lnTo>
                    <a:lnTo>
                      <a:pt x="44" y="55"/>
                    </a:lnTo>
                    <a:lnTo>
                      <a:pt x="37" y="59"/>
                    </a:lnTo>
                    <a:lnTo>
                      <a:pt x="32" y="62"/>
                    </a:lnTo>
                    <a:lnTo>
                      <a:pt x="27" y="67"/>
                    </a:lnTo>
                    <a:lnTo>
                      <a:pt x="24" y="76"/>
                    </a:lnTo>
                    <a:lnTo>
                      <a:pt x="22" y="76"/>
                    </a:lnTo>
                    <a:lnTo>
                      <a:pt x="22" y="74"/>
                    </a:lnTo>
                    <a:lnTo>
                      <a:pt x="19" y="74"/>
                    </a:lnTo>
                    <a:lnTo>
                      <a:pt x="15" y="71"/>
                    </a:lnTo>
                    <a:lnTo>
                      <a:pt x="14" y="69"/>
                    </a:lnTo>
                    <a:lnTo>
                      <a:pt x="10" y="66"/>
                    </a:lnTo>
                    <a:lnTo>
                      <a:pt x="10" y="60"/>
                    </a:lnTo>
                    <a:lnTo>
                      <a:pt x="9" y="54"/>
                    </a:lnTo>
                    <a:lnTo>
                      <a:pt x="9" y="52"/>
                    </a:lnTo>
                    <a:lnTo>
                      <a:pt x="10" y="50"/>
                    </a:lnTo>
                    <a:lnTo>
                      <a:pt x="10" y="49"/>
                    </a:lnTo>
                    <a:lnTo>
                      <a:pt x="9" y="47"/>
                    </a:lnTo>
                    <a:lnTo>
                      <a:pt x="9" y="44"/>
                    </a:lnTo>
                    <a:lnTo>
                      <a:pt x="7" y="40"/>
                    </a:lnTo>
                    <a:lnTo>
                      <a:pt x="4" y="37"/>
                    </a:lnTo>
                    <a:lnTo>
                      <a:pt x="4" y="35"/>
                    </a:lnTo>
                    <a:lnTo>
                      <a:pt x="2" y="33"/>
                    </a:lnTo>
                    <a:lnTo>
                      <a:pt x="2" y="32"/>
                    </a:lnTo>
                    <a:lnTo>
                      <a:pt x="0" y="30"/>
                    </a:lnTo>
                    <a:lnTo>
                      <a:pt x="0" y="28"/>
                    </a:lnTo>
                    <a:lnTo>
                      <a:pt x="2" y="25"/>
                    </a:lnTo>
                    <a:lnTo>
                      <a:pt x="4" y="25"/>
                    </a:lnTo>
                    <a:lnTo>
                      <a:pt x="7" y="23"/>
                    </a:lnTo>
                    <a:lnTo>
                      <a:pt x="9" y="25"/>
                    </a:lnTo>
                    <a:lnTo>
                      <a:pt x="10" y="25"/>
                    </a:lnTo>
                    <a:lnTo>
                      <a:pt x="10" y="23"/>
                    </a:lnTo>
                    <a:lnTo>
                      <a:pt x="12" y="22"/>
                    </a:lnTo>
                    <a:lnTo>
                      <a:pt x="12" y="16"/>
                    </a:lnTo>
                    <a:lnTo>
                      <a:pt x="12" y="10"/>
                    </a:lnTo>
                    <a:lnTo>
                      <a:pt x="12" y="8"/>
                    </a:lnTo>
                    <a:lnTo>
                      <a:pt x="10" y="6"/>
                    </a:lnTo>
                    <a:lnTo>
                      <a:pt x="10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84" name="Freeform 149"/>
              <p:cNvSpPr>
                <a:spLocks/>
              </p:cNvSpPr>
              <p:nvPr/>
            </p:nvSpPr>
            <p:spPr bwMode="auto">
              <a:xfrm>
                <a:off x="1554" y="3480"/>
                <a:ext cx="66" cy="76"/>
              </a:xfrm>
              <a:custGeom>
                <a:avLst/>
                <a:gdLst>
                  <a:gd name="T0" fmla="*/ 14 w 66"/>
                  <a:gd name="T1" fmla="*/ 0 h 76"/>
                  <a:gd name="T2" fmla="*/ 46 w 66"/>
                  <a:gd name="T3" fmla="*/ 18 h 76"/>
                  <a:gd name="T4" fmla="*/ 54 w 66"/>
                  <a:gd name="T5" fmla="*/ 28 h 76"/>
                  <a:gd name="T6" fmla="*/ 61 w 66"/>
                  <a:gd name="T7" fmla="*/ 38 h 76"/>
                  <a:gd name="T8" fmla="*/ 63 w 66"/>
                  <a:gd name="T9" fmla="*/ 38 h 76"/>
                  <a:gd name="T10" fmla="*/ 66 w 66"/>
                  <a:gd name="T11" fmla="*/ 42 h 76"/>
                  <a:gd name="T12" fmla="*/ 66 w 66"/>
                  <a:gd name="T13" fmla="*/ 45 h 76"/>
                  <a:gd name="T14" fmla="*/ 58 w 66"/>
                  <a:gd name="T15" fmla="*/ 52 h 76"/>
                  <a:gd name="T16" fmla="*/ 56 w 66"/>
                  <a:gd name="T17" fmla="*/ 52 h 76"/>
                  <a:gd name="T18" fmla="*/ 49 w 66"/>
                  <a:gd name="T19" fmla="*/ 54 h 76"/>
                  <a:gd name="T20" fmla="*/ 37 w 66"/>
                  <a:gd name="T21" fmla="*/ 59 h 76"/>
                  <a:gd name="T22" fmla="*/ 27 w 66"/>
                  <a:gd name="T23" fmla="*/ 67 h 76"/>
                  <a:gd name="T24" fmla="*/ 24 w 66"/>
                  <a:gd name="T25" fmla="*/ 76 h 76"/>
                  <a:gd name="T26" fmla="*/ 22 w 66"/>
                  <a:gd name="T27" fmla="*/ 74 h 76"/>
                  <a:gd name="T28" fmla="*/ 15 w 66"/>
                  <a:gd name="T29" fmla="*/ 71 h 76"/>
                  <a:gd name="T30" fmla="*/ 10 w 66"/>
                  <a:gd name="T31" fmla="*/ 66 h 76"/>
                  <a:gd name="T32" fmla="*/ 9 w 66"/>
                  <a:gd name="T33" fmla="*/ 54 h 76"/>
                  <a:gd name="T34" fmla="*/ 9 w 66"/>
                  <a:gd name="T35" fmla="*/ 54 h 76"/>
                  <a:gd name="T36" fmla="*/ 10 w 66"/>
                  <a:gd name="T37" fmla="*/ 50 h 76"/>
                  <a:gd name="T38" fmla="*/ 9 w 66"/>
                  <a:gd name="T39" fmla="*/ 47 h 76"/>
                  <a:gd name="T40" fmla="*/ 7 w 66"/>
                  <a:gd name="T41" fmla="*/ 40 h 76"/>
                  <a:gd name="T42" fmla="*/ 4 w 66"/>
                  <a:gd name="T43" fmla="*/ 37 h 76"/>
                  <a:gd name="T44" fmla="*/ 2 w 66"/>
                  <a:gd name="T45" fmla="*/ 33 h 76"/>
                  <a:gd name="T46" fmla="*/ 0 w 66"/>
                  <a:gd name="T47" fmla="*/ 30 h 76"/>
                  <a:gd name="T48" fmla="*/ 2 w 66"/>
                  <a:gd name="T49" fmla="*/ 25 h 76"/>
                  <a:gd name="T50" fmla="*/ 7 w 66"/>
                  <a:gd name="T51" fmla="*/ 23 h 76"/>
                  <a:gd name="T52" fmla="*/ 9 w 66"/>
                  <a:gd name="T53" fmla="*/ 25 h 76"/>
                  <a:gd name="T54" fmla="*/ 10 w 66"/>
                  <a:gd name="T55" fmla="*/ 25 h 76"/>
                  <a:gd name="T56" fmla="*/ 10 w 66"/>
                  <a:gd name="T57" fmla="*/ 23 h 76"/>
                  <a:gd name="T58" fmla="*/ 12 w 66"/>
                  <a:gd name="T59" fmla="*/ 16 h 76"/>
                  <a:gd name="T60" fmla="*/ 12 w 66"/>
                  <a:gd name="T61" fmla="*/ 10 h 76"/>
                  <a:gd name="T62" fmla="*/ 10 w 66"/>
                  <a:gd name="T63" fmla="*/ 6 h 76"/>
                  <a:gd name="T64" fmla="*/ 10 w 66"/>
                  <a:gd name="T65" fmla="*/ 5 h 7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w 66"/>
                  <a:gd name="T100" fmla="*/ 0 h 76"/>
                  <a:gd name="T101" fmla="*/ 66 w 66"/>
                  <a:gd name="T102" fmla="*/ 76 h 76"/>
                </a:gdLst>
                <a:ahLst/>
                <a:cxnLst>
                  <a:cxn ang="T66">
                    <a:pos x="T0" y="T1"/>
                  </a:cxn>
                  <a:cxn ang="T67">
                    <a:pos x="T2" y="T3"/>
                  </a:cxn>
                  <a:cxn ang="T68">
                    <a:pos x="T4" y="T5"/>
                  </a:cxn>
                  <a:cxn ang="T69">
                    <a:pos x="T6" y="T7"/>
                  </a:cxn>
                  <a:cxn ang="T70">
                    <a:pos x="T8" y="T9"/>
                  </a:cxn>
                  <a:cxn ang="T71">
                    <a:pos x="T10" y="T11"/>
                  </a:cxn>
                  <a:cxn ang="T72">
                    <a:pos x="T12" y="T13"/>
                  </a:cxn>
                  <a:cxn ang="T73">
                    <a:pos x="T14" y="T15"/>
                  </a:cxn>
                  <a:cxn ang="T74">
                    <a:pos x="T16" y="T17"/>
                  </a:cxn>
                  <a:cxn ang="T75">
                    <a:pos x="T18" y="T19"/>
                  </a:cxn>
                  <a:cxn ang="T76">
                    <a:pos x="T20" y="T21"/>
                  </a:cxn>
                  <a:cxn ang="T77">
                    <a:pos x="T22" y="T23"/>
                  </a:cxn>
                  <a:cxn ang="T78">
                    <a:pos x="T24" y="T25"/>
                  </a:cxn>
                  <a:cxn ang="T79">
                    <a:pos x="T26" y="T27"/>
                  </a:cxn>
                  <a:cxn ang="T80">
                    <a:pos x="T28" y="T29"/>
                  </a:cxn>
                  <a:cxn ang="T81">
                    <a:pos x="T30" y="T31"/>
                  </a:cxn>
                  <a:cxn ang="T82">
                    <a:pos x="T32" y="T33"/>
                  </a:cxn>
                  <a:cxn ang="T83">
                    <a:pos x="T34" y="T35"/>
                  </a:cxn>
                  <a:cxn ang="T84">
                    <a:pos x="T36" y="T37"/>
                  </a:cxn>
                  <a:cxn ang="T85">
                    <a:pos x="T38" y="T39"/>
                  </a:cxn>
                  <a:cxn ang="T86">
                    <a:pos x="T40" y="T41"/>
                  </a:cxn>
                  <a:cxn ang="T87">
                    <a:pos x="T42" y="T43"/>
                  </a:cxn>
                  <a:cxn ang="T88">
                    <a:pos x="T44" y="T45"/>
                  </a:cxn>
                  <a:cxn ang="T89">
                    <a:pos x="T46" y="T47"/>
                  </a:cxn>
                  <a:cxn ang="T90">
                    <a:pos x="T48" y="T49"/>
                  </a:cxn>
                  <a:cxn ang="T91">
                    <a:pos x="T50" y="T51"/>
                  </a:cxn>
                  <a:cxn ang="T92">
                    <a:pos x="T52" y="T53"/>
                  </a:cxn>
                  <a:cxn ang="T93">
                    <a:pos x="T54" y="T55"/>
                  </a:cxn>
                  <a:cxn ang="T94">
                    <a:pos x="T56" y="T57"/>
                  </a:cxn>
                  <a:cxn ang="T95">
                    <a:pos x="T58" y="T59"/>
                  </a:cxn>
                  <a:cxn ang="T96">
                    <a:pos x="T60" y="T61"/>
                  </a:cxn>
                  <a:cxn ang="T97">
                    <a:pos x="T62" y="T63"/>
                  </a:cxn>
                  <a:cxn ang="T98">
                    <a:pos x="T64" y="T65"/>
                  </a:cxn>
                </a:cxnLst>
                <a:rect l="T99" t="T100" r="T101" b="T102"/>
                <a:pathLst>
                  <a:path w="66" h="76">
                    <a:moveTo>
                      <a:pt x="10" y="5"/>
                    </a:moveTo>
                    <a:lnTo>
                      <a:pt x="14" y="0"/>
                    </a:lnTo>
                    <a:lnTo>
                      <a:pt x="22" y="6"/>
                    </a:lnTo>
                    <a:lnTo>
                      <a:pt x="46" y="18"/>
                    </a:lnTo>
                    <a:lnTo>
                      <a:pt x="54" y="22"/>
                    </a:lnTo>
                    <a:lnTo>
                      <a:pt x="54" y="28"/>
                    </a:lnTo>
                    <a:lnTo>
                      <a:pt x="61" y="38"/>
                    </a:lnTo>
                    <a:lnTo>
                      <a:pt x="63" y="38"/>
                    </a:lnTo>
                    <a:lnTo>
                      <a:pt x="64" y="40"/>
                    </a:lnTo>
                    <a:lnTo>
                      <a:pt x="66" y="42"/>
                    </a:lnTo>
                    <a:lnTo>
                      <a:pt x="66" y="44"/>
                    </a:lnTo>
                    <a:lnTo>
                      <a:pt x="66" y="45"/>
                    </a:lnTo>
                    <a:lnTo>
                      <a:pt x="63" y="49"/>
                    </a:lnTo>
                    <a:lnTo>
                      <a:pt x="58" y="52"/>
                    </a:lnTo>
                    <a:lnTo>
                      <a:pt x="56" y="52"/>
                    </a:lnTo>
                    <a:lnTo>
                      <a:pt x="54" y="52"/>
                    </a:lnTo>
                    <a:lnTo>
                      <a:pt x="49" y="54"/>
                    </a:lnTo>
                    <a:lnTo>
                      <a:pt x="44" y="55"/>
                    </a:lnTo>
                    <a:lnTo>
                      <a:pt x="37" y="59"/>
                    </a:lnTo>
                    <a:lnTo>
                      <a:pt x="32" y="62"/>
                    </a:lnTo>
                    <a:lnTo>
                      <a:pt x="27" y="67"/>
                    </a:lnTo>
                    <a:lnTo>
                      <a:pt x="24" y="76"/>
                    </a:lnTo>
                    <a:lnTo>
                      <a:pt x="22" y="76"/>
                    </a:lnTo>
                    <a:lnTo>
                      <a:pt x="22" y="74"/>
                    </a:lnTo>
                    <a:lnTo>
                      <a:pt x="19" y="74"/>
                    </a:lnTo>
                    <a:lnTo>
                      <a:pt x="15" y="71"/>
                    </a:lnTo>
                    <a:lnTo>
                      <a:pt x="14" y="69"/>
                    </a:lnTo>
                    <a:lnTo>
                      <a:pt x="10" y="66"/>
                    </a:lnTo>
                    <a:lnTo>
                      <a:pt x="10" y="60"/>
                    </a:lnTo>
                    <a:lnTo>
                      <a:pt x="9" y="54"/>
                    </a:lnTo>
                    <a:lnTo>
                      <a:pt x="9" y="52"/>
                    </a:lnTo>
                    <a:lnTo>
                      <a:pt x="10" y="50"/>
                    </a:lnTo>
                    <a:lnTo>
                      <a:pt x="10" y="49"/>
                    </a:lnTo>
                    <a:lnTo>
                      <a:pt x="9" y="47"/>
                    </a:lnTo>
                    <a:lnTo>
                      <a:pt x="9" y="44"/>
                    </a:lnTo>
                    <a:lnTo>
                      <a:pt x="7" y="40"/>
                    </a:lnTo>
                    <a:lnTo>
                      <a:pt x="4" y="37"/>
                    </a:lnTo>
                    <a:lnTo>
                      <a:pt x="4" y="35"/>
                    </a:lnTo>
                    <a:lnTo>
                      <a:pt x="2" y="33"/>
                    </a:lnTo>
                    <a:lnTo>
                      <a:pt x="2" y="32"/>
                    </a:lnTo>
                    <a:lnTo>
                      <a:pt x="0" y="30"/>
                    </a:lnTo>
                    <a:lnTo>
                      <a:pt x="0" y="28"/>
                    </a:lnTo>
                    <a:lnTo>
                      <a:pt x="2" y="25"/>
                    </a:lnTo>
                    <a:lnTo>
                      <a:pt x="4" y="25"/>
                    </a:lnTo>
                    <a:lnTo>
                      <a:pt x="7" y="23"/>
                    </a:lnTo>
                    <a:lnTo>
                      <a:pt x="9" y="25"/>
                    </a:lnTo>
                    <a:lnTo>
                      <a:pt x="10" y="25"/>
                    </a:lnTo>
                    <a:lnTo>
                      <a:pt x="10" y="23"/>
                    </a:lnTo>
                    <a:lnTo>
                      <a:pt x="12" y="22"/>
                    </a:lnTo>
                    <a:lnTo>
                      <a:pt x="12" y="16"/>
                    </a:lnTo>
                    <a:lnTo>
                      <a:pt x="12" y="10"/>
                    </a:lnTo>
                    <a:lnTo>
                      <a:pt x="12" y="8"/>
                    </a:lnTo>
                    <a:lnTo>
                      <a:pt x="10" y="6"/>
                    </a:lnTo>
                    <a:lnTo>
                      <a:pt x="10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85" name="Freeform 150"/>
              <p:cNvSpPr>
                <a:spLocks/>
              </p:cNvSpPr>
              <p:nvPr/>
            </p:nvSpPr>
            <p:spPr bwMode="auto">
              <a:xfrm>
                <a:off x="1505" y="3446"/>
                <a:ext cx="10" cy="10"/>
              </a:xfrm>
              <a:custGeom>
                <a:avLst/>
                <a:gdLst>
                  <a:gd name="T0" fmla="*/ 0 w 10"/>
                  <a:gd name="T1" fmla="*/ 0 h 10"/>
                  <a:gd name="T2" fmla="*/ 7 w 10"/>
                  <a:gd name="T3" fmla="*/ 0 h 10"/>
                  <a:gd name="T4" fmla="*/ 10 w 10"/>
                  <a:gd name="T5" fmla="*/ 6 h 10"/>
                  <a:gd name="T6" fmla="*/ 5 w 10"/>
                  <a:gd name="T7" fmla="*/ 10 h 10"/>
                  <a:gd name="T8" fmla="*/ 2 w 10"/>
                  <a:gd name="T9" fmla="*/ 8 h 10"/>
                  <a:gd name="T10" fmla="*/ 0 w 10"/>
                  <a:gd name="T11" fmla="*/ 0 h 10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10"/>
                  <a:gd name="T19" fmla="*/ 0 h 10"/>
                  <a:gd name="T20" fmla="*/ 10 w 10"/>
                  <a:gd name="T21" fmla="*/ 10 h 10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10" h="10">
                    <a:moveTo>
                      <a:pt x="0" y="0"/>
                    </a:moveTo>
                    <a:lnTo>
                      <a:pt x="7" y="0"/>
                    </a:lnTo>
                    <a:lnTo>
                      <a:pt x="10" y="6"/>
                    </a:lnTo>
                    <a:lnTo>
                      <a:pt x="5" y="10"/>
                    </a:lnTo>
                    <a:lnTo>
                      <a:pt x="2" y="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86" name="Freeform 151"/>
              <p:cNvSpPr>
                <a:spLocks/>
              </p:cNvSpPr>
              <p:nvPr/>
            </p:nvSpPr>
            <p:spPr bwMode="auto">
              <a:xfrm>
                <a:off x="1505" y="3446"/>
                <a:ext cx="10" cy="10"/>
              </a:xfrm>
              <a:custGeom>
                <a:avLst/>
                <a:gdLst>
                  <a:gd name="T0" fmla="*/ 0 w 10"/>
                  <a:gd name="T1" fmla="*/ 0 h 10"/>
                  <a:gd name="T2" fmla="*/ 7 w 10"/>
                  <a:gd name="T3" fmla="*/ 0 h 10"/>
                  <a:gd name="T4" fmla="*/ 10 w 10"/>
                  <a:gd name="T5" fmla="*/ 6 h 10"/>
                  <a:gd name="T6" fmla="*/ 5 w 10"/>
                  <a:gd name="T7" fmla="*/ 10 h 10"/>
                  <a:gd name="T8" fmla="*/ 2 w 10"/>
                  <a:gd name="T9" fmla="*/ 8 h 10"/>
                  <a:gd name="T10" fmla="*/ 0 w 10"/>
                  <a:gd name="T11" fmla="*/ 0 h 10"/>
                  <a:gd name="T12" fmla="*/ 0 60000 65536"/>
                  <a:gd name="T13" fmla="*/ 0 60000 65536"/>
                  <a:gd name="T14" fmla="*/ 0 60000 65536"/>
                  <a:gd name="T15" fmla="*/ 0 60000 65536"/>
                  <a:gd name="T16" fmla="*/ 0 60000 65536"/>
                  <a:gd name="T17" fmla="*/ 0 60000 65536"/>
                  <a:gd name="T18" fmla="*/ 0 w 10"/>
                  <a:gd name="T19" fmla="*/ 0 h 10"/>
                  <a:gd name="T20" fmla="*/ 10 w 10"/>
                  <a:gd name="T21" fmla="*/ 10 h 10"/>
                </a:gdLst>
                <a:ahLst/>
                <a:cxnLst>
                  <a:cxn ang="T12">
                    <a:pos x="T0" y="T1"/>
                  </a:cxn>
                  <a:cxn ang="T13">
                    <a:pos x="T2" y="T3"/>
                  </a:cxn>
                  <a:cxn ang="T14">
                    <a:pos x="T4" y="T5"/>
                  </a:cxn>
                  <a:cxn ang="T15">
                    <a:pos x="T6" y="T7"/>
                  </a:cxn>
                  <a:cxn ang="T16">
                    <a:pos x="T8" y="T9"/>
                  </a:cxn>
                  <a:cxn ang="T17">
                    <a:pos x="T10" y="T11"/>
                  </a:cxn>
                </a:cxnLst>
                <a:rect l="T18" t="T19" r="T20" b="T21"/>
                <a:pathLst>
                  <a:path w="10" h="10">
                    <a:moveTo>
                      <a:pt x="0" y="0"/>
                    </a:moveTo>
                    <a:lnTo>
                      <a:pt x="7" y="0"/>
                    </a:lnTo>
                    <a:lnTo>
                      <a:pt x="10" y="6"/>
                    </a:lnTo>
                    <a:lnTo>
                      <a:pt x="5" y="10"/>
                    </a:lnTo>
                    <a:lnTo>
                      <a:pt x="2" y="8"/>
                    </a:lnTo>
                    <a:lnTo>
                      <a:pt x="0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87" name="Freeform 152"/>
              <p:cNvSpPr>
                <a:spLocks/>
              </p:cNvSpPr>
              <p:nvPr/>
            </p:nvSpPr>
            <p:spPr bwMode="auto">
              <a:xfrm>
                <a:off x="1524" y="3463"/>
                <a:ext cx="6" cy="8"/>
              </a:xfrm>
              <a:custGeom>
                <a:avLst/>
                <a:gdLst>
                  <a:gd name="T0" fmla="*/ 0 w 6"/>
                  <a:gd name="T1" fmla="*/ 5 h 8"/>
                  <a:gd name="T2" fmla="*/ 0 w 6"/>
                  <a:gd name="T3" fmla="*/ 3 h 8"/>
                  <a:gd name="T4" fmla="*/ 0 w 6"/>
                  <a:gd name="T5" fmla="*/ 1 h 8"/>
                  <a:gd name="T6" fmla="*/ 1 w 6"/>
                  <a:gd name="T7" fmla="*/ 1 h 8"/>
                  <a:gd name="T8" fmla="*/ 3 w 6"/>
                  <a:gd name="T9" fmla="*/ 0 h 8"/>
                  <a:gd name="T10" fmla="*/ 5 w 6"/>
                  <a:gd name="T11" fmla="*/ 1 h 8"/>
                  <a:gd name="T12" fmla="*/ 6 w 6"/>
                  <a:gd name="T13" fmla="*/ 1 h 8"/>
                  <a:gd name="T14" fmla="*/ 6 w 6"/>
                  <a:gd name="T15" fmla="*/ 3 h 8"/>
                  <a:gd name="T16" fmla="*/ 6 w 6"/>
                  <a:gd name="T17" fmla="*/ 5 h 8"/>
                  <a:gd name="T18" fmla="*/ 6 w 6"/>
                  <a:gd name="T19" fmla="*/ 6 h 8"/>
                  <a:gd name="T20" fmla="*/ 6 w 6"/>
                  <a:gd name="T21" fmla="*/ 8 h 8"/>
                  <a:gd name="T22" fmla="*/ 5 w 6"/>
                  <a:gd name="T23" fmla="*/ 8 h 8"/>
                  <a:gd name="T24" fmla="*/ 3 w 6"/>
                  <a:gd name="T25" fmla="*/ 8 h 8"/>
                  <a:gd name="T26" fmla="*/ 1 w 6"/>
                  <a:gd name="T27" fmla="*/ 8 h 8"/>
                  <a:gd name="T28" fmla="*/ 0 w 6"/>
                  <a:gd name="T29" fmla="*/ 8 h 8"/>
                  <a:gd name="T30" fmla="*/ 0 w 6"/>
                  <a:gd name="T31" fmla="*/ 6 h 8"/>
                  <a:gd name="T32" fmla="*/ 0 w 6"/>
                  <a:gd name="T33" fmla="*/ 5 h 8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6"/>
                  <a:gd name="T52" fmla="*/ 0 h 8"/>
                  <a:gd name="T53" fmla="*/ 6 w 6"/>
                  <a:gd name="T54" fmla="*/ 8 h 8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6" h="8">
                    <a:moveTo>
                      <a:pt x="0" y="5"/>
                    </a:moveTo>
                    <a:lnTo>
                      <a:pt x="0" y="3"/>
                    </a:lnTo>
                    <a:lnTo>
                      <a:pt x="0" y="1"/>
                    </a:lnTo>
                    <a:lnTo>
                      <a:pt x="1" y="1"/>
                    </a:lnTo>
                    <a:lnTo>
                      <a:pt x="3" y="0"/>
                    </a:lnTo>
                    <a:lnTo>
                      <a:pt x="5" y="1"/>
                    </a:lnTo>
                    <a:lnTo>
                      <a:pt x="6" y="1"/>
                    </a:lnTo>
                    <a:lnTo>
                      <a:pt x="6" y="3"/>
                    </a:lnTo>
                    <a:lnTo>
                      <a:pt x="6" y="5"/>
                    </a:lnTo>
                    <a:lnTo>
                      <a:pt x="6" y="6"/>
                    </a:lnTo>
                    <a:lnTo>
                      <a:pt x="6" y="8"/>
                    </a:lnTo>
                    <a:lnTo>
                      <a:pt x="5" y="8"/>
                    </a:lnTo>
                    <a:lnTo>
                      <a:pt x="3" y="8"/>
                    </a:lnTo>
                    <a:lnTo>
                      <a:pt x="1" y="8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88" name="Freeform 153"/>
              <p:cNvSpPr>
                <a:spLocks/>
              </p:cNvSpPr>
              <p:nvPr/>
            </p:nvSpPr>
            <p:spPr bwMode="auto">
              <a:xfrm>
                <a:off x="1524" y="3463"/>
                <a:ext cx="6" cy="8"/>
              </a:xfrm>
              <a:custGeom>
                <a:avLst/>
                <a:gdLst>
                  <a:gd name="T0" fmla="*/ 0 w 6"/>
                  <a:gd name="T1" fmla="*/ 5 h 8"/>
                  <a:gd name="T2" fmla="*/ 0 w 6"/>
                  <a:gd name="T3" fmla="*/ 5 h 8"/>
                  <a:gd name="T4" fmla="*/ 0 w 6"/>
                  <a:gd name="T5" fmla="*/ 3 h 8"/>
                  <a:gd name="T6" fmla="*/ 0 w 6"/>
                  <a:gd name="T7" fmla="*/ 1 h 8"/>
                  <a:gd name="T8" fmla="*/ 1 w 6"/>
                  <a:gd name="T9" fmla="*/ 1 h 8"/>
                  <a:gd name="T10" fmla="*/ 3 w 6"/>
                  <a:gd name="T11" fmla="*/ 0 h 8"/>
                  <a:gd name="T12" fmla="*/ 3 w 6"/>
                  <a:gd name="T13" fmla="*/ 0 h 8"/>
                  <a:gd name="T14" fmla="*/ 5 w 6"/>
                  <a:gd name="T15" fmla="*/ 1 h 8"/>
                  <a:gd name="T16" fmla="*/ 6 w 6"/>
                  <a:gd name="T17" fmla="*/ 1 h 8"/>
                  <a:gd name="T18" fmla="*/ 6 w 6"/>
                  <a:gd name="T19" fmla="*/ 3 h 8"/>
                  <a:gd name="T20" fmla="*/ 6 w 6"/>
                  <a:gd name="T21" fmla="*/ 5 h 8"/>
                  <a:gd name="T22" fmla="*/ 6 w 6"/>
                  <a:gd name="T23" fmla="*/ 5 h 8"/>
                  <a:gd name="T24" fmla="*/ 6 w 6"/>
                  <a:gd name="T25" fmla="*/ 6 h 8"/>
                  <a:gd name="T26" fmla="*/ 6 w 6"/>
                  <a:gd name="T27" fmla="*/ 8 h 8"/>
                  <a:gd name="T28" fmla="*/ 5 w 6"/>
                  <a:gd name="T29" fmla="*/ 8 h 8"/>
                  <a:gd name="T30" fmla="*/ 3 w 6"/>
                  <a:gd name="T31" fmla="*/ 8 h 8"/>
                  <a:gd name="T32" fmla="*/ 3 w 6"/>
                  <a:gd name="T33" fmla="*/ 8 h 8"/>
                  <a:gd name="T34" fmla="*/ 1 w 6"/>
                  <a:gd name="T35" fmla="*/ 8 h 8"/>
                  <a:gd name="T36" fmla="*/ 0 w 6"/>
                  <a:gd name="T37" fmla="*/ 8 h 8"/>
                  <a:gd name="T38" fmla="*/ 0 w 6"/>
                  <a:gd name="T39" fmla="*/ 6 h 8"/>
                  <a:gd name="T40" fmla="*/ 0 w 6"/>
                  <a:gd name="T41" fmla="*/ 5 h 8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6"/>
                  <a:gd name="T64" fmla="*/ 0 h 8"/>
                  <a:gd name="T65" fmla="*/ 6 w 6"/>
                  <a:gd name="T66" fmla="*/ 8 h 8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6" h="8">
                    <a:moveTo>
                      <a:pt x="0" y="5"/>
                    </a:moveTo>
                    <a:lnTo>
                      <a:pt x="0" y="5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1" y="1"/>
                    </a:lnTo>
                    <a:lnTo>
                      <a:pt x="3" y="0"/>
                    </a:lnTo>
                    <a:lnTo>
                      <a:pt x="5" y="1"/>
                    </a:lnTo>
                    <a:lnTo>
                      <a:pt x="6" y="1"/>
                    </a:lnTo>
                    <a:lnTo>
                      <a:pt x="6" y="3"/>
                    </a:lnTo>
                    <a:lnTo>
                      <a:pt x="6" y="5"/>
                    </a:lnTo>
                    <a:lnTo>
                      <a:pt x="6" y="6"/>
                    </a:lnTo>
                    <a:lnTo>
                      <a:pt x="6" y="8"/>
                    </a:lnTo>
                    <a:lnTo>
                      <a:pt x="5" y="8"/>
                    </a:lnTo>
                    <a:lnTo>
                      <a:pt x="3" y="8"/>
                    </a:lnTo>
                    <a:lnTo>
                      <a:pt x="1" y="8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5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89" name="Freeform 154"/>
              <p:cNvSpPr>
                <a:spLocks/>
              </p:cNvSpPr>
              <p:nvPr/>
            </p:nvSpPr>
            <p:spPr bwMode="auto">
              <a:xfrm>
                <a:off x="1338" y="3388"/>
                <a:ext cx="11" cy="9"/>
              </a:xfrm>
              <a:custGeom>
                <a:avLst/>
                <a:gdLst>
                  <a:gd name="T0" fmla="*/ 0 w 11"/>
                  <a:gd name="T1" fmla="*/ 4 h 9"/>
                  <a:gd name="T2" fmla="*/ 0 w 11"/>
                  <a:gd name="T3" fmla="*/ 2 h 9"/>
                  <a:gd name="T4" fmla="*/ 1 w 11"/>
                  <a:gd name="T5" fmla="*/ 2 h 9"/>
                  <a:gd name="T6" fmla="*/ 3 w 11"/>
                  <a:gd name="T7" fmla="*/ 0 h 9"/>
                  <a:gd name="T8" fmla="*/ 6 w 11"/>
                  <a:gd name="T9" fmla="*/ 0 h 9"/>
                  <a:gd name="T10" fmla="*/ 8 w 11"/>
                  <a:gd name="T11" fmla="*/ 0 h 9"/>
                  <a:gd name="T12" fmla="*/ 10 w 11"/>
                  <a:gd name="T13" fmla="*/ 2 h 9"/>
                  <a:gd name="T14" fmla="*/ 11 w 11"/>
                  <a:gd name="T15" fmla="*/ 2 h 9"/>
                  <a:gd name="T16" fmla="*/ 11 w 11"/>
                  <a:gd name="T17" fmla="*/ 4 h 9"/>
                  <a:gd name="T18" fmla="*/ 11 w 11"/>
                  <a:gd name="T19" fmla="*/ 5 h 9"/>
                  <a:gd name="T20" fmla="*/ 10 w 11"/>
                  <a:gd name="T21" fmla="*/ 7 h 9"/>
                  <a:gd name="T22" fmla="*/ 8 w 11"/>
                  <a:gd name="T23" fmla="*/ 9 h 9"/>
                  <a:gd name="T24" fmla="*/ 6 w 11"/>
                  <a:gd name="T25" fmla="*/ 9 h 9"/>
                  <a:gd name="T26" fmla="*/ 3 w 11"/>
                  <a:gd name="T27" fmla="*/ 9 h 9"/>
                  <a:gd name="T28" fmla="*/ 1 w 11"/>
                  <a:gd name="T29" fmla="*/ 7 h 9"/>
                  <a:gd name="T30" fmla="*/ 0 w 11"/>
                  <a:gd name="T31" fmla="*/ 5 h 9"/>
                  <a:gd name="T32" fmla="*/ 0 w 11"/>
                  <a:gd name="T33" fmla="*/ 4 h 9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w 11"/>
                  <a:gd name="T52" fmla="*/ 0 h 9"/>
                  <a:gd name="T53" fmla="*/ 11 w 11"/>
                  <a:gd name="T54" fmla="*/ 9 h 9"/>
                </a:gdLst>
                <a:ahLst/>
                <a:cxnLst>
                  <a:cxn ang="T34">
                    <a:pos x="T0" y="T1"/>
                  </a:cxn>
                  <a:cxn ang="T35">
                    <a:pos x="T2" y="T3"/>
                  </a:cxn>
                  <a:cxn ang="T36">
                    <a:pos x="T4" y="T5"/>
                  </a:cxn>
                  <a:cxn ang="T37">
                    <a:pos x="T6" y="T7"/>
                  </a:cxn>
                  <a:cxn ang="T38">
                    <a:pos x="T8" y="T9"/>
                  </a:cxn>
                  <a:cxn ang="T39">
                    <a:pos x="T10" y="T11"/>
                  </a:cxn>
                  <a:cxn ang="T40">
                    <a:pos x="T12" y="T13"/>
                  </a:cxn>
                  <a:cxn ang="T41">
                    <a:pos x="T14" y="T15"/>
                  </a:cxn>
                  <a:cxn ang="T42">
                    <a:pos x="T16" y="T17"/>
                  </a:cxn>
                  <a:cxn ang="T43">
                    <a:pos x="T18" y="T19"/>
                  </a:cxn>
                  <a:cxn ang="T44">
                    <a:pos x="T20" y="T21"/>
                  </a:cxn>
                  <a:cxn ang="T45">
                    <a:pos x="T22" y="T23"/>
                  </a:cxn>
                  <a:cxn ang="T46">
                    <a:pos x="T24" y="T25"/>
                  </a:cxn>
                  <a:cxn ang="T47">
                    <a:pos x="T26" y="T27"/>
                  </a:cxn>
                  <a:cxn ang="T48">
                    <a:pos x="T28" y="T29"/>
                  </a:cxn>
                  <a:cxn ang="T49">
                    <a:pos x="T30" y="T31"/>
                  </a:cxn>
                  <a:cxn ang="T50">
                    <a:pos x="T32" y="T33"/>
                  </a:cxn>
                </a:cxnLst>
                <a:rect l="T51" t="T52" r="T53" b="T54"/>
                <a:pathLst>
                  <a:path w="11" h="9">
                    <a:moveTo>
                      <a:pt x="0" y="4"/>
                    </a:moveTo>
                    <a:lnTo>
                      <a:pt x="0" y="2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0" y="2"/>
                    </a:lnTo>
                    <a:lnTo>
                      <a:pt x="11" y="2"/>
                    </a:lnTo>
                    <a:lnTo>
                      <a:pt x="11" y="4"/>
                    </a:lnTo>
                    <a:lnTo>
                      <a:pt x="11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3" y="9"/>
                    </a:lnTo>
                    <a:lnTo>
                      <a:pt x="1" y="7"/>
                    </a:lnTo>
                    <a:lnTo>
                      <a:pt x="0" y="5"/>
                    </a:lnTo>
                    <a:lnTo>
                      <a:pt x="0" y="4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90" name="Freeform 155"/>
              <p:cNvSpPr>
                <a:spLocks/>
              </p:cNvSpPr>
              <p:nvPr/>
            </p:nvSpPr>
            <p:spPr bwMode="auto">
              <a:xfrm>
                <a:off x="1338" y="3388"/>
                <a:ext cx="11" cy="9"/>
              </a:xfrm>
              <a:custGeom>
                <a:avLst/>
                <a:gdLst>
                  <a:gd name="T0" fmla="*/ 0 w 11"/>
                  <a:gd name="T1" fmla="*/ 4 h 9"/>
                  <a:gd name="T2" fmla="*/ 0 w 11"/>
                  <a:gd name="T3" fmla="*/ 4 h 9"/>
                  <a:gd name="T4" fmla="*/ 0 w 11"/>
                  <a:gd name="T5" fmla="*/ 2 h 9"/>
                  <a:gd name="T6" fmla="*/ 1 w 11"/>
                  <a:gd name="T7" fmla="*/ 2 h 9"/>
                  <a:gd name="T8" fmla="*/ 3 w 11"/>
                  <a:gd name="T9" fmla="*/ 0 h 9"/>
                  <a:gd name="T10" fmla="*/ 6 w 11"/>
                  <a:gd name="T11" fmla="*/ 0 h 9"/>
                  <a:gd name="T12" fmla="*/ 6 w 11"/>
                  <a:gd name="T13" fmla="*/ 0 h 9"/>
                  <a:gd name="T14" fmla="*/ 8 w 11"/>
                  <a:gd name="T15" fmla="*/ 0 h 9"/>
                  <a:gd name="T16" fmla="*/ 10 w 11"/>
                  <a:gd name="T17" fmla="*/ 2 h 9"/>
                  <a:gd name="T18" fmla="*/ 11 w 11"/>
                  <a:gd name="T19" fmla="*/ 2 h 9"/>
                  <a:gd name="T20" fmla="*/ 11 w 11"/>
                  <a:gd name="T21" fmla="*/ 4 h 9"/>
                  <a:gd name="T22" fmla="*/ 11 w 11"/>
                  <a:gd name="T23" fmla="*/ 4 h 9"/>
                  <a:gd name="T24" fmla="*/ 11 w 11"/>
                  <a:gd name="T25" fmla="*/ 5 h 9"/>
                  <a:gd name="T26" fmla="*/ 10 w 11"/>
                  <a:gd name="T27" fmla="*/ 7 h 9"/>
                  <a:gd name="T28" fmla="*/ 8 w 11"/>
                  <a:gd name="T29" fmla="*/ 9 h 9"/>
                  <a:gd name="T30" fmla="*/ 6 w 11"/>
                  <a:gd name="T31" fmla="*/ 9 h 9"/>
                  <a:gd name="T32" fmla="*/ 6 w 11"/>
                  <a:gd name="T33" fmla="*/ 9 h 9"/>
                  <a:gd name="T34" fmla="*/ 3 w 11"/>
                  <a:gd name="T35" fmla="*/ 9 h 9"/>
                  <a:gd name="T36" fmla="*/ 1 w 11"/>
                  <a:gd name="T37" fmla="*/ 7 h 9"/>
                  <a:gd name="T38" fmla="*/ 0 w 11"/>
                  <a:gd name="T39" fmla="*/ 5 h 9"/>
                  <a:gd name="T40" fmla="*/ 0 w 11"/>
                  <a:gd name="T41" fmla="*/ 4 h 9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11"/>
                  <a:gd name="T64" fmla="*/ 0 h 9"/>
                  <a:gd name="T65" fmla="*/ 11 w 11"/>
                  <a:gd name="T66" fmla="*/ 9 h 9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11" h="9">
                    <a:moveTo>
                      <a:pt x="0" y="4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1" y="2"/>
                    </a:lnTo>
                    <a:lnTo>
                      <a:pt x="3" y="0"/>
                    </a:lnTo>
                    <a:lnTo>
                      <a:pt x="6" y="0"/>
                    </a:lnTo>
                    <a:lnTo>
                      <a:pt x="8" y="0"/>
                    </a:lnTo>
                    <a:lnTo>
                      <a:pt x="10" y="2"/>
                    </a:lnTo>
                    <a:lnTo>
                      <a:pt x="11" y="2"/>
                    </a:lnTo>
                    <a:lnTo>
                      <a:pt x="11" y="4"/>
                    </a:lnTo>
                    <a:lnTo>
                      <a:pt x="11" y="5"/>
                    </a:lnTo>
                    <a:lnTo>
                      <a:pt x="10" y="7"/>
                    </a:lnTo>
                    <a:lnTo>
                      <a:pt x="8" y="9"/>
                    </a:lnTo>
                    <a:lnTo>
                      <a:pt x="6" y="9"/>
                    </a:lnTo>
                    <a:lnTo>
                      <a:pt x="3" y="9"/>
                    </a:lnTo>
                    <a:lnTo>
                      <a:pt x="1" y="7"/>
                    </a:lnTo>
                    <a:lnTo>
                      <a:pt x="0" y="5"/>
                    </a:lnTo>
                    <a:lnTo>
                      <a:pt x="0" y="4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1140" name="Freeform 156"/>
            <p:cNvSpPr>
              <a:spLocks/>
            </p:cNvSpPr>
            <p:nvPr/>
          </p:nvSpPr>
          <p:spPr bwMode="auto">
            <a:xfrm>
              <a:off x="1022" y="1847"/>
              <a:ext cx="537" cy="677"/>
            </a:xfrm>
            <a:custGeom>
              <a:avLst/>
              <a:gdLst>
                <a:gd name="T0" fmla="*/ 331 w 552"/>
                <a:gd name="T1" fmla="*/ 464 h 697"/>
                <a:gd name="T2" fmla="*/ 376 w 552"/>
                <a:gd name="T3" fmla="*/ 130 h 697"/>
                <a:gd name="T4" fmla="*/ 253 w 552"/>
                <a:gd name="T5" fmla="*/ 111 h 697"/>
                <a:gd name="T6" fmla="*/ 265 w 552"/>
                <a:gd name="T7" fmla="*/ 35 h 697"/>
                <a:gd name="T8" fmla="*/ 81 w 552"/>
                <a:gd name="T9" fmla="*/ 0 h 697"/>
                <a:gd name="T10" fmla="*/ 81 w 552"/>
                <a:gd name="T11" fmla="*/ 0 h 697"/>
                <a:gd name="T12" fmla="*/ 0 w 552"/>
                <a:gd name="T13" fmla="*/ 410 h 697"/>
                <a:gd name="T14" fmla="*/ 331 w 552"/>
                <a:gd name="T15" fmla="*/ 464 h 697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w 552"/>
                <a:gd name="T25" fmla="*/ 0 h 697"/>
                <a:gd name="T26" fmla="*/ 552 w 552"/>
                <a:gd name="T27" fmla="*/ 697 h 697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T24" t="T25" r="T26" b="T27"/>
              <a:pathLst>
                <a:path w="552" h="697">
                  <a:moveTo>
                    <a:pt x="486" y="697"/>
                  </a:moveTo>
                  <a:lnTo>
                    <a:pt x="552" y="195"/>
                  </a:lnTo>
                  <a:lnTo>
                    <a:pt x="372" y="166"/>
                  </a:lnTo>
                  <a:lnTo>
                    <a:pt x="389" y="49"/>
                  </a:lnTo>
                  <a:lnTo>
                    <a:pt x="118" y="0"/>
                  </a:lnTo>
                  <a:lnTo>
                    <a:pt x="0" y="616"/>
                  </a:lnTo>
                  <a:lnTo>
                    <a:pt x="486" y="697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41" name="Freeform 157"/>
            <p:cNvSpPr>
              <a:spLocks/>
            </p:cNvSpPr>
            <p:nvPr/>
          </p:nvSpPr>
          <p:spPr bwMode="auto">
            <a:xfrm>
              <a:off x="2159" y="2220"/>
              <a:ext cx="708" cy="381"/>
            </a:xfrm>
            <a:custGeom>
              <a:avLst/>
              <a:gdLst>
                <a:gd name="T0" fmla="*/ 18 w 728"/>
                <a:gd name="T1" fmla="*/ 0 h 393"/>
                <a:gd name="T2" fmla="*/ 35 w 728"/>
                <a:gd name="T3" fmla="*/ 4 h 393"/>
                <a:gd name="T4" fmla="*/ 53 w 728"/>
                <a:gd name="T5" fmla="*/ 5 h 393"/>
                <a:gd name="T6" fmla="*/ 81 w 728"/>
                <a:gd name="T7" fmla="*/ 9 h 393"/>
                <a:gd name="T8" fmla="*/ 112 w 728"/>
                <a:gd name="T9" fmla="*/ 11 h 393"/>
                <a:gd name="T10" fmla="*/ 144 w 728"/>
                <a:gd name="T11" fmla="*/ 12 h 393"/>
                <a:gd name="T12" fmla="*/ 180 w 728"/>
                <a:gd name="T13" fmla="*/ 12 h 393"/>
                <a:gd name="T14" fmla="*/ 216 w 728"/>
                <a:gd name="T15" fmla="*/ 14 h 393"/>
                <a:gd name="T16" fmla="*/ 253 w 728"/>
                <a:gd name="T17" fmla="*/ 14 h 393"/>
                <a:gd name="T18" fmla="*/ 290 w 728"/>
                <a:gd name="T19" fmla="*/ 16 h 393"/>
                <a:gd name="T20" fmla="*/ 324 w 728"/>
                <a:gd name="T21" fmla="*/ 16 h 393"/>
                <a:gd name="T22" fmla="*/ 355 w 728"/>
                <a:gd name="T23" fmla="*/ 16 h 393"/>
                <a:gd name="T24" fmla="*/ 383 w 728"/>
                <a:gd name="T25" fmla="*/ 16 h 393"/>
                <a:gd name="T26" fmla="*/ 407 w 728"/>
                <a:gd name="T27" fmla="*/ 16 h 393"/>
                <a:gd name="T28" fmla="*/ 426 w 728"/>
                <a:gd name="T29" fmla="*/ 16 h 393"/>
                <a:gd name="T30" fmla="*/ 437 w 728"/>
                <a:gd name="T31" fmla="*/ 16 h 393"/>
                <a:gd name="T32" fmla="*/ 442 w 728"/>
                <a:gd name="T33" fmla="*/ 16 h 393"/>
                <a:gd name="T34" fmla="*/ 448 w 728"/>
                <a:gd name="T35" fmla="*/ 16 h 393"/>
                <a:gd name="T36" fmla="*/ 464 w 728"/>
                <a:gd name="T37" fmla="*/ 17 h 393"/>
                <a:gd name="T38" fmla="*/ 465 w 728"/>
                <a:gd name="T39" fmla="*/ 19 h 393"/>
                <a:gd name="T40" fmla="*/ 469 w 728"/>
                <a:gd name="T41" fmla="*/ 22 h 393"/>
                <a:gd name="T42" fmla="*/ 472 w 728"/>
                <a:gd name="T43" fmla="*/ 27 h 393"/>
                <a:gd name="T44" fmla="*/ 469 w 728"/>
                <a:gd name="T45" fmla="*/ 36 h 393"/>
                <a:gd name="T46" fmla="*/ 459 w 728"/>
                <a:gd name="T47" fmla="*/ 50 h 393"/>
                <a:gd name="T48" fmla="*/ 471 w 728"/>
                <a:gd name="T49" fmla="*/ 62 h 393"/>
                <a:gd name="T50" fmla="*/ 480 w 728"/>
                <a:gd name="T51" fmla="*/ 78 h 393"/>
                <a:gd name="T52" fmla="*/ 494 w 728"/>
                <a:gd name="T53" fmla="*/ 254 h 393"/>
                <a:gd name="T54" fmla="*/ 488 w 728"/>
                <a:gd name="T55" fmla="*/ 254 h 393"/>
                <a:gd name="T56" fmla="*/ 477 w 728"/>
                <a:gd name="T57" fmla="*/ 254 h 393"/>
                <a:gd name="T58" fmla="*/ 455 w 728"/>
                <a:gd name="T59" fmla="*/ 254 h 393"/>
                <a:gd name="T60" fmla="*/ 430 w 728"/>
                <a:gd name="T61" fmla="*/ 254 h 393"/>
                <a:gd name="T62" fmla="*/ 398 w 728"/>
                <a:gd name="T63" fmla="*/ 254 h 393"/>
                <a:gd name="T64" fmla="*/ 362 w 728"/>
                <a:gd name="T65" fmla="*/ 254 h 393"/>
                <a:gd name="T66" fmla="*/ 324 w 728"/>
                <a:gd name="T67" fmla="*/ 253 h 393"/>
                <a:gd name="T68" fmla="*/ 284 w 728"/>
                <a:gd name="T69" fmla="*/ 253 h 393"/>
                <a:gd name="T70" fmla="*/ 241 w 728"/>
                <a:gd name="T71" fmla="*/ 252 h 393"/>
                <a:gd name="T72" fmla="*/ 200 w 728"/>
                <a:gd name="T73" fmla="*/ 252 h 393"/>
                <a:gd name="T74" fmla="*/ 159 w 728"/>
                <a:gd name="T75" fmla="*/ 252 h 393"/>
                <a:gd name="T76" fmla="*/ 118 w 728"/>
                <a:gd name="T77" fmla="*/ 251 h 393"/>
                <a:gd name="T78" fmla="*/ 82 w 728"/>
                <a:gd name="T79" fmla="*/ 250 h 393"/>
                <a:gd name="T80" fmla="*/ 49 w 728"/>
                <a:gd name="T81" fmla="*/ 248 h 393"/>
                <a:gd name="T82" fmla="*/ 18 w 728"/>
                <a:gd name="T83" fmla="*/ 246 h 393"/>
                <a:gd name="T84" fmla="*/ 0 w 728"/>
                <a:gd name="T85" fmla="*/ 245 h 393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728"/>
                <a:gd name="T130" fmla="*/ 0 h 393"/>
                <a:gd name="T131" fmla="*/ 728 w 728"/>
                <a:gd name="T132" fmla="*/ 393 h 393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728" h="393">
                  <a:moveTo>
                    <a:pt x="0" y="379"/>
                  </a:moveTo>
                  <a:lnTo>
                    <a:pt x="27" y="0"/>
                  </a:lnTo>
                  <a:lnTo>
                    <a:pt x="38" y="2"/>
                  </a:lnTo>
                  <a:lnTo>
                    <a:pt x="49" y="4"/>
                  </a:lnTo>
                  <a:lnTo>
                    <a:pt x="65" y="5"/>
                  </a:lnTo>
                  <a:lnTo>
                    <a:pt x="80" y="5"/>
                  </a:lnTo>
                  <a:lnTo>
                    <a:pt x="98" y="7"/>
                  </a:lnTo>
                  <a:lnTo>
                    <a:pt x="119" y="9"/>
                  </a:lnTo>
                  <a:lnTo>
                    <a:pt x="139" y="9"/>
                  </a:lnTo>
                  <a:lnTo>
                    <a:pt x="163" y="11"/>
                  </a:lnTo>
                  <a:lnTo>
                    <a:pt x="186" y="11"/>
                  </a:lnTo>
                  <a:lnTo>
                    <a:pt x="212" y="12"/>
                  </a:lnTo>
                  <a:lnTo>
                    <a:pt x="237" y="12"/>
                  </a:lnTo>
                  <a:lnTo>
                    <a:pt x="264" y="12"/>
                  </a:lnTo>
                  <a:lnTo>
                    <a:pt x="291" y="14"/>
                  </a:lnTo>
                  <a:lnTo>
                    <a:pt x="318" y="14"/>
                  </a:lnTo>
                  <a:lnTo>
                    <a:pt x="346" y="14"/>
                  </a:lnTo>
                  <a:lnTo>
                    <a:pt x="373" y="14"/>
                  </a:lnTo>
                  <a:lnTo>
                    <a:pt x="400" y="16"/>
                  </a:lnTo>
                  <a:lnTo>
                    <a:pt x="427" y="16"/>
                  </a:lnTo>
                  <a:lnTo>
                    <a:pt x="452" y="16"/>
                  </a:lnTo>
                  <a:lnTo>
                    <a:pt x="478" y="16"/>
                  </a:lnTo>
                  <a:lnTo>
                    <a:pt x="501" y="16"/>
                  </a:lnTo>
                  <a:lnTo>
                    <a:pt x="525" y="16"/>
                  </a:lnTo>
                  <a:lnTo>
                    <a:pt x="545" y="17"/>
                  </a:lnTo>
                  <a:lnTo>
                    <a:pt x="566" y="17"/>
                  </a:lnTo>
                  <a:lnTo>
                    <a:pt x="584" y="17"/>
                  </a:lnTo>
                  <a:lnTo>
                    <a:pt x="601" y="17"/>
                  </a:lnTo>
                  <a:lnTo>
                    <a:pt x="616" y="17"/>
                  </a:lnTo>
                  <a:lnTo>
                    <a:pt x="628" y="17"/>
                  </a:lnTo>
                  <a:lnTo>
                    <a:pt x="638" y="17"/>
                  </a:lnTo>
                  <a:lnTo>
                    <a:pt x="645" y="17"/>
                  </a:lnTo>
                  <a:lnTo>
                    <a:pt x="650" y="17"/>
                  </a:lnTo>
                  <a:lnTo>
                    <a:pt x="652" y="17"/>
                  </a:lnTo>
                  <a:lnTo>
                    <a:pt x="650" y="16"/>
                  </a:lnTo>
                  <a:lnTo>
                    <a:pt x="662" y="22"/>
                  </a:lnTo>
                  <a:lnTo>
                    <a:pt x="674" y="33"/>
                  </a:lnTo>
                  <a:lnTo>
                    <a:pt x="684" y="31"/>
                  </a:lnTo>
                  <a:lnTo>
                    <a:pt x="686" y="33"/>
                  </a:lnTo>
                  <a:lnTo>
                    <a:pt x="687" y="33"/>
                  </a:lnTo>
                  <a:lnTo>
                    <a:pt x="691" y="34"/>
                  </a:lnTo>
                  <a:lnTo>
                    <a:pt x="694" y="36"/>
                  </a:lnTo>
                  <a:lnTo>
                    <a:pt x="696" y="38"/>
                  </a:lnTo>
                  <a:lnTo>
                    <a:pt x="698" y="41"/>
                  </a:lnTo>
                  <a:lnTo>
                    <a:pt x="696" y="46"/>
                  </a:lnTo>
                  <a:lnTo>
                    <a:pt x="692" y="51"/>
                  </a:lnTo>
                  <a:lnTo>
                    <a:pt x="679" y="70"/>
                  </a:lnTo>
                  <a:lnTo>
                    <a:pt x="679" y="78"/>
                  </a:lnTo>
                  <a:lnTo>
                    <a:pt x="692" y="88"/>
                  </a:lnTo>
                  <a:lnTo>
                    <a:pt x="696" y="95"/>
                  </a:lnTo>
                  <a:lnTo>
                    <a:pt x="698" y="107"/>
                  </a:lnTo>
                  <a:lnTo>
                    <a:pt x="709" y="121"/>
                  </a:lnTo>
                  <a:lnTo>
                    <a:pt x="726" y="121"/>
                  </a:lnTo>
                  <a:lnTo>
                    <a:pt x="728" y="393"/>
                  </a:lnTo>
                  <a:lnTo>
                    <a:pt x="726" y="393"/>
                  </a:lnTo>
                  <a:lnTo>
                    <a:pt x="721" y="393"/>
                  </a:lnTo>
                  <a:lnTo>
                    <a:pt x="713" y="393"/>
                  </a:lnTo>
                  <a:lnTo>
                    <a:pt x="703" y="393"/>
                  </a:lnTo>
                  <a:lnTo>
                    <a:pt x="689" y="393"/>
                  </a:lnTo>
                  <a:lnTo>
                    <a:pt x="672" y="393"/>
                  </a:lnTo>
                  <a:lnTo>
                    <a:pt x="654" y="393"/>
                  </a:lnTo>
                  <a:lnTo>
                    <a:pt x="635" y="393"/>
                  </a:lnTo>
                  <a:lnTo>
                    <a:pt x="611" y="393"/>
                  </a:lnTo>
                  <a:lnTo>
                    <a:pt x="588" y="393"/>
                  </a:lnTo>
                  <a:lnTo>
                    <a:pt x="562" y="393"/>
                  </a:lnTo>
                  <a:lnTo>
                    <a:pt x="535" y="393"/>
                  </a:lnTo>
                  <a:lnTo>
                    <a:pt x="508" y="393"/>
                  </a:lnTo>
                  <a:lnTo>
                    <a:pt x="478" y="391"/>
                  </a:lnTo>
                  <a:lnTo>
                    <a:pt x="449" y="391"/>
                  </a:lnTo>
                  <a:lnTo>
                    <a:pt x="418" y="391"/>
                  </a:lnTo>
                  <a:lnTo>
                    <a:pt x="388" y="391"/>
                  </a:lnTo>
                  <a:lnTo>
                    <a:pt x="356" y="390"/>
                  </a:lnTo>
                  <a:lnTo>
                    <a:pt x="325" y="390"/>
                  </a:lnTo>
                  <a:lnTo>
                    <a:pt x="295" y="390"/>
                  </a:lnTo>
                  <a:lnTo>
                    <a:pt x="263" y="388"/>
                  </a:lnTo>
                  <a:lnTo>
                    <a:pt x="234" y="388"/>
                  </a:lnTo>
                  <a:lnTo>
                    <a:pt x="203" y="388"/>
                  </a:lnTo>
                  <a:lnTo>
                    <a:pt x="175" y="386"/>
                  </a:lnTo>
                  <a:lnTo>
                    <a:pt x="148" y="386"/>
                  </a:lnTo>
                  <a:lnTo>
                    <a:pt x="120" y="385"/>
                  </a:lnTo>
                  <a:lnTo>
                    <a:pt x="97" y="385"/>
                  </a:lnTo>
                  <a:lnTo>
                    <a:pt x="73" y="383"/>
                  </a:lnTo>
                  <a:lnTo>
                    <a:pt x="51" y="383"/>
                  </a:lnTo>
                  <a:lnTo>
                    <a:pt x="32" y="381"/>
                  </a:lnTo>
                  <a:lnTo>
                    <a:pt x="16" y="379"/>
                  </a:lnTo>
                  <a:lnTo>
                    <a:pt x="0" y="379"/>
                  </a:lnTo>
                  <a:close/>
                </a:path>
              </a:pathLst>
            </a:cu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42" name="Freeform 158"/>
            <p:cNvSpPr>
              <a:spLocks/>
            </p:cNvSpPr>
            <p:nvPr/>
          </p:nvSpPr>
          <p:spPr bwMode="auto">
            <a:xfrm>
              <a:off x="2637" y="1100"/>
              <a:ext cx="623" cy="709"/>
            </a:xfrm>
            <a:custGeom>
              <a:avLst/>
              <a:gdLst>
                <a:gd name="T0" fmla="*/ 349 w 641"/>
                <a:gd name="T1" fmla="*/ 443 h 731"/>
                <a:gd name="T2" fmla="*/ 322 w 641"/>
                <a:gd name="T3" fmla="*/ 421 h 731"/>
                <a:gd name="T4" fmla="*/ 286 w 641"/>
                <a:gd name="T5" fmla="*/ 391 h 731"/>
                <a:gd name="T6" fmla="*/ 283 w 641"/>
                <a:gd name="T7" fmla="*/ 385 h 731"/>
                <a:gd name="T8" fmla="*/ 267 w 641"/>
                <a:gd name="T9" fmla="*/ 382 h 731"/>
                <a:gd name="T10" fmla="*/ 259 w 641"/>
                <a:gd name="T11" fmla="*/ 362 h 731"/>
                <a:gd name="T12" fmla="*/ 257 w 641"/>
                <a:gd name="T13" fmla="*/ 346 h 731"/>
                <a:gd name="T14" fmla="*/ 258 w 641"/>
                <a:gd name="T15" fmla="*/ 321 h 731"/>
                <a:gd name="T16" fmla="*/ 247 w 641"/>
                <a:gd name="T17" fmla="*/ 291 h 731"/>
                <a:gd name="T18" fmla="*/ 251 w 641"/>
                <a:gd name="T19" fmla="*/ 288 h 731"/>
                <a:gd name="T20" fmla="*/ 267 w 641"/>
                <a:gd name="T21" fmla="*/ 271 h 731"/>
                <a:gd name="T22" fmla="*/ 279 w 641"/>
                <a:gd name="T23" fmla="*/ 216 h 731"/>
                <a:gd name="T24" fmla="*/ 284 w 641"/>
                <a:gd name="T25" fmla="*/ 209 h 731"/>
                <a:gd name="T26" fmla="*/ 307 w 641"/>
                <a:gd name="T27" fmla="*/ 191 h 731"/>
                <a:gd name="T28" fmla="*/ 333 w 641"/>
                <a:gd name="T29" fmla="*/ 167 h 731"/>
                <a:gd name="T30" fmla="*/ 347 w 641"/>
                <a:gd name="T31" fmla="*/ 149 h 731"/>
                <a:gd name="T32" fmla="*/ 361 w 641"/>
                <a:gd name="T33" fmla="*/ 135 h 731"/>
                <a:gd name="T34" fmla="*/ 379 w 641"/>
                <a:gd name="T35" fmla="*/ 124 h 731"/>
                <a:gd name="T36" fmla="*/ 398 w 641"/>
                <a:gd name="T37" fmla="*/ 118 h 731"/>
                <a:gd name="T38" fmla="*/ 418 w 641"/>
                <a:gd name="T39" fmla="*/ 107 h 731"/>
                <a:gd name="T40" fmla="*/ 430 w 641"/>
                <a:gd name="T41" fmla="*/ 99 h 731"/>
                <a:gd name="T42" fmla="*/ 429 w 641"/>
                <a:gd name="T43" fmla="*/ 98 h 731"/>
                <a:gd name="T44" fmla="*/ 406 w 641"/>
                <a:gd name="T45" fmla="*/ 101 h 731"/>
                <a:gd name="T46" fmla="*/ 355 w 641"/>
                <a:gd name="T47" fmla="*/ 95 h 731"/>
                <a:gd name="T48" fmla="*/ 352 w 641"/>
                <a:gd name="T49" fmla="*/ 85 h 731"/>
                <a:gd name="T50" fmla="*/ 332 w 641"/>
                <a:gd name="T51" fmla="*/ 98 h 731"/>
                <a:gd name="T52" fmla="*/ 310 w 641"/>
                <a:gd name="T53" fmla="*/ 98 h 731"/>
                <a:gd name="T54" fmla="*/ 302 w 641"/>
                <a:gd name="T55" fmla="*/ 89 h 731"/>
                <a:gd name="T56" fmla="*/ 294 w 641"/>
                <a:gd name="T57" fmla="*/ 87 h 731"/>
                <a:gd name="T58" fmla="*/ 287 w 641"/>
                <a:gd name="T59" fmla="*/ 79 h 731"/>
                <a:gd name="T60" fmla="*/ 272 w 641"/>
                <a:gd name="T61" fmla="*/ 86 h 731"/>
                <a:gd name="T62" fmla="*/ 263 w 641"/>
                <a:gd name="T63" fmla="*/ 76 h 731"/>
                <a:gd name="T64" fmla="*/ 253 w 641"/>
                <a:gd name="T65" fmla="*/ 66 h 731"/>
                <a:gd name="T66" fmla="*/ 255 w 641"/>
                <a:gd name="T67" fmla="*/ 65 h 731"/>
                <a:gd name="T68" fmla="*/ 233 w 641"/>
                <a:gd name="T69" fmla="*/ 61 h 731"/>
                <a:gd name="T70" fmla="*/ 212 w 641"/>
                <a:gd name="T71" fmla="*/ 59 h 731"/>
                <a:gd name="T72" fmla="*/ 191 w 641"/>
                <a:gd name="T73" fmla="*/ 69 h 731"/>
                <a:gd name="T74" fmla="*/ 160 w 641"/>
                <a:gd name="T75" fmla="*/ 55 h 731"/>
                <a:gd name="T76" fmla="*/ 140 w 641"/>
                <a:gd name="T77" fmla="*/ 47 h 731"/>
                <a:gd name="T78" fmla="*/ 114 w 641"/>
                <a:gd name="T79" fmla="*/ 23 h 731"/>
                <a:gd name="T80" fmla="*/ 7 w 641"/>
                <a:gd name="T81" fmla="*/ 58 h 731"/>
                <a:gd name="T82" fmla="*/ 5 w 641"/>
                <a:gd name="T83" fmla="*/ 86 h 731"/>
                <a:gd name="T84" fmla="*/ 14 w 641"/>
                <a:gd name="T85" fmla="*/ 121 h 731"/>
                <a:gd name="T86" fmla="*/ 17 w 641"/>
                <a:gd name="T87" fmla="*/ 141 h 731"/>
                <a:gd name="T88" fmla="*/ 17 w 641"/>
                <a:gd name="T89" fmla="*/ 172 h 731"/>
                <a:gd name="T90" fmla="*/ 17 w 641"/>
                <a:gd name="T91" fmla="*/ 193 h 731"/>
                <a:gd name="T92" fmla="*/ 39 w 641"/>
                <a:gd name="T93" fmla="*/ 279 h 731"/>
                <a:gd name="T94" fmla="*/ 17 w 641"/>
                <a:gd name="T95" fmla="*/ 304 h 731"/>
                <a:gd name="T96" fmla="*/ 25 w 641"/>
                <a:gd name="T97" fmla="*/ 316 h 731"/>
                <a:gd name="T98" fmla="*/ 44 w 641"/>
                <a:gd name="T99" fmla="*/ 328 h 731"/>
                <a:gd name="T100" fmla="*/ 44 w 641"/>
                <a:gd name="T101" fmla="*/ 376 h 731"/>
                <a:gd name="T102" fmla="*/ 43 w 641"/>
                <a:gd name="T103" fmla="*/ 454 h 731"/>
                <a:gd name="T104" fmla="*/ 45 w 641"/>
                <a:gd name="T105" fmla="*/ 476 h 731"/>
                <a:gd name="T106" fmla="*/ 85 w 641"/>
                <a:gd name="T107" fmla="*/ 476 h 731"/>
                <a:gd name="T108" fmla="*/ 157 w 641"/>
                <a:gd name="T109" fmla="*/ 474 h 731"/>
                <a:gd name="T110" fmla="*/ 240 w 641"/>
                <a:gd name="T111" fmla="*/ 472 h 731"/>
                <a:gd name="T112" fmla="*/ 312 w 641"/>
                <a:gd name="T113" fmla="*/ 471 h 731"/>
                <a:gd name="T114" fmla="*/ 353 w 641"/>
                <a:gd name="T115" fmla="*/ 468 h 731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641"/>
                <a:gd name="T175" fmla="*/ 0 h 731"/>
                <a:gd name="T176" fmla="*/ 641 w 641"/>
                <a:gd name="T177" fmla="*/ 731 h 731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641" h="731">
                  <a:moveTo>
                    <a:pt x="526" y="718"/>
                  </a:moveTo>
                  <a:lnTo>
                    <a:pt x="528" y="716"/>
                  </a:lnTo>
                  <a:lnTo>
                    <a:pt x="528" y="709"/>
                  </a:lnTo>
                  <a:lnTo>
                    <a:pt x="525" y="701"/>
                  </a:lnTo>
                  <a:lnTo>
                    <a:pt x="523" y="691"/>
                  </a:lnTo>
                  <a:lnTo>
                    <a:pt x="520" y="682"/>
                  </a:lnTo>
                  <a:lnTo>
                    <a:pt x="518" y="674"/>
                  </a:lnTo>
                  <a:lnTo>
                    <a:pt x="515" y="667"/>
                  </a:lnTo>
                  <a:lnTo>
                    <a:pt x="513" y="665"/>
                  </a:lnTo>
                  <a:lnTo>
                    <a:pt x="499" y="660"/>
                  </a:lnTo>
                  <a:lnTo>
                    <a:pt x="487" y="653"/>
                  </a:lnTo>
                  <a:lnTo>
                    <a:pt x="479" y="645"/>
                  </a:lnTo>
                  <a:lnTo>
                    <a:pt x="471" y="637"/>
                  </a:lnTo>
                  <a:lnTo>
                    <a:pt x="465" y="628"/>
                  </a:lnTo>
                  <a:lnTo>
                    <a:pt x="460" y="620"/>
                  </a:lnTo>
                  <a:lnTo>
                    <a:pt x="457" y="616"/>
                  </a:lnTo>
                  <a:lnTo>
                    <a:pt x="457" y="613"/>
                  </a:lnTo>
                  <a:lnTo>
                    <a:pt x="427" y="601"/>
                  </a:lnTo>
                  <a:lnTo>
                    <a:pt x="425" y="593"/>
                  </a:lnTo>
                  <a:lnTo>
                    <a:pt x="423" y="593"/>
                  </a:lnTo>
                  <a:lnTo>
                    <a:pt x="423" y="591"/>
                  </a:lnTo>
                  <a:lnTo>
                    <a:pt x="421" y="591"/>
                  </a:lnTo>
                  <a:lnTo>
                    <a:pt x="418" y="591"/>
                  </a:lnTo>
                  <a:lnTo>
                    <a:pt x="416" y="591"/>
                  </a:lnTo>
                  <a:lnTo>
                    <a:pt x="413" y="593"/>
                  </a:lnTo>
                  <a:lnTo>
                    <a:pt x="410" y="591"/>
                  </a:lnTo>
                  <a:lnTo>
                    <a:pt x="405" y="589"/>
                  </a:lnTo>
                  <a:lnTo>
                    <a:pt x="398" y="587"/>
                  </a:lnTo>
                  <a:lnTo>
                    <a:pt x="393" y="582"/>
                  </a:lnTo>
                  <a:lnTo>
                    <a:pt x="388" y="577"/>
                  </a:lnTo>
                  <a:lnTo>
                    <a:pt x="384" y="574"/>
                  </a:lnTo>
                  <a:lnTo>
                    <a:pt x="383" y="569"/>
                  </a:lnTo>
                  <a:lnTo>
                    <a:pt x="383" y="564"/>
                  </a:lnTo>
                  <a:lnTo>
                    <a:pt x="386" y="555"/>
                  </a:lnTo>
                  <a:lnTo>
                    <a:pt x="388" y="550"/>
                  </a:lnTo>
                  <a:lnTo>
                    <a:pt x="388" y="545"/>
                  </a:lnTo>
                  <a:lnTo>
                    <a:pt x="388" y="542"/>
                  </a:lnTo>
                  <a:lnTo>
                    <a:pt x="386" y="538"/>
                  </a:lnTo>
                  <a:lnTo>
                    <a:pt x="384" y="535"/>
                  </a:lnTo>
                  <a:lnTo>
                    <a:pt x="383" y="532"/>
                  </a:lnTo>
                  <a:lnTo>
                    <a:pt x="379" y="528"/>
                  </a:lnTo>
                  <a:lnTo>
                    <a:pt x="379" y="523"/>
                  </a:lnTo>
                  <a:lnTo>
                    <a:pt x="379" y="515"/>
                  </a:lnTo>
                  <a:lnTo>
                    <a:pt x="379" y="508"/>
                  </a:lnTo>
                  <a:lnTo>
                    <a:pt x="383" y="499"/>
                  </a:lnTo>
                  <a:lnTo>
                    <a:pt x="384" y="493"/>
                  </a:lnTo>
                  <a:lnTo>
                    <a:pt x="388" y="486"/>
                  </a:lnTo>
                  <a:lnTo>
                    <a:pt x="388" y="481"/>
                  </a:lnTo>
                  <a:lnTo>
                    <a:pt x="389" y="481"/>
                  </a:lnTo>
                  <a:lnTo>
                    <a:pt x="381" y="467"/>
                  </a:lnTo>
                  <a:lnTo>
                    <a:pt x="367" y="467"/>
                  </a:lnTo>
                  <a:lnTo>
                    <a:pt x="367" y="447"/>
                  </a:lnTo>
                  <a:lnTo>
                    <a:pt x="369" y="447"/>
                  </a:lnTo>
                  <a:lnTo>
                    <a:pt x="371" y="445"/>
                  </a:lnTo>
                  <a:lnTo>
                    <a:pt x="372" y="445"/>
                  </a:lnTo>
                  <a:lnTo>
                    <a:pt x="374" y="442"/>
                  </a:lnTo>
                  <a:lnTo>
                    <a:pt x="374" y="440"/>
                  </a:lnTo>
                  <a:lnTo>
                    <a:pt x="376" y="437"/>
                  </a:lnTo>
                  <a:lnTo>
                    <a:pt x="377" y="432"/>
                  </a:lnTo>
                  <a:lnTo>
                    <a:pt x="384" y="427"/>
                  </a:lnTo>
                  <a:lnTo>
                    <a:pt x="389" y="422"/>
                  </a:lnTo>
                  <a:lnTo>
                    <a:pt x="398" y="415"/>
                  </a:lnTo>
                  <a:lnTo>
                    <a:pt x="405" y="410"/>
                  </a:lnTo>
                  <a:lnTo>
                    <a:pt x="411" y="406"/>
                  </a:lnTo>
                  <a:lnTo>
                    <a:pt x="415" y="403"/>
                  </a:lnTo>
                  <a:lnTo>
                    <a:pt x="418" y="403"/>
                  </a:lnTo>
                  <a:lnTo>
                    <a:pt x="416" y="332"/>
                  </a:lnTo>
                  <a:lnTo>
                    <a:pt x="415" y="332"/>
                  </a:lnTo>
                  <a:lnTo>
                    <a:pt x="415" y="330"/>
                  </a:lnTo>
                  <a:lnTo>
                    <a:pt x="416" y="329"/>
                  </a:lnTo>
                  <a:lnTo>
                    <a:pt x="418" y="325"/>
                  </a:lnTo>
                  <a:lnTo>
                    <a:pt x="423" y="322"/>
                  </a:lnTo>
                  <a:lnTo>
                    <a:pt x="430" y="317"/>
                  </a:lnTo>
                  <a:lnTo>
                    <a:pt x="435" y="313"/>
                  </a:lnTo>
                  <a:lnTo>
                    <a:pt x="440" y="308"/>
                  </a:lnTo>
                  <a:lnTo>
                    <a:pt x="445" y="303"/>
                  </a:lnTo>
                  <a:lnTo>
                    <a:pt x="450" y="298"/>
                  </a:lnTo>
                  <a:lnTo>
                    <a:pt x="457" y="293"/>
                  </a:lnTo>
                  <a:lnTo>
                    <a:pt x="464" y="286"/>
                  </a:lnTo>
                  <a:lnTo>
                    <a:pt x="471" y="279"/>
                  </a:lnTo>
                  <a:lnTo>
                    <a:pt x="477" y="274"/>
                  </a:lnTo>
                  <a:lnTo>
                    <a:pt x="484" y="268"/>
                  </a:lnTo>
                  <a:lnTo>
                    <a:pt x="491" y="261"/>
                  </a:lnTo>
                  <a:lnTo>
                    <a:pt x="496" y="256"/>
                  </a:lnTo>
                  <a:lnTo>
                    <a:pt x="503" y="249"/>
                  </a:lnTo>
                  <a:lnTo>
                    <a:pt x="506" y="244"/>
                  </a:lnTo>
                  <a:lnTo>
                    <a:pt x="511" y="239"/>
                  </a:lnTo>
                  <a:lnTo>
                    <a:pt x="515" y="235"/>
                  </a:lnTo>
                  <a:lnTo>
                    <a:pt x="516" y="232"/>
                  </a:lnTo>
                  <a:lnTo>
                    <a:pt x="518" y="229"/>
                  </a:lnTo>
                  <a:lnTo>
                    <a:pt x="520" y="224"/>
                  </a:lnTo>
                  <a:lnTo>
                    <a:pt x="523" y="220"/>
                  </a:lnTo>
                  <a:lnTo>
                    <a:pt x="525" y="217"/>
                  </a:lnTo>
                  <a:lnTo>
                    <a:pt x="528" y="213"/>
                  </a:lnTo>
                  <a:lnTo>
                    <a:pt x="533" y="210"/>
                  </a:lnTo>
                  <a:lnTo>
                    <a:pt x="537" y="207"/>
                  </a:lnTo>
                  <a:lnTo>
                    <a:pt x="542" y="203"/>
                  </a:lnTo>
                  <a:lnTo>
                    <a:pt x="547" y="200"/>
                  </a:lnTo>
                  <a:lnTo>
                    <a:pt x="550" y="198"/>
                  </a:lnTo>
                  <a:lnTo>
                    <a:pt x="555" y="195"/>
                  </a:lnTo>
                  <a:lnTo>
                    <a:pt x="560" y="193"/>
                  </a:lnTo>
                  <a:lnTo>
                    <a:pt x="565" y="190"/>
                  </a:lnTo>
                  <a:lnTo>
                    <a:pt x="570" y="188"/>
                  </a:lnTo>
                  <a:lnTo>
                    <a:pt x="574" y="188"/>
                  </a:lnTo>
                  <a:lnTo>
                    <a:pt x="579" y="186"/>
                  </a:lnTo>
                  <a:lnTo>
                    <a:pt x="582" y="185"/>
                  </a:lnTo>
                  <a:lnTo>
                    <a:pt x="587" y="183"/>
                  </a:lnTo>
                  <a:lnTo>
                    <a:pt x="592" y="181"/>
                  </a:lnTo>
                  <a:lnTo>
                    <a:pt x="597" y="180"/>
                  </a:lnTo>
                  <a:lnTo>
                    <a:pt x="603" y="176"/>
                  </a:lnTo>
                  <a:lnTo>
                    <a:pt x="608" y="173"/>
                  </a:lnTo>
                  <a:lnTo>
                    <a:pt x="613" y="169"/>
                  </a:lnTo>
                  <a:lnTo>
                    <a:pt x="618" y="166"/>
                  </a:lnTo>
                  <a:lnTo>
                    <a:pt x="623" y="164"/>
                  </a:lnTo>
                  <a:lnTo>
                    <a:pt x="628" y="161"/>
                  </a:lnTo>
                  <a:lnTo>
                    <a:pt x="631" y="158"/>
                  </a:lnTo>
                  <a:lnTo>
                    <a:pt x="635" y="156"/>
                  </a:lnTo>
                  <a:lnTo>
                    <a:pt x="638" y="154"/>
                  </a:lnTo>
                  <a:lnTo>
                    <a:pt x="640" y="153"/>
                  </a:lnTo>
                  <a:lnTo>
                    <a:pt x="641" y="151"/>
                  </a:lnTo>
                  <a:lnTo>
                    <a:pt x="641" y="149"/>
                  </a:lnTo>
                  <a:lnTo>
                    <a:pt x="640" y="149"/>
                  </a:lnTo>
                  <a:lnTo>
                    <a:pt x="638" y="149"/>
                  </a:lnTo>
                  <a:lnTo>
                    <a:pt x="633" y="149"/>
                  </a:lnTo>
                  <a:lnTo>
                    <a:pt x="625" y="153"/>
                  </a:lnTo>
                  <a:lnTo>
                    <a:pt x="618" y="153"/>
                  </a:lnTo>
                  <a:lnTo>
                    <a:pt x="611" y="153"/>
                  </a:lnTo>
                  <a:lnTo>
                    <a:pt x="606" y="153"/>
                  </a:lnTo>
                  <a:lnTo>
                    <a:pt x="603" y="149"/>
                  </a:lnTo>
                  <a:lnTo>
                    <a:pt x="599" y="147"/>
                  </a:lnTo>
                  <a:lnTo>
                    <a:pt x="597" y="146"/>
                  </a:lnTo>
                  <a:lnTo>
                    <a:pt x="596" y="144"/>
                  </a:lnTo>
                  <a:lnTo>
                    <a:pt x="530" y="144"/>
                  </a:lnTo>
                  <a:lnTo>
                    <a:pt x="530" y="131"/>
                  </a:lnTo>
                  <a:lnTo>
                    <a:pt x="528" y="131"/>
                  </a:lnTo>
                  <a:lnTo>
                    <a:pt x="526" y="131"/>
                  </a:lnTo>
                  <a:lnTo>
                    <a:pt x="525" y="131"/>
                  </a:lnTo>
                  <a:lnTo>
                    <a:pt x="523" y="131"/>
                  </a:lnTo>
                  <a:lnTo>
                    <a:pt x="521" y="131"/>
                  </a:lnTo>
                  <a:lnTo>
                    <a:pt x="520" y="131"/>
                  </a:lnTo>
                  <a:lnTo>
                    <a:pt x="518" y="131"/>
                  </a:lnTo>
                  <a:lnTo>
                    <a:pt x="509" y="139"/>
                  </a:lnTo>
                  <a:lnTo>
                    <a:pt x="501" y="146"/>
                  </a:lnTo>
                  <a:lnTo>
                    <a:pt x="494" y="149"/>
                  </a:lnTo>
                  <a:lnTo>
                    <a:pt x="487" y="153"/>
                  </a:lnTo>
                  <a:lnTo>
                    <a:pt x="481" y="154"/>
                  </a:lnTo>
                  <a:lnTo>
                    <a:pt x="476" y="154"/>
                  </a:lnTo>
                  <a:lnTo>
                    <a:pt x="471" y="153"/>
                  </a:lnTo>
                  <a:lnTo>
                    <a:pt x="465" y="153"/>
                  </a:lnTo>
                  <a:lnTo>
                    <a:pt x="462" y="149"/>
                  </a:lnTo>
                  <a:lnTo>
                    <a:pt x="459" y="147"/>
                  </a:lnTo>
                  <a:lnTo>
                    <a:pt x="455" y="144"/>
                  </a:lnTo>
                  <a:lnTo>
                    <a:pt x="454" y="142"/>
                  </a:lnTo>
                  <a:lnTo>
                    <a:pt x="452" y="141"/>
                  </a:lnTo>
                  <a:lnTo>
                    <a:pt x="450" y="139"/>
                  </a:lnTo>
                  <a:lnTo>
                    <a:pt x="450" y="137"/>
                  </a:lnTo>
                  <a:lnTo>
                    <a:pt x="450" y="136"/>
                  </a:lnTo>
                  <a:lnTo>
                    <a:pt x="449" y="136"/>
                  </a:lnTo>
                  <a:lnTo>
                    <a:pt x="447" y="136"/>
                  </a:lnTo>
                  <a:lnTo>
                    <a:pt x="443" y="136"/>
                  </a:lnTo>
                  <a:lnTo>
                    <a:pt x="440" y="136"/>
                  </a:lnTo>
                  <a:lnTo>
                    <a:pt x="437" y="134"/>
                  </a:lnTo>
                  <a:lnTo>
                    <a:pt x="435" y="132"/>
                  </a:lnTo>
                  <a:lnTo>
                    <a:pt x="433" y="131"/>
                  </a:lnTo>
                  <a:lnTo>
                    <a:pt x="432" y="127"/>
                  </a:lnTo>
                  <a:lnTo>
                    <a:pt x="432" y="125"/>
                  </a:lnTo>
                  <a:lnTo>
                    <a:pt x="430" y="124"/>
                  </a:lnTo>
                  <a:lnTo>
                    <a:pt x="428" y="120"/>
                  </a:lnTo>
                  <a:lnTo>
                    <a:pt x="427" y="117"/>
                  </a:lnTo>
                  <a:lnTo>
                    <a:pt x="423" y="117"/>
                  </a:lnTo>
                  <a:lnTo>
                    <a:pt x="420" y="117"/>
                  </a:lnTo>
                  <a:lnTo>
                    <a:pt x="415" y="119"/>
                  </a:lnTo>
                  <a:lnTo>
                    <a:pt x="411" y="122"/>
                  </a:lnTo>
                  <a:lnTo>
                    <a:pt x="405" y="132"/>
                  </a:lnTo>
                  <a:lnTo>
                    <a:pt x="399" y="136"/>
                  </a:lnTo>
                  <a:lnTo>
                    <a:pt x="396" y="134"/>
                  </a:lnTo>
                  <a:lnTo>
                    <a:pt x="396" y="131"/>
                  </a:lnTo>
                  <a:lnTo>
                    <a:pt x="394" y="125"/>
                  </a:lnTo>
                  <a:lnTo>
                    <a:pt x="393" y="120"/>
                  </a:lnTo>
                  <a:lnTo>
                    <a:pt x="393" y="115"/>
                  </a:lnTo>
                  <a:lnTo>
                    <a:pt x="389" y="112"/>
                  </a:lnTo>
                  <a:lnTo>
                    <a:pt x="381" y="109"/>
                  </a:lnTo>
                  <a:lnTo>
                    <a:pt x="377" y="105"/>
                  </a:lnTo>
                  <a:lnTo>
                    <a:pt x="376" y="103"/>
                  </a:lnTo>
                  <a:lnTo>
                    <a:pt x="376" y="102"/>
                  </a:lnTo>
                  <a:lnTo>
                    <a:pt x="376" y="100"/>
                  </a:lnTo>
                  <a:lnTo>
                    <a:pt x="377" y="100"/>
                  </a:lnTo>
                  <a:lnTo>
                    <a:pt x="379" y="98"/>
                  </a:lnTo>
                  <a:lnTo>
                    <a:pt x="377" y="98"/>
                  </a:lnTo>
                  <a:lnTo>
                    <a:pt x="374" y="97"/>
                  </a:lnTo>
                  <a:lnTo>
                    <a:pt x="371" y="97"/>
                  </a:lnTo>
                  <a:lnTo>
                    <a:pt x="364" y="97"/>
                  </a:lnTo>
                  <a:lnTo>
                    <a:pt x="355" y="95"/>
                  </a:lnTo>
                  <a:lnTo>
                    <a:pt x="347" y="93"/>
                  </a:lnTo>
                  <a:lnTo>
                    <a:pt x="339" y="92"/>
                  </a:lnTo>
                  <a:lnTo>
                    <a:pt x="332" y="90"/>
                  </a:lnTo>
                  <a:lnTo>
                    <a:pt x="327" y="88"/>
                  </a:lnTo>
                  <a:lnTo>
                    <a:pt x="322" y="88"/>
                  </a:lnTo>
                  <a:lnTo>
                    <a:pt x="318" y="88"/>
                  </a:lnTo>
                  <a:lnTo>
                    <a:pt x="315" y="90"/>
                  </a:lnTo>
                  <a:lnTo>
                    <a:pt x="311" y="92"/>
                  </a:lnTo>
                  <a:lnTo>
                    <a:pt x="306" y="98"/>
                  </a:lnTo>
                  <a:lnTo>
                    <a:pt x="301" y="102"/>
                  </a:lnTo>
                  <a:lnTo>
                    <a:pt x="296" y="105"/>
                  </a:lnTo>
                  <a:lnTo>
                    <a:pt x="289" y="105"/>
                  </a:lnTo>
                  <a:lnTo>
                    <a:pt x="286" y="105"/>
                  </a:lnTo>
                  <a:lnTo>
                    <a:pt x="283" y="105"/>
                  </a:lnTo>
                  <a:lnTo>
                    <a:pt x="279" y="105"/>
                  </a:lnTo>
                  <a:lnTo>
                    <a:pt x="278" y="105"/>
                  </a:lnTo>
                  <a:lnTo>
                    <a:pt x="276" y="92"/>
                  </a:lnTo>
                  <a:lnTo>
                    <a:pt x="242" y="92"/>
                  </a:lnTo>
                  <a:lnTo>
                    <a:pt x="240" y="83"/>
                  </a:lnTo>
                  <a:lnTo>
                    <a:pt x="229" y="85"/>
                  </a:lnTo>
                  <a:lnTo>
                    <a:pt x="222" y="85"/>
                  </a:lnTo>
                  <a:lnTo>
                    <a:pt x="215" y="83"/>
                  </a:lnTo>
                  <a:lnTo>
                    <a:pt x="212" y="80"/>
                  </a:lnTo>
                  <a:lnTo>
                    <a:pt x="208" y="76"/>
                  </a:lnTo>
                  <a:lnTo>
                    <a:pt x="207" y="73"/>
                  </a:lnTo>
                  <a:lnTo>
                    <a:pt x="205" y="71"/>
                  </a:lnTo>
                  <a:lnTo>
                    <a:pt x="205" y="70"/>
                  </a:lnTo>
                  <a:lnTo>
                    <a:pt x="205" y="26"/>
                  </a:lnTo>
                  <a:lnTo>
                    <a:pt x="181" y="2"/>
                  </a:lnTo>
                  <a:lnTo>
                    <a:pt x="168" y="0"/>
                  </a:lnTo>
                  <a:lnTo>
                    <a:pt x="169" y="37"/>
                  </a:lnTo>
                  <a:lnTo>
                    <a:pt x="159" y="46"/>
                  </a:lnTo>
                  <a:lnTo>
                    <a:pt x="0" y="48"/>
                  </a:lnTo>
                  <a:lnTo>
                    <a:pt x="7" y="85"/>
                  </a:lnTo>
                  <a:lnTo>
                    <a:pt x="7" y="87"/>
                  </a:lnTo>
                  <a:lnTo>
                    <a:pt x="7" y="88"/>
                  </a:lnTo>
                  <a:lnTo>
                    <a:pt x="7" y="93"/>
                  </a:lnTo>
                  <a:lnTo>
                    <a:pt x="5" y="100"/>
                  </a:lnTo>
                  <a:lnTo>
                    <a:pt x="5" y="107"/>
                  </a:lnTo>
                  <a:lnTo>
                    <a:pt x="5" y="114"/>
                  </a:lnTo>
                  <a:lnTo>
                    <a:pt x="5" y="124"/>
                  </a:lnTo>
                  <a:lnTo>
                    <a:pt x="5" y="132"/>
                  </a:lnTo>
                  <a:lnTo>
                    <a:pt x="5" y="142"/>
                  </a:lnTo>
                  <a:lnTo>
                    <a:pt x="7" y="153"/>
                  </a:lnTo>
                  <a:lnTo>
                    <a:pt x="7" y="161"/>
                  </a:lnTo>
                  <a:lnTo>
                    <a:pt x="9" y="169"/>
                  </a:lnTo>
                  <a:lnTo>
                    <a:pt x="10" y="178"/>
                  </a:lnTo>
                  <a:lnTo>
                    <a:pt x="14" y="186"/>
                  </a:lnTo>
                  <a:lnTo>
                    <a:pt x="17" y="193"/>
                  </a:lnTo>
                  <a:lnTo>
                    <a:pt x="22" y="198"/>
                  </a:lnTo>
                  <a:lnTo>
                    <a:pt x="22" y="200"/>
                  </a:lnTo>
                  <a:lnTo>
                    <a:pt x="22" y="203"/>
                  </a:lnTo>
                  <a:lnTo>
                    <a:pt x="24" y="208"/>
                  </a:lnTo>
                  <a:lnTo>
                    <a:pt x="25" y="217"/>
                  </a:lnTo>
                  <a:lnTo>
                    <a:pt x="27" y="225"/>
                  </a:lnTo>
                  <a:lnTo>
                    <a:pt x="29" y="235"/>
                  </a:lnTo>
                  <a:lnTo>
                    <a:pt x="29" y="246"/>
                  </a:lnTo>
                  <a:lnTo>
                    <a:pt x="31" y="256"/>
                  </a:lnTo>
                  <a:lnTo>
                    <a:pt x="31" y="259"/>
                  </a:lnTo>
                  <a:lnTo>
                    <a:pt x="31" y="264"/>
                  </a:lnTo>
                  <a:lnTo>
                    <a:pt x="31" y="271"/>
                  </a:lnTo>
                  <a:lnTo>
                    <a:pt x="31" y="278"/>
                  </a:lnTo>
                  <a:lnTo>
                    <a:pt x="31" y="285"/>
                  </a:lnTo>
                  <a:lnTo>
                    <a:pt x="31" y="290"/>
                  </a:lnTo>
                  <a:lnTo>
                    <a:pt x="31" y="295"/>
                  </a:lnTo>
                  <a:lnTo>
                    <a:pt x="31" y="296"/>
                  </a:lnTo>
                  <a:lnTo>
                    <a:pt x="39" y="310"/>
                  </a:lnTo>
                  <a:lnTo>
                    <a:pt x="36" y="332"/>
                  </a:lnTo>
                  <a:lnTo>
                    <a:pt x="39" y="362"/>
                  </a:lnTo>
                  <a:lnTo>
                    <a:pt x="49" y="376"/>
                  </a:lnTo>
                  <a:lnTo>
                    <a:pt x="54" y="389"/>
                  </a:lnTo>
                  <a:lnTo>
                    <a:pt x="53" y="427"/>
                  </a:lnTo>
                  <a:lnTo>
                    <a:pt x="53" y="437"/>
                  </a:lnTo>
                  <a:lnTo>
                    <a:pt x="37" y="455"/>
                  </a:lnTo>
                  <a:lnTo>
                    <a:pt x="36" y="457"/>
                  </a:lnTo>
                  <a:lnTo>
                    <a:pt x="34" y="459"/>
                  </a:lnTo>
                  <a:lnTo>
                    <a:pt x="32" y="462"/>
                  </a:lnTo>
                  <a:lnTo>
                    <a:pt x="31" y="466"/>
                  </a:lnTo>
                  <a:lnTo>
                    <a:pt x="29" y="469"/>
                  </a:lnTo>
                  <a:lnTo>
                    <a:pt x="29" y="474"/>
                  </a:lnTo>
                  <a:lnTo>
                    <a:pt x="31" y="477"/>
                  </a:lnTo>
                  <a:lnTo>
                    <a:pt x="34" y="481"/>
                  </a:lnTo>
                  <a:lnTo>
                    <a:pt x="36" y="481"/>
                  </a:lnTo>
                  <a:lnTo>
                    <a:pt x="39" y="484"/>
                  </a:lnTo>
                  <a:lnTo>
                    <a:pt x="44" y="488"/>
                  </a:lnTo>
                  <a:lnTo>
                    <a:pt x="49" y="491"/>
                  </a:lnTo>
                  <a:lnTo>
                    <a:pt x="54" y="496"/>
                  </a:lnTo>
                  <a:lnTo>
                    <a:pt x="59" y="499"/>
                  </a:lnTo>
                  <a:lnTo>
                    <a:pt x="61" y="501"/>
                  </a:lnTo>
                  <a:lnTo>
                    <a:pt x="63" y="503"/>
                  </a:lnTo>
                  <a:lnTo>
                    <a:pt x="63" y="505"/>
                  </a:lnTo>
                  <a:lnTo>
                    <a:pt x="63" y="511"/>
                  </a:lnTo>
                  <a:lnTo>
                    <a:pt x="63" y="523"/>
                  </a:lnTo>
                  <a:lnTo>
                    <a:pt x="63" y="538"/>
                  </a:lnTo>
                  <a:lnTo>
                    <a:pt x="63" y="555"/>
                  </a:lnTo>
                  <a:lnTo>
                    <a:pt x="63" y="576"/>
                  </a:lnTo>
                  <a:lnTo>
                    <a:pt x="63" y="596"/>
                  </a:lnTo>
                  <a:lnTo>
                    <a:pt x="63" y="618"/>
                  </a:lnTo>
                  <a:lnTo>
                    <a:pt x="63" y="638"/>
                  </a:lnTo>
                  <a:lnTo>
                    <a:pt x="61" y="660"/>
                  </a:lnTo>
                  <a:lnTo>
                    <a:pt x="61" y="679"/>
                  </a:lnTo>
                  <a:lnTo>
                    <a:pt x="61" y="696"/>
                  </a:lnTo>
                  <a:lnTo>
                    <a:pt x="61" y="711"/>
                  </a:lnTo>
                  <a:lnTo>
                    <a:pt x="61" y="721"/>
                  </a:lnTo>
                  <a:lnTo>
                    <a:pt x="63" y="728"/>
                  </a:lnTo>
                  <a:lnTo>
                    <a:pt x="63" y="731"/>
                  </a:lnTo>
                  <a:lnTo>
                    <a:pt x="63" y="730"/>
                  </a:lnTo>
                  <a:lnTo>
                    <a:pt x="66" y="730"/>
                  </a:lnTo>
                  <a:lnTo>
                    <a:pt x="73" y="730"/>
                  </a:lnTo>
                  <a:lnTo>
                    <a:pt x="80" y="730"/>
                  </a:lnTo>
                  <a:lnTo>
                    <a:pt x="90" y="730"/>
                  </a:lnTo>
                  <a:lnTo>
                    <a:pt x="100" y="730"/>
                  </a:lnTo>
                  <a:lnTo>
                    <a:pt x="113" y="730"/>
                  </a:lnTo>
                  <a:lnTo>
                    <a:pt x="127" y="730"/>
                  </a:lnTo>
                  <a:lnTo>
                    <a:pt x="144" y="730"/>
                  </a:lnTo>
                  <a:lnTo>
                    <a:pt x="159" y="730"/>
                  </a:lnTo>
                  <a:lnTo>
                    <a:pt x="178" y="730"/>
                  </a:lnTo>
                  <a:lnTo>
                    <a:pt x="196" y="730"/>
                  </a:lnTo>
                  <a:lnTo>
                    <a:pt x="215" y="730"/>
                  </a:lnTo>
                  <a:lnTo>
                    <a:pt x="235" y="728"/>
                  </a:lnTo>
                  <a:lnTo>
                    <a:pt x="254" y="728"/>
                  </a:lnTo>
                  <a:lnTo>
                    <a:pt x="274" y="728"/>
                  </a:lnTo>
                  <a:lnTo>
                    <a:pt x="296" y="728"/>
                  </a:lnTo>
                  <a:lnTo>
                    <a:pt x="317" y="728"/>
                  </a:lnTo>
                  <a:lnTo>
                    <a:pt x="337" y="728"/>
                  </a:lnTo>
                  <a:lnTo>
                    <a:pt x="357" y="726"/>
                  </a:lnTo>
                  <a:lnTo>
                    <a:pt x="376" y="726"/>
                  </a:lnTo>
                  <a:lnTo>
                    <a:pt x="396" y="726"/>
                  </a:lnTo>
                  <a:lnTo>
                    <a:pt x="415" y="726"/>
                  </a:lnTo>
                  <a:lnTo>
                    <a:pt x="432" y="725"/>
                  </a:lnTo>
                  <a:lnTo>
                    <a:pt x="449" y="725"/>
                  </a:lnTo>
                  <a:lnTo>
                    <a:pt x="465" y="725"/>
                  </a:lnTo>
                  <a:lnTo>
                    <a:pt x="479" y="723"/>
                  </a:lnTo>
                  <a:lnTo>
                    <a:pt x="493" y="723"/>
                  </a:lnTo>
                  <a:lnTo>
                    <a:pt x="503" y="721"/>
                  </a:lnTo>
                  <a:lnTo>
                    <a:pt x="513" y="721"/>
                  </a:lnTo>
                  <a:lnTo>
                    <a:pt x="521" y="719"/>
                  </a:lnTo>
                  <a:lnTo>
                    <a:pt x="526" y="718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1143" name="Group 159"/>
            <p:cNvGrpSpPr>
              <a:grpSpLocks/>
            </p:cNvGrpSpPr>
            <p:nvPr/>
          </p:nvGrpSpPr>
          <p:grpSpPr bwMode="auto">
            <a:xfrm>
              <a:off x="3736" y="1882"/>
              <a:ext cx="401" cy="455"/>
              <a:chOff x="3961" y="1493"/>
              <a:chExt cx="412" cy="469"/>
            </a:xfrm>
          </p:grpSpPr>
          <p:sp>
            <p:nvSpPr>
              <p:cNvPr id="1173" name="Freeform 160"/>
              <p:cNvSpPr>
                <a:spLocks/>
              </p:cNvSpPr>
              <p:nvPr/>
            </p:nvSpPr>
            <p:spPr bwMode="auto">
              <a:xfrm>
                <a:off x="3961" y="1493"/>
                <a:ext cx="412" cy="469"/>
              </a:xfrm>
              <a:custGeom>
                <a:avLst/>
                <a:gdLst>
                  <a:gd name="T0" fmla="*/ 121 w 412"/>
                  <a:gd name="T1" fmla="*/ 76 h 469"/>
                  <a:gd name="T2" fmla="*/ 130 w 412"/>
                  <a:gd name="T3" fmla="*/ 73 h 469"/>
                  <a:gd name="T4" fmla="*/ 152 w 412"/>
                  <a:gd name="T5" fmla="*/ 78 h 469"/>
                  <a:gd name="T6" fmla="*/ 181 w 412"/>
                  <a:gd name="T7" fmla="*/ 79 h 469"/>
                  <a:gd name="T8" fmla="*/ 169 w 412"/>
                  <a:gd name="T9" fmla="*/ 100 h 469"/>
                  <a:gd name="T10" fmla="*/ 182 w 412"/>
                  <a:gd name="T11" fmla="*/ 100 h 469"/>
                  <a:gd name="T12" fmla="*/ 196 w 412"/>
                  <a:gd name="T13" fmla="*/ 93 h 469"/>
                  <a:gd name="T14" fmla="*/ 209 w 412"/>
                  <a:gd name="T15" fmla="*/ 98 h 469"/>
                  <a:gd name="T16" fmla="*/ 226 w 412"/>
                  <a:gd name="T17" fmla="*/ 91 h 469"/>
                  <a:gd name="T18" fmla="*/ 240 w 412"/>
                  <a:gd name="T19" fmla="*/ 86 h 469"/>
                  <a:gd name="T20" fmla="*/ 255 w 412"/>
                  <a:gd name="T21" fmla="*/ 78 h 469"/>
                  <a:gd name="T22" fmla="*/ 270 w 412"/>
                  <a:gd name="T23" fmla="*/ 76 h 469"/>
                  <a:gd name="T24" fmla="*/ 277 w 412"/>
                  <a:gd name="T25" fmla="*/ 76 h 469"/>
                  <a:gd name="T26" fmla="*/ 291 w 412"/>
                  <a:gd name="T27" fmla="*/ 62 h 469"/>
                  <a:gd name="T28" fmla="*/ 318 w 412"/>
                  <a:gd name="T29" fmla="*/ 37 h 469"/>
                  <a:gd name="T30" fmla="*/ 353 w 412"/>
                  <a:gd name="T31" fmla="*/ 12 h 469"/>
                  <a:gd name="T32" fmla="*/ 380 w 412"/>
                  <a:gd name="T33" fmla="*/ 0 h 469"/>
                  <a:gd name="T34" fmla="*/ 404 w 412"/>
                  <a:gd name="T35" fmla="*/ 176 h 469"/>
                  <a:gd name="T36" fmla="*/ 409 w 412"/>
                  <a:gd name="T37" fmla="*/ 206 h 469"/>
                  <a:gd name="T38" fmla="*/ 404 w 412"/>
                  <a:gd name="T39" fmla="*/ 227 h 469"/>
                  <a:gd name="T40" fmla="*/ 399 w 412"/>
                  <a:gd name="T41" fmla="*/ 262 h 469"/>
                  <a:gd name="T42" fmla="*/ 399 w 412"/>
                  <a:gd name="T43" fmla="*/ 274 h 469"/>
                  <a:gd name="T44" fmla="*/ 399 w 412"/>
                  <a:gd name="T45" fmla="*/ 291 h 469"/>
                  <a:gd name="T46" fmla="*/ 387 w 412"/>
                  <a:gd name="T47" fmla="*/ 308 h 469"/>
                  <a:gd name="T48" fmla="*/ 370 w 412"/>
                  <a:gd name="T49" fmla="*/ 326 h 469"/>
                  <a:gd name="T50" fmla="*/ 365 w 412"/>
                  <a:gd name="T51" fmla="*/ 333 h 469"/>
                  <a:gd name="T52" fmla="*/ 351 w 412"/>
                  <a:gd name="T53" fmla="*/ 337 h 469"/>
                  <a:gd name="T54" fmla="*/ 326 w 412"/>
                  <a:gd name="T55" fmla="*/ 382 h 469"/>
                  <a:gd name="T56" fmla="*/ 323 w 412"/>
                  <a:gd name="T57" fmla="*/ 396 h 469"/>
                  <a:gd name="T58" fmla="*/ 311 w 412"/>
                  <a:gd name="T59" fmla="*/ 391 h 469"/>
                  <a:gd name="T60" fmla="*/ 302 w 412"/>
                  <a:gd name="T61" fmla="*/ 387 h 469"/>
                  <a:gd name="T62" fmla="*/ 296 w 412"/>
                  <a:gd name="T63" fmla="*/ 404 h 469"/>
                  <a:gd name="T64" fmla="*/ 292 w 412"/>
                  <a:gd name="T65" fmla="*/ 413 h 469"/>
                  <a:gd name="T66" fmla="*/ 289 w 412"/>
                  <a:gd name="T67" fmla="*/ 419 h 469"/>
                  <a:gd name="T68" fmla="*/ 285 w 412"/>
                  <a:gd name="T69" fmla="*/ 453 h 469"/>
                  <a:gd name="T70" fmla="*/ 263 w 412"/>
                  <a:gd name="T71" fmla="*/ 469 h 469"/>
                  <a:gd name="T72" fmla="*/ 253 w 412"/>
                  <a:gd name="T73" fmla="*/ 458 h 469"/>
                  <a:gd name="T74" fmla="*/ 236 w 412"/>
                  <a:gd name="T75" fmla="*/ 450 h 469"/>
                  <a:gd name="T76" fmla="*/ 231 w 412"/>
                  <a:gd name="T77" fmla="*/ 443 h 469"/>
                  <a:gd name="T78" fmla="*/ 214 w 412"/>
                  <a:gd name="T79" fmla="*/ 436 h 469"/>
                  <a:gd name="T80" fmla="*/ 198 w 412"/>
                  <a:gd name="T81" fmla="*/ 452 h 469"/>
                  <a:gd name="T82" fmla="*/ 177 w 412"/>
                  <a:gd name="T83" fmla="*/ 453 h 469"/>
                  <a:gd name="T84" fmla="*/ 169 w 412"/>
                  <a:gd name="T85" fmla="*/ 448 h 469"/>
                  <a:gd name="T86" fmla="*/ 157 w 412"/>
                  <a:gd name="T87" fmla="*/ 452 h 469"/>
                  <a:gd name="T88" fmla="*/ 143 w 412"/>
                  <a:gd name="T89" fmla="*/ 455 h 469"/>
                  <a:gd name="T90" fmla="*/ 98 w 412"/>
                  <a:gd name="T91" fmla="*/ 440 h 469"/>
                  <a:gd name="T92" fmla="*/ 89 w 412"/>
                  <a:gd name="T93" fmla="*/ 423 h 469"/>
                  <a:gd name="T94" fmla="*/ 59 w 412"/>
                  <a:gd name="T95" fmla="*/ 414 h 469"/>
                  <a:gd name="T96" fmla="*/ 42 w 412"/>
                  <a:gd name="T97" fmla="*/ 414 h 469"/>
                  <a:gd name="T98" fmla="*/ 0 w 412"/>
                  <a:gd name="T99" fmla="*/ 96 h 469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w 412"/>
                  <a:gd name="T151" fmla="*/ 0 h 469"/>
                  <a:gd name="T152" fmla="*/ 412 w 412"/>
                  <a:gd name="T153" fmla="*/ 469 h 469"/>
                </a:gdLst>
                <a:ahLst/>
                <a:cxnLst>
                  <a:cxn ang="T100">
                    <a:pos x="T0" y="T1"/>
                  </a:cxn>
                  <a:cxn ang="T101">
                    <a:pos x="T2" y="T3"/>
                  </a:cxn>
                  <a:cxn ang="T102">
                    <a:pos x="T4" y="T5"/>
                  </a:cxn>
                  <a:cxn ang="T103">
                    <a:pos x="T6" y="T7"/>
                  </a:cxn>
                  <a:cxn ang="T104">
                    <a:pos x="T8" y="T9"/>
                  </a:cxn>
                  <a:cxn ang="T105">
                    <a:pos x="T10" y="T11"/>
                  </a:cxn>
                  <a:cxn ang="T106">
                    <a:pos x="T12" y="T13"/>
                  </a:cxn>
                  <a:cxn ang="T107">
                    <a:pos x="T14" y="T15"/>
                  </a:cxn>
                  <a:cxn ang="T108">
                    <a:pos x="T16" y="T17"/>
                  </a:cxn>
                  <a:cxn ang="T109">
                    <a:pos x="T18" y="T19"/>
                  </a:cxn>
                  <a:cxn ang="T110">
                    <a:pos x="T20" y="T21"/>
                  </a:cxn>
                  <a:cxn ang="T111">
                    <a:pos x="T22" y="T23"/>
                  </a:cxn>
                  <a:cxn ang="T112">
                    <a:pos x="T24" y="T25"/>
                  </a:cxn>
                  <a:cxn ang="T113">
                    <a:pos x="T26" y="T27"/>
                  </a:cxn>
                  <a:cxn ang="T114">
                    <a:pos x="T28" y="T29"/>
                  </a:cxn>
                  <a:cxn ang="T115">
                    <a:pos x="T30" y="T31"/>
                  </a:cxn>
                  <a:cxn ang="T116">
                    <a:pos x="T32" y="T33"/>
                  </a:cxn>
                  <a:cxn ang="T117">
                    <a:pos x="T34" y="T35"/>
                  </a:cxn>
                  <a:cxn ang="T118">
                    <a:pos x="T36" y="T37"/>
                  </a:cxn>
                  <a:cxn ang="T119">
                    <a:pos x="T38" y="T39"/>
                  </a:cxn>
                  <a:cxn ang="T120">
                    <a:pos x="T40" y="T41"/>
                  </a:cxn>
                  <a:cxn ang="T121">
                    <a:pos x="T42" y="T43"/>
                  </a:cxn>
                  <a:cxn ang="T122">
                    <a:pos x="T44" y="T45"/>
                  </a:cxn>
                  <a:cxn ang="T123">
                    <a:pos x="T46" y="T47"/>
                  </a:cxn>
                  <a:cxn ang="T124">
                    <a:pos x="T48" y="T49"/>
                  </a:cxn>
                  <a:cxn ang="T125">
                    <a:pos x="T50" y="T51"/>
                  </a:cxn>
                  <a:cxn ang="T126">
                    <a:pos x="T52" y="T53"/>
                  </a:cxn>
                  <a:cxn ang="T127">
                    <a:pos x="T54" y="T55"/>
                  </a:cxn>
                  <a:cxn ang="T128">
                    <a:pos x="T56" y="T57"/>
                  </a:cxn>
                  <a:cxn ang="T129">
                    <a:pos x="T58" y="T59"/>
                  </a:cxn>
                  <a:cxn ang="T130">
                    <a:pos x="T60" y="T61"/>
                  </a:cxn>
                  <a:cxn ang="T131">
                    <a:pos x="T62" y="T63"/>
                  </a:cxn>
                  <a:cxn ang="T132">
                    <a:pos x="T64" y="T65"/>
                  </a:cxn>
                  <a:cxn ang="T133">
                    <a:pos x="T66" y="T67"/>
                  </a:cxn>
                  <a:cxn ang="T134">
                    <a:pos x="T68" y="T69"/>
                  </a:cxn>
                  <a:cxn ang="T135">
                    <a:pos x="T70" y="T71"/>
                  </a:cxn>
                  <a:cxn ang="T136">
                    <a:pos x="T72" y="T73"/>
                  </a:cxn>
                  <a:cxn ang="T137">
                    <a:pos x="T74" y="T75"/>
                  </a:cxn>
                  <a:cxn ang="T138">
                    <a:pos x="T76" y="T77"/>
                  </a:cxn>
                  <a:cxn ang="T139">
                    <a:pos x="T78" y="T79"/>
                  </a:cxn>
                  <a:cxn ang="T140">
                    <a:pos x="T80" y="T81"/>
                  </a:cxn>
                  <a:cxn ang="T141">
                    <a:pos x="T82" y="T83"/>
                  </a:cxn>
                  <a:cxn ang="T142">
                    <a:pos x="T84" y="T85"/>
                  </a:cxn>
                  <a:cxn ang="T143">
                    <a:pos x="T86" y="T87"/>
                  </a:cxn>
                  <a:cxn ang="T144">
                    <a:pos x="T88" y="T89"/>
                  </a:cxn>
                  <a:cxn ang="T145">
                    <a:pos x="T90" y="T91"/>
                  </a:cxn>
                  <a:cxn ang="T146">
                    <a:pos x="T92" y="T93"/>
                  </a:cxn>
                  <a:cxn ang="T147">
                    <a:pos x="T94" y="T95"/>
                  </a:cxn>
                  <a:cxn ang="T148">
                    <a:pos x="T96" y="T97"/>
                  </a:cxn>
                  <a:cxn ang="T149">
                    <a:pos x="T98" y="T99"/>
                  </a:cxn>
                </a:cxnLst>
                <a:rect l="T150" t="T151" r="T152" b="T153"/>
                <a:pathLst>
                  <a:path w="412" h="469">
                    <a:moveTo>
                      <a:pt x="0" y="96"/>
                    </a:moveTo>
                    <a:lnTo>
                      <a:pt x="116" y="78"/>
                    </a:lnTo>
                    <a:lnTo>
                      <a:pt x="118" y="78"/>
                    </a:lnTo>
                    <a:lnTo>
                      <a:pt x="121" y="76"/>
                    </a:lnTo>
                    <a:lnTo>
                      <a:pt x="125" y="74"/>
                    </a:lnTo>
                    <a:lnTo>
                      <a:pt x="126" y="73"/>
                    </a:lnTo>
                    <a:lnTo>
                      <a:pt x="128" y="73"/>
                    </a:lnTo>
                    <a:lnTo>
                      <a:pt x="130" y="73"/>
                    </a:lnTo>
                    <a:lnTo>
                      <a:pt x="135" y="73"/>
                    </a:lnTo>
                    <a:lnTo>
                      <a:pt x="140" y="73"/>
                    </a:lnTo>
                    <a:lnTo>
                      <a:pt x="145" y="74"/>
                    </a:lnTo>
                    <a:lnTo>
                      <a:pt x="152" y="78"/>
                    </a:lnTo>
                    <a:lnTo>
                      <a:pt x="159" y="81"/>
                    </a:lnTo>
                    <a:lnTo>
                      <a:pt x="164" y="86"/>
                    </a:lnTo>
                    <a:lnTo>
                      <a:pt x="174" y="86"/>
                    </a:lnTo>
                    <a:lnTo>
                      <a:pt x="181" y="79"/>
                    </a:lnTo>
                    <a:lnTo>
                      <a:pt x="191" y="84"/>
                    </a:lnTo>
                    <a:lnTo>
                      <a:pt x="177" y="91"/>
                    </a:lnTo>
                    <a:lnTo>
                      <a:pt x="169" y="100"/>
                    </a:lnTo>
                    <a:lnTo>
                      <a:pt x="170" y="100"/>
                    </a:lnTo>
                    <a:lnTo>
                      <a:pt x="174" y="100"/>
                    </a:lnTo>
                    <a:lnTo>
                      <a:pt x="177" y="100"/>
                    </a:lnTo>
                    <a:lnTo>
                      <a:pt x="182" y="100"/>
                    </a:lnTo>
                    <a:lnTo>
                      <a:pt x="186" y="98"/>
                    </a:lnTo>
                    <a:lnTo>
                      <a:pt x="191" y="95"/>
                    </a:lnTo>
                    <a:lnTo>
                      <a:pt x="196" y="91"/>
                    </a:lnTo>
                    <a:lnTo>
                      <a:pt x="196" y="93"/>
                    </a:lnTo>
                    <a:lnTo>
                      <a:pt x="198" y="93"/>
                    </a:lnTo>
                    <a:lnTo>
                      <a:pt x="201" y="95"/>
                    </a:lnTo>
                    <a:lnTo>
                      <a:pt x="206" y="96"/>
                    </a:lnTo>
                    <a:lnTo>
                      <a:pt x="209" y="98"/>
                    </a:lnTo>
                    <a:lnTo>
                      <a:pt x="214" y="98"/>
                    </a:lnTo>
                    <a:lnTo>
                      <a:pt x="219" y="96"/>
                    </a:lnTo>
                    <a:lnTo>
                      <a:pt x="226" y="91"/>
                    </a:lnTo>
                    <a:lnTo>
                      <a:pt x="230" y="91"/>
                    </a:lnTo>
                    <a:lnTo>
                      <a:pt x="231" y="89"/>
                    </a:lnTo>
                    <a:lnTo>
                      <a:pt x="236" y="88"/>
                    </a:lnTo>
                    <a:lnTo>
                      <a:pt x="240" y="86"/>
                    </a:lnTo>
                    <a:lnTo>
                      <a:pt x="245" y="84"/>
                    </a:lnTo>
                    <a:lnTo>
                      <a:pt x="250" y="81"/>
                    </a:lnTo>
                    <a:lnTo>
                      <a:pt x="253" y="78"/>
                    </a:lnTo>
                    <a:lnTo>
                      <a:pt x="255" y="78"/>
                    </a:lnTo>
                    <a:lnTo>
                      <a:pt x="258" y="78"/>
                    </a:lnTo>
                    <a:lnTo>
                      <a:pt x="262" y="78"/>
                    </a:lnTo>
                    <a:lnTo>
                      <a:pt x="265" y="76"/>
                    </a:lnTo>
                    <a:lnTo>
                      <a:pt x="270" y="76"/>
                    </a:lnTo>
                    <a:lnTo>
                      <a:pt x="274" y="76"/>
                    </a:lnTo>
                    <a:lnTo>
                      <a:pt x="275" y="76"/>
                    </a:lnTo>
                    <a:lnTo>
                      <a:pt x="277" y="76"/>
                    </a:lnTo>
                    <a:lnTo>
                      <a:pt x="279" y="74"/>
                    </a:lnTo>
                    <a:lnTo>
                      <a:pt x="282" y="71"/>
                    </a:lnTo>
                    <a:lnTo>
                      <a:pt x="285" y="67"/>
                    </a:lnTo>
                    <a:lnTo>
                      <a:pt x="291" y="62"/>
                    </a:lnTo>
                    <a:lnTo>
                      <a:pt x="297" y="56"/>
                    </a:lnTo>
                    <a:lnTo>
                      <a:pt x="302" y="51"/>
                    </a:lnTo>
                    <a:lnTo>
                      <a:pt x="311" y="44"/>
                    </a:lnTo>
                    <a:lnTo>
                      <a:pt x="318" y="37"/>
                    </a:lnTo>
                    <a:lnTo>
                      <a:pt x="326" y="32"/>
                    </a:lnTo>
                    <a:lnTo>
                      <a:pt x="335" y="25"/>
                    </a:lnTo>
                    <a:lnTo>
                      <a:pt x="345" y="18"/>
                    </a:lnTo>
                    <a:lnTo>
                      <a:pt x="353" y="12"/>
                    </a:lnTo>
                    <a:lnTo>
                      <a:pt x="363" y="7"/>
                    </a:lnTo>
                    <a:lnTo>
                      <a:pt x="372" y="3"/>
                    </a:lnTo>
                    <a:lnTo>
                      <a:pt x="382" y="0"/>
                    </a:lnTo>
                    <a:lnTo>
                      <a:pt x="380" y="0"/>
                    </a:lnTo>
                    <a:lnTo>
                      <a:pt x="412" y="166"/>
                    </a:lnTo>
                    <a:lnTo>
                      <a:pt x="401" y="169"/>
                    </a:lnTo>
                    <a:lnTo>
                      <a:pt x="402" y="171"/>
                    </a:lnTo>
                    <a:lnTo>
                      <a:pt x="404" y="176"/>
                    </a:lnTo>
                    <a:lnTo>
                      <a:pt x="406" y="181"/>
                    </a:lnTo>
                    <a:lnTo>
                      <a:pt x="407" y="189"/>
                    </a:lnTo>
                    <a:lnTo>
                      <a:pt x="409" y="198"/>
                    </a:lnTo>
                    <a:lnTo>
                      <a:pt x="409" y="206"/>
                    </a:lnTo>
                    <a:lnTo>
                      <a:pt x="409" y="213"/>
                    </a:lnTo>
                    <a:lnTo>
                      <a:pt x="406" y="218"/>
                    </a:lnTo>
                    <a:lnTo>
                      <a:pt x="404" y="221"/>
                    </a:lnTo>
                    <a:lnTo>
                      <a:pt x="404" y="227"/>
                    </a:lnTo>
                    <a:lnTo>
                      <a:pt x="402" y="235"/>
                    </a:lnTo>
                    <a:lnTo>
                      <a:pt x="401" y="245"/>
                    </a:lnTo>
                    <a:lnTo>
                      <a:pt x="401" y="255"/>
                    </a:lnTo>
                    <a:lnTo>
                      <a:pt x="399" y="262"/>
                    </a:lnTo>
                    <a:lnTo>
                      <a:pt x="399" y="269"/>
                    </a:lnTo>
                    <a:lnTo>
                      <a:pt x="399" y="271"/>
                    </a:lnTo>
                    <a:lnTo>
                      <a:pt x="399" y="272"/>
                    </a:lnTo>
                    <a:lnTo>
                      <a:pt x="399" y="274"/>
                    </a:lnTo>
                    <a:lnTo>
                      <a:pt x="401" y="277"/>
                    </a:lnTo>
                    <a:lnTo>
                      <a:pt x="401" y="281"/>
                    </a:lnTo>
                    <a:lnTo>
                      <a:pt x="401" y="286"/>
                    </a:lnTo>
                    <a:lnTo>
                      <a:pt x="399" y="291"/>
                    </a:lnTo>
                    <a:lnTo>
                      <a:pt x="395" y="296"/>
                    </a:lnTo>
                    <a:lnTo>
                      <a:pt x="390" y="303"/>
                    </a:lnTo>
                    <a:lnTo>
                      <a:pt x="389" y="304"/>
                    </a:lnTo>
                    <a:lnTo>
                      <a:pt x="387" y="308"/>
                    </a:lnTo>
                    <a:lnTo>
                      <a:pt x="382" y="313"/>
                    </a:lnTo>
                    <a:lnTo>
                      <a:pt x="379" y="316"/>
                    </a:lnTo>
                    <a:lnTo>
                      <a:pt x="375" y="321"/>
                    </a:lnTo>
                    <a:lnTo>
                      <a:pt x="370" y="326"/>
                    </a:lnTo>
                    <a:lnTo>
                      <a:pt x="368" y="330"/>
                    </a:lnTo>
                    <a:lnTo>
                      <a:pt x="367" y="330"/>
                    </a:lnTo>
                    <a:lnTo>
                      <a:pt x="367" y="331"/>
                    </a:lnTo>
                    <a:lnTo>
                      <a:pt x="365" y="333"/>
                    </a:lnTo>
                    <a:lnTo>
                      <a:pt x="362" y="335"/>
                    </a:lnTo>
                    <a:lnTo>
                      <a:pt x="358" y="335"/>
                    </a:lnTo>
                    <a:lnTo>
                      <a:pt x="355" y="337"/>
                    </a:lnTo>
                    <a:lnTo>
                      <a:pt x="351" y="337"/>
                    </a:lnTo>
                    <a:lnTo>
                      <a:pt x="350" y="335"/>
                    </a:lnTo>
                    <a:lnTo>
                      <a:pt x="350" y="333"/>
                    </a:lnTo>
                    <a:lnTo>
                      <a:pt x="328" y="355"/>
                    </a:lnTo>
                    <a:lnTo>
                      <a:pt x="326" y="382"/>
                    </a:lnTo>
                    <a:lnTo>
                      <a:pt x="324" y="382"/>
                    </a:lnTo>
                    <a:lnTo>
                      <a:pt x="324" y="387"/>
                    </a:lnTo>
                    <a:lnTo>
                      <a:pt x="324" y="391"/>
                    </a:lnTo>
                    <a:lnTo>
                      <a:pt x="323" y="396"/>
                    </a:lnTo>
                    <a:lnTo>
                      <a:pt x="319" y="399"/>
                    </a:lnTo>
                    <a:lnTo>
                      <a:pt x="318" y="401"/>
                    </a:lnTo>
                    <a:lnTo>
                      <a:pt x="314" y="399"/>
                    </a:lnTo>
                    <a:lnTo>
                      <a:pt x="311" y="391"/>
                    </a:lnTo>
                    <a:lnTo>
                      <a:pt x="309" y="389"/>
                    </a:lnTo>
                    <a:lnTo>
                      <a:pt x="307" y="387"/>
                    </a:lnTo>
                    <a:lnTo>
                      <a:pt x="306" y="387"/>
                    </a:lnTo>
                    <a:lnTo>
                      <a:pt x="302" y="387"/>
                    </a:lnTo>
                    <a:lnTo>
                      <a:pt x="301" y="387"/>
                    </a:lnTo>
                    <a:lnTo>
                      <a:pt x="297" y="391"/>
                    </a:lnTo>
                    <a:lnTo>
                      <a:pt x="297" y="396"/>
                    </a:lnTo>
                    <a:lnTo>
                      <a:pt x="296" y="404"/>
                    </a:lnTo>
                    <a:lnTo>
                      <a:pt x="296" y="408"/>
                    </a:lnTo>
                    <a:lnTo>
                      <a:pt x="294" y="409"/>
                    </a:lnTo>
                    <a:lnTo>
                      <a:pt x="292" y="413"/>
                    </a:lnTo>
                    <a:lnTo>
                      <a:pt x="291" y="416"/>
                    </a:lnTo>
                    <a:lnTo>
                      <a:pt x="291" y="418"/>
                    </a:lnTo>
                    <a:lnTo>
                      <a:pt x="289" y="419"/>
                    </a:lnTo>
                    <a:lnTo>
                      <a:pt x="292" y="441"/>
                    </a:lnTo>
                    <a:lnTo>
                      <a:pt x="291" y="443"/>
                    </a:lnTo>
                    <a:lnTo>
                      <a:pt x="289" y="447"/>
                    </a:lnTo>
                    <a:lnTo>
                      <a:pt x="285" y="453"/>
                    </a:lnTo>
                    <a:lnTo>
                      <a:pt x="280" y="458"/>
                    </a:lnTo>
                    <a:lnTo>
                      <a:pt x="275" y="463"/>
                    </a:lnTo>
                    <a:lnTo>
                      <a:pt x="270" y="467"/>
                    </a:lnTo>
                    <a:lnTo>
                      <a:pt x="263" y="469"/>
                    </a:lnTo>
                    <a:lnTo>
                      <a:pt x="260" y="465"/>
                    </a:lnTo>
                    <a:lnTo>
                      <a:pt x="258" y="463"/>
                    </a:lnTo>
                    <a:lnTo>
                      <a:pt x="257" y="462"/>
                    </a:lnTo>
                    <a:lnTo>
                      <a:pt x="253" y="458"/>
                    </a:lnTo>
                    <a:lnTo>
                      <a:pt x="250" y="455"/>
                    </a:lnTo>
                    <a:lnTo>
                      <a:pt x="245" y="452"/>
                    </a:lnTo>
                    <a:lnTo>
                      <a:pt x="241" y="450"/>
                    </a:lnTo>
                    <a:lnTo>
                      <a:pt x="236" y="450"/>
                    </a:lnTo>
                    <a:lnTo>
                      <a:pt x="233" y="453"/>
                    </a:lnTo>
                    <a:lnTo>
                      <a:pt x="231" y="452"/>
                    </a:lnTo>
                    <a:lnTo>
                      <a:pt x="231" y="448"/>
                    </a:lnTo>
                    <a:lnTo>
                      <a:pt x="231" y="443"/>
                    </a:lnTo>
                    <a:lnTo>
                      <a:pt x="230" y="438"/>
                    </a:lnTo>
                    <a:lnTo>
                      <a:pt x="226" y="435"/>
                    </a:lnTo>
                    <a:lnTo>
                      <a:pt x="221" y="433"/>
                    </a:lnTo>
                    <a:lnTo>
                      <a:pt x="214" y="436"/>
                    </a:lnTo>
                    <a:lnTo>
                      <a:pt x="204" y="445"/>
                    </a:lnTo>
                    <a:lnTo>
                      <a:pt x="203" y="447"/>
                    </a:lnTo>
                    <a:lnTo>
                      <a:pt x="201" y="448"/>
                    </a:lnTo>
                    <a:lnTo>
                      <a:pt x="198" y="452"/>
                    </a:lnTo>
                    <a:lnTo>
                      <a:pt x="194" y="453"/>
                    </a:lnTo>
                    <a:lnTo>
                      <a:pt x="189" y="455"/>
                    </a:lnTo>
                    <a:lnTo>
                      <a:pt x="184" y="457"/>
                    </a:lnTo>
                    <a:lnTo>
                      <a:pt x="177" y="453"/>
                    </a:lnTo>
                    <a:lnTo>
                      <a:pt x="172" y="450"/>
                    </a:lnTo>
                    <a:lnTo>
                      <a:pt x="170" y="448"/>
                    </a:lnTo>
                    <a:lnTo>
                      <a:pt x="169" y="448"/>
                    </a:lnTo>
                    <a:lnTo>
                      <a:pt x="167" y="447"/>
                    </a:lnTo>
                    <a:lnTo>
                      <a:pt x="164" y="448"/>
                    </a:lnTo>
                    <a:lnTo>
                      <a:pt x="160" y="448"/>
                    </a:lnTo>
                    <a:lnTo>
                      <a:pt x="157" y="452"/>
                    </a:lnTo>
                    <a:lnTo>
                      <a:pt x="152" y="457"/>
                    </a:lnTo>
                    <a:lnTo>
                      <a:pt x="150" y="457"/>
                    </a:lnTo>
                    <a:lnTo>
                      <a:pt x="147" y="455"/>
                    </a:lnTo>
                    <a:lnTo>
                      <a:pt x="143" y="455"/>
                    </a:lnTo>
                    <a:lnTo>
                      <a:pt x="142" y="455"/>
                    </a:lnTo>
                    <a:lnTo>
                      <a:pt x="128" y="443"/>
                    </a:lnTo>
                    <a:lnTo>
                      <a:pt x="98" y="441"/>
                    </a:lnTo>
                    <a:lnTo>
                      <a:pt x="98" y="440"/>
                    </a:lnTo>
                    <a:lnTo>
                      <a:pt x="98" y="436"/>
                    </a:lnTo>
                    <a:lnTo>
                      <a:pt x="96" y="433"/>
                    </a:lnTo>
                    <a:lnTo>
                      <a:pt x="94" y="428"/>
                    </a:lnTo>
                    <a:lnTo>
                      <a:pt x="89" y="423"/>
                    </a:lnTo>
                    <a:lnTo>
                      <a:pt x="82" y="418"/>
                    </a:lnTo>
                    <a:lnTo>
                      <a:pt x="72" y="416"/>
                    </a:lnTo>
                    <a:lnTo>
                      <a:pt x="60" y="414"/>
                    </a:lnTo>
                    <a:lnTo>
                      <a:pt x="59" y="414"/>
                    </a:lnTo>
                    <a:lnTo>
                      <a:pt x="55" y="414"/>
                    </a:lnTo>
                    <a:lnTo>
                      <a:pt x="52" y="414"/>
                    </a:lnTo>
                    <a:lnTo>
                      <a:pt x="47" y="414"/>
                    </a:lnTo>
                    <a:lnTo>
                      <a:pt x="42" y="414"/>
                    </a:lnTo>
                    <a:lnTo>
                      <a:pt x="38" y="414"/>
                    </a:lnTo>
                    <a:lnTo>
                      <a:pt x="37" y="414"/>
                    </a:lnTo>
                    <a:lnTo>
                      <a:pt x="35" y="414"/>
                    </a:lnTo>
                    <a:lnTo>
                      <a:pt x="0" y="96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74" name="Freeform 161"/>
              <p:cNvSpPr>
                <a:spLocks/>
              </p:cNvSpPr>
              <p:nvPr/>
            </p:nvSpPr>
            <p:spPr bwMode="auto">
              <a:xfrm>
                <a:off x="3961" y="1493"/>
                <a:ext cx="412" cy="469"/>
              </a:xfrm>
              <a:custGeom>
                <a:avLst/>
                <a:gdLst>
                  <a:gd name="T0" fmla="*/ 118 w 412"/>
                  <a:gd name="T1" fmla="*/ 78 h 469"/>
                  <a:gd name="T2" fmla="*/ 126 w 412"/>
                  <a:gd name="T3" fmla="*/ 73 h 469"/>
                  <a:gd name="T4" fmla="*/ 140 w 412"/>
                  <a:gd name="T5" fmla="*/ 73 h 469"/>
                  <a:gd name="T6" fmla="*/ 164 w 412"/>
                  <a:gd name="T7" fmla="*/ 86 h 469"/>
                  <a:gd name="T8" fmla="*/ 177 w 412"/>
                  <a:gd name="T9" fmla="*/ 91 h 469"/>
                  <a:gd name="T10" fmla="*/ 170 w 412"/>
                  <a:gd name="T11" fmla="*/ 100 h 469"/>
                  <a:gd name="T12" fmla="*/ 186 w 412"/>
                  <a:gd name="T13" fmla="*/ 98 h 469"/>
                  <a:gd name="T14" fmla="*/ 196 w 412"/>
                  <a:gd name="T15" fmla="*/ 93 h 469"/>
                  <a:gd name="T16" fmla="*/ 209 w 412"/>
                  <a:gd name="T17" fmla="*/ 98 h 469"/>
                  <a:gd name="T18" fmla="*/ 226 w 412"/>
                  <a:gd name="T19" fmla="*/ 91 h 469"/>
                  <a:gd name="T20" fmla="*/ 236 w 412"/>
                  <a:gd name="T21" fmla="*/ 88 h 469"/>
                  <a:gd name="T22" fmla="*/ 253 w 412"/>
                  <a:gd name="T23" fmla="*/ 78 h 469"/>
                  <a:gd name="T24" fmla="*/ 262 w 412"/>
                  <a:gd name="T25" fmla="*/ 78 h 469"/>
                  <a:gd name="T26" fmla="*/ 275 w 412"/>
                  <a:gd name="T27" fmla="*/ 76 h 469"/>
                  <a:gd name="T28" fmla="*/ 279 w 412"/>
                  <a:gd name="T29" fmla="*/ 74 h 469"/>
                  <a:gd name="T30" fmla="*/ 297 w 412"/>
                  <a:gd name="T31" fmla="*/ 56 h 469"/>
                  <a:gd name="T32" fmla="*/ 326 w 412"/>
                  <a:gd name="T33" fmla="*/ 32 h 469"/>
                  <a:gd name="T34" fmla="*/ 363 w 412"/>
                  <a:gd name="T35" fmla="*/ 7 h 469"/>
                  <a:gd name="T36" fmla="*/ 412 w 412"/>
                  <a:gd name="T37" fmla="*/ 166 h 469"/>
                  <a:gd name="T38" fmla="*/ 404 w 412"/>
                  <a:gd name="T39" fmla="*/ 176 h 469"/>
                  <a:gd name="T40" fmla="*/ 409 w 412"/>
                  <a:gd name="T41" fmla="*/ 206 h 469"/>
                  <a:gd name="T42" fmla="*/ 404 w 412"/>
                  <a:gd name="T43" fmla="*/ 221 h 469"/>
                  <a:gd name="T44" fmla="*/ 401 w 412"/>
                  <a:gd name="T45" fmla="*/ 255 h 469"/>
                  <a:gd name="T46" fmla="*/ 399 w 412"/>
                  <a:gd name="T47" fmla="*/ 271 h 469"/>
                  <a:gd name="T48" fmla="*/ 401 w 412"/>
                  <a:gd name="T49" fmla="*/ 281 h 469"/>
                  <a:gd name="T50" fmla="*/ 390 w 412"/>
                  <a:gd name="T51" fmla="*/ 303 h 469"/>
                  <a:gd name="T52" fmla="*/ 382 w 412"/>
                  <a:gd name="T53" fmla="*/ 313 h 469"/>
                  <a:gd name="T54" fmla="*/ 368 w 412"/>
                  <a:gd name="T55" fmla="*/ 330 h 469"/>
                  <a:gd name="T56" fmla="*/ 365 w 412"/>
                  <a:gd name="T57" fmla="*/ 333 h 469"/>
                  <a:gd name="T58" fmla="*/ 351 w 412"/>
                  <a:gd name="T59" fmla="*/ 337 h 469"/>
                  <a:gd name="T60" fmla="*/ 326 w 412"/>
                  <a:gd name="T61" fmla="*/ 382 h 469"/>
                  <a:gd name="T62" fmla="*/ 324 w 412"/>
                  <a:gd name="T63" fmla="*/ 391 h 469"/>
                  <a:gd name="T64" fmla="*/ 314 w 412"/>
                  <a:gd name="T65" fmla="*/ 399 h 469"/>
                  <a:gd name="T66" fmla="*/ 307 w 412"/>
                  <a:gd name="T67" fmla="*/ 387 h 469"/>
                  <a:gd name="T68" fmla="*/ 297 w 412"/>
                  <a:gd name="T69" fmla="*/ 391 h 469"/>
                  <a:gd name="T70" fmla="*/ 296 w 412"/>
                  <a:gd name="T71" fmla="*/ 404 h 469"/>
                  <a:gd name="T72" fmla="*/ 291 w 412"/>
                  <a:gd name="T73" fmla="*/ 416 h 469"/>
                  <a:gd name="T74" fmla="*/ 292 w 412"/>
                  <a:gd name="T75" fmla="*/ 441 h 469"/>
                  <a:gd name="T76" fmla="*/ 285 w 412"/>
                  <a:gd name="T77" fmla="*/ 453 h 469"/>
                  <a:gd name="T78" fmla="*/ 263 w 412"/>
                  <a:gd name="T79" fmla="*/ 469 h 469"/>
                  <a:gd name="T80" fmla="*/ 257 w 412"/>
                  <a:gd name="T81" fmla="*/ 462 h 469"/>
                  <a:gd name="T82" fmla="*/ 241 w 412"/>
                  <a:gd name="T83" fmla="*/ 450 h 469"/>
                  <a:gd name="T84" fmla="*/ 231 w 412"/>
                  <a:gd name="T85" fmla="*/ 452 h 469"/>
                  <a:gd name="T86" fmla="*/ 226 w 412"/>
                  <a:gd name="T87" fmla="*/ 435 h 469"/>
                  <a:gd name="T88" fmla="*/ 204 w 412"/>
                  <a:gd name="T89" fmla="*/ 445 h 469"/>
                  <a:gd name="T90" fmla="*/ 194 w 412"/>
                  <a:gd name="T91" fmla="*/ 453 h 469"/>
                  <a:gd name="T92" fmla="*/ 172 w 412"/>
                  <a:gd name="T93" fmla="*/ 450 h 469"/>
                  <a:gd name="T94" fmla="*/ 169 w 412"/>
                  <a:gd name="T95" fmla="*/ 448 h 469"/>
                  <a:gd name="T96" fmla="*/ 157 w 412"/>
                  <a:gd name="T97" fmla="*/ 452 h 469"/>
                  <a:gd name="T98" fmla="*/ 147 w 412"/>
                  <a:gd name="T99" fmla="*/ 455 h 469"/>
                  <a:gd name="T100" fmla="*/ 98 w 412"/>
                  <a:gd name="T101" fmla="*/ 441 h 469"/>
                  <a:gd name="T102" fmla="*/ 96 w 412"/>
                  <a:gd name="T103" fmla="*/ 433 h 469"/>
                  <a:gd name="T104" fmla="*/ 72 w 412"/>
                  <a:gd name="T105" fmla="*/ 416 h 469"/>
                  <a:gd name="T106" fmla="*/ 55 w 412"/>
                  <a:gd name="T107" fmla="*/ 414 h 469"/>
                  <a:gd name="T108" fmla="*/ 38 w 412"/>
                  <a:gd name="T109" fmla="*/ 414 h 469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w 412"/>
                  <a:gd name="T166" fmla="*/ 0 h 469"/>
                  <a:gd name="T167" fmla="*/ 412 w 412"/>
                  <a:gd name="T168" fmla="*/ 469 h 469"/>
                </a:gdLst>
                <a:ahLst/>
                <a:cxnLst>
                  <a:cxn ang="T110">
                    <a:pos x="T0" y="T1"/>
                  </a:cxn>
                  <a:cxn ang="T111">
                    <a:pos x="T2" y="T3"/>
                  </a:cxn>
                  <a:cxn ang="T112">
                    <a:pos x="T4" y="T5"/>
                  </a:cxn>
                  <a:cxn ang="T113">
                    <a:pos x="T6" y="T7"/>
                  </a:cxn>
                  <a:cxn ang="T114">
                    <a:pos x="T8" y="T9"/>
                  </a:cxn>
                  <a:cxn ang="T115">
                    <a:pos x="T10" y="T11"/>
                  </a:cxn>
                  <a:cxn ang="T116">
                    <a:pos x="T12" y="T13"/>
                  </a:cxn>
                  <a:cxn ang="T117">
                    <a:pos x="T14" y="T15"/>
                  </a:cxn>
                  <a:cxn ang="T118">
                    <a:pos x="T16" y="T17"/>
                  </a:cxn>
                  <a:cxn ang="T119">
                    <a:pos x="T18" y="T19"/>
                  </a:cxn>
                  <a:cxn ang="T120">
                    <a:pos x="T20" y="T21"/>
                  </a:cxn>
                  <a:cxn ang="T121">
                    <a:pos x="T22" y="T23"/>
                  </a:cxn>
                  <a:cxn ang="T122">
                    <a:pos x="T24" y="T25"/>
                  </a:cxn>
                  <a:cxn ang="T123">
                    <a:pos x="T26" y="T27"/>
                  </a:cxn>
                  <a:cxn ang="T124">
                    <a:pos x="T28" y="T29"/>
                  </a:cxn>
                  <a:cxn ang="T125">
                    <a:pos x="T30" y="T31"/>
                  </a:cxn>
                  <a:cxn ang="T126">
                    <a:pos x="T32" y="T33"/>
                  </a:cxn>
                  <a:cxn ang="T127">
                    <a:pos x="T34" y="T35"/>
                  </a:cxn>
                  <a:cxn ang="T128">
                    <a:pos x="T36" y="T37"/>
                  </a:cxn>
                  <a:cxn ang="T129">
                    <a:pos x="T38" y="T39"/>
                  </a:cxn>
                  <a:cxn ang="T130">
                    <a:pos x="T40" y="T41"/>
                  </a:cxn>
                  <a:cxn ang="T131">
                    <a:pos x="T42" y="T43"/>
                  </a:cxn>
                  <a:cxn ang="T132">
                    <a:pos x="T44" y="T45"/>
                  </a:cxn>
                  <a:cxn ang="T133">
                    <a:pos x="T46" y="T47"/>
                  </a:cxn>
                  <a:cxn ang="T134">
                    <a:pos x="T48" y="T49"/>
                  </a:cxn>
                  <a:cxn ang="T135">
                    <a:pos x="T50" y="T51"/>
                  </a:cxn>
                  <a:cxn ang="T136">
                    <a:pos x="T52" y="T53"/>
                  </a:cxn>
                  <a:cxn ang="T137">
                    <a:pos x="T54" y="T55"/>
                  </a:cxn>
                  <a:cxn ang="T138">
                    <a:pos x="T56" y="T57"/>
                  </a:cxn>
                  <a:cxn ang="T139">
                    <a:pos x="T58" y="T59"/>
                  </a:cxn>
                  <a:cxn ang="T140">
                    <a:pos x="T60" y="T61"/>
                  </a:cxn>
                  <a:cxn ang="T141">
                    <a:pos x="T62" y="T63"/>
                  </a:cxn>
                  <a:cxn ang="T142">
                    <a:pos x="T64" y="T65"/>
                  </a:cxn>
                  <a:cxn ang="T143">
                    <a:pos x="T66" y="T67"/>
                  </a:cxn>
                  <a:cxn ang="T144">
                    <a:pos x="T68" y="T69"/>
                  </a:cxn>
                  <a:cxn ang="T145">
                    <a:pos x="T70" y="T71"/>
                  </a:cxn>
                  <a:cxn ang="T146">
                    <a:pos x="T72" y="T73"/>
                  </a:cxn>
                  <a:cxn ang="T147">
                    <a:pos x="T74" y="T75"/>
                  </a:cxn>
                  <a:cxn ang="T148">
                    <a:pos x="T76" y="T77"/>
                  </a:cxn>
                  <a:cxn ang="T149">
                    <a:pos x="T78" y="T79"/>
                  </a:cxn>
                  <a:cxn ang="T150">
                    <a:pos x="T80" y="T81"/>
                  </a:cxn>
                  <a:cxn ang="T151">
                    <a:pos x="T82" y="T83"/>
                  </a:cxn>
                  <a:cxn ang="T152">
                    <a:pos x="T84" y="T85"/>
                  </a:cxn>
                  <a:cxn ang="T153">
                    <a:pos x="T86" y="T87"/>
                  </a:cxn>
                  <a:cxn ang="T154">
                    <a:pos x="T88" y="T89"/>
                  </a:cxn>
                  <a:cxn ang="T155">
                    <a:pos x="T90" y="T91"/>
                  </a:cxn>
                  <a:cxn ang="T156">
                    <a:pos x="T92" y="T93"/>
                  </a:cxn>
                  <a:cxn ang="T157">
                    <a:pos x="T94" y="T95"/>
                  </a:cxn>
                  <a:cxn ang="T158">
                    <a:pos x="T96" y="T97"/>
                  </a:cxn>
                  <a:cxn ang="T159">
                    <a:pos x="T98" y="T99"/>
                  </a:cxn>
                  <a:cxn ang="T160">
                    <a:pos x="T100" y="T101"/>
                  </a:cxn>
                  <a:cxn ang="T161">
                    <a:pos x="T102" y="T103"/>
                  </a:cxn>
                  <a:cxn ang="T162">
                    <a:pos x="T104" y="T105"/>
                  </a:cxn>
                  <a:cxn ang="T163">
                    <a:pos x="T106" y="T107"/>
                  </a:cxn>
                  <a:cxn ang="T164">
                    <a:pos x="T108" y="T109"/>
                  </a:cxn>
                </a:cxnLst>
                <a:rect l="T165" t="T166" r="T167" b="T168"/>
                <a:pathLst>
                  <a:path w="412" h="469">
                    <a:moveTo>
                      <a:pt x="0" y="96"/>
                    </a:moveTo>
                    <a:lnTo>
                      <a:pt x="116" y="78"/>
                    </a:lnTo>
                    <a:lnTo>
                      <a:pt x="118" y="78"/>
                    </a:lnTo>
                    <a:lnTo>
                      <a:pt x="121" y="76"/>
                    </a:lnTo>
                    <a:lnTo>
                      <a:pt x="125" y="74"/>
                    </a:lnTo>
                    <a:lnTo>
                      <a:pt x="126" y="73"/>
                    </a:lnTo>
                    <a:lnTo>
                      <a:pt x="128" y="73"/>
                    </a:lnTo>
                    <a:lnTo>
                      <a:pt x="130" y="73"/>
                    </a:lnTo>
                    <a:lnTo>
                      <a:pt x="135" y="73"/>
                    </a:lnTo>
                    <a:lnTo>
                      <a:pt x="140" y="73"/>
                    </a:lnTo>
                    <a:lnTo>
                      <a:pt x="145" y="74"/>
                    </a:lnTo>
                    <a:lnTo>
                      <a:pt x="152" y="78"/>
                    </a:lnTo>
                    <a:lnTo>
                      <a:pt x="159" y="81"/>
                    </a:lnTo>
                    <a:lnTo>
                      <a:pt x="164" y="86"/>
                    </a:lnTo>
                    <a:lnTo>
                      <a:pt x="174" y="86"/>
                    </a:lnTo>
                    <a:lnTo>
                      <a:pt x="181" y="79"/>
                    </a:lnTo>
                    <a:lnTo>
                      <a:pt x="191" y="84"/>
                    </a:lnTo>
                    <a:lnTo>
                      <a:pt x="177" y="91"/>
                    </a:lnTo>
                    <a:lnTo>
                      <a:pt x="169" y="100"/>
                    </a:lnTo>
                    <a:lnTo>
                      <a:pt x="170" y="100"/>
                    </a:lnTo>
                    <a:lnTo>
                      <a:pt x="174" y="100"/>
                    </a:lnTo>
                    <a:lnTo>
                      <a:pt x="177" y="100"/>
                    </a:lnTo>
                    <a:lnTo>
                      <a:pt x="182" y="100"/>
                    </a:lnTo>
                    <a:lnTo>
                      <a:pt x="186" y="98"/>
                    </a:lnTo>
                    <a:lnTo>
                      <a:pt x="191" y="95"/>
                    </a:lnTo>
                    <a:lnTo>
                      <a:pt x="196" y="91"/>
                    </a:lnTo>
                    <a:lnTo>
                      <a:pt x="196" y="93"/>
                    </a:lnTo>
                    <a:lnTo>
                      <a:pt x="198" y="93"/>
                    </a:lnTo>
                    <a:lnTo>
                      <a:pt x="201" y="95"/>
                    </a:lnTo>
                    <a:lnTo>
                      <a:pt x="206" y="96"/>
                    </a:lnTo>
                    <a:lnTo>
                      <a:pt x="209" y="98"/>
                    </a:lnTo>
                    <a:lnTo>
                      <a:pt x="214" y="98"/>
                    </a:lnTo>
                    <a:lnTo>
                      <a:pt x="219" y="96"/>
                    </a:lnTo>
                    <a:lnTo>
                      <a:pt x="226" y="91"/>
                    </a:lnTo>
                    <a:lnTo>
                      <a:pt x="230" y="91"/>
                    </a:lnTo>
                    <a:lnTo>
                      <a:pt x="231" y="89"/>
                    </a:lnTo>
                    <a:lnTo>
                      <a:pt x="236" y="88"/>
                    </a:lnTo>
                    <a:lnTo>
                      <a:pt x="240" y="86"/>
                    </a:lnTo>
                    <a:lnTo>
                      <a:pt x="245" y="84"/>
                    </a:lnTo>
                    <a:lnTo>
                      <a:pt x="250" y="81"/>
                    </a:lnTo>
                    <a:lnTo>
                      <a:pt x="253" y="78"/>
                    </a:lnTo>
                    <a:lnTo>
                      <a:pt x="255" y="78"/>
                    </a:lnTo>
                    <a:lnTo>
                      <a:pt x="258" y="78"/>
                    </a:lnTo>
                    <a:lnTo>
                      <a:pt x="262" y="78"/>
                    </a:lnTo>
                    <a:lnTo>
                      <a:pt x="265" y="76"/>
                    </a:lnTo>
                    <a:lnTo>
                      <a:pt x="270" y="76"/>
                    </a:lnTo>
                    <a:lnTo>
                      <a:pt x="274" y="76"/>
                    </a:lnTo>
                    <a:lnTo>
                      <a:pt x="275" y="76"/>
                    </a:lnTo>
                    <a:lnTo>
                      <a:pt x="277" y="76"/>
                    </a:lnTo>
                    <a:lnTo>
                      <a:pt x="279" y="74"/>
                    </a:lnTo>
                    <a:lnTo>
                      <a:pt x="282" y="71"/>
                    </a:lnTo>
                    <a:lnTo>
                      <a:pt x="285" y="67"/>
                    </a:lnTo>
                    <a:lnTo>
                      <a:pt x="291" y="62"/>
                    </a:lnTo>
                    <a:lnTo>
                      <a:pt x="297" y="56"/>
                    </a:lnTo>
                    <a:lnTo>
                      <a:pt x="302" y="51"/>
                    </a:lnTo>
                    <a:lnTo>
                      <a:pt x="311" y="44"/>
                    </a:lnTo>
                    <a:lnTo>
                      <a:pt x="318" y="37"/>
                    </a:lnTo>
                    <a:lnTo>
                      <a:pt x="326" y="32"/>
                    </a:lnTo>
                    <a:lnTo>
                      <a:pt x="335" y="25"/>
                    </a:lnTo>
                    <a:lnTo>
                      <a:pt x="345" y="18"/>
                    </a:lnTo>
                    <a:lnTo>
                      <a:pt x="353" y="12"/>
                    </a:lnTo>
                    <a:lnTo>
                      <a:pt x="363" y="7"/>
                    </a:lnTo>
                    <a:lnTo>
                      <a:pt x="372" y="3"/>
                    </a:lnTo>
                    <a:lnTo>
                      <a:pt x="382" y="0"/>
                    </a:lnTo>
                    <a:lnTo>
                      <a:pt x="380" y="0"/>
                    </a:lnTo>
                    <a:lnTo>
                      <a:pt x="412" y="166"/>
                    </a:lnTo>
                    <a:lnTo>
                      <a:pt x="401" y="169"/>
                    </a:lnTo>
                    <a:lnTo>
                      <a:pt x="402" y="171"/>
                    </a:lnTo>
                    <a:lnTo>
                      <a:pt x="404" y="176"/>
                    </a:lnTo>
                    <a:lnTo>
                      <a:pt x="406" y="181"/>
                    </a:lnTo>
                    <a:lnTo>
                      <a:pt x="407" y="189"/>
                    </a:lnTo>
                    <a:lnTo>
                      <a:pt x="409" y="198"/>
                    </a:lnTo>
                    <a:lnTo>
                      <a:pt x="409" y="206"/>
                    </a:lnTo>
                    <a:lnTo>
                      <a:pt x="409" y="213"/>
                    </a:lnTo>
                    <a:lnTo>
                      <a:pt x="406" y="218"/>
                    </a:lnTo>
                    <a:lnTo>
                      <a:pt x="404" y="221"/>
                    </a:lnTo>
                    <a:lnTo>
                      <a:pt x="404" y="227"/>
                    </a:lnTo>
                    <a:lnTo>
                      <a:pt x="402" y="235"/>
                    </a:lnTo>
                    <a:lnTo>
                      <a:pt x="401" y="245"/>
                    </a:lnTo>
                    <a:lnTo>
                      <a:pt x="401" y="255"/>
                    </a:lnTo>
                    <a:lnTo>
                      <a:pt x="399" y="262"/>
                    </a:lnTo>
                    <a:lnTo>
                      <a:pt x="399" y="269"/>
                    </a:lnTo>
                    <a:lnTo>
                      <a:pt x="399" y="271"/>
                    </a:lnTo>
                    <a:lnTo>
                      <a:pt x="399" y="272"/>
                    </a:lnTo>
                    <a:lnTo>
                      <a:pt x="399" y="274"/>
                    </a:lnTo>
                    <a:lnTo>
                      <a:pt x="401" y="277"/>
                    </a:lnTo>
                    <a:lnTo>
                      <a:pt x="401" y="281"/>
                    </a:lnTo>
                    <a:lnTo>
                      <a:pt x="401" y="286"/>
                    </a:lnTo>
                    <a:lnTo>
                      <a:pt x="399" y="291"/>
                    </a:lnTo>
                    <a:lnTo>
                      <a:pt x="395" y="296"/>
                    </a:lnTo>
                    <a:lnTo>
                      <a:pt x="390" y="303"/>
                    </a:lnTo>
                    <a:lnTo>
                      <a:pt x="389" y="304"/>
                    </a:lnTo>
                    <a:lnTo>
                      <a:pt x="387" y="308"/>
                    </a:lnTo>
                    <a:lnTo>
                      <a:pt x="382" y="313"/>
                    </a:lnTo>
                    <a:lnTo>
                      <a:pt x="379" y="316"/>
                    </a:lnTo>
                    <a:lnTo>
                      <a:pt x="375" y="321"/>
                    </a:lnTo>
                    <a:lnTo>
                      <a:pt x="370" y="326"/>
                    </a:lnTo>
                    <a:lnTo>
                      <a:pt x="368" y="330"/>
                    </a:lnTo>
                    <a:lnTo>
                      <a:pt x="367" y="330"/>
                    </a:lnTo>
                    <a:lnTo>
                      <a:pt x="367" y="331"/>
                    </a:lnTo>
                    <a:lnTo>
                      <a:pt x="365" y="333"/>
                    </a:lnTo>
                    <a:lnTo>
                      <a:pt x="362" y="335"/>
                    </a:lnTo>
                    <a:lnTo>
                      <a:pt x="358" y="335"/>
                    </a:lnTo>
                    <a:lnTo>
                      <a:pt x="355" y="337"/>
                    </a:lnTo>
                    <a:lnTo>
                      <a:pt x="351" y="337"/>
                    </a:lnTo>
                    <a:lnTo>
                      <a:pt x="350" y="335"/>
                    </a:lnTo>
                    <a:lnTo>
                      <a:pt x="350" y="333"/>
                    </a:lnTo>
                    <a:lnTo>
                      <a:pt x="328" y="355"/>
                    </a:lnTo>
                    <a:lnTo>
                      <a:pt x="326" y="382"/>
                    </a:lnTo>
                    <a:lnTo>
                      <a:pt x="324" y="382"/>
                    </a:lnTo>
                    <a:lnTo>
                      <a:pt x="324" y="387"/>
                    </a:lnTo>
                    <a:lnTo>
                      <a:pt x="324" y="391"/>
                    </a:lnTo>
                    <a:lnTo>
                      <a:pt x="323" y="396"/>
                    </a:lnTo>
                    <a:lnTo>
                      <a:pt x="319" y="399"/>
                    </a:lnTo>
                    <a:lnTo>
                      <a:pt x="318" y="401"/>
                    </a:lnTo>
                    <a:lnTo>
                      <a:pt x="314" y="399"/>
                    </a:lnTo>
                    <a:lnTo>
                      <a:pt x="311" y="391"/>
                    </a:lnTo>
                    <a:lnTo>
                      <a:pt x="309" y="389"/>
                    </a:lnTo>
                    <a:lnTo>
                      <a:pt x="307" y="387"/>
                    </a:lnTo>
                    <a:lnTo>
                      <a:pt x="306" y="387"/>
                    </a:lnTo>
                    <a:lnTo>
                      <a:pt x="302" y="387"/>
                    </a:lnTo>
                    <a:lnTo>
                      <a:pt x="301" y="387"/>
                    </a:lnTo>
                    <a:lnTo>
                      <a:pt x="297" y="391"/>
                    </a:lnTo>
                    <a:lnTo>
                      <a:pt x="297" y="396"/>
                    </a:lnTo>
                    <a:lnTo>
                      <a:pt x="296" y="404"/>
                    </a:lnTo>
                    <a:lnTo>
                      <a:pt x="296" y="408"/>
                    </a:lnTo>
                    <a:lnTo>
                      <a:pt x="294" y="409"/>
                    </a:lnTo>
                    <a:lnTo>
                      <a:pt x="292" y="413"/>
                    </a:lnTo>
                    <a:lnTo>
                      <a:pt x="291" y="416"/>
                    </a:lnTo>
                    <a:lnTo>
                      <a:pt x="291" y="418"/>
                    </a:lnTo>
                    <a:lnTo>
                      <a:pt x="289" y="419"/>
                    </a:lnTo>
                    <a:lnTo>
                      <a:pt x="292" y="441"/>
                    </a:lnTo>
                    <a:lnTo>
                      <a:pt x="291" y="443"/>
                    </a:lnTo>
                    <a:lnTo>
                      <a:pt x="289" y="447"/>
                    </a:lnTo>
                    <a:lnTo>
                      <a:pt x="285" y="453"/>
                    </a:lnTo>
                    <a:lnTo>
                      <a:pt x="280" y="458"/>
                    </a:lnTo>
                    <a:lnTo>
                      <a:pt x="275" y="463"/>
                    </a:lnTo>
                    <a:lnTo>
                      <a:pt x="270" y="467"/>
                    </a:lnTo>
                    <a:lnTo>
                      <a:pt x="263" y="469"/>
                    </a:lnTo>
                    <a:lnTo>
                      <a:pt x="260" y="465"/>
                    </a:lnTo>
                    <a:lnTo>
                      <a:pt x="258" y="463"/>
                    </a:lnTo>
                    <a:lnTo>
                      <a:pt x="257" y="462"/>
                    </a:lnTo>
                    <a:lnTo>
                      <a:pt x="253" y="458"/>
                    </a:lnTo>
                    <a:lnTo>
                      <a:pt x="250" y="455"/>
                    </a:lnTo>
                    <a:lnTo>
                      <a:pt x="245" y="452"/>
                    </a:lnTo>
                    <a:lnTo>
                      <a:pt x="241" y="450"/>
                    </a:lnTo>
                    <a:lnTo>
                      <a:pt x="236" y="450"/>
                    </a:lnTo>
                    <a:lnTo>
                      <a:pt x="233" y="453"/>
                    </a:lnTo>
                    <a:lnTo>
                      <a:pt x="231" y="452"/>
                    </a:lnTo>
                    <a:lnTo>
                      <a:pt x="231" y="448"/>
                    </a:lnTo>
                    <a:lnTo>
                      <a:pt x="231" y="443"/>
                    </a:lnTo>
                    <a:lnTo>
                      <a:pt x="230" y="438"/>
                    </a:lnTo>
                    <a:lnTo>
                      <a:pt x="226" y="435"/>
                    </a:lnTo>
                    <a:lnTo>
                      <a:pt x="221" y="433"/>
                    </a:lnTo>
                    <a:lnTo>
                      <a:pt x="214" y="436"/>
                    </a:lnTo>
                    <a:lnTo>
                      <a:pt x="204" y="445"/>
                    </a:lnTo>
                    <a:lnTo>
                      <a:pt x="203" y="447"/>
                    </a:lnTo>
                    <a:lnTo>
                      <a:pt x="201" y="448"/>
                    </a:lnTo>
                    <a:lnTo>
                      <a:pt x="198" y="452"/>
                    </a:lnTo>
                    <a:lnTo>
                      <a:pt x="194" y="453"/>
                    </a:lnTo>
                    <a:lnTo>
                      <a:pt x="189" y="455"/>
                    </a:lnTo>
                    <a:lnTo>
                      <a:pt x="184" y="457"/>
                    </a:lnTo>
                    <a:lnTo>
                      <a:pt x="177" y="453"/>
                    </a:lnTo>
                    <a:lnTo>
                      <a:pt x="172" y="450"/>
                    </a:lnTo>
                    <a:lnTo>
                      <a:pt x="170" y="448"/>
                    </a:lnTo>
                    <a:lnTo>
                      <a:pt x="169" y="448"/>
                    </a:lnTo>
                    <a:lnTo>
                      <a:pt x="167" y="447"/>
                    </a:lnTo>
                    <a:lnTo>
                      <a:pt x="164" y="448"/>
                    </a:lnTo>
                    <a:lnTo>
                      <a:pt x="160" y="448"/>
                    </a:lnTo>
                    <a:lnTo>
                      <a:pt x="157" y="452"/>
                    </a:lnTo>
                    <a:lnTo>
                      <a:pt x="152" y="457"/>
                    </a:lnTo>
                    <a:lnTo>
                      <a:pt x="150" y="457"/>
                    </a:lnTo>
                    <a:lnTo>
                      <a:pt x="147" y="455"/>
                    </a:lnTo>
                    <a:lnTo>
                      <a:pt x="143" y="455"/>
                    </a:lnTo>
                    <a:lnTo>
                      <a:pt x="142" y="455"/>
                    </a:lnTo>
                    <a:lnTo>
                      <a:pt x="128" y="443"/>
                    </a:lnTo>
                    <a:lnTo>
                      <a:pt x="98" y="441"/>
                    </a:lnTo>
                    <a:lnTo>
                      <a:pt x="98" y="440"/>
                    </a:lnTo>
                    <a:lnTo>
                      <a:pt x="98" y="436"/>
                    </a:lnTo>
                    <a:lnTo>
                      <a:pt x="96" y="433"/>
                    </a:lnTo>
                    <a:lnTo>
                      <a:pt x="94" y="428"/>
                    </a:lnTo>
                    <a:lnTo>
                      <a:pt x="89" y="423"/>
                    </a:lnTo>
                    <a:lnTo>
                      <a:pt x="82" y="418"/>
                    </a:lnTo>
                    <a:lnTo>
                      <a:pt x="72" y="416"/>
                    </a:lnTo>
                    <a:lnTo>
                      <a:pt x="60" y="414"/>
                    </a:lnTo>
                    <a:lnTo>
                      <a:pt x="59" y="414"/>
                    </a:lnTo>
                    <a:lnTo>
                      <a:pt x="55" y="414"/>
                    </a:lnTo>
                    <a:lnTo>
                      <a:pt x="52" y="414"/>
                    </a:lnTo>
                    <a:lnTo>
                      <a:pt x="47" y="414"/>
                    </a:lnTo>
                    <a:lnTo>
                      <a:pt x="42" y="414"/>
                    </a:lnTo>
                    <a:lnTo>
                      <a:pt x="38" y="414"/>
                    </a:lnTo>
                    <a:lnTo>
                      <a:pt x="37" y="414"/>
                    </a:lnTo>
                    <a:lnTo>
                      <a:pt x="35" y="414"/>
                    </a:lnTo>
                    <a:lnTo>
                      <a:pt x="0" y="96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1144" name="Group 162"/>
            <p:cNvGrpSpPr>
              <a:grpSpLocks/>
            </p:cNvGrpSpPr>
            <p:nvPr/>
          </p:nvGrpSpPr>
          <p:grpSpPr bwMode="auto">
            <a:xfrm>
              <a:off x="3877" y="2450"/>
              <a:ext cx="847" cy="372"/>
              <a:chOff x="4106" y="2078"/>
              <a:chExt cx="870" cy="383"/>
            </a:xfrm>
          </p:grpSpPr>
          <p:sp>
            <p:nvSpPr>
              <p:cNvPr id="1165" name="Freeform 163"/>
              <p:cNvSpPr>
                <a:spLocks/>
              </p:cNvSpPr>
              <p:nvPr/>
            </p:nvSpPr>
            <p:spPr bwMode="auto">
              <a:xfrm>
                <a:off x="4106" y="2082"/>
                <a:ext cx="834" cy="379"/>
              </a:xfrm>
              <a:custGeom>
                <a:avLst/>
                <a:gdLst>
                  <a:gd name="T0" fmla="*/ 650 w 834"/>
                  <a:gd name="T1" fmla="*/ 362 h 379"/>
                  <a:gd name="T2" fmla="*/ 658 w 834"/>
                  <a:gd name="T3" fmla="*/ 340 h 379"/>
                  <a:gd name="T4" fmla="*/ 663 w 834"/>
                  <a:gd name="T5" fmla="*/ 338 h 379"/>
                  <a:gd name="T6" fmla="*/ 685 w 834"/>
                  <a:gd name="T7" fmla="*/ 292 h 379"/>
                  <a:gd name="T8" fmla="*/ 701 w 834"/>
                  <a:gd name="T9" fmla="*/ 276 h 379"/>
                  <a:gd name="T10" fmla="*/ 714 w 834"/>
                  <a:gd name="T11" fmla="*/ 262 h 379"/>
                  <a:gd name="T12" fmla="*/ 758 w 834"/>
                  <a:gd name="T13" fmla="*/ 238 h 379"/>
                  <a:gd name="T14" fmla="*/ 768 w 834"/>
                  <a:gd name="T15" fmla="*/ 232 h 379"/>
                  <a:gd name="T16" fmla="*/ 780 w 834"/>
                  <a:gd name="T17" fmla="*/ 230 h 379"/>
                  <a:gd name="T18" fmla="*/ 792 w 834"/>
                  <a:gd name="T19" fmla="*/ 215 h 379"/>
                  <a:gd name="T20" fmla="*/ 794 w 834"/>
                  <a:gd name="T21" fmla="*/ 193 h 379"/>
                  <a:gd name="T22" fmla="*/ 785 w 834"/>
                  <a:gd name="T23" fmla="*/ 199 h 379"/>
                  <a:gd name="T24" fmla="*/ 780 w 834"/>
                  <a:gd name="T25" fmla="*/ 193 h 379"/>
                  <a:gd name="T26" fmla="*/ 726 w 834"/>
                  <a:gd name="T27" fmla="*/ 198 h 379"/>
                  <a:gd name="T28" fmla="*/ 758 w 834"/>
                  <a:gd name="T29" fmla="*/ 199 h 379"/>
                  <a:gd name="T30" fmla="*/ 768 w 834"/>
                  <a:gd name="T31" fmla="*/ 176 h 379"/>
                  <a:gd name="T32" fmla="*/ 740 w 834"/>
                  <a:gd name="T33" fmla="*/ 155 h 379"/>
                  <a:gd name="T34" fmla="*/ 728 w 834"/>
                  <a:gd name="T35" fmla="*/ 149 h 379"/>
                  <a:gd name="T36" fmla="*/ 748 w 834"/>
                  <a:gd name="T37" fmla="*/ 149 h 379"/>
                  <a:gd name="T38" fmla="*/ 768 w 834"/>
                  <a:gd name="T39" fmla="*/ 144 h 379"/>
                  <a:gd name="T40" fmla="*/ 784 w 834"/>
                  <a:gd name="T41" fmla="*/ 147 h 379"/>
                  <a:gd name="T42" fmla="*/ 804 w 834"/>
                  <a:gd name="T43" fmla="*/ 147 h 379"/>
                  <a:gd name="T44" fmla="*/ 828 w 834"/>
                  <a:gd name="T45" fmla="*/ 110 h 379"/>
                  <a:gd name="T46" fmla="*/ 834 w 834"/>
                  <a:gd name="T47" fmla="*/ 105 h 379"/>
                  <a:gd name="T48" fmla="*/ 824 w 834"/>
                  <a:gd name="T49" fmla="*/ 67 h 379"/>
                  <a:gd name="T50" fmla="*/ 809 w 834"/>
                  <a:gd name="T51" fmla="*/ 89 h 379"/>
                  <a:gd name="T52" fmla="*/ 806 w 834"/>
                  <a:gd name="T53" fmla="*/ 101 h 379"/>
                  <a:gd name="T54" fmla="*/ 800 w 834"/>
                  <a:gd name="T55" fmla="*/ 79 h 379"/>
                  <a:gd name="T56" fmla="*/ 778 w 834"/>
                  <a:gd name="T57" fmla="*/ 76 h 379"/>
                  <a:gd name="T58" fmla="*/ 753 w 834"/>
                  <a:gd name="T59" fmla="*/ 83 h 379"/>
                  <a:gd name="T60" fmla="*/ 724 w 834"/>
                  <a:gd name="T61" fmla="*/ 96 h 379"/>
                  <a:gd name="T62" fmla="*/ 731 w 834"/>
                  <a:gd name="T63" fmla="*/ 61 h 379"/>
                  <a:gd name="T64" fmla="*/ 762 w 834"/>
                  <a:gd name="T65" fmla="*/ 67 h 379"/>
                  <a:gd name="T66" fmla="*/ 758 w 834"/>
                  <a:gd name="T67" fmla="*/ 52 h 379"/>
                  <a:gd name="T68" fmla="*/ 789 w 834"/>
                  <a:gd name="T69" fmla="*/ 49 h 379"/>
                  <a:gd name="T70" fmla="*/ 784 w 834"/>
                  <a:gd name="T71" fmla="*/ 35 h 379"/>
                  <a:gd name="T72" fmla="*/ 802 w 834"/>
                  <a:gd name="T73" fmla="*/ 39 h 379"/>
                  <a:gd name="T74" fmla="*/ 809 w 834"/>
                  <a:gd name="T75" fmla="*/ 35 h 379"/>
                  <a:gd name="T76" fmla="*/ 692 w 834"/>
                  <a:gd name="T77" fmla="*/ 20 h 379"/>
                  <a:gd name="T78" fmla="*/ 509 w 834"/>
                  <a:gd name="T79" fmla="*/ 56 h 379"/>
                  <a:gd name="T80" fmla="*/ 366 w 834"/>
                  <a:gd name="T81" fmla="*/ 79 h 379"/>
                  <a:gd name="T82" fmla="*/ 271 w 834"/>
                  <a:gd name="T83" fmla="*/ 91 h 379"/>
                  <a:gd name="T84" fmla="*/ 230 w 834"/>
                  <a:gd name="T85" fmla="*/ 94 h 379"/>
                  <a:gd name="T86" fmla="*/ 234 w 834"/>
                  <a:gd name="T87" fmla="*/ 118 h 379"/>
                  <a:gd name="T88" fmla="*/ 212 w 834"/>
                  <a:gd name="T89" fmla="*/ 145 h 379"/>
                  <a:gd name="T90" fmla="*/ 183 w 834"/>
                  <a:gd name="T91" fmla="*/ 162 h 379"/>
                  <a:gd name="T92" fmla="*/ 149 w 834"/>
                  <a:gd name="T93" fmla="*/ 181 h 379"/>
                  <a:gd name="T94" fmla="*/ 129 w 834"/>
                  <a:gd name="T95" fmla="*/ 194 h 379"/>
                  <a:gd name="T96" fmla="*/ 117 w 834"/>
                  <a:gd name="T97" fmla="*/ 218 h 379"/>
                  <a:gd name="T98" fmla="*/ 68 w 834"/>
                  <a:gd name="T99" fmla="*/ 250 h 379"/>
                  <a:gd name="T100" fmla="*/ 27 w 834"/>
                  <a:gd name="T101" fmla="*/ 274 h 379"/>
                  <a:gd name="T102" fmla="*/ 9 w 834"/>
                  <a:gd name="T103" fmla="*/ 299 h 379"/>
                  <a:gd name="T104" fmla="*/ 125 w 834"/>
                  <a:gd name="T105" fmla="*/ 316 h 379"/>
                  <a:gd name="T106" fmla="*/ 152 w 834"/>
                  <a:gd name="T107" fmla="*/ 296 h 379"/>
                  <a:gd name="T108" fmla="*/ 210 w 834"/>
                  <a:gd name="T109" fmla="*/ 274 h 379"/>
                  <a:gd name="T110" fmla="*/ 333 w 834"/>
                  <a:gd name="T111" fmla="*/ 265 h 379"/>
                  <a:gd name="T112" fmla="*/ 597 w 834"/>
                  <a:gd name="T113" fmla="*/ 379 h 379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834"/>
                  <a:gd name="T172" fmla="*/ 0 h 379"/>
                  <a:gd name="T173" fmla="*/ 834 w 834"/>
                  <a:gd name="T174" fmla="*/ 379 h 379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834" h="379">
                    <a:moveTo>
                      <a:pt x="604" y="377"/>
                    </a:moveTo>
                    <a:lnTo>
                      <a:pt x="618" y="369"/>
                    </a:lnTo>
                    <a:lnTo>
                      <a:pt x="628" y="362"/>
                    </a:lnTo>
                    <a:lnTo>
                      <a:pt x="636" y="360"/>
                    </a:lnTo>
                    <a:lnTo>
                      <a:pt x="643" y="360"/>
                    </a:lnTo>
                    <a:lnTo>
                      <a:pt x="648" y="360"/>
                    </a:lnTo>
                    <a:lnTo>
                      <a:pt x="650" y="362"/>
                    </a:lnTo>
                    <a:lnTo>
                      <a:pt x="653" y="364"/>
                    </a:lnTo>
                    <a:lnTo>
                      <a:pt x="653" y="365"/>
                    </a:lnTo>
                    <a:lnTo>
                      <a:pt x="653" y="333"/>
                    </a:lnTo>
                    <a:lnTo>
                      <a:pt x="657" y="333"/>
                    </a:lnTo>
                    <a:lnTo>
                      <a:pt x="658" y="335"/>
                    </a:lnTo>
                    <a:lnTo>
                      <a:pt x="658" y="338"/>
                    </a:lnTo>
                    <a:lnTo>
                      <a:pt x="658" y="340"/>
                    </a:lnTo>
                    <a:lnTo>
                      <a:pt x="660" y="345"/>
                    </a:lnTo>
                    <a:lnTo>
                      <a:pt x="662" y="348"/>
                    </a:lnTo>
                    <a:lnTo>
                      <a:pt x="662" y="352"/>
                    </a:lnTo>
                    <a:lnTo>
                      <a:pt x="662" y="353"/>
                    </a:lnTo>
                    <a:lnTo>
                      <a:pt x="663" y="345"/>
                    </a:lnTo>
                    <a:lnTo>
                      <a:pt x="663" y="338"/>
                    </a:lnTo>
                    <a:lnTo>
                      <a:pt x="667" y="330"/>
                    </a:lnTo>
                    <a:lnTo>
                      <a:pt x="668" y="323"/>
                    </a:lnTo>
                    <a:lnTo>
                      <a:pt x="672" y="316"/>
                    </a:lnTo>
                    <a:lnTo>
                      <a:pt x="675" y="309"/>
                    </a:lnTo>
                    <a:lnTo>
                      <a:pt x="679" y="303"/>
                    </a:lnTo>
                    <a:lnTo>
                      <a:pt x="682" y="298"/>
                    </a:lnTo>
                    <a:lnTo>
                      <a:pt x="685" y="292"/>
                    </a:lnTo>
                    <a:lnTo>
                      <a:pt x="689" y="289"/>
                    </a:lnTo>
                    <a:lnTo>
                      <a:pt x="692" y="286"/>
                    </a:lnTo>
                    <a:lnTo>
                      <a:pt x="696" y="282"/>
                    </a:lnTo>
                    <a:lnTo>
                      <a:pt x="697" y="279"/>
                    </a:lnTo>
                    <a:lnTo>
                      <a:pt x="699" y="277"/>
                    </a:lnTo>
                    <a:lnTo>
                      <a:pt x="701" y="277"/>
                    </a:lnTo>
                    <a:lnTo>
                      <a:pt x="701" y="276"/>
                    </a:lnTo>
                    <a:lnTo>
                      <a:pt x="696" y="267"/>
                    </a:lnTo>
                    <a:lnTo>
                      <a:pt x="702" y="262"/>
                    </a:lnTo>
                    <a:lnTo>
                      <a:pt x="702" y="264"/>
                    </a:lnTo>
                    <a:lnTo>
                      <a:pt x="704" y="267"/>
                    </a:lnTo>
                    <a:lnTo>
                      <a:pt x="706" y="270"/>
                    </a:lnTo>
                    <a:lnTo>
                      <a:pt x="707" y="270"/>
                    </a:lnTo>
                    <a:lnTo>
                      <a:pt x="714" y="262"/>
                    </a:lnTo>
                    <a:lnTo>
                      <a:pt x="721" y="254"/>
                    </a:lnTo>
                    <a:lnTo>
                      <a:pt x="729" y="248"/>
                    </a:lnTo>
                    <a:lnTo>
                      <a:pt x="738" y="243"/>
                    </a:lnTo>
                    <a:lnTo>
                      <a:pt x="745" y="242"/>
                    </a:lnTo>
                    <a:lnTo>
                      <a:pt x="751" y="240"/>
                    </a:lnTo>
                    <a:lnTo>
                      <a:pt x="756" y="238"/>
                    </a:lnTo>
                    <a:lnTo>
                      <a:pt x="758" y="238"/>
                    </a:lnTo>
                    <a:lnTo>
                      <a:pt x="758" y="232"/>
                    </a:lnTo>
                    <a:lnTo>
                      <a:pt x="760" y="230"/>
                    </a:lnTo>
                    <a:lnTo>
                      <a:pt x="762" y="228"/>
                    </a:lnTo>
                    <a:lnTo>
                      <a:pt x="763" y="228"/>
                    </a:lnTo>
                    <a:lnTo>
                      <a:pt x="765" y="230"/>
                    </a:lnTo>
                    <a:lnTo>
                      <a:pt x="767" y="230"/>
                    </a:lnTo>
                    <a:lnTo>
                      <a:pt x="768" y="232"/>
                    </a:lnTo>
                    <a:lnTo>
                      <a:pt x="768" y="233"/>
                    </a:lnTo>
                    <a:lnTo>
                      <a:pt x="770" y="230"/>
                    </a:lnTo>
                    <a:lnTo>
                      <a:pt x="772" y="228"/>
                    </a:lnTo>
                    <a:lnTo>
                      <a:pt x="773" y="226"/>
                    </a:lnTo>
                    <a:lnTo>
                      <a:pt x="775" y="228"/>
                    </a:lnTo>
                    <a:lnTo>
                      <a:pt x="778" y="228"/>
                    </a:lnTo>
                    <a:lnTo>
                      <a:pt x="780" y="230"/>
                    </a:lnTo>
                    <a:lnTo>
                      <a:pt x="782" y="230"/>
                    </a:lnTo>
                    <a:lnTo>
                      <a:pt x="784" y="230"/>
                    </a:lnTo>
                    <a:lnTo>
                      <a:pt x="785" y="226"/>
                    </a:lnTo>
                    <a:lnTo>
                      <a:pt x="787" y="223"/>
                    </a:lnTo>
                    <a:lnTo>
                      <a:pt x="790" y="218"/>
                    </a:lnTo>
                    <a:lnTo>
                      <a:pt x="792" y="215"/>
                    </a:lnTo>
                    <a:lnTo>
                      <a:pt x="795" y="210"/>
                    </a:lnTo>
                    <a:lnTo>
                      <a:pt x="797" y="208"/>
                    </a:lnTo>
                    <a:lnTo>
                      <a:pt x="797" y="204"/>
                    </a:lnTo>
                    <a:lnTo>
                      <a:pt x="797" y="196"/>
                    </a:lnTo>
                    <a:lnTo>
                      <a:pt x="795" y="193"/>
                    </a:lnTo>
                    <a:lnTo>
                      <a:pt x="795" y="191"/>
                    </a:lnTo>
                    <a:lnTo>
                      <a:pt x="794" y="193"/>
                    </a:lnTo>
                    <a:lnTo>
                      <a:pt x="792" y="194"/>
                    </a:lnTo>
                    <a:lnTo>
                      <a:pt x="790" y="198"/>
                    </a:lnTo>
                    <a:lnTo>
                      <a:pt x="790" y="199"/>
                    </a:lnTo>
                    <a:lnTo>
                      <a:pt x="790" y="201"/>
                    </a:lnTo>
                    <a:lnTo>
                      <a:pt x="789" y="201"/>
                    </a:lnTo>
                    <a:lnTo>
                      <a:pt x="787" y="199"/>
                    </a:lnTo>
                    <a:lnTo>
                      <a:pt x="785" y="199"/>
                    </a:lnTo>
                    <a:lnTo>
                      <a:pt x="785" y="198"/>
                    </a:lnTo>
                    <a:lnTo>
                      <a:pt x="784" y="191"/>
                    </a:lnTo>
                    <a:lnTo>
                      <a:pt x="784" y="188"/>
                    </a:lnTo>
                    <a:lnTo>
                      <a:pt x="784" y="186"/>
                    </a:lnTo>
                    <a:lnTo>
                      <a:pt x="782" y="188"/>
                    </a:lnTo>
                    <a:lnTo>
                      <a:pt x="780" y="189"/>
                    </a:lnTo>
                    <a:lnTo>
                      <a:pt x="780" y="193"/>
                    </a:lnTo>
                    <a:lnTo>
                      <a:pt x="780" y="194"/>
                    </a:lnTo>
                    <a:lnTo>
                      <a:pt x="780" y="196"/>
                    </a:lnTo>
                    <a:lnTo>
                      <a:pt x="772" y="198"/>
                    </a:lnTo>
                    <a:lnTo>
                      <a:pt x="753" y="215"/>
                    </a:lnTo>
                    <a:lnTo>
                      <a:pt x="741" y="213"/>
                    </a:lnTo>
                    <a:lnTo>
                      <a:pt x="724" y="198"/>
                    </a:lnTo>
                    <a:lnTo>
                      <a:pt x="726" y="198"/>
                    </a:lnTo>
                    <a:lnTo>
                      <a:pt x="729" y="199"/>
                    </a:lnTo>
                    <a:lnTo>
                      <a:pt x="733" y="199"/>
                    </a:lnTo>
                    <a:lnTo>
                      <a:pt x="736" y="201"/>
                    </a:lnTo>
                    <a:lnTo>
                      <a:pt x="741" y="204"/>
                    </a:lnTo>
                    <a:lnTo>
                      <a:pt x="748" y="204"/>
                    </a:lnTo>
                    <a:lnTo>
                      <a:pt x="753" y="203"/>
                    </a:lnTo>
                    <a:lnTo>
                      <a:pt x="758" y="199"/>
                    </a:lnTo>
                    <a:lnTo>
                      <a:pt x="763" y="194"/>
                    </a:lnTo>
                    <a:lnTo>
                      <a:pt x="767" y="191"/>
                    </a:lnTo>
                    <a:lnTo>
                      <a:pt x="770" y="188"/>
                    </a:lnTo>
                    <a:lnTo>
                      <a:pt x="770" y="186"/>
                    </a:lnTo>
                    <a:lnTo>
                      <a:pt x="760" y="182"/>
                    </a:lnTo>
                    <a:lnTo>
                      <a:pt x="758" y="177"/>
                    </a:lnTo>
                    <a:lnTo>
                      <a:pt x="768" y="176"/>
                    </a:lnTo>
                    <a:lnTo>
                      <a:pt x="772" y="164"/>
                    </a:lnTo>
                    <a:lnTo>
                      <a:pt x="770" y="164"/>
                    </a:lnTo>
                    <a:lnTo>
                      <a:pt x="768" y="164"/>
                    </a:lnTo>
                    <a:lnTo>
                      <a:pt x="767" y="164"/>
                    </a:lnTo>
                    <a:lnTo>
                      <a:pt x="763" y="162"/>
                    </a:lnTo>
                    <a:lnTo>
                      <a:pt x="750" y="159"/>
                    </a:lnTo>
                    <a:lnTo>
                      <a:pt x="740" y="155"/>
                    </a:lnTo>
                    <a:lnTo>
                      <a:pt x="731" y="154"/>
                    </a:lnTo>
                    <a:lnTo>
                      <a:pt x="728" y="152"/>
                    </a:lnTo>
                    <a:lnTo>
                      <a:pt x="724" y="150"/>
                    </a:lnTo>
                    <a:lnTo>
                      <a:pt x="723" y="150"/>
                    </a:lnTo>
                    <a:lnTo>
                      <a:pt x="724" y="149"/>
                    </a:lnTo>
                    <a:lnTo>
                      <a:pt x="726" y="149"/>
                    </a:lnTo>
                    <a:lnTo>
                      <a:pt x="728" y="149"/>
                    </a:lnTo>
                    <a:lnTo>
                      <a:pt x="731" y="147"/>
                    </a:lnTo>
                    <a:lnTo>
                      <a:pt x="736" y="149"/>
                    </a:lnTo>
                    <a:lnTo>
                      <a:pt x="740" y="149"/>
                    </a:lnTo>
                    <a:lnTo>
                      <a:pt x="743" y="149"/>
                    </a:lnTo>
                    <a:lnTo>
                      <a:pt x="745" y="149"/>
                    </a:lnTo>
                    <a:lnTo>
                      <a:pt x="746" y="149"/>
                    </a:lnTo>
                    <a:lnTo>
                      <a:pt x="748" y="149"/>
                    </a:lnTo>
                    <a:lnTo>
                      <a:pt x="746" y="138"/>
                    </a:lnTo>
                    <a:lnTo>
                      <a:pt x="755" y="135"/>
                    </a:lnTo>
                    <a:lnTo>
                      <a:pt x="760" y="144"/>
                    </a:lnTo>
                    <a:lnTo>
                      <a:pt x="762" y="144"/>
                    </a:lnTo>
                    <a:lnTo>
                      <a:pt x="765" y="144"/>
                    </a:lnTo>
                    <a:lnTo>
                      <a:pt x="767" y="145"/>
                    </a:lnTo>
                    <a:lnTo>
                      <a:pt x="768" y="144"/>
                    </a:lnTo>
                    <a:lnTo>
                      <a:pt x="770" y="138"/>
                    </a:lnTo>
                    <a:lnTo>
                      <a:pt x="772" y="135"/>
                    </a:lnTo>
                    <a:lnTo>
                      <a:pt x="773" y="137"/>
                    </a:lnTo>
                    <a:lnTo>
                      <a:pt x="777" y="138"/>
                    </a:lnTo>
                    <a:lnTo>
                      <a:pt x="778" y="142"/>
                    </a:lnTo>
                    <a:lnTo>
                      <a:pt x="782" y="145"/>
                    </a:lnTo>
                    <a:lnTo>
                      <a:pt x="784" y="147"/>
                    </a:lnTo>
                    <a:lnTo>
                      <a:pt x="784" y="149"/>
                    </a:lnTo>
                    <a:lnTo>
                      <a:pt x="785" y="149"/>
                    </a:lnTo>
                    <a:lnTo>
                      <a:pt x="787" y="149"/>
                    </a:lnTo>
                    <a:lnTo>
                      <a:pt x="792" y="149"/>
                    </a:lnTo>
                    <a:lnTo>
                      <a:pt x="795" y="149"/>
                    </a:lnTo>
                    <a:lnTo>
                      <a:pt x="800" y="149"/>
                    </a:lnTo>
                    <a:lnTo>
                      <a:pt x="804" y="147"/>
                    </a:lnTo>
                    <a:lnTo>
                      <a:pt x="807" y="147"/>
                    </a:lnTo>
                    <a:lnTo>
                      <a:pt x="809" y="147"/>
                    </a:lnTo>
                    <a:lnTo>
                      <a:pt x="814" y="130"/>
                    </a:lnTo>
                    <a:lnTo>
                      <a:pt x="819" y="120"/>
                    </a:lnTo>
                    <a:lnTo>
                      <a:pt x="824" y="113"/>
                    </a:lnTo>
                    <a:lnTo>
                      <a:pt x="826" y="110"/>
                    </a:lnTo>
                    <a:lnTo>
                      <a:pt x="828" y="110"/>
                    </a:lnTo>
                    <a:lnTo>
                      <a:pt x="829" y="111"/>
                    </a:lnTo>
                    <a:lnTo>
                      <a:pt x="831" y="113"/>
                    </a:lnTo>
                    <a:lnTo>
                      <a:pt x="831" y="111"/>
                    </a:lnTo>
                    <a:lnTo>
                      <a:pt x="833" y="110"/>
                    </a:lnTo>
                    <a:lnTo>
                      <a:pt x="834" y="106"/>
                    </a:lnTo>
                    <a:lnTo>
                      <a:pt x="834" y="105"/>
                    </a:lnTo>
                    <a:lnTo>
                      <a:pt x="834" y="96"/>
                    </a:lnTo>
                    <a:lnTo>
                      <a:pt x="833" y="88"/>
                    </a:lnTo>
                    <a:lnTo>
                      <a:pt x="831" y="81"/>
                    </a:lnTo>
                    <a:lnTo>
                      <a:pt x="829" y="76"/>
                    </a:lnTo>
                    <a:lnTo>
                      <a:pt x="828" y="72"/>
                    </a:lnTo>
                    <a:lnTo>
                      <a:pt x="826" y="69"/>
                    </a:lnTo>
                    <a:lnTo>
                      <a:pt x="824" y="67"/>
                    </a:lnTo>
                    <a:lnTo>
                      <a:pt x="817" y="72"/>
                    </a:lnTo>
                    <a:lnTo>
                      <a:pt x="816" y="72"/>
                    </a:lnTo>
                    <a:lnTo>
                      <a:pt x="814" y="74"/>
                    </a:lnTo>
                    <a:lnTo>
                      <a:pt x="811" y="76"/>
                    </a:lnTo>
                    <a:lnTo>
                      <a:pt x="809" y="79"/>
                    </a:lnTo>
                    <a:lnTo>
                      <a:pt x="809" y="89"/>
                    </a:lnTo>
                    <a:lnTo>
                      <a:pt x="809" y="96"/>
                    </a:lnTo>
                    <a:lnTo>
                      <a:pt x="807" y="101"/>
                    </a:lnTo>
                    <a:lnTo>
                      <a:pt x="807" y="105"/>
                    </a:lnTo>
                    <a:lnTo>
                      <a:pt x="807" y="106"/>
                    </a:lnTo>
                    <a:lnTo>
                      <a:pt x="806" y="105"/>
                    </a:lnTo>
                    <a:lnTo>
                      <a:pt x="806" y="101"/>
                    </a:lnTo>
                    <a:lnTo>
                      <a:pt x="804" y="98"/>
                    </a:lnTo>
                    <a:lnTo>
                      <a:pt x="802" y="94"/>
                    </a:lnTo>
                    <a:lnTo>
                      <a:pt x="802" y="91"/>
                    </a:lnTo>
                    <a:lnTo>
                      <a:pt x="802" y="88"/>
                    </a:lnTo>
                    <a:lnTo>
                      <a:pt x="800" y="84"/>
                    </a:lnTo>
                    <a:lnTo>
                      <a:pt x="800" y="81"/>
                    </a:lnTo>
                    <a:lnTo>
                      <a:pt x="800" y="79"/>
                    </a:lnTo>
                    <a:lnTo>
                      <a:pt x="800" y="78"/>
                    </a:lnTo>
                    <a:lnTo>
                      <a:pt x="799" y="71"/>
                    </a:lnTo>
                    <a:lnTo>
                      <a:pt x="797" y="67"/>
                    </a:lnTo>
                    <a:lnTo>
                      <a:pt x="792" y="67"/>
                    </a:lnTo>
                    <a:lnTo>
                      <a:pt x="789" y="69"/>
                    </a:lnTo>
                    <a:lnTo>
                      <a:pt x="784" y="72"/>
                    </a:lnTo>
                    <a:lnTo>
                      <a:pt x="778" y="76"/>
                    </a:lnTo>
                    <a:lnTo>
                      <a:pt x="777" y="78"/>
                    </a:lnTo>
                    <a:lnTo>
                      <a:pt x="775" y="79"/>
                    </a:lnTo>
                    <a:lnTo>
                      <a:pt x="763" y="79"/>
                    </a:lnTo>
                    <a:lnTo>
                      <a:pt x="762" y="81"/>
                    </a:lnTo>
                    <a:lnTo>
                      <a:pt x="760" y="81"/>
                    </a:lnTo>
                    <a:lnTo>
                      <a:pt x="756" y="83"/>
                    </a:lnTo>
                    <a:lnTo>
                      <a:pt x="753" y="83"/>
                    </a:lnTo>
                    <a:lnTo>
                      <a:pt x="750" y="84"/>
                    </a:lnTo>
                    <a:lnTo>
                      <a:pt x="745" y="86"/>
                    </a:lnTo>
                    <a:lnTo>
                      <a:pt x="743" y="88"/>
                    </a:lnTo>
                    <a:lnTo>
                      <a:pt x="741" y="88"/>
                    </a:lnTo>
                    <a:lnTo>
                      <a:pt x="731" y="94"/>
                    </a:lnTo>
                    <a:lnTo>
                      <a:pt x="726" y="96"/>
                    </a:lnTo>
                    <a:lnTo>
                      <a:pt x="724" y="96"/>
                    </a:lnTo>
                    <a:lnTo>
                      <a:pt x="724" y="94"/>
                    </a:lnTo>
                    <a:lnTo>
                      <a:pt x="726" y="91"/>
                    </a:lnTo>
                    <a:lnTo>
                      <a:pt x="729" y="88"/>
                    </a:lnTo>
                    <a:lnTo>
                      <a:pt x="731" y="84"/>
                    </a:lnTo>
                    <a:lnTo>
                      <a:pt x="733" y="84"/>
                    </a:lnTo>
                    <a:lnTo>
                      <a:pt x="724" y="66"/>
                    </a:lnTo>
                    <a:lnTo>
                      <a:pt x="731" y="61"/>
                    </a:lnTo>
                    <a:lnTo>
                      <a:pt x="736" y="71"/>
                    </a:lnTo>
                    <a:lnTo>
                      <a:pt x="748" y="78"/>
                    </a:lnTo>
                    <a:lnTo>
                      <a:pt x="751" y="76"/>
                    </a:lnTo>
                    <a:lnTo>
                      <a:pt x="755" y="72"/>
                    </a:lnTo>
                    <a:lnTo>
                      <a:pt x="758" y="71"/>
                    </a:lnTo>
                    <a:lnTo>
                      <a:pt x="762" y="67"/>
                    </a:lnTo>
                    <a:lnTo>
                      <a:pt x="763" y="66"/>
                    </a:lnTo>
                    <a:lnTo>
                      <a:pt x="765" y="64"/>
                    </a:lnTo>
                    <a:lnTo>
                      <a:pt x="765" y="62"/>
                    </a:lnTo>
                    <a:lnTo>
                      <a:pt x="756" y="56"/>
                    </a:lnTo>
                    <a:lnTo>
                      <a:pt x="753" y="52"/>
                    </a:lnTo>
                    <a:lnTo>
                      <a:pt x="755" y="52"/>
                    </a:lnTo>
                    <a:lnTo>
                      <a:pt x="758" y="52"/>
                    </a:lnTo>
                    <a:lnTo>
                      <a:pt x="763" y="54"/>
                    </a:lnTo>
                    <a:lnTo>
                      <a:pt x="768" y="56"/>
                    </a:lnTo>
                    <a:lnTo>
                      <a:pt x="772" y="57"/>
                    </a:lnTo>
                    <a:lnTo>
                      <a:pt x="775" y="59"/>
                    </a:lnTo>
                    <a:lnTo>
                      <a:pt x="789" y="52"/>
                    </a:lnTo>
                    <a:lnTo>
                      <a:pt x="789" y="50"/>
                    </a:lnTo>
                    <a:lnTo>
                      <a:pt x="789" y="49"/>
                    </a:lnTo>
                    <a:lnTo>
                      <a:pt x="787" y="47"/>
                    </a:lnTo>
                    <a:lnTo>
                      <a:pt x="787" y="45"/>
                    </a:lnTo>
                    <a:lnTo>
                      <a:pt x="780" y="39"/>
                    </a:lnTo>
                    <a:lnTo>
                      <a:pt x="777" y="34"/>
                    </a:lnTo>
                    <a:lnTo>
                      <a:pt x="780" y="34"/>
                    </a:lnTo>
                    <a:lnTo>
                      <a:pt x="784" y="35"/>
                    </a:lnTo>
                    <a:lnTo>
                      <a:pt x="787" y="37"/>
                    </a:lnTo>
                    <a:lnTo>
                      <a:pt x="790" y="39"/>
                    </a:lnTo>
                    <a:lnTo>
                      <a:pt x="790" y="40"/>
                    </a:lnTo>
                    <a:lnTo>
                      <a:pt x="792" y="40"/>
                    </a:lnTo>
                    <a:lnTo>
                      <a:pt x="795" y="39"/>
                    </a:lnTo>
                    <a:lnTo>
                      <a:pt x="800" y="39"/>
                    </a:lnTo>
                    <a:lnTo>
                      <a:pt x="802" y="39"/>
                    </a:lnTo>
                    <a:lnTo>
                      <a:pt x="811" y="47"/>
                    </a:lnTo>
                    <a:lnTo>
                      <a:pt x="816" y="50"/>
                    </a:lnTo>
                    <a:lnTo>
                      <a:pt x="817" y="50"/>
                    </a:lnTo>
                    <a:lnTo>
                      <a:pt x="817" y="47"/>
                    </a:lnTo>
                    <a:lnTo>
                      <a:pt x="814" y="44"/>
                    </a:lnTo>
                    <a:lnTo>
                      <a:pt x="811" y="39"/>
                    </a:lnTo>
                    <a:lnTo>
                      <a:pt x="809" y="35"/>
                    </a:lnTo>
                    <a:lnTo>
                      <a:pt x="807" y="34"/>
                    </a:lnTo>
                    <a:lnTo>
                      <a:pt x="800" y="17"/>
                    </a:lnTo>
                    <a:lnTo>
                      <a:pt x="790" y="15"/>
                    </a:lnTo>
                    <a:lnTo>
                      <a:pt x="780" y="0"/>
                    </a:lnTo>
                    <a:lnTo>
                      <a:pt x="750" y="8"/>
                    </a:lnTo>
                    <a:lnTo>
                      <a:pt x="721" y="15"/>
                    </a:lnTo>
                    <a:lnTo>
                      <a:pt x="692" y="20"/>
                    </a:lnTo>
                    <a:lnTo>
                      <a:pt x="663" y="27"/>
                    </a:lnTo>
                    <a:lnTo>
                      <a:pt x="636" y="32"/>
                    </a:lnTo>
                    <a:lnTo>
                      <a:pt x="609" y="39"/>
                    </a:lnTo>
                    <a:lnTo>
                      <a:pt x="584" y="44"/>
                    </a:lnTo>
                    <a:lnTo>
                      <a:pt x="558" y="47"/>
                    </a:lnTo>
                    <a:lnTo>
                      <a:pt x="533" y="52"/>
                    </a:lnTo>
                    <a:lnTo>
                      <a:pt x="509" y="56"/>
                    </a:lnTo>
                    <a:lnTo>
                      <a:pt x="486" y="61"/>
                    </a:lnTo>
                    <a:lnTo>
                      <a:pt x="464" y="64"/>
                    </a:lnTo>
                    <a:lnTo>
                      <a:pt x="443" y="67"/>
                    </a:lnTo>
                    <a:lnTo>
                      <a:pt x="423" y="71"/>
                    </a:lnTo>
                    <a:lnTo>
                      <a:pt x="403" y="74"/>
                    </a:lnTo>
                    <a:lnTo>
                      <a:pt x="384" y="76"/>
                    </a:lnTo>
                    <a:lnTo>
                      <a:pt x="366" y="79"/>
                    </a:lnTo>
                    <a:lnTo>
                      <a:pt x="349" y="81"/>
                    </a:lnTo>
                    <a:lnTo>
                      <a:pt x="333" y="83"/>
                    </a:lnTo>
                    <a:lnTo>
                      <a:pt x="318" y="84"/>
                    </a:lnTo>
                    <a:lnTo>
                      <a:pt x="305" y="86"/>
                    </a:lnTo>
                    <a:lnTo>
                      <a:pt x="293" y="88"/>
                    </a:lnTo>
                    <a:lnTo>
                      <a:pt x="281" y="89"/>
                    </a:lnTo>
                    <a:lnTo>
                      <a:pt x="271" y="91"/>
                    </a:lnTo>
                    <a:lnTo>
                      <a:pt x="261" y="91"/>
                    </a:lnTo>
                    <a:lnTo>
                      <a:pt x="252" y="93"/>
                    </a:lnTo>
                    <a:lnTo>
                      <a:pt x="245" y="93"/>
                    </a:lnTo>
                    <a:lnTo>
                      <a:pt x="240" y="94"/>
                    </a:lnTo>
                    <a:lnTo>
                      <a:pt x="235" y="94"/>
                    </a:lnTo>
                    <a:lnTo>
                      <a:pt x="232" y="94"/>
                    </a:lnTo>
                    <a:lnTo>
                      <a:pt x="230" y="94"/>
                    </a:lnTo>
                    <a:lnTo>
                      <a:pt x="232" y="94"/>
                    </a:lnTo>
                    <a:lnTo>
                      <a:pt x="232" y="96"/>
                    </a:lnTo>
                    <a:lnTo>
                      <a:pt x="232" y="100"/>
                    </a:lnTo>
                    <a:lnTo>
                      <a:pt x="232" y="106"/>
                    </a:lnTo>
                    <a:lnTo>
                      <a:pt x="232" y="111"/>
                    </a:lnTo>
                    <a:lnTo>
                      <a:pt x="234" y="118"/>
                    </a:lnTo>
                    <a:lnTo>
                      <a:pt x="232" y="125"/>
                    </a:lnTo>
                    <a:lnTo>
                      <a:pt x="232" y="128"/>
                    </a:lnTo>
                    <a:lnTo>
                      <a:pt x="232" y="130"/>
                    </a:lnTo>
                    <a:lnTo>
                      <a:pt x="225" y="130"/>
                    </a:lnTo>
                    <a:lnTo>
                      <a:pt x="220" y="133"/>
                    </a:lnTo>
                    <a:lnTo>
                      <a:pt x="215" y="138"/>
                    </a:lnTo>
                    <a:lnTo>
                      <a:pt x="212" y="145"/>
                    </a:lnTo>
                    <a:lnTo>
                      <a:pt x="208" y="152"/>
                    </a:lnTo>
                    <a:lnTo>
                      <a:pt x="206" y="157"/>
                    </a:lnTo>
                    <a:lnTo>
                      <a:pt x="205" y="160"/>
                    </a:lnTo>
                    <a:lnTo>
                      <a:pt x="198" y="157"/>
                    </a:lnTo>
                    <a:lnTo>
                      <a:pt x="191" y="157"/>
                    </a:lnTo>
                    <a:lnTo>
                      <a:pt x="183" y="162"/>
                    </a:lnTo>
                    <a:lnTo>
                      <a:pt x="174" y="169"/>
                    </a:lnTo>
                    <a:lnTo>
                      <a:pt x="168" y="177"/>
                    </a:lnTo>
                    <a:lnTo>
                      <a:pt x="161" y="184"/>
                    </a:lnTo>
                    <a:lnTo>
                      <a:pt x="156" y="188"/>
                    </a:lnTo>
                    <a:lnTo>
                      <a:pt x="154" y="188"/>
                    </a:lnTo>
                    <a:lnTo>
                      <a:pt x="152" y="182"/>
                    </a:lnTo>
                    <a:lnTo>
                      <a:pt x="149" y="181"/>
                    </a:lnTo>
                    <a:lnTo>
                      <a:pt x="147" y="179"/>
                    </a:lnTo>
                    <a:lnTo>
                      <a:pt x="144" y="179"/>
                    </a:lnTo>
                    <a:lnTo>
                      <a:pt x="140" y="181"/>
                    </a:lnTo>
                    <a:lnTo>
                      <a:pt x="137" y="182"/>
                    </a:lnTo>
                    <a:lnTo>
                      <a:pt x="134" y="186"/>
                    </a:lnTo>
                    <a:lnTo>
                      <a:pt x="132" y="191"/>
                    </a:lnTo>
                    <a:lnTo>
                      <a:pt x="129" y="194"/>
                    </a:lnTo>
                    <a:lnTo>
                      <a:pt x="125" y="199"/>
                    </a:lnTo>
                    <a:lnTo>
                      <a:pt x="124" y="204"/>
                    </a:lnTo>
                    <a:lnTo>
                      <a:pt x="122" y="208"/>
                    </a:lnTo>
                    <a:lnTo>
                      <a:pt x="118" y="213"/>
                    </a:lnTo>
                    <a:lnTo>
                      <a:pt x="118" y="215"/>
                    </a:lnTo>
                    <a:lnTo>
                      <a:pt x="117" y="216"/>
                    </a:lnTo>
                    <a:lnTo>
                      <a:pt x="117" y="218"/>
                    </a:lnTo>
                    <a:lnTo>
                      <a:pt x="108" y="220"/>
                    </a:lnTo>
                    <a:lnTo>
                      <a:pt x="100" y="223"/>
                    </a:lnTo>
                    <a:lnTo>
                      <a:pt x="91" y="228"/>
                    </a:lnTo>
                    <a:lnTo>
                      <a:pt x="83" y="235"/>
                    </a:lnTo>
                    <a:lnTo>
                      <a:pt x="78" y="240"/>
                    </a:lnTo>
                    <a:lnTo>
                      <a:pt x="71" y="247"/>
                    </a:lnTo>
                    <a:lnTo>
                      <a:pt x="68" y="250"/>
                    </a:lnTo>
                    <a:lnTo>
                      <a:pt x="66" y="252"/>
                    </a:lnTo>
                    <a:lnTo>
                      <a:pt x="56" y="252"/>
                    </a:lnTo>
                    <a:lnTo>
                      <a:pt x="47" y="255"/>
                    </a:lnTo>
                    <a:lnTo>
                      <a:pt x="41" y="259"/>
                    </a:lnTo>
                    <a:lnTo>
                      <a:pt x="34" y="264"/>
                    </a:lnTo>
                    <a:lnTo>
                      <a:pt x="31" y="269"/>
                    </a:lnTo>
                    <a:lnTo>
                      <a:pt x="27" y="274"/>
                    </a:lnTo>
                    <a:lnTo>
                      <a:pt x="25" y="277"/>
                    </a:lnTo>
                    <a:lnTo>
                      <a:pt x="25" y="279"/>
                    </a:lnTo>
                    <a:lnTo>
                      <a:pt x="24" y="286"/>
                    </a:lnTo>
                    <a:lnTo>
                      <a:pt x="20" y="291"/>
                    </a:lnTo>
                    <a:lnTo>
                      <a:pt x="17" y="296"/>
                    </a:lnTo>
                    <a:lnTo>
                      <a:pt x="12" y="298"/>
                    </a:lnTo>
                    <a:lnTo>
                      <a:pt x="9" y="299"/>
                    </a:lnTo>
                    <a:lnTo>
                      <a:pt x="3" y="299"/>
                    </a:lnTo>
                    <a:lnTo>
                      <a:pt x="0" y="299"/>
                    </a:lnTo>
                    <a:lnTo>
                      <a:pt x="0" y="333"/>
                    </a:lnTo>
                    <a:lnTo>
                      <a:pt x="124" y="314"/>
                    </a:lnTo>
                    <a:lnTo>
                      <a:pt x="125" y="316"/>
                    </a:lnTo>
                    <a:lnTo>
                      <a:pt x="127" y="314"/>
                    </a:lnTo>
                    <a:lnTo>
                      <a:pt x="129" y="313"/>
                    </a:lnTo>
                    <a:lnTo>
                      <a:pt x="132" y="309"/>
                    </a:lnTo>
                    <a:lnTo>
                      <a:pt x="135" y="306"/>
                    </a:lnTo>
                    <a:lnTo>
                      <a:pt x="140" y="303"/>
                    </a:lnTo>
                    <a:lnTo>
                      <a:pt x="146" y="299"/>
                    </a:lnTo>
                    <a:lnTo>
                      <a:pt x="152" y="296"/>
                    </a:lnTo>
                    <a:lnTo>
                      <a:pt x="157" y="292"/>
                    </a:lnTo>
                    <a:lnTo>
                      <a:pt x="166" y="287"/>
                    </a:lnTo>
                    <a:lnTo>
                      <a:pt x="173" y="284"/>
                    </a:lnTo>
                    <a:lnTo>
                      <a:pt x="181" y="281"/>
                    </a:lnTo>
                    <a:lnTo>
                      <a:pt x="190" y="279"/>
                    </a:lnTo>
                    <a:lnTo>
                      <a:pt x="200" y="277"/>
                    </a:lnTo>
                    <a:lnTo>
                      <a:pt x="210" y="274"/>
                    </a:lnTo>
                    <a:lnTo>
                      <a:pt x="218" y="274"/>
                    </a:lnTo>
                    <a:lnTo>
                      <a:pt x="311" y="265"/>
                    </a:lnTo>
                    <a:lnTo>
                      <a:pt x="313" y="265"/>
                    </a:lnTo>
                    <a:lnTo>
                      <a:pt x="315" y="264"/>
                    </a:lnTo>
                    <a:lnTo>
                      <a:pt x="320" y="264"/>
                    </a:lnTo>
                    <a:lnTo>
                      <a:pt x="327" y="264"/>
                    </a:lnTo>
                    <a:lnTo>
                      <a:pt x="333" y="265"/>
                    </a:lnTo>
                    <a:lnTo>
                      <a:pt x="340" y="269"/>
                    </a:lnTo>
                    <a:lnTo>
                      <a:pt x="347" y="276"/>
                    </a:lnTo>
                    <a:lnTo>
                      <a:pt x="355" y="287"/>
                    </a:lnTo>
                    <a:lnTo>
                      <a:pt x="359" y="301"/>
                    </a:lnTo>
                    <a:lnTo>
                      <a:pt x="467" y="284"/>
                    </a:lnTo>
                    <a:lnTo>
                      <a:pt x="597" y="379"/>
                    </a:lnTo>
                    <a:lnTo>
                      <a:pt x="601" y="379"/>
                    </a:lnTo>
                    <a:lnTo>
                      <a:pt x="602" y="379"/>
                    </a:lnTo>
                    <a:lnTo>
                      <a:pt x="604" y="37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66" name="Freeform 164"/>
              <p:cNvSpPr>
                <a:spLocks/>
              </p:cNvSpPr>
              <p:nvPr/>
            </p:nvSpPr>
            <p:spPr bwMode="auto">
              <a:xfrm>
                <a:off x="4106" y="2082"/>
                <a:ext cx="834" cy="379"/>
              </a:xfrm>
              <a:custGeom>
                <a:avLst/>
                <a:gdLst>
                  <a:gd name="T0" fmla="*/ 648 w 834"/>
                  <a:gd name="T1" fmla="*/ 360 h 379"/>
                  <a:gd name="T2" fmla="*/ 658 w 834"/>
                  <a:gd name="T3" fmla="*/ 335 h 379"/>
                  <a:gd name="T4" fmla="*/ 662 w 834"/>
                  <a:gd name="T5" fmla="*/ 353 h 379"/>
                  <a:gd name="T6" fmla="*/ 675 w 834"/>
                  <a:gd name="T7" fmla="*/ 309 h 379"/>
                  <a:gd name="T8" fmla="*/ 697 w 834"/>
                  <a:gd name="T9" fmla="*/ 279 h 379"/>
                  <a:gd name="T10" fmla="*/ 702 w 834"/>
                  <a:gd name="T11" fmla="*/ 264 h 379"/>
                  <a:gd name="T12" fmla="*/ 729 w 834"/>
                  <a:gd name="T13" fmla="*/ 248 h 379"/>
                  <a:gd name="T14" fmla="*/ 758 w 834"/>
                  <a:gd name="T15" fmla="*/ 232 h 379"/>
                  <a:gd name="T16" fmla="*/ 768 w 834"/>
                  <a:gd name="T17" fmla="*/ 233 h 379"/>
                  <a:gd name="T18" fmla="*/ 780 w 834"/>
                  <a:gd name="T19" fmla="*/ 230 h 379"/>
                  <a:gd name="T20" fmla="*/ 790 w 834"/>
                  <a:gd name="T21" fmla="*/ 218 h 379"/>
                  <a:gd name="T22" fmla="*/ 795 w 834"/>
                  <a:gd name="T23" fmla="*/ 193 h 379"/>
                  <a:gd name="T24" fmla="*/ 790 w 834"/>
                  <a:gd name="T25" fmla="*/ 201 h 379"/>
                  <a:gd name="T26" fmla="*/ 784 w 834"/>
                  <a:gd name="T27" fmla="*/ 188 h 379"/>
                  <a:gd name="T28" fmla="*/ 772 w 834"/>
                  <a:gd name="T29" fmla="*/ 198 h 379"/>
                  <a:gd name="T30" fmla="*/ 733 w 834"/>
                  <a:gd name="T31" fmla="*/ 199 h 379"/>
                  <a:gd name="T32" fmla="*/ 763 w 834"/>
                  <a:gd name="T33" fmla="*/ 194 h 379"/>
                  <a:gd name="T34" fmla="*/ 772 w 834"/>
                  <a:gd name="T35" fmla="*/ 164 h 379"/>
                  <a:gd name="T36" fmla="*/ 750 w 834"/>
                  <a:gd name="T37" fmla="*/ 159 h 379"/>
                  <a:gd name="T38" fmla="*/ 726 w 834"/>
                  <a:gd name="T39" fmla="*/ 149 h 379"/>
                  <a:gd name="T40" fmla="*/ 746 w 834"/>
                  <a:gd name="T41" fmla="*/ 149 h 379"/>
                  <a:gd name="T42" fmla="*/ 765 w 834"/>
                  <a:gd name="T43" fmla="*/ 144 h 379"/>
                  <a:gd name="T44" fmla="*/ 777 w 834"/>
                  <a:gd name="T45" fmla="*/ 138 h 379"/>
                  <a:gd name="T46" fmla="*/ 787 w 834"/>
                  <a:gd name="T47" fmla="*/ 149 h 379"/>
                  <a:gd name="T48" fmla="*/ 809 w 834"/>
                  <a:gd name="T49" fmla="*/ 147 h 379"/>
                  <a:gd name="T50" fmla="*/ 831 w 834"/>
                  <a:gd name="T51" fmla="*/ 113 h 379"/>
                  <a:gd name="T52" fmla="*/ 834 w 834"/>
                  <a:gd name="T53" fmla="*/ 105 h 379"/>
                  <a:gd name="T54" fmla="*/ 824 w 834"/>
                  <a:gd name="T55" fmla="*/ 67 h 379"/>
                  <a:gd name="T56" fmla="*/ 809 w 834"/>
                  <a:gd name="T57" fmla="*/ 79 h 379"/>
                  <a:gd name="T58" fmla="*/ 806 w 834"/>
                  <a:gd name="T59" fmla="*/ 105 h 379"/>
                  <a:gd name="T60" fmla="*/ 800 w 834"/>
                  <a:gd name="T61" fmla="*/ 84 h 379"/>
                  <a:gd name="T62" fmla="*/ 792 w 834"/>
                  <a:gd name="T63" fmla="*/ 67 h 379"/>
                  <a:gd name="T64" fmla="*/ 763 w 834"/>
                  <a:gd name="T65" fmla="*/ 79 h 379"/>
                  <a:gd name="T66" fmla="*/ 743 w 834"/>
                  <a:gd name="T67" fmla="*/ 88 h 379"/>
                  <a:gd name="T68" fmla="*/ 726 w 834"/>
                  <a:gd name="T69" fmla="*/ 91 h 379"/>
                  <a:gd name="T70" fmla="*/ 748 w 834"/>
                  <a:gd name="T71" fmla="*/ 78 h 379"/>
                  <a:gd name="T72" fmla="*/ 763 w 834"/>
                  <a:gd name="T73" fmla="*/ 66 h 379"/>
                  <a:gd name="T74" fmla="*/ 758 w 834"/>
                  <a:gd name="T75" fmla="*/ 52 h 379"/>
                  <a:gd name="T76" fmla="*/ 789 w 834"/>
                  <a:gd name="T77" fmla="*/ 50 h 379"/>
                  <a:gd name="T78" fmla="*/ 777 w 834"/>
                  <a:gd name="T79" fmla="*/ 34 h 379"/>
                  <a:gd name="T80" fmla="*/ 792 w 834"/>
                  <a:gd name="T81" fmla="*/ 40 h 379"/>
                  <a:gd name="T82" fmla="*/ 817 w 834"/>
                  <a:gd name="T83" fmla="*/ 50 h 379"/>
                  <a:gd name="T84" fmla="*/ 790 w 834"/>
                  <a:gd name="T85" fmla="*/ 15 h 379"/>
                  <a:gd name="T86" fmla="*/ 636 w 834"/>
                  <a:gd name="T87" fmla="*/ 32 h 379"/>
                  <a:gd name="T88" fmla="*/ 464 w 834"/>
                  <a:gd name="T89" fmla="*/ 64 h 379"/>
                  <a:gd name="T90" fmla="*/ 333 w 834"/>
                  <a:gd name="T91" fmla="*/ 83 h 379"/>
                  <a:gd name="T92" fmla="*/ 252 w 834"/>
                  <a:gd name="T93" fmla="*/ 93 h 379"/>
                  <a:gd name="T94" fmla="*/ 232 w 834"/>
                  <a:gd name="T95" fmla="*/ 94 h 379"/>
                  <a:gd name="T96" fmla="*/ 232 w 834"/>
                  <a:gd name="T97" fmla="*/ 125 h 379"/>
                  <a:gd name="T98" fmla="*/ 212 w 834"/>
                  <a:gd name="T99" fmla="*/ 145 h 379"/>
                  <a:gd name="T100" fmla="*/ 191 w 834"/>
                  <a:gd name="T101" fmla="*/ 157 h 379"/>
                  <a:gd name="T102" fmla="*/ 154 w 834"/>
                  <a:gd name="T103" fmla="*/ 188 h 379"/>
                  <a:gd name="T104" fmla="*/ 134 w 834"/>
                  <a:gd name="T105" fmla="*/ 186 h 379"/>
                  <a:gd name="T106" fmla="*/ 118 w 834"/>
                  <a:gd name="T107" fmla="*/ 215 h 379"/>
                  <a:gd name="T108" fmla="*/ 83 w 834"/>
                  <a:gd name="T109" fmla="*/ 235 h 379"/>
                  <a:gd name="T110" fmla="*/ 47 w 834"/>
                  <a:gd name="T111" fmla="*/ 255 h 379"/>
                  <a:gd name="T112" fmla="*/ 25 w 834"/>
                  <a:gd name="T113" fmla="*/ 279 h 379"/>
                  <a:gd name="T114" fmla="*/ 0 w 834"/>
                  <a:gd name="T115" fmla="*/ 299 h 379"/>
                  <a:gd name="T116" fmla="*/ 127 w 834"/>
                  <a:gd name="T117" fmla="*/ 314 h 379"/>
                  <a:gd name="T118" fmla="*/ 157 w 834"/>
                  <a:gd name="T119" fmla="*/ 292 h 379"/>
                  <a:gd name="T120" fmla="*/ 218 w 834"/>
                  <a:gd name="T121" fmla="*/ 274 h 379"/>
                  <a:gd name="T122" fmla="*/ 333 w 834"/>
                  <a:gd name="T123" fmla="*/ 265 h 379"/>
                  <a:gd name="T124" fmla="*/ 597 w 834"/>
                  <a:gd name="T125" fmla="*/ 379 h 379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  <a:gd name="T189" fmla="*/ 0 w 834"/>
                  <a:gd name="T190" fmla="*/ 0 h 379"/>
                  <a:gd name="T191" fmla="*/ 834 w 834"/>
                  <a:gd name="T192" fmla="*/ 379 h 379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T189" t="T190" r="T191" b="T192"/>
                <a:pathLst>
                  <a:path w="834" h="379">
                    <a:moveTo>
                      <a:pt x="604" y="377"/>
                    </a:moveTo>
                    <a:lnTo>
                      <a:pt x="604" y="377"/>
                    </a:lnTo>
                    <a:lnTo>
                      <a:pt x="618" y="369"/>
                    </a:lnTo>
                    <a:lnTo>
                      <a:pt x="628" y="362"/>
                    </a:lnTo>
                    <a:lnTo>
                      <a:pt x="636" y="360"/>
                    </a:lnTo>
                    <a:lnTo>
                      <a:pt x="643" y="360"/>
                    </a:lnTo>
                    <a:lnTo>
                      <a:pt x="648" y="360"/>
                    </a:lnTo>
                    <a:lnTo>
                      <a:pt x="650" y="362"/>
                    </a:lnTo>
                    <a:lnTo>
                      <a:pt x="653" y="364"/>
                    </a:lnTo>
                    <a:lnTo>
                      <a:pt x="653" y="365"/>
                    </a:lnTo>
                    <a:lnTo>
                      <a:pt x="653" y="333"/>
                    </a:lnTo>
                    <a:lnTo>
                      <a:pt x="657" y="333"/>
                    </a:lnTo>
                    <a:lnTo>
                      <a:pt x="658" y="335"/>
                    </a:lnTo>
                    <a:lnTo>
                      <a:pt x="658" y="338"/>
                    </a:lnTo>
                    <a:lnTo>
                      <a:pt x="658" y="340"/>
                    </a:lnTo>
                    <a:lnTo>
                      <a:pt x="660" y="345"/>
                    </a:lnTo>
                    <a:lnTo>
                      <a:pt x="662" y="348"/>
                    </a:lnTo>
                    <a:lnTo>
                      <a:pt x="662" y="352"/>
                    </a:lnTo>
                    <a:lnTo>
                      <a:pt x="662" y="353"/>
                    </a:lnTo>
                    <a:lnTo>
                      <a:pt x="663" y="345"/>
                    </a:lnTo>
                    <a:lnTo>
                      <a:pt x="663" y="338"/>
                    </a:lnTo>
                    <a:lnTo>
                      <a:pt x="667" y="330"/>
                    </a:lnTo>
                    <a:lnTo>
                      <a:pt x="668" y="323"/>
                    </a:lnTo>
                    <a:lnTo>
                      <a:pt x="672" y="316"/>
                    </a:lnTo>
                    <a:lnTo>
                      <a:pt x="675" y="309"/>
                    </a:lnTo>
                    <a:lnTo>
                      <a:pt x="679" y="303"/>
                    </a:lnTo>
                    <a:lnTo>
                      <a:pt x="682" y="298"/>
                    </a:lnTo>
                    <a:lnTo>
                      <a:pt x="685" y="292"/>
                    </a:lnTo>
                    <a:lnTo>
                      <a:pt x="689" y="289"/>
                    </a:lnTo>
                    <a:lnTo>
                      <a:pt x="692" y="286"/>
                    </a:lnTo>
                    <a:lnTo>
                      <a:pt x="696" y="282"/>
                    </a:lnTo>
                    <a:lnTo>
                      <a:pt x="697" y="279"/>
                    </a:lnTo>
                    <a:lnTo>
                      <a:pt x="699" y="277"/>
                    </a:lnTo>
                    <a:lnTo>
                      <a:pt x="701" y="277"/>
                    </a:lnTo>
                    <a:lnTo>
                      <a:pt x="701" y="276"/>
                    </a:lnTo>
                    <a:lnTo>
                      <a:pt x="696" y="267"/>
                    </a:lnTo>
                    <a:lnTo>
                      <a:pt x="702" y="262"/>
                    </a:lnTo>
                    <a:lnTo>
                      <a:pt x="702" y="264"/>
                    </a:lnTo>
                    <a:lnTo>
                      <a:pt x="704" y="267"/>
                    </a:lnTo>
                    <a:lnTo>
                      <a:pt x="706" y="270"/>
                    </a:lnTo>
                    <a:lnTo>
                      <a:pt x="707" y="270"/>
                    </a:lnTo>
                    <a:lnTo>
                      <a:pt x="714" y="262"/>
                    </a:lnTo>
                    <a:lnTo>
                      <a:pt x="721" y="254"/>
                    </a:lnTo>
                    <a:lnTo>
                      <a:pt x="729" y="248"/>
                    </a:lnTo>
                    <a:lnTo>
                      <a:pt x="738" y="243"/>
                    </a:lnTo>
                    <a:lnTo>
                      <a:pt x="745" y="242"/>
                    </a:lnTo>
                    <a:lnTo>
                      <a:pt x="751" y="240"/>
                    </a:lnTo>
                    <a:lnTo>
                      <a:pt x="756" y="238"/>
                    </a:lnTo>
                    <a:lnTo>
                      <a:pt x="758" y="238"/>
                    </a:lnTo>
                    <a:lnTo>
                      <a:pt x="758" y="232"/>
                    </a:lnTo>
                    <a:lnTo>
                      <a:pt x="760" y="230"/>
                    </a:lnTo>
                    <a:lnTo>
                      <a:pt x="762" y="228"/>
                    </a:lnTo>
                    <a:lnTo>
                      <a:pt x="763" y="228"/>
                    </a:lnTo>
                    <a:lnTo>
                      <a:pt x="765" y="230"/>
                    </a:lnTo>
                    <a:lnTo>
                      <a:pt x="767" y="230"/>
                    </a:lnTo>
                    <a:lnTo>
                      <a:pt x="768" y="232"/>
                    </a:lnTo>
                    <a:lnTo>
                      <a:pt x="768" y="233"/>
                    </a:lnTo>
                    <a:lnTo>
                      <a:pt x="770" y="230"/>
                    </a:lnTo>
                    <a:lnTo>
                      <a:pt x="772" y="228"/>
                    </a:lnTo>
                    <a:lnTo>
                      <a:pt x="773" y="226"/>
                    </a:lnTo>
                    <a:lnTo>
                      <a:pt x="775" y="228"/>
                    </a:lnTo>
                    <a:lnTo>
                      <a:pt x="778" y="228"/>
                    </a:lnTo>
                    <a:lnTo>
                      <a:pt x="780" y="230"/>
                    </a:lnTo>
                    <a:lnTo>
                      <a:pt x="782" y="230"/>
                    </a:lnTo>
                    <a:lnTo>
                      <a:pt x="784" y="230"/>
                    </a:lnTo>
                    <a:lnTo>
                      <a:pt x="785" y="226"/>
                    </a:lnTo>
                    <a:lnTo>
                      <a:pt x="787" y="223"/>
                    </a:lnTo>
                    <a:lnTo>
                      <a:pt x="790" y="218"/>
                    </a:lnTo>
                    <a:lnTo>
                      <a:pt x="792" y="215"/>
                    </a:lnTo>
                    <a:lnTo>
                      <a:pt x="795" y="210"/>
                    </a:lnTo>
                    <a:lnTo>
                      <a:pt x="797" y="208"/>
                    </a:lnTo>
                    <a:lnTo>
                      <a:pt x="797" y="204"/>
                    </a:lnTo>
                    <a:lnTo>
                      <a:pt x="797" y="196"/>
                    </a:lnTo>
                    <a:lnTo>
                      <a:pt x="795" y="193"/>
                    </a:lnTo>
                    <a:lnTo>
                      <a:pt x="795" y="191"/>
                    </a:lnTo>
                    <a:lnTo>
                      <a:pt x="794" y="193"/>
                    </a:lnTo>
                    <a:lnTo>
                      <a:pt x="792" y="194"/>
                    </a:lnTo>
                    <a:lnTo>
                      <a:pt x="790" y="198"/>
                    </a:lnTo>
                    <a:lnTo>
                      <a:pt x="790" y="199"/>
                    </a:lnTo>
                    <a:lnTo>
                      <a:pt x="790" y="201"/>
                    </a:lnTo>
                    <a:lnTo>
                      <a:pt x="789" y="201"/>
                    </a:lnTo>
                    <a:lnTo>
                      <a:pt x="787" y="199"/>
                    </a:lnTo>
                    <a:lnTo>
                      <a:pt x="785" y="199"/>
                    </a:lnTo>
                    <a:lnTo>
                      <a:pt x="785" y="198"/>
                    </a:lnTo>
                    <a:lnTo>
                      <a:pt x="784" y="191"/>
                    </a:lnTo>
                    <a:lnTo>
                      <a:pt x="784" y="188"/>
                    </a:lnTo>
                    <a:lnTo>
                      <a:pt x="784" y="186"/>
                    </a:lnTo>
                    <a:lnTo>
                      <a:pt x="782" y="188"/>
                    </a:lnTo>
                    <a:lnTo>
                      <a:pt x="780" y="189"/>
                    </a:lnTo>
                    <a:lnTo>
                      <a:pt x="780" y="193"/>
                    </a:lnTo>
                    <a:lnTo>
                      <a:pt x="780" y="194"/>
                    </a:lnTo>
                    <a:lnTo>
                      <a:pt x="780" y="196"/>
                    </a:lnTo>
                    <a:lnTo>
                      <a:pt x="772" y="198"/>
                    </a:lnTo>
                    <a:lnTo>
                      <a:pt x="753" y="215"/>
                    </a:lnTo>
                    <a:lnTo>
                      <a:pt x="741" y="213"/>
                    </a:lnTo>
                    <a:lnTo>
                      <a:pt x="724" y="198"/>
                    </a:lnTo>
                    <a:lnTo>
                      <a:pt x="726" y="198"/>
                    </a:lnTo>
                    <a:lnTo>
                      <a:pt x="729" y="199"/>
                    </a:lnTo>
                    <a:lnTo>
                      <a:pt x="733" y="199"/>
                    </a:lnTo>
                    <a:lnTo>
                      <a:pt x="736" y="201"/>
                    </a:lnTo>
                    <a:lnTo>
                      <a:pt x="741" y="204"/>
                    </a:lnTo>
                    <a:lnTo>
                      <a:pt x="748" y="204"/>
                    </a:lnTo>
                    <a:lnTo>
                      <a:pt x="753" y="203"/>
                    </a:lnTo>
                    <a:lnTo>
                      <a:pt x="758" y="199"/>
                    </a:lnTo>
                    <a:lnTo>
                      <a:pt x="763" y="194"/>
                    </a:lnTo>
                    <a:lnTo>
                      <a:pt x="767" y="191"/>
                    </a:lnTo>
                    <a:lnTo>
                      <a:pt x="770" y="188"/>
                    </a:lnTo>
                    <a:lnTo>
                      <a:pt x="770" y="186"/>
                    </a:lnTo>
                    <a:lnTo>
                      <a:pt x="760" y="182"/>
                    </a:lnTo>
                    <a:lnTo>
                      <a:pt x="758" y="177"/>
                    </a:lnTo>
                    <a:lnTo>
                      <a:pt x="768" y="176"/>
                    </a:lnTo>
                    <a:lnTo>
                      <a:pt x="772" y="164"/>
                    </a:lnTo>
                    <a:lnTo>
                      <a:pt x="770" y="164"/>
                    </a:lnTo>
                    <a:lnTo>
                      <a:pt x="768" y="164"/>
                    </a:lnTo>
                    <a:lnTo>
                      <a:pt x="767" y="164"/>
                    </a:lnTo>
                    <a:lnTo>
                      <a:pt x="763" y="162"/>
                    </a:lnTo>
                    <a:lnTo>
                      <a:pt x="750" y="159"/>
                    </a:lnTo>
                    <a:lnTo>
                      <a:pt x="740" y="155"/>
                    </a:lnTo>
                    <a:lnTo>
                      <a:pt x="731" y="154"/>
                    </a:lnTo>
                    <a:lnTo>
                      <a:pt x="728" y="152"/>
                    </a:lnTo>
                    <a:lnTo>
                      <a:pt x="724" y="150"/>
                    </a:lnTo>
                    <a:lnTo>
                      <a:pt x="723" y="150"/>
                    </a:lnTo>
                    <a:lnTo>
                      <a:pt x="724" y="149"/>
                    </a:lnTo>
                    <a:lnTo>
                      <a:pt x="726" y="149"/>
                    </a:lnTo>
                    <a:lnTo>
                      <a:pt x="728" y="149"/>
                    </a:lnTo>
                    <a:lnTo>
                      <a:pt x="731" y="147"/>
                    </a:lnTo>
                    <a:lnTo>
                      <a:pt x="736" y="149"/>
                    </a:lnTo>
                    <a:lnTo>
                      <a:pt x="740" y="149"/>
                    </a:lnTo>
                    <a:lnTo>
                      <a:pt x="743" y="149"/>
                    </a:lnTo>
                    <a:lnTo>
                      <a:pt x="745" y="149"/>
                    </a:lnTo>
                    <a:lnTo>
                      <a:pt x="746" y="149"/>
                    </a:lnTo>
                    <a:lnTo>
                      <a:pt x="748" y="149"/>
                    </a:lnTo>
                    <a:lnTo>
                      <a:pt x="746" y="138"/>
                    </a:lnTo>
                    <a:lnTo>
                      <a:pt x="755" y="135"/>
                    </a:lnTo>
                    <a:lnTo>
                      <a:pt x="760" y="144"/>
                    </a:lnTo>
                    <a:lnTo>
                      <a:pt x="762" y="144"/>
                    </a:lnTo>
                    <a:lnTo>
                      <a:pt x="765" y="144"/>
                    </a:lnTo>
                    <a:lnTo>
                      <a:pt x="767" y="145"/>
                    </a:lnTo>
                    <a:lnTo>
                      <a:pt x="768" y="144"/>
                    </a:lnTo>
                    <a:lnTo>
                      <a:pt x="770" y="138"/>
                    </a:lnTo>
                    <a:lnTo>
                      <a:pt x="772" y="135"/>
                    </a:lnTo>
                    <a:lnTo>
                      <a:pt x="773" y="137"/>
                    </a:lnTo>
                    <a:lnTo>
                      <a:pt x="777" y="138"/>
                    </a:lnTo>
                    <a:lnTo>
                      <a:pt x="778" y="142"/>
                    </a:lnTo>
                    <a:lnTo>
                      <a:pt x="782" y="145"/>
                    </a:lnTo>
                    <a:lnTo>
                      <a:pt x="784" y="147"/>
                    </a:lnTo>
                    <a:lnTo>
                      <a:pt x="784" y="149"/>
                    </a:lnTo>
                    <a:lnTo>
                      <a:pt x="785" y="149"/>
                    </a:lnTo>
                    <a:lnTo>
                      <a:pt x="787" y="149"/>
                    </a:lnTo>
                    <a:lnTo>
                      <a:pt x="792" y="149"/>
                    </a:lnTo>
                    <a:lnTo>
                      <a:pt x="795" y="149"/>
                    </a:lnTo>
                    <a:lnTo>
                      <a:pt x="800" y="149"/>
                    </a:lnTo>
                    <a:lnTo>
                      <a:pt x="804" y="147"/>
                    </a:lnTo>
                    <a:lnTo>
                      <a:pt x="807" y="147"/>
                    </a:lnTo>
                    <a:lnTo>
                      <a:pt x="809" y="147"/>
                    </a:lnTo>
                    <a:lnTo>
                      <a:pt x="814" y="130"/>
                    </a:lnTo>
                    <a:lnTo>
                      <a:pt x="819" y="120"/>
                    </a:lnTo>
                    <a:lnTo>
                      <a:pt x="824" y="113"/>
                    </a:lnTo>
                    <a:lnTo>
                      <a:pt x="826" y="110"/>
                    </a:lnTo>
                    <a:lnTo>
                      <a:pt x="828" y="110"/>
                    </a:lnTo>
                    <a:lnTo>
                      <a:pt x="829" y="111"/>
                    </a:lnTo>
                    <a:lnTo>
                      <a:pt x="831" y="113"/>
                    </a:lnTo>
                    <a:lnTo>
                      <a:pt x="831" y="111"/>
                    </a:lnTo>
                    <a:lnTo>
                      <a:pt x="833" y="110"/>
                    </a:lnTo>
                    <a:lnTo>
                      <a:pt x="834" y="106"/>
                    </a:lnTo>
                    <a:lnTo>
                      <a:pt x="834" y="105"/>
                    </a:lnTo>
                    <a:lnTo>
                      <a:pt x="834" y="96"/>
                    </a:lnTo>
                    <a:lnTo>
                      <a:pt x="833" y="88"/>
                    </a:lnTo>
                    <a:lnTo>
                      <a:pt x="831" y="81"/>
                    </a:lnTo>
                    <a:lnTo>
                      <a:pt x="829" y="76"/>
                    </a:lnTo>
                    <a:lnTo>
                      <a:pt x="828" y="72"/>
                    </a:lnTo>
                    <a:lnTo>
                      <a:pt x="826" y="69"/>
                    </a:lnTo>
                    <a:lnTo>
                      <a:pt x="824" y="67"/>
                    </a:lnTo>
                    <a:lnTo>
                      <a:pt x="817" y="72"/>
                    </a:lnTo>
                    <a:lnTo>
                      <a:pt x="816" y="72"/>
                    </a:lnTo>
                    <a:lnTo>
                      <a:pt x="814" y="74"/>
                    </a:lnTo>
                    <a:lnTo>
                      <a:pt x="811" y="76"/>
                    </a:lnTo>
                    <a:lnTo>
                      <a:pt x="809" y="79"/>
                    </a:lnTo>
                    <a:lnTo>
                      <a:pt x="809" y="89"/>
                    </a:lnTo>
                    <a:lnTo>
                      <a:pt x="809" y="96"/>
                    </a:lnTo>
                    <a:lnTo>
                      <a:pt x="807" y="101"/>
                    </a:lnTo>
                    <a:lnTo>
                      <a:pt x="807" y="105"/>
                    </a:lnTo>
                    <a:lnTo>
                      <a:pt x="807" y="106"/>
                    </a:lnTo>
                    <a:lnTo>
                      <a:pt x="806" y="105"/>
                    </a:lnTo>
                    <a:lnTo>
                      <a:pt x="806" y="101"/>
                    </a:lnTo>
                    <a:lnTo>
                      <a:pt x="804" y="98"/>
                    </a:lnTo>
                    <a:lnTo>
                      <a:pt x="802" y="94"/>
                    </a:lnTo>
                    <a:lnTo>
                      <a:pt x="802" y="91"/>
                    </a:lnTo>
                    <a:lnTo>
                      <a:pt x="802" y="88"/>
                    </a:lnTo>
                    <a:lnTo>
                      <a:pt x="800" y="84"/>
                    </a:lnTo>
                    <a:lnTo>
                      <a:pt x="800" y="81"/>
                    </a:lnTo>
                    <a:lnTo>
                      <a:pt x="800" y="79"/>
                    </a:lnTo>
                    <a:lnTo>
                      <a:pt x="800" y="78"/>
                    </a:lnTo>
                    <a:lnTo>
                      <a:pt x="799" y="71"/>
                    </a:lnTo>
                    <a:lnTo>
                      <a:pt x="797" y="67"/>
                    </a:lnTo>
                    <a:lnTo>
                      <a:pt x="792" y="67"/>
                    </a:lnTo>
                    <a:lnTo>
                      <a:pt x="789" y="69"/>
                    </a:lnTo>
                    <a:lnTo>
                      <a:pt x="784" y="72"/>
                    </a:lnTo>
                    <a:lnTo>
                      <a:pt x="778" y="76"/>
                    </a:lnTo>
                    <a:lnTo>
                      <a:pt x="777" y="78"/>
                    </a:lnTo>
                    <a:lnTo>
                      <a:pt x="775" y="79"/>
                    </a:lnTo>
                    <a:lnTo>
                      <a:pt x="763" y="79"/>
                    </a:lnTo>
                    <a:lnTo>
                      <a:pt x="762" y="81"/>
                    </a:lnTo>
                    <a:lnTo>
                      <a:pt x="760" y="81"/>
                    </a:lnTo>
                    <a:lnTo>
                      <a:pt x="756" y="83"/>
                    </a:lnTo>
                    <a:lnTo>
                      <a:pt x="753" y="83"/>
                    </a:lnTo>
                    <a:lnTo>
                      <a:pt x="750" y="84"/>
                    </a:lnTo>
                    <a:lnTo>
                      <a:pt x="745" y="86"/>
                    </a:lnTo>
                    <a:lnTo>
                      <a:pt x="743" y="88"/>
                    </a:lnTo>
                    <a:lnTo>
                      <a:pt x="741" y="88"/>
                    </a:lnTo>
                    <a:lnTo>
                      <a:pt x="731" y="94"/>
                    </a:lnTo>
                    <a:lnTo>
                      <a:pt x="726" y="96"/>
                    </a:lnTo>
                    <a:lnTo>
                      <a:pt x="724" y="96"/>
                    </a:lnTo>
                    <a:lnTo>
                      <a:pt x="724" y="94"/>
                    </a:lnTo>
                    <a:lnTo>
                      <a:pt x="726" y="91"/>
                    </a:lnTo>
                    <a:lnTo>
                      <a:pt x="729" y="88"/>
                    </a:lnTo>
                    <a:lnTo>
                      <a:pt x="731" y="84"/>
                    </a:lnTo>
                    <a:lnTo>
                      <a:pt x="733" y="84"/>
                    </a:lnTo>
                    <a:lnTo>
                      <a:pt x="724" y="66"/>
                    </a:lnTo>
                    <a:lnTo>
                      <a:pt x="731" y="61"/>
                    </a:lnTo>
                    <a:lnTo>
                      <a:pt x="736" y="71"/>
                    </a:lnTo>
                    <a:lnTo>
                      <a:pt x="748" y="78"/>
                    </a:lnTo>
                    <a:lnTo>
                      <a:pt x="751" y="76"/>
                    </a:lnTo>
                    <a:lnTo>
                      <a:pt x="755" y="72"/>
                    </a:lnTo>
                    <a:lnTo>
                      <a:pt x="758" y="71"/>
                    </a:lnTo>
                    <a:lnTo>
                      <a:pt x="762" y="67"/>
                    </a:lnTo>
                    <a:lnTo>
                      <a:pt x="763" y="66"/>
                    </a:lnTo>
                    <a:lnTo>
                      <a:pt x="765" y="64"/>
                    </a:lnTo>
                    <a:lnTo>
                      <a:pt x="765" y="62"/>
                    </a:lnTo>
                    <a:lnTo>
                      <a:pt x="756" y="56"/>
                    </a:lnTo>
                    <a:lnTo>
                      <a:pt x="753" y="52"/>
                    </a:lnTo>
                    <a:lnTo>
                      <a:pt x="755" y="52"/>
                    </a:lnTo>
                    <a:lnTo>
                      <a:pt x="758" y="52"/>
                    </a:lnTo>
                    <a:lnTo>
                      <a:pt x="763" y="54"/>
                    </a:lnTo>
                    <a:lnTo>
                      <a:pt x="768" y="56"/>
                    </a:lnTo>
                    <a:lnTo>
                      <a:pt x="772" y="57"/>
                    </a:lnTo>
                    <a:lnTo>
                      <a:pt x="775" y="59"/>
                    </a:lnTo>
                    <a:lnTo>
                      <a:pt x="789" y="52"/>
                    </a:lnTo>
                    <a:lnTo>
                      <a:pt x="789" y="50"/>
                    </a:lnTo>
                    <a:lnTo>
                      <a:pt x="789" y="49"/>
                    </a:lnTo>
                    <a:lnTo>
                      <a:pt x="787" y="47"/>
                    </a:lnTo>
                    <a:lnTo>
                      <a:pt x="787" y="45"/>
                    </a:lnTo>
                    <a:lnTo>
                      <a:pt x="780" y="39"/>
                    </a:lnTo>
                    <a:lnTo>
                      <a:pt x="777" y="34"/>
                    </a:lnTo>
                    <a:lnTo>
                      <a:pt x="780" y="34"/>
                    </a:lnTo>
                    <a:lnTo>
                      <a:pt x="784" y="35"/>
                    </a:lnTo>
                    <a:lnTo>
                      <a:pt x="787" y="37"/>
                    </a:lnTo>
                    <a:lnTo>
                      <a:pt x="790" y="39"/>
                    </a:lnTo>
                    <a:lnTo>
                      <a:pt x="790" y="40"/>
                    </a:lnTo>
                    <a:lnTo>
                      <a:pt x="792" y="40"/>
                    </a:lnTo>
                    <a:lnTo>
                      <a:pt x="795" y="39"/>
                    </a:lnTo>
                    <a:lnTo>
                      <a:pt x="800" y="39"/>
                    </a:lnTo>
                    <a:lnTo>
                      <a:pt x="802" y="39"/>
                    </a:lnTo>
                    <a:lnTo>
                      <a:pt x="811" y="47"/>
                    </a:lnTo>
                    <a:lnTo>
                      <a:pt x="816" y="50"/>
                    </a:lnTo>
                    <a:lnTo>
                      <a:pt x="817" y="50"/>
                    </a:lnTo>
                    <a:lnTo>
                      <a:pt x="817" y="47"/>
                    </a:lnTo>
                    <a:lnTo>
                      <a:pt x="814" y="44"/>
                    </a:lnTo>
                    <a:lnTo>
                      <a:pt x="811" y="39"/>
                    </a:lnTo>
                    <a:lnTo>
                      <a:pt x="809" y="35"/>
                    </a:lnTo>
                    <a:lnTo>
                      <a:pt x="807" y="34"/>
                    </a:lnTo>
                    <a:lnTo>
                      <a:pt x="800" y="17"/>
                    </a:lnTo>
                    <a:lnTo>
                      <a:pt x="790" y="15"/>
                    </a:lnTo>
                    <a:lnTo>
                      <a:pt x="780" y="0"/>
                    </a:lnTo>
                    <a:lnTo>
                      <a:pt x="750" y="8"/>
                    </a:lnTo>
                    <a:lnTo>
                      <a:pt x="721" y="15"/>
                    </a:lnTo>
                    <a:lnTo>
                      <a:pt x="692" y="20"/>
                    </a:lnTo>
                    <a:lnTo>
                      <a:pt x="663" y="27"/>
                    </a:lnTo>
                    <a:lnTo>
                      <a:pt x="636" y="32"/>
                    </a:lnTo>
                    <a:lnTo>
                      <a:pt x="609" y="39"/>
                    </a:lnTo>
                    <a:lnTo>
                      <a:pt x="584" y="44"/>
                    </a:lnTo>
                    <a:lnTo>
                      <a:pt x="558" y="47"/>
                    </a:lnTo>
                    <a:lnTo>
                      <a:pt x="533" y="52"/>
                    </a:lnTo>
                    <a:lnTo>
                      <a:pt x="509" y="56"/>
                    </a:lnTo>
                    <a:lnTo>
                      <a:pt x="486" y="61"/>
                    </a:lnTo>
                    <a:lnTo>
                      <a:pt x="464" y="64"/>
                    </a:lnTo>
                    <a:lnTo>
                      <a:pt x="443" y="67"/>
                    </a:lnTo>
                    <a:lnTo>
                      <a:pt x="423" y="71"/>
                    </a:lnTo>
                    <a:lnTo>
                      <a:pt x="403" y="74"/>
                    </a:lnTo>
                    <a:lnTo>
                      <a:pt x="384" y="76"/>
                    </a:lnTo>
                    <a:lnTo>
                      <a:pt x="366" y="79"/>
                    </a:lnTo>
                    <a:lnTo>
                      <a:pt x="349" y="81"/>
                    </a:lnTo>
                    <a:lnTo>
                      <a:pt x="333" y="83"/>
                    </a:lnTo>
                    <a:lnTo>
                      <a:pt x="318" y="84"/>
                    </a:lnTo>
                    <a:lnTo>
                      <a:pt x="305" y="86"/>
                    </a:lnTo>
                    <a:lnTo>
                      <a:pt x="293" y="88"/>
                    </a:lnTo>
                    <a:lnTo>
                      <a:pt x="281" y="89"/>
                    </a:lnTo>
                    <a:lnTo>
                      <a:pt x="271" y="91"/>
                    </a:lnTo>
                    <a:lnTo>
                      <a:pt x="261" y="91"/>
                    </a:lnTo>
                    <a:lnTo>
                      <a:pt x="252" y="93"/>
                    </a:lnTo>
                    <a:lnTo>
                      <a:pt x="245" y="93"/>
                    </a:lnTo>
                    <a:lnTo>
                      <a:pt x="240" y="94"/>
                    </a:lnTo>
                    <a:lnTo>
                      <a:pt x="235" y="94"/>
                    </a:lnTo>
                    <a:lnTo>
                      <a:pt x="232" y="94"/>
                    </a:lnTo>
                    <a:lnTo>
                      <a:pt x="230" y="94"/>
                    </a:lnTo>
                    <a:lnTo>
                      <a:pt x="232" y="94"/>
                    </a:lnTo>
                    <a:lnTo>
                      <a:pt x="232" y="96"/>
                    </a:lnTo>
                    <a:lnTo>
                      <a:pt x="232" y="100"/>
                    </a:lnTo>
                    <a:lnTo>
                      <a:pt x="232" y="106"/>
                    </a:lnTo>
                    <a:lnTo>
                      <a:pt x="232" y="111"/>
                    </a:lnTo>
                    <a:lnTo>
                      <a:pt x="234" y="118"/>
                    </a:lnTo>
                    <a:lnTo>
                      <a:pt x="232" y="125"/>
                    </a:lnTo>
                    <a:lnTo>
                      <a:pt x="232" y="128"/>
                    </a:lnTo>
                    <a:lnTo>
                      <a:pt x="232" y="130"/>
                    </a:lnTo>
                    <a:lnTo>
                      <a:pt x="225" y="130"/>
                    </a:lnTo>
                    <a:lnTo>
                      <a:pt x="220" y="133"/>
                    </a:lnTo>
                    <a:lnTo>
                      <a:pt x="215" y="138"/>
                    </a:lnTo>
                    <a:lnTo>
                      <a:pt x="212" y="145"/>
                    </a:lnTo>
                    <a:lnTo>
                      <a:pt x="208" y="152"/>
                    </a:lnTo>
                    <a:lnTo>
                      <a:pt x="206" y="157"/>
                    </a:lnTo>
                    <a:lnTo>
                      <a:pt x="205" y="160"/>
                    </a:lnTo>
                    <a:lnTo>
                      <a:pt x="198" y="157"/>
                    </a:lnTo>
                    <a:lnTo>
                      <a:pt x="191" y="157"/>
                    </a:lnTo>
                    <a:lnTo>
                      <a:pt x="183" y="162"/>
                    </a:lnTo>
                    <a:lnTo>
                      <a:pt x="174" y="169"/>
                    </a:lnTo>
                    <a:lnTo>
                      <a:pt x="168" y="177"/>
                    </a:lnTo>
                    <a:lnTo>
                      <a:pt x="161" y="184"/>
                    </a:lnTo>
                    <a:lnTo>
                      <a:pt x="156" y="188"/>
                    </a:lnTo>
                    <a:lnTo>
                      <a:pt x="154" y="188"/>
                    </a:lnTo>
                    <a:lnTo>
                      <a:pt x="152" y="182"/>
                    </a:lnTo>
                    <a:lnTo>
                      <a:pt x="149" y="181"/>
                    </a:lnTo>
                    <a:lnTo>
                      <a:pt x="147" y="179"/>
                    </a:lnTo>
                    <a:lnTo>
                      <a:pt x="144" y="179"/>
                    </a:lnTo>
                    <a:lnTo>
                      <a:pt x="140" y="181"/>
                    </a:lnTo>
                    <a:lnTo>
                      <a:pt x="137" y="182"/>
                    </a:lnTo>
                    <a:lnTo>
                      <a:pt x="134" y="186"/>
                    </a:lnTo>
                    <a:lnTo>
                      <a:pt x="132" y="191"/>
                    </a:lnTo>
                    <a:lnTo>
                      <a:pt x="129" y="194"/>
                    </a:lnTo>
                    <a:lnTo>
                      <a:pt x="125" y="199"/>
                    </a:lnTo>
                    <a:lnTo>
                      <a:pt x="124" y="204"/>
                    </a:lnTo>
                    <a:lnTo>
                      <a:pt x="122" y="208"/>
                    </a:lnTo>
                    <a:lnTo>
                      <a:pt x="118" y="213"/>
                    </a:lnTo>
                    <a:lnTo>
                      <a:pt x="118" y="215"/>
                    </a:lnTo>
                    <a:lnTo>
                      <a:pt x="117" y="216"/>
                    </a:lnTo>
                    <a:lnTo>
                      <a:pt x="117" y="218"/>
                    </a:lnTo>
                    <a:lnTo>
                      <a:pt x="108" y="220"/>
                    </a:lnTo>
                    <a:lnTo>
                      <a:pt x="100" y="223"/>
                    </a:lnTo>
                    <a:lnTo>
                      <a:pt x="91" y="228"/>
                    </a:lnTo>
                    <a:lnTo>
                      <a:pt x="83" y="235"/>
                    </a:lnTo>
                    <a:lnTo>
                      <a:pt x="78" y="240"/>
                    </a:lnTo>
                    <a:lnTo>
                      <a:pt x="71" y="247"/>
                    </a:lnTo>
                    <a:lnTo>
                      <a:pt x="68" y="250"/>
                    </a:lnTo>
                    <a:lnTo>
                      <a:pt x="66" y="252"/>
                    </a:lnTo>
                    <a:lnTo>
                      <a:pt x="56" y="252"/>
                    </a:lnTo>
                    <a:lnTo>
                      <a:pt x="47" y="255"/>
                    </a:lnTo>
                    <a:lnTo>
                      <a:pt x="41" y="259"/>
                    </a:lnTo>
                    <a:lnTo>
                      <a:pt x="34" y="264"/>
                    </a:lnTo>
                    <a:lnTo>
                      <a:pt x="31" y="269"/>
                    </a:lnTo>
                    <a:lnTo>
                      <a:pt x="27" y="274"/>
                    </a:lnTo>
                    <a:lnTo>
                      <a:pt x="25" y="277"/>
                    </a:lnTo>
                    <a:lnTo>
                      <a:pt x="25" y="279"/>
                    </a:lnTo>
                    <a:lnTo>
                      <a:pt x="24" y="286"/>
                    </a:lnTo>
                    <a:lnTo>
                      <a:pt x="20" y="291"/>
                    </a:lnTo>
                    <a:lnTo>
                      <a:pt x="17" y="296"/>
                    </a:lnTo>
                    <a:lnTo>
                      <a:pt x="12" y="298"/>
                    </a:lnTo>
                    <a:lnTo>
                      <a:pt x="9" y="299"/>
                    </a:lnTo>
                    <a:lnTo>
                      <a:pt x="3" y="299"/>
                    </a:lnTo>
                    <a:lnTo>
                      <a:pt x="0" y="299"/>
                    </a:lnTo>
                    <a:lnTo>
                      <a:pt x="0" y="333"/>
                    </a:lnTo>
                    <a:lnTo>
                      <a:pt x="124" y="314"/>
                    </a:lnTo>
                    <a:lnTo>
                      <a:pt x="125" y="316"/>
                    </a:lnTo>
                    <a:lnTo>
                      <a:pt x="127" y="314"/>
                    </a:lnTo>
                    <a:lnTo>
                      <a:pt x="129" y="313"/>
                    </a:lnTo>
                    <a:lnTo>
                      <a:pt x="132" y="309"/>
                    </a:lnTo>
                    <a:lnTo>
                      <a:pt x="135" y="306"/>
                    </a:lnTo>
                    <a:lnTo>
                      <a:pt x="140" y="303"/>
                    </a:lnTo>
                    <a:lnTo>
                      <a:pt x="146" y="299"/>
                    </a:lnTo>
                    <a:lnTo>
                      <a:pt x="152" y="296"/>
                    </a:lnTo>
                    <a:lnTo>
                      <a:pt x="157" y="292"/>
                    </a:lnTo>
                    <a:lnTo>
                      <a:pt x="166" y="287"/>
                    </a:lnTo>
                    <a:lnTo>
                      <a:pt x="173" y="284"/>
                    </a:lnTo>
                    <a:lnTo>
                      <a:pt x="181" y="281"/>
                    </a:lnTo>
                    <a:lnTo>
                      <a:pt x="190" y="279"/>
                    </a:lnTo>
                    <a:lnTo>
                      <a:pt x="200" y="277"/>
                    </a:lnTo>
                    <a:lnTo>
                      <a:pt x="210" y="274"/>
                    </a:lnTo>
                    <a:lnTo>
                      <a:pt x="218" y="274"/>
                    </a:lnTo>
                    <a:lnTo>
                      <a:pt x="311" y="265"/>
                    </a:lnTo>
                    <a:lnTo>
                      <a:pt x="313" y="265"/>
                    </a:lnTo>
                    <a:lnTo>
                      <a:pt x="315" y="264"/>
                    </a:lnTo>
                    <a:lnTo>
                      <a:pt x="320" y="264"/>
                    </a:lnTo>
                    <a:lnTo>
                      <a:pt x="327" y="264"/>
                    </a:lnTo>
                    <a:lnTo>
                      <a:pt x="333" y="265"/>
                    </a:lnTo>
                    <a:lnTo>
                      <a:pt x="340" y="269"/>
                    </a:lnTo>
                    <a:lnTo>
                      <a:pt x="347" y="276"/>
                    </a:lnTo>
                    <a:lnTo>
                      <a:pt x="355" y="287"/>
                    </a:lnTo>
                    <a:lnTo>
                      <a:pt x="359" y="301"/>
                    </a:lnTo>
                    <a:lnTo>
                      <a:pt x="467" y="284"/>
                    </a:lnTo>
                    <a:lnTo>
                      <a:pt x="597" y="379"/>
                    </a:lnTo>
                    <a:lnTo>
                      <a:pt x="601" y="379"/>
                    </a:lnTo>
                    <a:lnTo>
                      <a:pt x="602" y="379"/>
                    </a:lnTo>
                    <a:lnTo>
                      <a:pt x="604" y="377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67" name="Freeform 165"/>
              <p:cNvSpPr>
                <a:spLocks/>
              </p:cNvSpPr>
              <p:nvPr/>
            </p:nvSpPr>
            <p:spPr bwMode="auto">
              <a:xfrm>
                <a:off x="4891" y="2263"/>
                <a:ext cx="39" cy="57"/>
              </a:xfrm>
              <a:custGeom>
                <a:avLst/>
                <a:gdLst>
                  <a:gd name="T0" fmla="*/ 0 w 39"/>
                  <a:gd name="T1" fmla="*/ 57 h 57"/>
                  <a:gd name="T2" fmla="*/ 2 w 39"/>
                  <a:gd name="T3" fmla="*/ 54 h 57"/>
                  <a:gd name="T4" fmla="*/ 4 w 39"/>
                  <a:gd name="T5" fmla="*/ 51 h 57"/>
                  <a:gd name="T6" fmla="*/ 7 w 39"/>
                  <a:gd name="T7" fmla="*/ 44 h 57"/>
                  <a:gd name="T8" fmla="*/ 10 w 39"/>
                  <a:gd name="T9" fmla="*/ 35 h 57"/>
                  <a:gd name="T10" fmla="*/ 15 w 39"/>
                  <a:gd name="T11" fmla="*/ 25 h 57"/>
                  <a:gd name="T12" fmla="*/ 21 w 39"/>
                  <a:gd name="T13" fmla="*/ 15 h 57"/>
                  <a:gd name="T14" fmla="*/ 27 w 39"/>
                  <a:gd name="T15" fmla="*/ 7 h 57"/>
                  <a:gd name="T16" fmla="*/ 32 w 39"/>
                  <a:gd name="T17" fmla="*/ 0 h 57"/>
                  <a:gd name="T18" fmla="*/ 39 w 39"/>
                  <a:gd name="T19" fmla="*/ 1 h 57"/>
                  <a:gd name="T20" fmla="*/ 39 w 39"/>
                  <a:gd name="T21" fmla="*/ 1 h 57"/>
                  <a:gd name="T22" fmla="*/ 36 w 39"/>
                  <a:gd name="T23" fmla="*/ 5 h 57"/>
                  <a:gd name="T24" fmla="*/ 32 w 39"/>
                  <a:gd name="T25" fmla="*/ 8 h 57"/>
                  <a:gd name="T26" fmla="*/ 29 w 39"/>
                  <a:gd name="T27" fmla="*/ 13 h 57"/>
                  <a:gd name="T28" fmla="*/ 24 w 39"/>
                  <a:gd name="T29" fmla="*/ 22 h 57"/>
                  <a:gd name="T30" fmla="*/ 19 w 39"/>
                  <a:gd name="T31" fmla="*/ 30 h 57"/>
                  <a:gd name="T32" fmla="*/ 12 w 39"/>
                  <a:gd name="T33" fmla="*/ 40 h 57"/>
                  <a:gd name="T34" fmla="*/ 7 w 39"/>
                  <a:gd name="T35" fmla="*/ 54 h 57"/>
                  <a:gd name="T36" fmla="*/ 5 w 39"/>
                  <a:gd name="T37" fmla="*/ 54 h 57"/>
                  <a:gd name="T38" fmla="*/ 4 w 39"/>
                  <a:gd name="T39" fmla="*/ 56 h 57"/>
                  <a:gd name="T40" fmla="*/ 2 w 39"/>
                  <a:gd name="T41" fmla="*/ 56 h 57"/>
                  <a:gd name="T42" fmla="*/ 0 w 39"/>
                  <a:gd name="T43" fmla="*/ 57 h 57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w 39"/>
                  <a:gd name="T67" fmla="*/ 0 h 57"/>
                  <a:gd name="T68" fmla="*/ 39 w 39"/>
                  <a:gd name="T69" fmla="*/ 57 h 57"/>
                </a:gdLst>
                <a:ahLst/>
                <a:cxnLst>
                  <a:cxn ang="T44">
                    <a:pos x="T0" y="T1"/>
                  </a:cxn>
                  <a:cxn ang="T45">
                    <a:pos x="T2" y="T3"/>
                  </a:cxn>
                  <a:cxn ang="T46">
                    <a:pos x="T4" y="T5"/>
                  </a:cxn>
                  <a:cxn ang="T47">
                    <a:pos x="T6" y="T7"/>
                  </a:cxn>
                  <a:cxn ang="T48">
                    <a:pos x="T8" y="T9"/>
                  </a:cxn>
                  <a:cxn ang="T49">
                    <a:pos x="T10" y="T11"/>
                  </a:cxn>
                  <a:cxn ang="T50">
                    <a:pos x="T12" y="T13"/>
                  </a:cxn>
                  <a:cxn ang="T51">
                    <a:pos x="T14" y="T15"/>
                  </a:cxn>
                  <a:cxn ang="T52">
                    <a:pos x="T16" y="T17"/>
                  </a:cxn>
                  <a:cxn ang="T53">
                    <a:pos x="T18" y="T19"/>
                  </a:cxn>
                  <a:cxn ang="T54">
                    <a:pos x="T20" y="T21"/>
                  </a:cxn>
                  <a:cxn ang="T55">
                    <a:pos x="T22" y="T23"/>
                  </a:cxn>
                  <a:cxn ang="T56">
                    <a:pos x="T24" y="T25"/>
                  </a:cxn>
                  <a:cxn ang="T57">
                    <a:pos x="T26" y="T27"/>
                  </a:cxn>
                  <a:cxn ang="T58">
                    <a:pos x="T28" y="T29"/>
                  </a:cxn>
                  <a:cxn ang="T59">
                    <a:pos x="T30" y="T31"/>
                  </a:cxn>
                  <a:cxn ang="T60">
                    <a:pos x="T32" y="T33"/>
                  </a:cxn>
                  <a:cxn ang="T61">
                    <a:pos x="T34" y="T35"/>
                  </a:cxn>
                  <a:cxn ang="T62">
                    <a:pos x="T36" y="T37"/>
                  </a:cxn>
                  <a:cxn ang="T63">
                    <a:pos x="T38" y="T39"/>
                  </a:cxn>
                  <a:cxn ang="T64">
                    <a:pos x="T40" y="T41"/>
                  </a:cxn>
                  <a:cxn ang="T65">
                    <a:pos x="T42" y="T43"/>
                  </a:cxn>
                </a:cxnLst>
                <a:rect l="T66" t="T67" r="T68" b="T69"/>
                <a:pathLst>
                  <a:path w="39" h="57">
                    <a:moveTo>
                      <a:pt x="0" y="57"/>
                    </a:moveTo>
                    <a:lnTo>
                      <a:pt x="2" y="54"/>
                    </a:lnTo>
                    <a:lnTo>
                      <a:pt x="4" y="51"/>
                    </a:lnTo>
                    <a:lnTo>
                      <a:pt x="7" y="44"/>
                    </a:lnTo>
                    <a:lnTo>
                      <a:pt x="10" y="35"/>
                    </a:lnTo>
                    <a:lnTo>
                      <a:pt x="15" y="25"/>
                    </a:lnTo>
                    <a:lnTo>
                      <a:pt x="21" y="15"/>
                    </a:lnTo>
                    <a:lnTo>
                      <a:pt x="27" y="7"/>
                    </a:lnTo>
                    <a:lnTo>
                      <a:pt x="32" y="0"/>
                    </a:lnTo>
                    <a:lnTo>
                      <a:pt x="39" y="1"/>
                    </a:lnTo>
                    <a:lnTo>
                      <a:pt x="36" y="5"/>
                    </a:lnTo>
                    <a:lnTo>
                      <a:pt x="32" y="8"/>
                    </a:lnTo>
                    <a:lnTo>
                      <a:pt x="29" y="13"/>
                    </a:lnTo>
                    <a:lnTo>
                      <a:pt x="24" y="22"/>
                    </a:lnTo>
                    <a:lnTo>
                      <a:pt x="19" y="30"/>
                    </a:lnTo>
                    <a:lnTo>
                      <a:pt x="12" y="40"/>
                    </a:lnTo>
                    <a:lnTo>
                      <a:pt x="7" y="54"/>
                    </a:lnTo>
                    <a:lnTo>
                      <a:pt x="5" y="54"/>
                    </a:lnTo>
                    <a:lnTo>
                      <a:pt x="4" y="56"/>
                    </a:lnTo>
                    <a:lnTo>
                      <a:pt x="2" y="56"/>
                    </a:lnTo>
                    <a:lnTo>
                      <a:pt x="0" y="5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68" name="Freeform 166"/>
              <p:cNvSpPr>
                <a:spLocks/>
              </p:cNvSpPr>
              <p:nvPr/>
            </p:nvSpPr>
            <p:spPr bwMode="auto">
              <a:xfrm>
                <a:off x="4891" y="2263"/>
                <a:ext cx="39" cy="57"/>
              </a:xfrm>
              <a:custGeom>
                <a:avLst/>
                <a:gdLst>
                  <a:gd name="T0" fmla="*/ 0 w 39"/>
                  <a:gd name="T1" fmla="*/ 57 h 57"/>
                  <a:gd name="T2" fmla="*/ 0 w 39"/>
                  <a:gd name="T3" fmla="*/ 57 h 57"/>
                  <a:gd name="T4" fmla="*/ 2 w 39"/>
                  <a:gd name="T5" fmla="*/ 54 h 57"/>
                  <a:gd name="T6" fmla="*/ 4 w 39"/>
                  <a:gd name="T7" fmla="*/ 51 h 57"/>
                  <a:gd name="T8" fmla="*/ 7 w 39"/>
                  <a:gd name="T9" fmla="*/ 44 h 57"/>
                  <a:gd name="T10" fmla="*/ 10 w 39"/>
                  <a:gd name="T11" fmla="*/ 35 h 57"/>
                  <a:gd name="T12" fmla="*/ 15 w 39"/>
                  <a:gd name="T13" fmla="*/ 25 h 57"/>
                  <a:gd name="T14" fmla="*/ 21 w 39"/>
                  <a:gd name="T15" fmla="*/ 15 h 57"/>
                  <a:gd name="T16" fmla="*/ 27 w 39"/>
                  <a:gd name="T17" fmla="*/ 7 h 57"/>
                  <a:gd name="T18" fmla="*/ 32 w 39"/>
                  <a:gd name="T19" fmla="*/ 0 h 57"/>
                  <a:gd name="T20" fmla="*/ 39 w 39"/>
                  <a:gd name="T21" fmla="*/ 1 h 57"/>
                  <a:gd name="T22" fmla="*/ 39 w 39"/>
                  <a:gd name="T23" fmla="*/ 1 h 57"/>
                  <a:gd name="T24" fmla="*/ 39 w 39"/>
                  <a:gd name="T25" fmla="*/ 1 h 57"/>
                  <a:gd name="T26" fmla="*/ 36 w 39"/>
                  <a:gd name="T27" fmla="*/ 5 h 57"/>
                  <a:gd name="T28" fmla="*/ 32 w 39"/>
                  <a:gd name="T29" fmla="*/ 8 h 57"/>
                  <a:gd name="T30" fmla="*/ 29 w 39"/>
                  <a:gd name="T31" fmla="*/ 13 h 57"/>
                  <a:gd name="T32" fmla="*/ 24 w 39"/>
                  <a:gd name="T33" fmla="*/ 22 h 57"/>
                  <a:gd name="T34" fmla="*/ 19 w 39"/>
                  <a:gd name="T35" fmla="*/ 30 h 57"/>
                  <a:gd name="T36" fmla="*/ 12 w 39"/>
                  <a:gd name="T37" fmla="*/ 40 h 57"/>
                  <a:gd name="T38" fmla="*/ 7 w 39"/>
                  <a:gd name="T39" fmla="*/ 54 h 57"/>
                  <a:gd name="T40" fmla="*/ 7 w 39"/>
                  <a:gd name="T41" fmla="*/ 54 h 57"/>
                  <a:gd name="T42" fmla="*/ 5 w 39"/>
                  <a:gd name="T43" fmla="*/ 54 h 57"/>
                  <a:gd name="T44" fmla="*/ 4 w 39"/>
                  <a:gd name="T45" fmla="*/ 56 h 57"/>
                  <a:gd name="T46" fmla="*/ 2 w 39"/>
                  <a:gd name="T47" fmla="*/ 56 h 57"/>
                  <a:gd name="T48" fmla="*/ 0 w 39"/>
                  <a:gd name="T49" fmla="*/ 57 h 57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w 39"/>
                  <a:gd name="T76" fmla="*/ 0 h 57"/>
                  <a:gd name="T77" fmla="*/ 39 w 39"/>
                  <a:gd name="T78" fmla="*/ 57 h 57"/>
                </a:gdLst>
                <a:ahLst/>
                <a:cxnLst>
                  <a:cxn ang="T50">
                    <a:pos x="T0" y="T1"/>
                  </a:cxn>
                  <a:cxn ang="T51">
                    <a:pos x="T2" y="T3"/>
                  </a:cxn>
                  <a:cxn ang="T52">
                    <a:pos x="T4" y="T5"/>
                  </a:cxn>
                  <a:cxn ang="T53">
                    <a:pos x="T6" y="T7"/>
                  </a:cxn>
                  <a:cxn ang="T54">
                    <a:pos x="T8" y="T9"/>
                  </a:cxn>
                  <a:cxn ang="T55">
                    <a:pos x="T10" y="T11"/>
                  </a:cxn>
                  <a:cxn ang="T56">
                    <a:pos x="T12" y="T13"/>
                  </a:cxn>
                  <a:cxn ang="T57">
                    <a:pos x="T14" y="T15"/>
                  </a:cxn>
                  <a:cxn ang="T58">
                    <a:pos x="T16" y="T17"/>
                  </a:cxn>
                  <a:cxn ang="T59">
                    <a:pos x="T18" y="T19"/>
                  </a:cxn>
                  <a:cxn ang="T60">
                    <a:pos x="T20" y="T21"/>
                  </a:cxn>
                  <a:cxn ang="T61">
                    <a:pos x="T22" y="T23"/>
                  </a:cxn>
                  <a:cxn ang="T62">
                    <a:pos x="T24" y="T25"/>
                  </a:cxn>
                  <a:cxn ang="T63">
                    <a:pos x="T26" y="T27"/>
                  </a:cxn>
                  <a:cxn ang="T64">
                    <a:pos x="T28" y="T29"/>
                  </a:cxn>
                  <a:cxn ang="T65">
                    <a:pos x="T30" y="T31"/>
                  </a:cxn>
                  <a:cxn ang="T66">
                    <a:pos x="T32" y="T33"/>
                  </a:cxn>
                  <a:cxn ang="T67">
                    <a:pos x="T34" y="T35"/>
                  </a:cxn>
                  <a:cxn ang="T68">
                    <a:pos x="T36" y="T37"/>
                  </a:cxn>
                  <a:cxn ang="T69">
                    <a:pos x="T38" y="T39"/>
                  </a:cxn>
                  <a:cxn ang="T70">
                    <a:pos x="T40" y="T41"/>
                  </a:cxn>
                  <a:cxn ang="T71">
                    <a:pos x="T42" y="T43"/>
                  </a:cxn>
                  <a:cxn ang="T72">
                    <a:pos x="T44" y="T45"/>
                  </a:cxn>
                  <a:cxn ang="T73">
                    <a:pos x="T46" y="T47"/>
                  </a:cxn>
                  <a:cxn ang="T74">
                    <a:pos x="T48" y="T49"/>
                  </a:cxn>
                </a:cxnLst>
                <a:rect l="T75" t="T76" r="T77" b="T78"/>
                <a:pathLst>
                  <a:path w="39" h="57">
                    <a:moveTo>
                      <a:pt x="0" y="57"/>
                    </a:moveTo>
                    <a:lnTo>
                      <a:pt x="0" y="57"/>
                    </a:lnTo>
                    <a:lnTo>
                      <a:pt x="2" y="54"/>
                    </a:lnTo>
                    <a:lnTo>
                      <a:pt x="4" y="51"/>
                    </a:lnTo>
                    <a:lnTo>
                      <a:pt x="7" y="44"/>
                    </a:lnTo>
                    <a:lnTo>
                      <a:pt x="10" y="35"/>
                    </a:lnTo>
                    <a:lnTo>
                      <a:pt x="15" y="25"/>
                    </a:lnTo>
                    <a:lnTo>
                      <a:pt x="21" y="15"/>
                    </a:lnTo>
                    <a:lnTo>
                      <a:pt x="27" y="7"/>
                    </a:lnTo>
                    <a:lnTo>
                      <a:pt x="32" y="0"/>
                    </a:lnTo>
                    <a:lnTo>
                      <a:pt x="39" y="1"/>
                    </a:lnTo>
                    <a:lnTo>
                      <a:pt x="36" y="5"/>
                    </a:lnTo>
                    <a:lnTo>
                      <a:pt x="32" y="8"/>
                    </a:lnTo>
                    <a:lnTo>
                      <a:pt x="29" y="13"/>
                    </a:lnTo>
                    <a:lnTo>
                      <a:pt x="24" y="22"/>
                    </a:lnTo>
                    <a:lnTo>
                      <a:pt x="19" y="30"/>
                    </a:lnTo>
                    <a:lnTo>
                      <a:pt x="12" y="40"/>
                    </a:lnTo>
                    <a:lnTo>
                      <a:pt x="7" y="54"/>
                    </a:lnTo>
                    <a:lnTo>
                      <a:pt x="5" y="54"/>
                    </a:lnTo>
                    <a:lnTo>
                      <a:pt x="4" y="56"/>
                    </a:lnTo>
                    <a:lnTo>
                      <a:pt x="2" y="56"/>
                    </a:lnTo>
                    <a:lnTo>
                      <a:pt x="0" y="5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69" name="Freeform 167"/>
              <p:cNvSpPr>
                <a:spLocks/>
              </p:cNvSpPr>
              <p:nvPr/>
            </p:nvSpPr>
            <p:spPr bwMode="auto">
              <a:xfrm>
                <a:off x="4905" y="2078"/>
                <a:ext cx="54" cy="82"/>
              </a:xfrm>
              <a:custGeom>
                <a:avLst/>
                <a:gdLst>
                  <a:gd name="T0" fmla="*/ 5 w 54"/>
                  <a:gd name="T1" fmla="*/ 0 h 82"/>
                  <a:gd name="T2" fmla="*/ 5 w 54"/>
                  <a:gd name="T3" fmla="*/ 0 h 82"/>
                  <a:gd name="T4" fmla="*/ 5 w 54"/>
                  <a:gd name="T5" fmla="*/ 2 h 82"/>
                  <a:gd name="T6" fmla="*/ 7 w 54"/>
                  <a:gd name="T7" fmla="*/ 4 h 82"/>
                  <a:gd name="T8" fmla="*/ 7 w 54"/>
                  <a:gd name="T9" fmla="*/ 7 h 82"/>
                  <a:gd name="T10" fmla="*/ 8 w 54"/>
                  <a:gd name="T11" fmla="*/ 10 h 82"/>
                  <a:gd name="T12" fmla="*/ 10 w 54"/>
                  <a:gd name="T13" fmla="*/ 14 h 82"/>
                  <a:gd name="T14" fmla="*/ 13 w 54"/>
                  <a:gd name="T15" fmla="*/ 19 h 82"/>
                  <a:gd name="T16" fmla="*/ 15 w 54"/>
                  <a:gd name="T17" fmla="*/ 22 h 82"/>
                  <a:gd name="T18" fmla="*/ 17 w 54"/>
                  <a:gd name="T19" fmla="*/ 27 h 82"/>
                  <a:gd name="T20" fmla="*/ 20 w 54"/>
                  <a:gd name="T21" fmla="*/ 32 h 82"/>
                  <a:gd name="T22" fmla="*/ 23 w 54"/>
                  <a:gd name="T23" fmla="*/ 38 h 82"/>
                  <a:gd name="T24" fmla="*/ 25 w 54"/>
                  <a:gd name="T25" fmla="*/ 43 h 82"/>
                  <a:gd name="T26" fmla="*/ 29 w 54"/>
                  <a:gd name="T27" fmla="*/ 48 h 82"/>
                  <a:gd name="T28" fmla="*/ 32 w 54"/>
                  <a:gd name="T29" fmla="*/ 51 h 82"/>
                  <a:gd name="T30" fmla="*/ 35 w 54"/>
                  <a:gd name="T31" fmla="*/ 56 h 82"/>
                  <a:gd name="T32" fmla="*/ 39 w 54"/>
                  <a:gd name="T33" fmla="*/ 60 h 82"/>
                  <a:gd name="T34" fmla="*/ 40 w 54"/>
                  <a:gd name="T35" fmla="*/ 63 h 82"/>
                  <a:gd name="T36" fmla="*/ 44 w 54"/>
                  <a:gd name="T37" fmla="*/ 66 h 82"/>
                  <a:gd name="T38" fmla="*/ 47 w 54"/>
                  <a:gd name="T39" fmla="*/ 73 h 82"/>
                  <a:gd name="T40" fmla="*/ 52 w 54"/>
                  <a:gd name="T41" fmla="*/ 78 h 82"/>
                  <a:gd name="T42" fmla="*/ 54 w 54"/>
                  <a:gd name="T43" fmla="*/ 82 h 82"/>
                  <a:gd name="T44" fmla="*/ 52 w 54"/>
                  <a:gd name="T45" fmla="*/ 82 h 82"/>
                  <a:gd name="T46" fmla="*/ 45 w 54"/>
                  <a:gd name="T47" fmla="*/ 76 h 82"/>
                  <a:gd name="T48" fmla="*/ 34 w 54"/>
                  <a:gd name="T49" fmla="*/ 65 h 82"/>
                  <a:gd name="T50" fmla="*/ 34 w 54"/>
                  <a:gd name="T51" fmla="*/ 65 h 82"/>
                  <a:gd name="T52" fmla="*/ 32 w 54"/>
                  <a:gd name="T53" fmla="*/ 63 h 82"/>
                  <a:gd name="T54" fmla="*/ 30 w 54"/>
                  <a:gd name="T55" fmla="*/ 60 h 82"/>
                  <a:gd name="T56" fmla="*/ 27 w 54"/>
                  <a:gd name="T57" fmla="*/ 56 h 82"/>
                  <a:gd name="T58" fmla="*/ 25 w 54"/>
                  <a:gd name="T59" fmla="*/ 53 h 82"/>
                  <a:gd name="T60" fmla="*/ 22 w 54"/>
                  <a:gd name="T61" fmla="*/ 48 h 82"/>
                  <a:gd name="T62" fmla="*/ 18 w 54"/>
                  <a:gd name="T63" fmla="*/ 43 h 82"/>
                  <a:gd name="T64" fmla="*/ 15 w 54"/>
                  <a:gd name="T65" fmla="*/ 38 h 82"/>
                  <a:gd name="T66" fmla="*/ 12 w 54"/>
                  <a:gd name="T67" fmla="*/ 32 h 82"/>
                  <a:gd name="T68" fmla="*/ 10 w 54"/>
                  <a:gd name="T69" fmla="*/ 27 h 82"/>
                  <a:gd name="T70" fmla="*/ 7 w 54"/>
                  <a:gd name="T71" fmla="*/ 22 h 82"/>
                  <a:gd name="T72" fmla="*/ 5 w 54"/>
                  <a:gd name="T73" fmla="*/ 19 h 82"/>
                  <a:gd name="T74" fmla="*/ 1 w 54"/>
                  <a:gd name="T75" fmla="*/ 14 h 82"/>
                  <a:gd name="T76" fmla="*/ 1 w 54"/>
                  <a:gd name="T77" fmla="*/ 10 h 82"/>
                  <a:gd name="T78" fmla="*/ 0 w 54"/>
                  <a:gd name="T79" fmla="*/ 7 h 82"/>
                  <a:gd name="T80" fmla="*/ 0 w 54"/>
                  <a:gd name="T81" fmla="*/ 4 h 82"/>
                  <a:gd name="T82" fmla="*/ 0 w 54"/>
                  <a:gd name="T83" fmla="*/ 2 h 82"/>
                  <a:gd name="T84" fmla="*/ 1 w 54"/>
                  <a:gd name="T85" fmla="*/ 0 h 82"/>
                  <a:gd name="T86" fmla="*/ 3 w 54"/>
                  <a:gd name="T87" fmla="*/ 0 h 82"/>
                  <a:gd name="T88" fmla="*/ 5 w 54"/>
                  <a:gd name="T89" fmla="*/ 0 h 82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w 54"/>
                  <a:gd name="T136" fmla="*/ 0 h 82"/>
                  <a:gd name="T137" fmla="*/ 54 w 54"/>
                  <a:gd name="T138" fmla="*/ 82 h 82"/>
                </a:gdLst>
                <a:ahLst/>
                <a:cxnLst>
                  <a:cxn ang="T90">
                    <a:pos x="T0" y="T1"/>
                  </a:cxn>
                  <a:cxn ang="T91">
                    <a:pos x="T2" y="T3"/>
                  </a:cxn>
                  <a:cxn ang="T92">
                    <a:pos x="T4" y="T5"/>
                  </a:cxn>
                  <a:cxn ang="T93">
                    <a:pos x="T6" y="T7"/>
                  </a:cxn>
                  <a:cxn ang="T94">
                    <a:pos x="T8" y="T9"/>
                  </a:cxn>
                  <a:cxn ang="T95">
                    <a:pos x="T10" y="T11"/>
                  </a:cxn>
                  <a:cxn ang="T96">
                    <a:pos x="T12" y="T13"/>
                  </a:cxn>
                  <a:cxn ang="T97">
                    <a:pos x="T14" y="T15"/>
                  </a:cxn>
                  <a:cxn ang="T98">
                    <a:pos x="T16" y="T17"/>
                  </a:cxn>
                  <a:cxn ang="T99">
                    <a:pos x="T18" y="T19"/>
                  </a:cxn>
                  <a:cxn ang="T100">
                    <a:pos x="T20" y="T21"/>
                  </a:cxn>
                  <a:cxn ang="T101">
                    <a:pos x="T22" y="T23"/>
                  </a:cxn>
                  <a:cxn ang="T102">
                    <a:pos x="T24" y="T25"/>
                  </a:cxn>
                  <a:cxn ang="T103">
                    <a:pos x="T26" y="T27"/>
                  </a:cxn>
                  <a:cxn ang="T104">
                    <a:pos x="T28" y="T29"/>
                  </a:cxn>
                  <a:cxn ang="T105">
                    <a:pos x="T30" y="T31"/>
                  </a:cxn>
                  <a:cxn ang="T106">
                    <a:pos x="T32" y="T33"/>
                  </a:cxn>
                  <a:cxn ang="T107">
                    <a:pos x="T34" y="T35"/>
                  </a:cxn>
                  <a:cxn ang="T108">
                    <a:pos x="T36" y="T37"/>
                  </a:cxn>
                  <a:cxn ang="T109">
                    <a:pos x="T38" y="T39"/>
                  </a:cxn>
                  <a:cxn ang="T110">
                    <a:pos x="T40" y="T41"/>
                  </a:cxn>
                  <a:cxn ang="T111">
                    <a:pos x="T42" y="T43"/>
                  </a:cxn>
                  <a:cxn ang="T112">
                    <a:pos x="T44" y="T45"/>
                  </a:cxn>
                  <a:cxn ang="T113">
                    <a:pos x="T46" y="T47"/>
                  </a:cxn>
                  <a:cxn ang="T114">
                    <a:pos x="T48" y="T49"/>
                  </a:cxn>
                  <a:cxn ang="T115">
                    <a:pos x="T50" y="T51"/>
                  </a:cxn>
                  <a:cxn ang="T116">
                    <a:pos x="T52" y="T53"/>
                  </a:cxn>
                  <a:cxn ang="T117">
                    <a:pos x="T54" y="T55"/>
                  </a:cxn>
                  <a:cxn ang="T118">
                    <a:pos x="T56" y="T57"/>
                  </a:cxn>
                  <a:cxn ang="T119">
                    <a:pos x="T58" y="T59"/>
                  </a:cxn>
                  <a:cxn ang="T120">
                    <a:pos x="T60" y="T61"/>
                  </a:cxn>
                  <a:cxn ang="T121">
                    <a:pos x="T62" y="T63"/>
                  </a:cxn>
                  <a:cxn ang="T122">
                    <a:pos x="T64" y="T65"/>
                  </a:cxn>
                  <a:cxn ang="T123">
                    <a:pos x="T66" y="T67"/>
                  </a:cxn>
                  <a:cxn ang="T124">
                    <a:pos x="T68" y="T69"/>
                  </a:cxn>
                  <a:cxn ang="T125">
                    <a:pos x="T70" y="T71"/>
                  </a:cxn>
                  <a:cxn ang="T126">
                    <a:pos x="T72" y="T73"/>
                  </a:cxn>
                  <a:cxn ang="T127">
                    <a:pos x="T74" y="T75"/>
                  </a:cxn>
                  <a:cxn ang="T128">
                    <a:pos x="T76" y="T77"/>
                  </a:cxn>
                  <a:cxn ang="T129">
                    <a:pos x="T78" y="T79"/>
                  </a:cxn>
                  <a:cxn ang="T130">
                    <a:pos x="T80" y="T81"/>
                  </a:cxn>
                  <a:cxn ang="T131">
                    <a:pos x="T82" y="T83"/>
                  </a:cxn>
                  <a:cxn ang="T132">
                    <a:pos x="T84" y="T85"/>
                  </a:cxn>
                  <a:cxn ang="T133">
                    <a:pos x="T86" y="T87"/>
                  </a:cxn>
                  <a:cxn ang="T134">
                    <a:pos x="T88" y="T89"/>
                  </a:cxn>
                </a:cxnLst>
                <a:rect l="T135" t="T136" r="T137" b="T138"/>
                <a:pathLst>
                  <a:path w="54" h="82">
                    <a:moveTo>
                      <a:pt x="5" y="0"/>
                    </a:moveTo>
                    <a:lnTo>
                      <a:pt x="5" y="0"/>
                    </a:lnTo>
                    <a:lnTo>
                      <a:pt x="5" y="2"/>
                    </a:lnTo>
                    <a:lnTo>
                      <a:pt x="7" y="4"/>
                    </a:lnTo>
                    <a:lnTo>
                      <a:pt x="7" y="7"/>
                    </a:lnTo>
                    <a:lnTo>
                      <a:pt x="8" y="10"/>
                    </a:lnTo>
                    <a:lnTo>
                      <a:pt x="10" y="14"/>
                    </a:lnTo>
                    <a:lnTo>
                      <a:pt x="13" y="19"/>
                    </a:lnTo>
                    <a:lnTo>
                      <a:pt x="15" y="22"/>
                    </a:lnTo>
                    <a:lnTo>
                      <a:pt x="17" y="27"/>
                    </a:lnTo>
                    <a:lnTo>
                      <a:pt x="20" y="32"/>
                    </a:lnTo>
                    <a:lnTo>
                      <a:pt x="23" y="38"/>
                    </a:lnTo>
                    <a:lnTo>
                      <a:pt x="25" y="43"/>
                    </a:lnTo>
                    <a:lnTo>
                      <a:pt x="29" y="48"/>
                    </a:lnTo>
                    <a:lnTo>
                      <a:pt x="32" y="51"/>
                    </a:lnTo>
                    <a:lnTo>
                      <a:pt x="35" y="56"/>
                    </a:lnTo>
                    <a:lnTo>
                      <a:pt x="39" y="60"/>
                    </a:lnTo>
                    <a:lnTo>
                      <a:pt x="40" y="63"/>
                    </a:lnTo>
                    <a:lnTo>
                      <a:pt x="44" y="66"/>
                    </a:lnTo>
                    <a:lnTo>
                      <a:pt x="47" y="73"/>
                    </a:lnTo>
                    <a:lnTo>
                      <a:pt x="52" y="78"/>
                    </a:lnTo>
                    <a:lnTo>
                      <a:pt x="54" y="82"/>
                    </a:lnTo>
                    <a:lnTo>
                      <a:pt x="52" y="82"/>
                    </a:lnTo>
                    <a:lnTo>
                      <a:pt x="45" y="76"/>
                    </a:lnTo>
                    <a:lnTo>
                      <a:pt x="34" y="65"/>
                    </a:lnTo>
                    <a:lnTo>
                      <a:pt x="32" y="63"/>
                    </a:lnTo>
                    <a:lnTo>
                      <a:pt x="30" y="60"/>
                    </a:lnTo>
                    <a:lnTo>
                      <a:pt x="27" y="56"/>
                    </a:lnTo>
                    <a:lnTo>
                      <a:pt x="25" y="53"/>
                    </a:lnTo>
                    <a:lnTo>
                      <a:pt x="22" y="48"/>
                    </a:lnTo>
                    <a:lnTo>
                      <a:pt x="18" y="43"/>
                    </a:lnTo>
                    <a:lnTo>
                      <a:pt x="15" y="38"/>
                    </a:lnTo>
                    <a:lnTo>
                      <a:pt x="12" y="32"/>
                    </a:lnTo>
                    <a:lnTo>
                      <a:pt x="10" y="27"/>
                    </a:lnTo>
                    <a:lnTo>
                      <a:pt x="7" y="22"/>
                    </a:lnTo>
                    <a:lnTo>
                      <a:pt x="5" y="19"/>
                    </a:lnTo>
                    <a:lnTo>
                      <a:pt x="1" y="14"/>
                    </a:lnTo>
                    <a:lnTo>
                      <a:pt x="1" y="10"/>
                    </a:lnTo>
                    <a:lnTo>
                      <a:pt x="0" y="7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3" y="0"/>
                    </a:lnTo>
                    <a:lnTo>
                      <a:pt x="5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70" name="Freeform 168"/>
              <p:cNvSpPr>
                <a:spLocks/>
              </p:cNvSpPr>
              <p:nvPr/>
            </p:nvSpPr>
            <p:spPr bwMode="auto">
              <a:xfrm>
                <a:off x="4905" y="2078"/>
                <a:ext cx="54" cy="82"/>
              </a:xfrm>
              <a:custGeom>
                <a:avLst/>
                <a:gdLst>
                  <a:gd name="T0" fmla="*/ 5 w 54"/>
                  <a:gd name="T1" fmla="*/ 0 h 82"/>
                  <a:gd name="T2" fmla="*/ 5 w 54"/>
                  <a:gd name="T3" fmla="*/ 0 h 82"/>
                  <a:gd name="T4" fmla="*/ 5 w 54"/>
                  <a:gd name="T5" fmla="*/ 0 h 82"/>
                  <a:gd name="T6" fmla="*/ 5 w 54"/>
                  <a:gd name="T7" fmla="*/ 2 h 82"/>
                  <a:gd name="T8" fmla="*/ 7 w 54"/>
                  <a:gd name="T9" fmla="*/ 4 h 82"/>
                  <a:gd name="T10" fmla="*/ 7 w 54"/>
                  <a:gd name="T11" fmla="*/ 7 h 82"/>
                  <a:gd name="T12" fmla="*/ 8 w 54"/>
                  <a:gd name="T13" fmla="*/ 10 h 82"/>
                  <a:gd name="T14" fmla="*/ 10 w 54"/>
                  <a:gd name="T15" fmla="*/ 14 h 82"/>
                  <a:gd name="T16" fmla="*/ 13 w 54"/>
                  <a:gd name="T17" fmla="*/ 19 h 82"/>
                  <a:gd name="T18" fmla="*/ 15 w 54"/>
                  <a:gd name="T19" fmla="*/ 22 h 82"/>
                  <a:gd name="T20" fmla="*/ 17 w 54"/>
                  <a:gd name="T21" fmla="*/ 27 h 82"/>
                  <a:gd name="T22" fmla="*/ 20 w 54"/>
                  <a:gd name="T23" fmla="*/ 32 h 82"/>
                  <a:gd name="T24" fmla="*/ 23 w 54"/>
                  <a:gd name="T25" fmla="*/ 38 h 82"/>
                  <a:gd name="T26" fmla="*/ 25 w 54"/>
                  <a:gd name="T27" fmla="*/ 43 h 82"/>
                  <a:gd name="T28" fmla="*/ 29 w 54"/>
                  <a:gd name="T29" fmla="*/ 48 h 82"/>
                  <a:gd name="T30" fmla="*/ 32 w 54"/>
                  <a:gd name="T31" fmla="*/ 51 h 82"/>
                  <a:gd name="T32" fmla="*/ 35 w 54"/>
                  <a:gd name="T33" fmla="*/ 56 h 82"/>
                  <a:gd name="T34" fmla="*/ 39 w 54"/>
                  <a:gd name="T35" fmla="*/ 60 h 82"/>
                  <a:gd name="T36" fmla="*/ 39 w 54"/>
                  <a:gd name="T37" fmla="*/ 60 h 82"/>
                  <a:gd name="T38" fmla="*/ 40 w 54"/>
                  <a:gd name="T39" fmla="*/ 63 h 82"/>
                  <a:gd name="T40" fmla="*/ 44 w 54"/>
                  <a:gd name="T41" fmla="*/ 66 h 82"/>
                  <a:gd name="T42" fmla="*/ 47 w 54"/>
                  <a:gd name="T43" fmla="*/ 73 h 82"/>
                  <a:gd name="T44" fmla="*/ 52 w 54"/>
                  <a:gd name="T45" fmla="*/ 78 h 82"/>
                  <a:gd name="T46" fmla="*/ 54 w 54"/>
                  <a:gd name="T47" fmla="*/ 82 h 82"/>
                  <a:gd name="T48" fmla="*/ 52 w 54"/>
                  <a:gd name="T49" fmla="*/ 82 h 82"/>
                  <a:gd name="T50" fmla="*/ 45 w 54"/>
                  <a:gd name="T51" fmla="*/ 76 h 82"/>
                  <a:gd name="T52" fmla="*/ 34 w 54"/>
                  <a:gd name="T53" fmla="*/ 65 h 82"/>
                  <a:gd name="T54" fmla="*/ 34 w 54"/>
                  <a:gd name="T55" fmla="*/ 65 h 82"/>
                  <a:gd name="T56" fmla="*/ 34 w 54"/>
                  <a:gd name="T57" fmla="*/ 65 h 82"/>
                  <a:gd name="T58" fmla="*/ 32 w 54"/>
                  <a:gd name="T59" fmla="*/ 63 h 82"/>
                  <a:gd name="T60" fmla="*/ 30 w 54"/>
                  <a:gd name="T61" fmla="*/ 60 h 82"/>
                  <a:gd name="T62" fmla="*/ 27 w 54"/>
                  <a:gd name="T63" fmla="*/ 56 h 82"/>
                  <a:gd name="T64" fmla="*/ 25 w 54"/>
                  <a:gd name="T65" fmla="*/ 53 h 82"/>
                  <a:gd name="T66" fmla="*/ 22 w 54"/>
                  <a:gd name="T67" fmla="*/ 48 h 82"/>
                  <a:gd name="T68" fmla="*/ 18 w 54"/>
                  <a:gd name="T69" fmla="*/ 43 h 82"/>
                  <a:gd name="T70" fmla="*/ 15 w 54"/>
                  <a:gd name="T71" fmla="*/ 38 h 82"/>
                  <a:gd name="T72" fmla="*/ 12 w 54"/>
                  <a:gd name="T73" fmla="*/ 32 h 82"/>
                  <a:gd name="T74" fmla="*/ 10 w 54"/>
                  <a:gd name="T75" fmla="*/ 27 h 82"/>
                  <a:gd name="T76" fmla="*/ 7 w 54"/>
                  <a:gd name="T77" fmla="*/ 22 h 82"/>
                  <a:gd name="T78" fmla="*/ 5 w 54"/>
                  <a:gd name="T79" fmla="*/ 19 h 82"/>
                  <a:gd name="T80" fmla="*/ 1 w 54"/>
                  <a:gd name="T81" fmla="*/ 14 h 82"/>
                  <a:gd name="T82" fmla="*/ 1 w 54"/>
                  <a:gd name="T83" fmla="*/ 10 h 82"/>
                  <a:gd name="T84" fmla="*/ 0 w 54"/>
                  <a:gd name="T85" fmla="*/ 7 h 82"/>
                  <a:gd name="T86" fmla="*/ 0 w 54"/>
                  <a:gd name="T87" fmla="*/ 4 h 82"/>
                  <a:gd name="T88" fmla="*/ 0 w 54"/>
                  <a:gd name="T89" fmla="*/ 4 h 82"/>
                  <a:gd name="T90" fmla="*/ 0 w 54"/>
                  <a:gd name="T91" fmla="*/ 2 h 82"/>
                  <a:gd name="T92" fmla="*/ 1 w 54"/>
                  <a:gd name="T93" fmla="*/ 0 h 82"/>
                  <a:gd name="T94" fmla="*/ 3 w 54"/>
                  <a:gd name="T95" fmla="*/ 0 h 82"/>
                  <a:gd name="T96" fmla="*/ 5 w 54"/>
                  <a:gd name="T97" fmla="*/ 0 h 82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w 54"/>
                  <a:gd name="T148" fmla="*/ 0 h 82"/>
                  <a:gd name="T149" fmla="*/ 54 w 54"/>
                  <a:gd name="T150" fmla="*/ 82 h 82"/>
                </a:gdLst>
                <a:ahLst/>
                <a:cxnLst>
                  <a:cxn ang="T98">
                    <a:pos x="T0" y="T1"/>
                  </a:cxn>
                  <a:cxn ang="T99">
                    <a:pos x="T2" y="T3"/>
                  </a:cxn>
                  <a:cxn ang="T100">
                    <a:pos x="T4" y="T5"/>
                  </a:cxn>
                  <a:cxn ang="T101">
                    <a:pos x="T6" y="T7"/>
                  </a:cxn>
                  <a:cxn ang="T102">
                    <a:pos x="T8" y="T9"/>
                  </a:cxn>
                  <a:cxn ang="T103">
                    <a:pos x="T10" y="T11"/>
                  </a:cxn>
                  <a:cxn ang="T104">
                    <a:pos x="T12" y="T13"/>
                  </a:cxn>
                  <a:cxn ang="T105">
                    <a:pos x="T14" y="T15"/>
                  </a:cxn>
                  <a:cxn ang="T106">
                    <a:pos x="T16" y="T17"/>
                  </a:cxn>
                  <a:cxn ang="T107">
                    <a:pos x="T18" y="T19"/>
                  </a:cxn>
                  <a:cxn ang="T108">
                    <a:pos x="T20" y="T21"/>
                  </a:cxn>
                  <a:cxn ang="T109">
                    <a:pos x="T22" y="T23"/>
                  </a:cxn>
                  <a:cxn ang="T110">
                    <a:pos x="T24" y="T25"/>
                  </a:cxn>
                  <a:cxn ang="T111">
                    <a:pos x="T26" y="T27"/>
                  </a:cxn>
                  <a:cxn ang="T112">
                    <a:pos x="T28" y="T29"/>
                  </a:cxn>
                  <a:cxn ang="T113">
                    <a:pos x="T30" y="T31"/>
                  </a:cxn>
                  <a:cxn ang="T114">
                    <a:pos x="T32" y="T33"/>
                  </a:cxn>
                  <a:cxn ang="T115">
                    <a:pos x="T34" y="T35"/>
                  </a:cxn>
                  <a:cxn ang="T116">
                    <a:pos x="T36" y="T37"/>
                  </a:cxn>
                  <a:cxn ang="T117">
                    <a:pos x="T38" y="T39"/>
                  </a:cxn>
                  <a:cxn ang="T118">
                    <a:pos x="T40" y="T41"/>
                  </a:cxn>
                  <a:cxn ang="T119">
                    <a:pos x="T42" y="T43"/>
                  </a:cxn>
                  <a:cxn ang="T120">
                    <a:pos x="T44" y="T45"/>
                  </a:cxn>
                  <a:cxn ang="T121">
                    <a:pos x="T46" y="T47"/>
                  </a:cxn>
                  <a:cxn ang="T122">
                    <a:pos x="T48" y="T49"/>
                  </a:cxn>
                  <a:cxn ang="T123">
                    <a:pos x="T50" y="T51"/>
                  </a:cxn>
                  <a:cxn ang="T124">
                    <a:pos x="T52" y="T53"/>
                  </a:cxn>
                  <a:cxn ang="T125">
                    <a:pos x="T54" y="T55"/>
                  </a:cxn>
                  <a:cxn ang="T126">
                    <a:pos x="T56" y="T57"/>
                  </a:cxn>
                  <a:cxn ang="T127">
                    <a:pos x="T58" y="T59"/>
                  </a:cxn>
                  <a:cxn ang="T128">
                    <a:pos x="T60" y="T61"/>
                  </a:cxn>
                  <a:cxn ang="T129">
                    <a:pos x="T62" y="T63"/>
                  </a:cxn>
                  <a:cxn ang="T130">
                    <a:pos x="T64" y="T65"/>
                  </a:cxn>
                  <a:cxn ang="T131">
                    <a:pos x="T66" y="T67"/>
                  </a:cxn>
                  <a:cxn ang="T132">
                    <a:pos x="T68" y="T69"/>
                  </a:cxn>
                  <a:cxn ang="T133">
                    <a:pos x="T70" y="T71"/>
                  </a:cxn>
                  <a:cxn ang="T134">
                    <a:pos x="T72" y="T73"/>
                  </a:cxn>
                  <a:cxn ang="T135">
                    <a:pos x="T74" y="T75"/>
                  </a:cxn>
                  <a:cxn ang="T136">
                    <a:pos x="T76" y="T77"/>
                  </a:cxn>
                  <a:cxn ang="T137">
                    <a:pos x="T78" y="T79"/>
                  </a:cxn>
                  <a:cxn ang="T138">
                    <a:pos x="T80" y="T81"/>
                  </a:cxn>
                  <a:cxn ang="T139">
                    <a:pos x="T82" y="T83"/>
                  </a:cxn>
                  <a:cxn ang="T140">
                    <a:pos x="T84" y="T85"/>
                  </a:cxn>
                  <a:cxn ang="T141">
                    <a:pos x="T86" y="T87"/>
                  </a:cxn>
                  <a:cxn ang="T142">
                    <a:pos x="T88" y="T89"/>
                  </a:cxn>
                  <a:cxn ang="T143">
                    <a:pos x="T90" y="T91"/>
                  </a:cxn>
                  <a:cxn ang="T144">
                    <a:pos x="T92" y="T93"/>
                  </a:cxn>
                  <a:cxn ang="T145">
                    <a:pos x="T94" y="T95"/>
                  </a:cxn>
                  <a:cxn ang="T146">
                    <a:pos x="T96" y="T97"/>
                  </a:cxn>
                </a:cxnLst>
                <a:rect l="T147" t="T148" r="T149" b="T150"/>
                <a:pathLst>
                  <a:path w="54" h="82">
                    <a:moveTo>
                      <a:pt x="5" y="0"/>
                    </a:moveTo>
                    <a:lnTo>
                      <a:pt x="5" y="0"/>
                    </a:lnTo>
                    <a:lnTo>
                      <a:pt x="5" y="2"/>
                    </a:lnTo>
                    <a:lnTo>
                      <a:pt x="7" y="4"/>
                    </a:lnTo>
                    <a:lnTo>
                      <a:pt x="7" y="7"/>
                    </a:lnTo>
                    <a:lnTo>
                      <a:pt x="8" y="10"/>
                    </a:lnTo>
                    <a:lnTo>
                      <a:pt x="10" y="14"/>
                    </a:lnTo>
                    <a:lnTo>
                      <a:pt x="13" y="19"/>
                    </a:lnTo>
                    <a:lnTo>
                      <a:pt x="15" y="22"/>
                    </a:lnTo>
                    <a:lnTo>
                      <a:pt x="17" y="27"/>
                    </a:lnTo>
                    <a:lnTo>
                      <a:pt x="20" y="32"/>
                    </a:lnTo>
                    <a:lnTo>
                      <a:pt x="23" y="38"/>
                    </a:lnTo>
                    <a:lnTo>
                      <a:pt x="25" y="43"/>
                    </a:lnTo>
                    <a:lnTo>
                      <a:pt x="29" y="48"/>
                    </a:lnTo>
                    <a:lnTo>
                      <a:pt x="32" y="51"/>
                    </a:lnTo>
                    <a:lnTo>
                      <a:pt x="35" y="56"/>
                    </a:lnTo>
                    <a:lnTo>
                      <a:pt x="39" y="60"/>
                    </a:lnTo>
                    <a:lnTo>
                      <a:pt x="40" y="63"/>
                    </a:lnTo>
                    <a:lnTo>
                      <a:pt x="44" y="66"/>
                    </a:lnTo>
                    <a:lnTo>
                      <a:pt x="47" y="73"/>
                    </a:lnTo>
                    <a:lnTo>
                      <a:pt x="52" y="78"/>
                    </a:lnTo>
                    <a:lnTo>
                      <a:pt x="54" y="82"/>
                    </a:lnTo>
                    <a:lnTo>
                      <a:pt x="52" y="82"/>
                    </a:lnTo>
                    <a:lnTo>
                      <a:pt x="45" y="76"/>
                    </a:lnTo>
                    <a:lnTo>
                      <a:pt x="34" y="65"/>
                    </a:lnTo>
                    <a:lnTo>
                      <a:pt x="32" y="63"/>
                    </a:lnTo>
                    <a:lnTo>
                      <a:pt x="30" y="60"/>
                    </a:lnTo>
                    <a:lnTo>
                      <a:pt x="27" y="56"/>
                    </a:lnTo>
                    <a:lnTo>
                      <a:pt x="25" y="53"/>
                    </a:lnTo>
                    <a:lnTo>
                      <a:pt x="22" y="48"/>
                    </a:lnTo>
                    <a:lnTo>
                      <a:pt x="18" y="43"/>
                    </a:lnTo>
                    <a:lnTo>
                      <a:pt x="15" y="38"/>
                    </a:lnTo>
                    <a:lnTo>
                      <a:pt x="12" y="32"/>
                    </a:lnTo>
                    <a:lnTo>
                      <a:pt x="10" y="27"/>
                    </a:lnTo>
                    <a:lnTo>
                      <a:pt x="7" y="22"/>
                    </a:lnTo>
                    <a:lnTo>
                      <a:pt x="5" y="19"/>
                    </a:lnTo>
                    <a:lnTo>
                      <a:pt x="1" y="14"/>
                    </a:lnTo>
                    <a:lnTo>
                      <a:pt x="1" y="10"/>
                    </a:lnTo>
                    <a:lnTo>
                      <a:pt x="0" y="7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3" y="0"/>
                    </a:lnTo>
                    <a:lnTo>
                      <a:pt x="5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71" name="Freeform 169"/>
              <p:cNvSpPr>
                <a:spLocks/>
              </p:cNvSpPr>
              <p:nvPr/>
            </p:nvSpPr>
            <p:spPr bwMode="auto">
              <a:xfrm>
                <a:off x="4956" y="2165"/>
                <a:ext cx="20" cy="72"/>
              </a:xfrm>
              <a:custGeom>
                <a:avLst/>
                <a:gdLst>
                  <a:gd name="T0" fmla="*/ 8 w 20"/>
                  <a:gd name="T1" fmla="*/ 0 h 72"/>
                  <a:gd name="T2" fmla="*/ 18 w 20"/>
                  <a:gd name="T3" fmla="*/ 18 h 72"/>
                  <a:gd name="T4" fmla="*/ 20 w 20"/>
                  <a:gd name="T5" fmla="*/ 67 h 72"/>
                  <a:gd name="T6" fmla="*/ 3 w 20"/>
                  <a:gd name="T7" fmla="*/ 72 h 72"/>
                  <a:gd name="T8" fmla="*/ 0 w 20"/>
                  <a:gd name="T9" fmla="*/ 71 h 72"/>
                  <a:gd name="T10" fmla="*/ 15 w 20"/>
                  <a:gd name="T11" fmla="*/ 55 h 72"/>
                  <a:gd name="T12" fmla="*/ 13 w 20"/>
                  <a:gd name="T13" fmla="*/ 22 h 72"/>
                  <a:gd name="T14" fmla="*/ 3 w 20"/>
                  <a:gd name="T15" fmla="*/ 3 h 72"/>
                  <a:gd name="T16" fmla="*/ 8 w 20"/>
                  <a:gd name="T17" fmla="*/ 0 h 72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  <a:gd name="T27" fmla="*/ 0 w 20"/>
                  <a:gd name="T28" fmla="*/ 0 h 72"/>
                  <a:gd name="T29" fmla="*/ 20 w 20"/>
                  <a:gd name="T30" fmla="*/ 72 h 72"/>
                </a:gdLst>
                <a:ahLst/>
                <a:cxnLst>
                  <a:cxn ang="T18">
                    <a:pos x="T0" y="T1"/>
                  </a:cxn>
                  <a:cxn ang="T19">
                    <a:pos x="T2" y="T3"/>
                  </a:cxn>
                  <a:cxn ang="T20">
                    <a:pos x="T4" y="T5"/>
                  </a:cxn>
                  <a:cxn ang="T21">
                    <a:pos x="T6" y="T7"/>
                  </a:cxn>
                  <a:cxn ang="T22">
                    <a:pos x="T8" y="T9"/>
                  </a:cxn>
                  <a:cxn ang="T23">
                    <a:pos x="T10" y="T11"/>
                  </a:cxn>
                  <a:cxn ang="T24">
                    <a:pos x="T12" y="T13"/>
                  </a:cxn>
                  <a:cxn ang="T25">
                    <a:pos x="T14" y="T15"/>
                  </a:cxn>
                  <a:cxn ang="T26">
                    <a:pos x="T16" y="T17"/>
                  </a:cxn>
                </a:cxnLst>
                <a:rect l="T27" t="T28" r="T29" b="T30"/>
                <a:pathLst>
                  <a:path w="20" h="72">
                    <a:moveTo>
                      <a:pt x="8" y="0"/>
                    </a:moveTo>
                    <a:lnTo>
                      <a:pt x="18" y="18"/>
                    </a:lnTo>
                    <a:lnTo>
                      <a:pt x="20" y="67"/>
                    </a:lnTo>
                    <a:lnTo>
                      <a:pt x="3" y="72"/>
                    </a:lnTo>
                    <a:lnTo>
                      <a:pt x="0" y="71"/>
                    </a:lnTo>
                    <a:lnTo>
                      <a:pt x="15" y="55"/>
                    </a:lnTo>
                    <a:lnTo>
                      <a:pt x="13" y="22"/>
                    </a:lnTo>
                    <a:lnTo>
                      <a:pt x="3" y="3"/>
                    </a:lnTo>
                    <a:lnTo>
                      <a:pt x="8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72" name="Freeform 170"/>
              <p:cNvSpPr>
                <a:spLocks/>
              </p:cNvSpPr>
              <p:nvPr/>
            </p:nvSpPr>
            <p:spPr bwMode="auto">
              <a:xfrm>
                <a:off x="4956" y="2165"/>
                <a:ext cx="20" cy="72"/>
              </a:xfrm>
              <a:custGeom>
                <a:avLst/>
                <a:gdLst>
                  <a:gd name="T0" fmla="*/ 8 w 20"/>
                  <a:gd name="T1" fmla="*/ 0 h 72"/>
                  <a:gd name="T2" fmla="*/ 18 w 20"/>
                  <a:gd name="T3" fmla="*/ 18 h 72"/>
                  <a:gd name="T4" fmla="*/ 20 w 20"/>
                  <a:gd name="T5" fmla="*/ 67 h 72"/>
                  <a:gd name="T6" fmla="*/ 3 w 20"/>
                  <a:gd name="T7" fmla="*/ 72 h 72"/>
                  <a:gd name="T8" fmla="*/ 0 w 20"/>
                  <a:gd name="T9" fmla="*/ 71 h 72"/>
                  <a:gd name="T10" fmla="*/ 15 w 20"/>
                  <a:gd name="T11" fmla="*/ 55 h 72"/>
                  <a:gd name="T12" fmla="*/ 13 w 20"/>
                  <a:gd name="T13" fmla="*/ 22 h 72"/>
                  <a:gd name="T14" fmla="*/ 3 w 20"/>
                  <a:gd name="T15" fmla="*/ 3 h 72"/>
                  <a:gd name="T16" fmla="*/ 8 w 20"/>
                  <a:gd name="T17" fmla="*/ 0 h 72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60000 65536"/>
                  <a:gd name="T25" fmla="*/ 0 60000 65536"/>
                  <a:gd name="T26" fmla="*/ 0 60000 65536"/>
                  <a:gd name="T27" fmla="*/ 0 w 20"/>
                  <a:gd name="T28" fmla="*/ 0 h 72"/>
                  <a:gd name="T29" fmla="*/ 20 w 20"/>
                  <a:gd name="T30" fmla="*/ 72 h 72"/>
                </a:gdLst>
                <a:ahLst/>
                <a:cxnLst>
                  <a:cxn ang="T18">
                    <a:pos x="T0" y="T1"/>
                  </a:cxn>
                  <a:cxn ang="T19">
                    <a:pos x="T2" y="T3"/>
                  </a:cxn>
                  <a:cxn ang="T20">
                    <a:pos x="T4" y="T5"/>
                  </a:cxn>
                  <a:cxn ang="T21">
                    <a:pos x="T6" y="T7"/>
                  </a:cxn>
                  <a:cxn ang="T22">
                    <a:pos x="T8" y="T9"/>
                  </a:cxn>
                  <a:cxn ang="T23">
                    <a:pos x="T10" y="T11"/>
                  </a:cxn>
                  <a:cxn ang="T24">
                    <a:pos x="T12" y="T13"/>
                  </a:cxn>
                  <a:cxn ang="T25">
                    <a:pos x="T14" y="T15"/>
                  </a:cxn>
                  <a:cxn ang="T26">
                    <a:pos x="T16" y="T17"/>
                  </a:cxn>
                </a:cxnLst>
                <a:rect l="T27" t="T28" r="T29" b="T30"/>
                <a:pathLst>
                  <a:path w="20" h="72">
                    <a:moveTo>
                      <a:pt x="8" y="0"/>
                    </a:moveTo>
                    <a:lnTo>
                      <a:pt x="18" y="18"/>
                    </a:lnTo>
                    <a:lnTo>
                      <a:pt x="20" y="67"/>
                    </a:lnTo>
                    <a:lnTo>
                      <a:pt x="3" y="72"/>
                    </a:lnTo>
                    <a:lnTo>
                      <a:pt x="0" y="71"/>
                    </a:lnTo>
                    <a:lnTo>
                      <a:pt x="15" y="55"/>
                    </a:lnTo>
                    <a:lnTo>
                      <a:pt x="13" y="22"/>
                    </a:lnTo>
                    <a:lnTo>
                      <a:pt x="3" y="3"/>
                    </a:lnTo>
                    <a:lnTo>
                      <a:pt x="8" y="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1145" name="Freeform 171"/>
            <p:cNvSpPr>
              <a:spLocks/>
            </p:cNvSpPr>
            <p:nvPr/>
          </p:nvSpPr>
          <p:spPr bwMode="auto">
            <a:xfrm>
              <a:off x="420" y="850"/>
              <a:ext cx="638" cy="473"/>
            </a:xfrm>
            <a:custGeom>
              <a:avLst/>
              <a:gdLst>
                <a:gd name="T0" fmla="*/ 18 w 656"/>
                <a:gd name="T1" fmla="*/ 20 h 487"/>
                <a:gd name="T2" fmla="*/ 44 w 656"/>
                <a:gd name="T3" fmla="*/ 44 h 487"/>
                <a:gd name="T4" fmla="*/ 65 w 656"/>
                <a:gd name="T5" fmla="*/ 51 h 487"/>
                <a:gd name="T6" fmla="*/ 79 w 656"/>
                <a:gd name="T7" fmla="*/ 58 h 487"/>
                <a:gd name="T8" fmla="*/ 109 w 656"/>
                <a:gd name="T9" fmla="*/ 70 h 487"/>
                <a:gd name="T10" fmla="*/ 117 w 656"/>
                <a:gd name="T11" fmla="*/ 81 h 487"/>
                <a:gd name="T12" fmla="*/ 112 w 656"/>
                <a:gd name="T13" fmla="*/ 94 h 487"/>
                <a:gd name="T14" fmla="*/ 109 w 656"/>
                <a:gd name="T15" fmla="*/ 94 h 487"/>
                <a:gd name="T16" fmla="*/ 85 w 656"/>
                <a:gd name="T17" fmla="*/ 127 h 487"/>
                <a:gd name="T18" fmla="*/ 98 w 656"/>
                <a:gd name="T19" fmla="*/ 108 h 487"/>
                <a:gd name="T20" fmla="*/ 112 w 656"/>
                <a:gd name="T21" fmla="*/ 112 h 487"/>
                <a:gd name="T22" fmla="*/ 101 w 656"/>
                <a:gd name="T23" fmla="*/ 144 h 487"/>
                <a:gd name="T24" fmla="*/ 101 w 656"/>
                <a:gd name="T25" fmla="*/ 137 h 487"/>
                <a:gd name="T26" fmla="*/ 93 w 656"/>
                <a:gd name="T27" fmla="*/ 139 h 487"/>
                <a:gd name="T28" fmla="*/ 91 w 656"/>
                <a:gd name="T29" fmla="*/ 130 h 487"/>
                <a:gd name="T30" fmla="*/ 77 w 656"/>
                <a:gd name="T31" fmla="*/ 145 h 487"/>
                <a:gd name="T32" fmla="*/ 89 w 656"/>
                <a:gd name="T33" fmla="*/ 148 h 487"/>
                <a:gd name="T34" fmla="*/ 97 w 656"/>
                <a:gd name="T35" fmla="*/ 152 h 487"/>
                <a:gd name="T36" fmla="*/ 114 w 656"/>
                <a:gd name="T37" fmla="*/ 144 h 487"/>
                <a:gd name="T38" fmla="*/ 144 w 656"/>
                <a:gd name="T39" fmla="*/ 84 h 487"/>
                <a:gd name="T40" fmla="*/ 129 w 656"/>
                <a:gd name="T41" fmla="*/ 68 h 487"/>
                <a:gd name="T42" fmla="*/ 133 w 656"/>
                <a:gd name="T43" fmla="*/ 39 h 487"/>
                <a:gd name="T44" fmla="*/ 144 w 656"/>
                <a:gd name="T45" fmla="*/ 25 h 487"/>
                <a:gd name="T46" fmla="*/ 141 w 656"/>
                <a:gd name="T47" fmla="*/ 3 h 487"/>
                <a:gd name="T48" fmla="*/ 181 w 656"/>
                <a:gd name="T49" fmla="*/ 17 h 487"/>
                <a:gd name="T50" fmla="*/ 252 w 656"/>
                <a:gd name="T51" fmla="*/ 37 h 487"/>
                <a:gd name="T52" fmla="*/ 342 w 656"/>
                <a:gd name="T53" fmla="*/ 57 h 487"/>
                <a:gd name="T54" fmla="*/ 443 w 656"/>
                <a:gd name="T55" fmla="*/ 79 h 487"/>
                <a:gd name="T56" fmla="*/ 440 w 656"/>
                <a:gd name="T57" fmla="*/ 105 h 487"/>
                <a:gd name="T58" fmla="*/ 427 w 656"/>
                <a:gd name="T59" fmla="*/ 160 h 487"/>
                <a:gd name="T60" fmla="*/ 412 w 656"/>
                <a:gd name="T61" fmla="*/ 225 h 487"/>
                <a:gd name="T62" fmla="*/ 403 w 656"/>
                <a:gd name="T63" fmla="*/ 271 h 487"/>
                <a:gd name="T64" fmla="*/ 400 w 656"/>
                <a:gd name="T65" fmla="*/ 307 h 487"/>
                <a:gd name="T66" fmla="*/ 281 w 656"/>
                <a:gd name="T67" fmla="*/ 296 h 487"/>
                <a:gd name="T68" fmla="*/ 260 w 656"/>
                <a:gd name="T69" fmla="*/ 298 h 487"/>
                <a:gd name="T70" fmla="*/ 241 w 656"/>
                <a:gd name="T71" fmla="*/ 292 h 487"/>
                <a:gd name="T72" fmla="*/ 219 w 656"/>
                <a:gd name="T73" fmla="*/ 296 h 487"/>
                <a:gd name="T74" fmla="*/ 185 w 656"/>
                <a:gd name="T75" fmla="*/ 296 h 487"/>
                <a:gd name="T76" fmla="*/ 165 w 656"/>
                <a:gd name="T77" fmla="*/ 294 h 487"/>
                <a:gd name="T78" fmla="*/ 142 w 656"/>
                <a:gd name="T79" fmla="*/ 289 h 487"/>
                <a:gd name="T80" fmla="*/ 114 w 656"/>
                <a:gd name="T81" fmla="*/ 278 h 487"/>
                <a:gd name="T82" fmla="*/ 91 w 656"/>
                <a:gd name="T83" fmla="*/ 281 h 487"/>
                <a:gd name="T84" fmla="*/ 71 w 656"/>
                <a:gd name="T85" fmla="*/ 276 h 487"/>
                <a:gd name="T86" fmla="*/ 61 w 656"/>
                <a:gd name="T87" fmla="*/ 269 h 487"/>
                <a:gd name="T88" fmla="*/ 60 w 656"/>
                <a:gd name="T89" fmla="*/ 252 h 487"/>
                <a:gd name="T90" fmla="*/ 55 w 656"/>
                <a:gd name="T91" fmla="*/ 227 h 487"/>
                <a:gd name="T92" fmla="*/ 43 w 656"/>
                <a:gd name="T93" fmla="*/ 219 h 487"/>
                <a:gd name="T94" fmla="*/ 40 w 656"/>
                <a:gd name="T95" fmla="*/ 214 h 487"/>
                <a:gd name="T96" fmla="*/ 25 w 656"/>
                <a:gd name="T97" fmla="*/ 203 h 487"/>
                <a:gd name="T98" fmla="*/ 11 w 656"/>
                <a:gd name="T99" fmla="*/ 200 h 487"/>
                <a:gd name="T100" fmla="*/ 0 w 656"/>
                <a:gd name="T101" fmla="*/ 195 h 487"/>
                <a:gd name="T102" fmla="*/ 5 w 656"/>
                <a:gd name="T103" fmla="*/ 180 h 487"/>
                <a:gd name="T104" fmla="*/ 15 w 656"/>
                <a:gd name="T105" fmla="*/ 171 h 487"/>
                <a:gd name="T106" fmla="*/ 11 w 656"/>
                <a:gd name="T107" fmla="*/ 184 h 487"/>
                <a:gd name="T108" fmla="*/ 15 w 656"/>
                <a:gd name="T109" fmla="*/ 188 h 487"/>
                <a:gd name="T110" fmla="*/ 18 w 656"/>
                <a:gd name="T111" fmla="*/ 166 h 487"/>
                <a:gd name="T112" fmla="*/ 18 w 656"/>
                <a:gd name="T113" fmla="*/ 148 h 487"/>
                <a:gd name="T114" fmla="*/ 18 w 656"/>
                <a:gd name="T115" fmla="*/ 142 h 487"/>
                <a:gd name="T116" fmla="*/ 18 w 656"/>
                <a:gd name="T117" fmla="*/ 118 h 487"/>
                <a:gd name="T118" fmla="*/ 18 w 656"/>
                <a:gd name="T119" fmla="*/ 89 h 487"/>
                <a:gd name="T120" fmla="*/ 17 w 656"/>
                <a:gd name="T121" fmla="*/ 64 h 487"/>
                <a:gd name="T122" fmla="*/ 15 w 656"/>
                <a:gd name="T123" fmla="*/ 38 h 487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60000 65536"/>
                <a:gd name="T178" fmla="*/ 0 60000 65536"/>
                <a:gd name="T179" fmla="*/ 0 60000 65536"/>
                <a:gd name="T180" fmla="*/ 0 60000 65536"/>
                <a:gd name="T181" fmla="*/ 0 60000 65536"/>
                <a:gd name="T182" fmla="*/ 0 60000 65536"/>
                <a:gd name="T183" fmla="*/ 0 60000 65536"/>
                <a:gd name="T184" fmla="*/ 0 60000 65536"/>
                <a:gd name="T185" fmla="*/ 0 60000 65536"/>
                <a:gd name="T186" fmla="*/ 0 w 656"/>
                <a:gd name="T187" fmla="*/ 0 h 487"/>
                <a:gd name="T188" fmla="*/ 656 w 656"/>
                <a:gd name="T189" fmla="*/ 487 h 487"/>
              </a:gdLst>
              <a:ahLst/>
              <a:cxnLst>
                <a:cxn ang="T124">
                  <a:pos x="T0" y="T1"/>
                </a:cxn>
                <a:cxn ang="T125">
                  <a:pos x="T2" y="T3"/>
                </a:cxn>
                <a:cxn ang="T126">
                  <a:pos x="T4" y="T5"/>
                </a:cxn>
                <a:cxn ang="T127">
                  <a:pos x="T6" y="T7"/>
                </a:cxn>
                <a:cxn ang="T128">
                  <a:pos x="T8" y="T9"/>
                </a:cxn>
                <a:cxn ang="T129">
                  <a:pos x="T10" y="T11"/>
                </a:cxn>
                <a:cxn ang="T130">
                  <a:pos x="T12" y="T13"/>
                </a:cxn>
                <a:cxn ang="T131">
                  <a:pos x="T14" y="T15"/>
                </a:cxn>
                <a:cxn ang="T132">
                  <a:pos x="T16" y="T17"/>
                </a:cxn>
                <a:cxn ang="T133">
                  <a:pos x="T18" y="T19"/>
                </a:cxn>
                <a:cxn ang="T134">
                  <a:pos x="T20" y="T21"/>
                </a:cxn>
                <a:cxn ang="T135">
                  <a:pos x="T22" y="T23"/>
                </a:cxn>
                <a:cxn ang="T136">
                  <a:pos x="T24" y="T25"/>
                </a:cxn>
                <a:cxn ang="T137">
                  <a:pos x="T26" y="T27"/>
                </a:cxn>
                <a:cxn ang="T138">
                  <a:pos x="T28" y="T29"/>
                </a:cxn>
                <a:cxn ang="T139">
                  <a:pos x="T30" y="T31"/>
                </a:cxn>
                <a:cxn ang="T140">
                  <a:pos x="T32" y="T33"/>
                </a:cxn>
                <a:cxn ang="T141">
                  <a:pos x="T34" y="T35"/>
                </a:cxn>
                <a:cxn ang="T142">
                  <a:pos x="T36" y="T37"/>
                </a:cxn>
                <a:cxn ang="T143">
                  <a:pos x="T38" y="T39"/>
                </a:cxn>
                <a:cxn ang="T144">
                  <a:pos x="T40" y="T41"/>
                </a:cxn>
                <a:cxn ang="T145">
                  <a:pos x="T42" y="T43"/>
                </a:cxn>
                <a:cxn ang="T146">
                  <a:pos x="T44" y="T45"/>
                </a:cxn>
                <a:cxn ang="T147">
                  <a:pos x="T46" y="T47"/>
                </a:cxn>
                <a:cxn ang="T148">
                  <a:pos x="T48" y="T49"/>
                </a:cxn>
                <a:cxn ang="T149">
                  <a:pos x="T50" y="T51"/>
                </a:cxn>
                <a:cxn ang="T150">
                  <a:pos x="T52" y="T53"/>
                </a:cxn>
                <a:cxn ang="T151">
                  <a:pos x="T54" y="T55"/>
                </a:cxn>
                <a:cxn ang="T152">
                  <a:pos x="T56" y="T57"/>
                </a:cxn>
                <a:cxn ang="T153">
                  <a:pos x="T58" y="T59"/>
                </a:cxn>
                <a:cxn ang="T154">
                  <a:pos x="T60" y="T61"/>
                </a:cxn>
                <a:cxn ang="T155">
                  <a:pos x="T62" y="T63"/>
                </a:cxn>
                <a:cxn ang="T156">
                  <a:pos x="T64" y="T65"/>
                </a:cxn>
                <a:cxn ang="T157">
                  <a:pos x="T66" y="T67"/>
                </a:cxn>
                <a:cxn ang="T158">
                  <a:pos x="T68" y="T69"/>
                </a:cxn>
                <a:cxn ang="T159">
                  <a:pos x="T70" y="T71"/>
                </a:cxn>
                <a:cxn ang="T160">
                  <a:pos x="T72" y="T73"/>
                </a:cxn>
                <a:cxn ang="T161">
                  <a:pos x="T74" y="T75"/>
                </a:cxn>
                <a:cxn ang="T162">
                  <a:pos x="T76" y="T77"/>
                </a:cxn>
                <a:cxn ang="T163">
                  <a:pos x="T78" y="T79"/>
                </a:cxn>
                <a:cxn ang="T164">
                  <a:pos x="T80" y="T81"/>
                </a:cxn>
                <a:cxn ang="T165">
                  <a:pos x="T82" y="T83"/>
                </a:cxn>
                <a:cxn ang="T166">
                  <a:pos x="T84" y="T85"/>
                </a:cxn>
                <a:cxn ang="T167">
                  <a:pos x="T86" y="T87"/>
                </a:cxn>
                <a:cxn ang="T168">
                  <a:pos x="T88" y="T89"/>
                </a:cxn>
                <a:cxn ang="T169">
                  <a:pos x="T90" y="T91"/>
                </a:cxn>
                <a:cxn ang="T170">
                  <a:pos x="T92" y="T93"/>
                </a:cxn>
                <a:cxn ang="T171">
                  <a:pos x="T94" y="T95"/>
                </a:cxn>
                <a:cxn ang="T172">
                  <a:pos x="T96" y="T97"/>
                </a:cxn>
                <a:cxn ang="T173">
                  <a:pos x="T98" y="T99"/>
                </a:cxn>
                <a:cxn ang="T174">
                  <a:pos x="T100" y="T101"/>
                </a:cxn>
                <a:cxn ang="T175">
                  <a:pos x="T102" y="T103"/>
                </a:cxn>
                <a:cxn ang="T176">
                  <a:pos x="T104" y="T105"/>
                </a:cxn>
                <a:cxn ang="T177">
                  <a:pos x="T106" y="T107"/>
                </a:cxn>
                <a:cxn ang="T178">
                  <a:pos x="T108" y="T109"/>
                </a:cxn>
                <a:cxn ang="T179">
                  <a:pos x="T110" y="T111"/>
                </a:cxn>
                <a:cxn ang="T180">
                  <a:pos x="T112" y="T113"/>
                </a:cxn>
                <a:cxn ang="T181">
                  <a:pos x="T114" y="T115"/>
                </a:cxn>
                <a:cxn ang="T182">
                  <a:pos x="T116" y="T117"/>
                </a:cxn>
                <a:cxn ang="T183">
                  <a:pos x="T118" y="T119"/>
                </a:cxn>
                <a:cxn ang="T184">
                  <a:pos x="T120" y="T121"/>
                </a:cxn>
                <a:cxn ang="T185">
                  <a:pos x="T122" y="T123"/>
                </a:cxn>
              </a:cxnLst>
              <a:rect l="T186" t="T187" r="T188" b="T189"/>
              <a:pathLst>
                <a:path w="656" h="487">
                  <a:moveTo>
                    <a:pt x="22" y="41"/>
                  </a:moveTo>
                  <a:lnTo>
                    <a:pt x="23" y="36"/>
                  </a:lnTo>
                  <a:lnTo>
                    <a:pt x="22" y="27"/>
                  </a:lnTo>
                  <a:lnTo>
                    <a:pt x="22" y="29"/>
                  </a:lnTo>
                  <a:lnTo>
                    <a:pt x="23" y="29"/>
                  </a:lnTo>
                  <a:lnTo>
                    <a:pt x="25" y="32"/>
                  </a:lnTo>
                  <a:lnTo>
                    <a:pt x="28" y="34"/>
                  </a:lnTo>
                  <a:lnTo>
                    <a:pt x="32" y="39"/>
                  </a:lnTo>
                  <a:lnTo>
                    <a:pt x="37" y="42"/>
                  </a:lnTo>
                  <a:lnTo>
                    <a:pt x="40" y="46"/>
                  </a:lnTo>
                  <a:lnTo>
                    <a:pt x="45" y="51"/>
                  </a:lnTo>
                  <a:lnTo>
                    <a:pt x="50" y="56"/>
                  </a:lnTo>
                  <a:lnTo>
                    <a:pt x="57" y="59"/>
                  </a:lnTo>
                  <a:lnTo>
                    <a:pt x="62" y="64"/>
                  </a:lnTo>
                  <a:lnTo>
                    <a:pt x="67" y="68"/>
                  </a:lnTo>
                  <a:lnTo>
                    <a:pt x="74" y="71"/>
                  </a:lnTo>
                  <a:lnTo>
                    <a:pt x="79" y="74"/>
                  </a:lnTo>
                  <a:lnTo>
                    <a:pt x="86" y="76"/>
                  </a:lnTo>
                  <a:lnTo>
                    <a:pt x="91" y="78"/>
                  </a:lnTo>
                  <a:lnTo>
                    <a:pt x="94" y="78"/>
                  </a:lnTo>
                  <a:lnTo>
                    <a:pt x="96" y="80"/>
                  </a:lnTo>
                  <a:lnTo>
                    <a:pt x="98" y="80"/>
                  </a:lnTo>
                  <a:lnTo>
                    <a:pt x="101" y="80"/>
                  </a:lnTo>
                  <a:lnTo>
                    <a:pt x="103" y="81"/>
                  </a:lnTo>
                  <a:lnTo>
                    <a:pt x="105" y="81"/>
                  </a:lnTo>
                  <a:lnTo>
                    <a:pt x="115" y="86"/>
                  </a:lnTo>
                  <a:lnTo>
                    <a:pt x="123" y="95"/>
                  </a:lnTo>
                  <a:lnTo>
                    <a:pt x="142" y="95"/>
                  </a:lnTo>
                  <a:lnTo>
                    <a:pt x="143" y="105"/>
                  </a:lnTo>
                  <a:lnTo>
                    <a:pt x="154" y="105"/>
                  </a:lnTo>
                  <a:lnTo>
                    <a:pt x="154" y="117"/>
                  </a:lnTo>
                  <a:lnTo>
                    <a:pt x="160" y="117"/>
                  </a:lnTo>
                  <a:lnTo>
                    <a:pt x="159" y="105"/>
                  </a:lnTo>
                  <a:lnTo>
                    <a:pt x="162" y="103"/>
                  </a:lnTo>
                  <a:lnTo>
                    <a:pt x="172" y="103"/>
                  </a:lnTo>
                  <a:lnTo>
                    <a:pt x="167" y="113"/>
                  </a:lnTo>
                  <a:lnTo>
                    <a:pt x="169" y="115"/>
                  </a:lnTo>
                  <a:lnTo>
                    <a:pt x="169" y="117"/>
                  </a:lnTo>
                  <a:lnTo>
                    <a:pt x="171" y="118"/>
                  </a:lnTo>
                  <a:lnTo>
                    <a:pt x="172" y="122"/>
                  </a:lnTo>
                  <a:lnTo>
                    <a:pt x="174" y="125"/>
                  </a:lnTo>
                  <a:lnTo>
                    <a:pt x="174" y="130"/>
                  </a:lnTo>
                  <a:lnTo>
                    <a:pt x="172" y="134"/>
                  </a:lnTo>
                  <a:lnTo>
                    <a:pt x="171" y="135"/>
                  </a:lnTo>
                  <a:lnTo>
                    <a:pt x="169" y="137"/>
                  </a:lnTo>
                  <a:lnTo>
                    <a:pt x="167" y="139"/>
                  </a:lnTo>
                  <a:lnTo>
                    <a:pt x="164" y="142"/>
                  </a:lnTo>
                  <a:lnTo>
                    <a:pt x="160" y="146"/>
                  </a:lnTo>
                  <a:lnTo>
                    <a:pt x="159" y="149"/>
                  </a:lnTo>
                  <a:lnTo>
                    <a:pt x="155" y="152"/>
                  </a:lnTo>
                  <a:lnTo>
                    <a:pt x="154" y="154"/>
                  </a:lnTo>
                  <a:lnTo>
                    <a:pt x="154" y="156"/>
                  </a:lnTo>
                  <a:lnTo>
                    <a:pt x="149" y="151"/>
                  </a:lnTo>
                  <a:lnTo>
                    <a:pt x="159" y="142"/>
                  </a:lnTo>
                  <a:lnTo>
                    <a:pt x="157" y="137"/>
                  </a:lnTo>
                  <a:lnTo>
                    <a:pt x="130" y="169"/>
                  </a:lnTo>
                  <a:lnTo>
                    <a:pt x="113" y="179"/>
                  </a:lnTo>
                  <a:lnTo>
                    <a:pt x="113" y="191"/>
                  </a:lnTo>
                  <a:lnTo>
                    <a:pt x="121" y="193"/>
                  </a:lnTo>
                  <a:lnTo>
                    <a:pt x="123" y="191"/>
                  </a:lnTo>
                  <a:lnTo>
                    <a:pt x="125" y="190"/>
                  </a:lnTo>
                  <a:lnTo>
                    <a:pt x="127" y="186"/>
                  </a:lnTo>
                  <a:lnTo>
                    <a:pt x="127" y="188"/>
                  </a:lnTo>
                  <a:lnTo>
                    <a:pt x="123" y="186"/>
                  </a:lnTo>
                  <a:lnTo>
                    <a:pt x="121" y="183"/>
                  </a:lnTo>
                  <a:lnTo>
                    <a:pt x="120" y="183"/>
                  </a:lnTo>
                  <a:lnTo>
                    <a:pt x="145" y="162"/>
                  </a:lnTo>
                  <a:lnTo>
                    <a:pt x="152" y="162"/>
                  </a:lnTo>
                  <a:lnTo>
                    <a:pt x="179" y="135"/>
                  </a:lnTo>
                  <a:lnTo>
                    <a:pt x="182" y="144"/>
                  </a:lnTo>
                  <a:lnTo>
                    <a:pt x="181" y="154"/>
                  </a:lnTo>
                  <a:lnTo>
                    <a:pt x="172" y="161"/>
                  </a:lnTo>
                  <a:lnTo>
                    <a:pt x="169" y="159"/>
                  </a:lnTo>
                  <a:lnTo>
                    <a:pt x="165" y="168"/>
                  </a:lnTo>
                  <a:lnTo>
                    <a:pt x="162" y="178"/>
                  </a:lnTo>
                  <a:lnTo>
                    <a:pt x="165" y="179"/>
                  </a:lnTo>
                  <a:lnTo>
                    <a:pt x="157" y="210"/>
                  </a:lnTo>
                  <a:lnTo>
                    <a:pt x="155" y="210"/>
                  </a:lnTo>
                  <a:lnTo>
                    <a:pt x="154" y="212"/>
                  </a:lnTo>
                  <a:lnTo>
                    <a:pt x="150" y="215"/>
                  </a:lnTo>
                  <a:lnTo>
                    <a:pt x="149" y="217"/>
                  </a:lnTo>
                  <a:lnTo>
                    <a:pt x="147" y="217"/>
                  </a:lnTo>
                  <a:lnTo>
                    <a:pt x="147" y="215"/>
                  </a:lnTo>
                  <a:lnTo>
                    <a:pt x="149" y="212"/>
                  </a:lnTo>
                  <a:lnTo>
                    <a:pt x="149" y="210"/>
                  </a:lnTo>
                  <a:lnTo>
                    <a:pt x="149" y="208"/>
                  </a:lnTo>
                  <a:lnTo>
                    <a:pt x="149" y="206"/>
                  </a:lnTo>
                  <a:lnTo>
                    <a:pt x="149" y="205"/>
                  </a:lnTo>
                  <a:lnTo>
                    <a:pt x="157" y="195"/>
                  </a:lnTo>
                  <a:lnTo>
                    <a:pt x="143" y="206"/>
                  </a:lnTo>
                  <a:lnTo>
                    <a:pt x="138" y="215"/>
                  </a:lnTo>
                  <a:lnTo>
                    <a:pt x="137" y="212"/>
                  </a:lnTo>
                  <a:lnTo>
                    <a:pt x="137" y="210"/>
                  </a:lnTo>
                  <a:lnTo>
                    <a:pt x="138" y="208"/>
                  </a:lnTo>
                  <a:lnTo>
                    <a:pt x="138" y="205"/>
                  </a:lnTo>
                  <a:lnTo>
                    <a:pt x="140" y="201"/>
                  </a:lnTo>
                  <a:lnTo>
                    <a:pt x="142" y="200"/>
                  </a:lnTo>
                  <a:lnTo>
                    <a:pt x="142" y="196"/>
                  </a:lnTo>
                  <a:lnTo>
                    <a:pt x="140" y="195"/>
                  </a:lnTo>
                  <a:lnTo>
                    <a:pt x="138" y="193"/>
                  </a:lnTo>
                  <a:lnTo>
                    <a:pt x="135" y="195"/>
                  </a:lnTo>
                  <a:lnTo>
                    <a:pt x="130" y="196"/>
                  </a:lnTo>
                  <a:lnTo>
                    <a:pt x="125" y="201"/>
                  </a:lnTo>
                  <a:lnTo>
                    <a:pt x="120" y="205"/>
                  </a:lnTo>
                  <a:lnTo>
                    <a:pt x="115" y="210"/>
                  </a:lnTo>
                  <a:lnTo>
                    <a:pt x="111" y="215"/>
                  </a:lnTo>
                  <a:lnTo>
                    <a:pt x="111" y="217"/>
                  </a:lnTo>
                  <a:lnTo>
                    <a:pt x="113" y="218"/>
                  </a:lnTo>
                  <a:lnTo>
                    <a:pt x="120" y="220"/>
                  </a:lnTo>
                  <a:lnTo>
                    <a:pt x="123" y="220"/>
                  </a:lnTo>
                  <a:lnTo>
                    <a:pt x="127" y="222"/>
                  </a:lnTo>
                  <a:lnTo>
                    <a:pt x="130" y="222"/>
                  </a:lnTo>
                  <a:lnTo>
                    <a:pt x="132" y="222"/>
                  </a:lnTo>
                  <a:lnTo>
                    <a:pt x="132" y="225"/>
                  </a:lnTo>
                  <a:lnTo>
                    <a:pt x="133" y="227"/>
                  </a:lnTo>
                  <a:lnTo>
                    <a:pt x="138" y="230"/>
                  </a:lnTo>
                  <a:lnTo>
                    <a:pt x="140" y="230"/>
                  </a:lnTo>
                  <a:lnTo>
                    <a:pt x="143" y="228"/>
                  </a:lnTo>
                  <a:lnTo>
                    <a:pt x="149" y="225"/>
                  </a:lnTo>
                  <a:lnTo>
                    <a:pt x="152" y="223"/>
                  </a:lnTo>
                  <a:lnTo>
                    <a:pt x="155" y="220"/>
                  </a:lnTo>
                  <a:lnTo>
                    <a:pt x="159" y="217"/>
                  </a:lnTo>
                  <a:lnTo>
                    <a:pt x="162" y="215"/>
                  </a:lnTo>
                  <a:lnTo>
                    <a:pt x="162" y="213"/>
                  </a:lnTo>
                  <a:lnTo>
                    <a:pt x="167" y="215"/>
                  </a:lnTo>
                  <a:lnTo>
                    <a:pt x="176" y="208"/>
                  </a:lnTo>
                  <a:lnTo>
                    <a:pt x="181" y="206"/>
                  </a:lnTo>
                  <a:lnTo>
                    <a:pt x="179" y="183"/>
                  </a:lnTo>
                  <a:lnTo>
                    <a:pt x="186" y="178"/>
                  </a:lnTo>
                  <a:lnTo>
                    <a:pt x="181" y="171"/>
                  </a:lnTo>
                  <a:lnTo>
                    <a:pt x="191" y="151"/>
                  </a:lnTo>
                  <a:lnTo>
                    <a:pt x="211" y="127"/>
                  </a:lnTo>
                  <a:lnTo>
                    <a:pt x="203" y="103"/>
                  </a:lnTo>
                  <a:lnTo>
                    <a:pt x="198" y="103"/>
                  </a:lnTo>
                  <a:lnTo>
                    <a:pt x="196" y="112"/>
                  </a:lnTo>
                  <a:lnTo>
                    <a:pt x="201" y="117"/>
                  </a:lnTo>
                  <a:lnTo>
                    <a:pt x="199" y="122"/>
                  </a:lnTo>
                  <a:lnTo>
                    <a:pt x="189" y="110"/>
                  </a:lnTo>
                  <a:lnTo>
                    <a:pt x="191" y="102"/>
                  </a:lnTo>
                  <a:lnTo>
                    <a:pt x="196" y="96"/>
                  </a:lnTo>
                  <a:lnTo>
                    <a:pt x="206" y="96"/>
                  </a:lnTo>
                  <a:lnTo>
                    <a:pt x="199" y="83"/>
                  </a:lnTo>
                  <a:lnTo>
                    <a:pt x="194" y="73"/>
                  </a:lnTo>
                  <a:lnTo>
                    <a:pt x="189" y="68"/>
                  </a:lnTo>
                  <a:lnTo>
                    <a:pt x="193" y="63"/>
                  </a:lnTo>
                  <a:lnTo>
                    <a:pt x="196" y="54"/>
                  </a:lnTo>
                  <a:lnTo>
                    <a:pt x="199" y="59"/>
                  </a:lnTo>
                  <a:lnTo>
                    <a:pt x="199" y="71"/>
                  </a:lnTo>
                  <a:lnTo>
                    <a:pt x="206" y="66"/>
                  </a:lnTo>
                  <a:lnTo>
                    <a:pt x="204" y="64"/>
                  </a:lnTo>
                  <a:lnTo>
                    <a:pt x="215" y="56"/>
                  </a:lnTo>
                  <a:lnTo>
                    <a:pt x="208" y="47"/>
                  </a:lnTo>
                  <a:lnTo>
                    <a:pt x="211" y="39"/>
                  </a:lnTo>
                  <a:lnTo>
                    <a:pt x="206" y="32"/>
                  </a:lnTo>
                  <a:lnTo>
                    <a:pt x="198" y="32"/>
                  </a:lnTo>
                  <a:lnTo>
                    <a:pt x="198" y="0"/>
                  </a:lnTo>
                  <a:lnTo>
                    <a:pt x="199" y="0"/>
                  </a:lnTo>
                  <a:lnTo>
                    <a:pt x="203" y="2"/>
                  </a:lnTo>
                  <a:lnTo>
                    <a:pt x="208" y="3"/>
                  </a:lnTo>
                  <a:lnTo>
                    <a:pt x="213" y="5"/>
                  </a:lnTo>
                  <a:lnTo>
                    <a:pt x="220" y="7"/>
                  </a:lnTo>
                  <a:lnTo>
                    <a:pt x="226" y="8"/>
                  </a:lnTo>
                  <a:lnTo>
                    <a:pt x="235" y="12"/>
                  </a:lnTo>
                  <a:lnTo>
                    <a:pt x="245" y="15"/>
                  </a:lnTo>
                  <a:lnTo>
                    <a:pt x="255" y="17"/>
                  </a:lnTo>
                  <a:lnTo>
                    <a:pt x="267" y="22"/>
                  </a:lnTo>
                  <a:lnTo>
                    <a:pt x="281" y="25"/>
                  </a:lnTo>
                  <a:lnTo>
                    <a:pt x="294" y="29"/>
                  </a:lnTo>
                  <a:lnTo>
                    <a:pt x="308" y="32"/>
                  </a:lnTo>
                  <a:lnTo>
                    <a:pt x="323" y="37"/>
                  </a:lnTo>
                  <a:lnTo>
                    <a:pt x="338" y="41"/>
                  </a:lnTo>
                  <a:lnTo>
                    <a:pt x="355" y="46"/>
                  </a:lnTo>
                  <a:lnTo>
                    <a:pt x="372" y="51"/>
                  </a:lnTo>
                  <a:lnTo>
                    <a:pt x="389" y="54"/>
                  </a:lnTo>
                  <a:lnTo>
                    <a:pt x="407" y="59"/>
                  </a:lnTo>
                  <a:lnTo>
                    <a:pt x="426" y="64"/>
                  </a:lnTo>
                  <a:lnTo>
                    <a:pt x="445" y="69"/>
                  </a:lnTo>
                  <a:lnTo>
                    <a:pt x="465" y="74"/>
                  </a:lnTo>
                  <a:lnTo>
                    <a:pt x="485" y="80"/>
                  </a:lnTo>
                  <a:lnTo>
                    <a:pt x="506" y="85"/>
                  </a:lnTo>
                  <a:lnTo>
                    <a:pt x="526" y="90"/>
                  </a:lnTo>
                  <a:lnTo>
                    <a:pt x="548" y="95"/>
                  </a:lnTo>
                  <a:lnTo>
                    <a:pt x="568" y="100"/>
                  </a:lnTo>
                  <a:lnTo>
                    <a:pt x="590" y="105"/>
                  </a:lnTo>
                  <a:lnTo>
                    <a:pt x="612" y="108"/>
                  </a:lnTo>
                  <a:lnTo>
                    <a:pt x="634" y="113"/>
                  </a:lnTo>
                  <a:lnTo>
                    <a:pt x="656" y="118"/>
                  </a:lnTo>
                  <a:lnTo>
                    <a:pt x="656" y="122"/>
                  </a:lnTo>
                  <a:lnTo>
                    <a:pt x="656" y="125"/>
                  </a:lnTo>
                  <a:lnTo>
                    <a:pt x="655" y="130"/>
                  </a:lnTo>
                  <a:lnTo>
                    <a:pt x="653" y="137"/>
                  </a:lnTo>
                  <a:lnTo>
                    <a:pt x="651" y="146"/>
                  </a:lnTo>
                  <a:lnTo>
                    <a:pt x="649" y="156"/>
                  </a:lnTo>
                  <a:lnTo>
                    <a:pt x="646" y="166"/>
                  </a:lnTo>
                  <a:lnTo>
                    <a:pt x="644" y="176"/>
                  </a:lnTo>
                  <a:lnTo>
                    <a:pt x="641" y="188"/>
                  </a:lnTo>
                  <a:lnTo>
                    <a:pt x="639" y="200"/>
                  </a:lnTo>
                  <a:lnTo>
                    <a:pt x="636" y="213"/>
                  </a:lnTo>
                  <a:lnTo>
                    <a:pt x="633" y="227"/>
                  </a:lnTo>
                  <a:lnTo>
                    <a:pt x="629" y="240"/>
                  </a:lnTo>
                  <a:lnTo>
                    <a:pt x="627" y="256"/>
                  </a:lnTo>
                  <a:lnTo>
                    <a:pt x="624" y="269"/>
                  </a:lnTo>
                  <a:lnTo>
                    <a:pt x="621" y="284"/>
                  </a:lnTo>
                  <a:lnTo>
                    <a:pt x="617" y="298"/>
                  </a:lnTo>
                  <a:lnTo>
                    <a:pt x="614" y="311"/>
                  </a:lnTo>
                  <a:lnTo>
                    <a:pt x="612" y="325"/>
                  </a:lnTo>
                  <a:lnTo>
                    <a:pt x="609" y="338"/>
                  </a:lnTo>
                  <a:lnTo>
                    <a:pt x="605" y="350"/>
                  </a:lnTo>
                  <a:lnTo>
                    <a:pt x="604" y="362"/>
                  </a:lnTo>
                  <a:lnTo>
                    <a:pt x="600" y="374"/>
                  </a:lnTo>
                  <a:lnTo>
                    <a:pt x="599" y="384"/>
                  </a:lnTo>
                  <a:lnTo>
                    <a:pt x="597" y="393"/>
                  </a:lnTo>
                  <a:lnTo>
                    <a:pt x="595" y="401"/>
                  </a:lnTo>
                  <a:lnTo>
                    <a:pt x="594" y="408"/>
                  </a:lnTo>
                  <a:lnTo>
                    <a:pt x="592" y="415"/>
                  </a:lnTo>
                  <a:lnTo>
                    <a:pt x="590" y="418"/>
                  </a:lnTo>
                  <a:lnTo>
                    <a:pt x="590" y="420"/>
                  </a:lnTo>
                  <a:lnTo>
                    <a:pt x="590" y="421"/>
                  </a:lnTo>
                  <a:lnTo>
                    <a:pt x="585" y="438"/>
                  </a:lnTo>
                  <a:lnTo>
                    <a:pt x="590" y="450"/>
                  </a:lnTo>
                  <a:lnTo>
                    <a:pt x="590" y="462"/>
                  </a:lnTo>
                  <a:lnTo>
                    <a:pt x="587" y="476"/>
                  </a:lnTo>
                  <a:lnTo>
                    <a:pt x="589" y="487"/>
                  </a:lnTo>
                  <a:lnTo>
                    <a:pt x="421" y="445"/>
                  </a:lnTo>
                  <a:lnTo>
                    <a:pt x="419" y="445"/>
                  </a:lnTo>
                  <a:lnTo>
                    <a:pt x="418" y="445"/>
                  </a:lnTo>
                  <a:lnTo>
                    <a:pt x="414" y="445"/>
                  </a:lnTo>
                  <a:lnTo>
                    <a:pt x="411" y="445"/>
                  </a:lnTo>
                  <a:lnTo>
                    <a:pt x="407" y="447"/>
                  </a:lnTo>
                  <a:lnTo>
                    <a:pt x="402" y="447"/>
                  </a:lnTo>
                  <a:lnTo>
                    <a:pt x="399" y="447"/>
                  </a:lnTo>
                  <a:lnTo>
                    <a:pt x="394" y="447"/>
                  </a:lnTo>
                  <a:lnTo>
                    <a:pt x="389" y="447"/>
                  </a:lnTo>
                  <a:lnTo>
                    <a:pt x="384" y="447"/>
                  </a:lnTo>
                  <a:lnTo>
                    <a:pt x="379" y="445"/>
                  </a:lnTo>
                  <a:lnTo>
                    <a:pt x="374" y="445"/>
                  </a:lnTo>
                  <a:lnTo>
                    <a:pt x="369" y="443"/>
                  </a:lnTo>
                  <a:lnTo>
                    <a:pt x="363" y="442"/>
                  </a:lnTo>
                  <a:lnTo>
                    <a:pt x="358" y="440"/>
                  </a:lnTo>
                  <a:lnTo>
                    <a:pt x="357" y="440"/>
                  </a:lnTo>
                  <a:lnTo>
                    <a:pt x="355" y="440"/>
                  </a:lnTo>
                  <a:lnTo>
                    <a:pt x="353" y="440"/>
                  </a:lnTo>
                  <a:lnTo>
                    <a:pt x="352" y="442"/>
                  </a:lnTo>
                  <a:lnTo>
                    <a:pt x="348" y="443"/>
                  </a:lnTo>
                  <a:lnTo>
                    <a:pt x="347" y="445"/>
                  </a:lnTo>
                  <a:lnTo>
                    <a:pt x="345" y="445"/>
                  </a:lnTo>
                  <a:lnTo>
                    <a:pt x="323" y="445"/>
                  </a:lnTo>
                  <a:lnTo>
                    <a:pt x="321" y="445"/>
                  </a:lnTo>
                  <a:lnTo>
                    <a:pt x="316" y="445"/>
                  </a:lnTo>
                  <a:lnTo>
                    <a:pt x="308" y="447"/>
                  </a:lnTo>
                  <a:lnTo>
                    <a:pt x="297" y="448"/>
                  </a:lnTo>
                  <a:lnTo>
                    <a:pt x="289" y="448"/>
                  </a:lnTo>
                  <a:lnTo>
                    <a:pt x="279" y="448"/>
                  </a:lnTo>
                  <a:lnTo>
                    <a:pt x="272" y="445"/>
                  </a:lnTo>
                  <a:lnTo>
                    <a:pt x="265" y="442"/>
                  </a:lnTo>
                  <a:lnTo>
                    <a:pt x="262" y="442"/>
                  </a:lnTo>
                  <a:lnTo>
                    <a:pt x="259" y="442"/>
                  </a:lnTo>
                  <a:lnTo>
                    <a:pt x="253" y="442"/>
                  </a:lnTo>
                  <a:lnTo>
                    <a:pt x="248" y="442"/>
                  </a:lnTo>
                  <a:lnTo>
                    <a:pt x="245" y="443"/>
                  </a:lnTo>
                  <a:lnTo>
                    <a:pt x="242" y="443"/>
                  </a:lnTo>
                  <a:lnTo>
                    <a:pt x="233" y="442"/>
                  </a:lnTo>
                  <a:lnTo>
                    <a:pt x="220" y="445"/>
                  </a:lnTo>
                  <a:lnTo>
                    <a:pt x="220" y="443"/>
                  </a:lnTo>
                  <a:lnTo>
                    <a:pt x="215" y="440"/>
                  </a:lnTo>
                  <a:lnTo>
                    <a:pt x="209" y="435"/>
                  </a:lnTo>
                  <a:lnTo>
                    <a:pt x="201" y="430"/>
                  </a:lnTo>
                  <a:lnTo>
                    <a:pt x="194" y="425"/>
                  </a:lnTo>
                  <a:lnTo>
                    <a:pt x="186" y="421"/>
                  </a:lnTo>
                  <a:lnTo>
                    <a:pt x="177" y="418"/>
                  </a:lnTo>
                  <a:lnTo>
                    <a:pt x="171" y="418"/>
                  </a:lnTo>
                  <a:lnTo>
                    <a:pt x="169" y="418"/>
                  </a:lnTo>
                  <a:lnTo>
                    <a:pt x="167" y="418"/>
                  </a:lnTo>
                  <a:lnTo>
                    <a:pt x="164" y="420"/>
                  </a:lnTo>
                  <a:lnTo>
                    <a:pt x="160" y="420"/>
                  </a:lnTo>
                  <a:lnTo>
                    <a:pt x="157" y="421"/>
                  </a:lnTo>
                  <a:lnTo>
                    <a:pt x="152" y="421"/>
                  </a:lnTo>
                  <a:lnTo>
                    <a:pt x="145" y="423"/>
                  </a:lnTo>
                  <a:lnTo>
                    <a:pt x="140" y="423"/>
                  </a:lnTo>
                  <a:lnTo>
                    <a:pt x="135" y="423"/>
                  </a:lnTo>
                  <a:lnTo>
                    <a:pt x="128" y="423"/>
                  </a:lnTo>
                  <a:lnTo>
                    <a:pt x="123" y="423"/>
                  </a:lnTo>
                  <a:lnTo>
                    <a:pt x="118" y="423"/>
                  </a:lnTo>
                  <a:lnTo>
                    <a:pt x="113" y="421"/>
                  </a:lnTo>
                  <a:lnTo>
                    <a:pt x="108" y="420"/>
                  </a:lnTo>
                  <a:lnTo>
                    <a:pt x="105" y="418"/>
                  </a:lnTo>
                  <a:lnTo>
                    <a:pt x="103" y="415"/>
                  </a:lnTo>
                  <a:lnTo>
                    <a:pt x="101" y="413"/>
                  </a:lnTo>
                  <a:lnTo>
                    <a:pt x="99" y="413"/>
                  </a:lnTo>
                  <a:lnTo>
                    <a:pt x="98" y="411"/>
                  </a:lnTo>
                  <a:lnTo>
                    <a:pt x="94" y="408"/>
                  </a:lnTo>
                  <a:lnTo>
                    <a:pt x="93" y="406"/>
                  </a:lnTo>
                  <a:lnTo>
                    <a:pt x="91" y="404"/>
                  </a:lnTo>
                  <a:lnTo>
                    <a:pt x="89" y="404"/>
                  </a:lnTo>
                  <a:lnTo>
                    <a:pt x="84" y="393"/>
                  </a:lnTo>
                  <a:lnTo>
                    <a:pt x="84" y="391"/>
                  </a:lnTo>
                  <a:lnTo>
                    <a:pt x="86" y="388"/>
                  </a:lnTo>
                  <a:lnTo>
                    <a:pt x="86" y="384"/>
                  </a:lnTo>
                  <a:lnTo>
                    <a:pt x="88" y="379"/>
                  </a:lnTo>
                  <a:lnTo>
                    <a:pt x="88" y="374"/>
                  </a:lnTo>
                  <a:lnTo>
                    <a:pt x="88" y="369"/>
                  </a:lnTo>
                  <a:lnTo>
                    <a:pt x="88" y="364"/>
                  </a:lnTo>
                  <a:lnTo>
                    <a:pt x="88" y="357"/>
                  </a:lnTo>
                  <a:lnTo>
                    <a:pt x="86" y="352"/>
                  </a:lnTo>
                  <a:lnTo>
                    <a:pt x="86" y="347"/>
                  </a:lnTo>
                  <a:lnTo>
                    <a:pt x="83" y="342"/>
                  </a:lnTo>
                  <a:lnTo>
                    <a:pt x="79" y="337"/>
                  </a:lnTo>
                  <a:lnTo>
                    <a:pt x="76" y="333"/>
                  </a:lnTo>
                  <a:lnTo>
                    <a:pt x="71" y="330"/>
                  </a:lnTo>
                  <a:lnTo>
                    <a:pt x="64" y="328"/>
                  </a:lnTo>
                  <a:lnTo>
                    <a:pt x="62" y="328"/>
                  </a:lnTo>
                  <a:lnTo>
                    <a:pt x="61" y="328"/>
                  </a:lnTo>
                  <a:lnTo>
                    <a:pt x="57" y="327"/>
                  </a:lnTo>
                  <a:lnTo>
                    <a:pt x="55" y="327"/>
                  </a:lnTo>
                  <a:lnTo>
                    <a:pt x="54" y="327"/>
                  </a:lnTo>
                  <a:lnTo>
                    <a:pt x="52" y="327"/>
                  </a:lnTo>
                  <a:lnTo>
                    <a:pt x="52" y="325"/>
                  </a:lnTo>
                  <a:lnTo>
                    <a:pt x="54" y="323"/>
                  </a:lnTo>
                  <a:lnTo>
                    <a:pt x="54" y="322"/>
                  </a:lnTo>
                  <a:lnTo>
                    <a:pt x="52" y="318"/>
                  </a:lnTo>
                  <a:lnTo>
                    <a:pt x="52" y="315"/>
                  </a:lnTo>
                  <a:lnTo>
                    <a:pt x="49" y="311"/>
                  </a:lnTo>
                  <a:lnTo>
                    <a:pt x="45" y="310"/>
                  </a:lnTo>
                  <a:lnTo>
                    <a:pt x="40" y="308"/>
                  </a:lnTo>
                  <a:lnTo>
                    <a:pt x="39" y="306"/>
                  </a:lnTo>
                  <a:lnTo>
                    <a:pt x="37" y="305"/>
                  </a:lnTo>
                  <a:lnTo>
                    <a:pt x="33" y="303"/>
                  </a:lnTo>
                  <a:lnTo>
                    <a:pt x="32" y="301"/>
                  </a:lnTo>
                  <a:lnTo>
                    <a:pt x="23" y="303"/>
                  </a:lnTo>
                  <a:lnTo>
                    <a:pt x="22" y="300"/>
                  </a:lnTo>
                  <a:lnTo>
                    <a:pt x="18" y="303"/>
                  </a:lnTo>
                  <a:lnTo>
                    <a:pt x="11" y="300"/>
                  </a:lnTo>
                  <a:lnTo>
                    <a:pt x="6" y="291"/>
                  </a:lnTo>
                  <a:lnTo>
                    <a:pt x="6" y="293"/>
                  </a:lnTo>
                  <a:lnTo>
                    <a:pt x="3" y="293"/>
                  </a:lnTo>
                  <a:lnTo>
                    <a:pt x="0" y="294"/>
                  </a:lnTo>
                  <a:lnTo>
                    <a:pt x="0" y="293"/>
                  </a:lnTo>
                  <a:lnTo>
                    <a:pt x="0" y="291"/>
                  </a:lnTo>
                  <a:lnTo>
                    <a:pt x="0" y="289"/>
                  </a:lnTo>
                  <a:lnTo>
                    <a:pt x="1" y="288"/>
                  </a:lnTo>
                  <a:lnTo>
                    <a:pt x="1" y="284"/>
                  </a:lnTo>
                  <a:lnTo>
                    <a:pt x="3" y="281"/>
                  </a:lnTo>
                  <a:lnTo>
                    <a:pt x="3" y="278"/>
                  </a:lnTo>
                  <a:lnTo>
                    <a:pt x="5" y="271"/>
                  </a:lnTo>
                  <a:lnTo>
                    <a:pt x="6" y="266"/>
                  </a:lnTo>
                  <a:lnTo>
                    <a:pt x="8" y="261"/>
                  </a:lnTo>
                  <a:lnTo>
                    <a:pt x="10" y="256"/>
                  </a:lnTo>
                  <a:lnTo>
                    <a:pt x="11" y="252"/>
                  </a:lnTo>
                  <a:lnTo>
                    <a:pt x="15" y="252"/>
                  </a:lnTo>
                  <a:lnTo>
                    <a:pt x="15" y="256"/>
                  </a:lnTo>
                  <a:lnTo>
                    <a:pt x="15" y="257"/>
                  </a:lnTo>
                  <a:lnTo>
                    <a:pt x="13" y="261"/>
                  </a:lnTo>
                  <a:lnTo>
                    <a:pt x="13" y="264"/>
                  </a:lnTo>
                  <a:lnTo>
                    <a:pt x="11" y="267"/>
                  </a:lnTo>
                  <a:lnTo>
                    <a:pt x="11" y="271"/>
                  </a:lnTo>
                  <a:lnTo>
                    <a:pt x="11" y="276"/>
                  </a:lnTo>
                  <a:lnTo>
                    <a:pt x="10" y="279"/>
                  </a:lnTo>
                  <a:lnTo>
                    <a:pt x="8" y="281"/>
                  </a:lnTo>
                  <a:lnTo>
                    <a:pt x="8" y="284"/>
                  </a:lnTo>
                  <a:lnTo>
                    <a:pt x="10" y="284"/>
                  </a:lnTo>
                  <a:lnTo>
                    <a:pt x="13" y="284"/>
                  </a:lnTo>
                  <a:lnTo>
                    <a:pt x="15" y="283"/>
                  </a:lnTo>
                  <a:lnTo>
                    <a:pt x="17" y="283"/>
                  </a:lnTo>
                  <a:lnTo>
                    <a:pt x="17" y="278"/>
                  </a:lnTo>
                  <a:lnTo>
                    <a:pt x="22" y="271"/>
                  </a:lnTo>
                  <a:lnTo>
                    <a:pt x="25" y="266"/>
                  </a:lnTo>
                  <a:lnTo>
                    <a:pt x="25" y="254"/>
                  </a:lnTo>
                  <a:lnTo>
                    <a:pt x="27" y="250"/>
                  </a:lnTo>
                  <a:lnTo>
                    <a:pt x="33" y="249"/>
                  </a:lnTo>
                  <a:lnTo>
                    <a:pt x="30" y="240"/>
                  </a:lnTo>
                  <a:lnTo>
                    <a:pt x="25" y="244"/>
                  </a:lnTo>
                  <a:lnTo>
                    <a:pt x="15" y="244"/>
                  </a:lnTo>
                  <a:lnTo>
                    <a:pt x="17" y="218"/>
                  </a:lnTo>
                  <a:lnTo>
                    <a:pt x="18" y="218"/>
                  </a:lnTo>
                  <a:lnTo>
                    <a:pt x="20" y="223"/>
                  </a:lnTo>
                  <a:lnTo>
                    <a:pt x="27" y="220"/>
                  </a:lnTo>
                  <a:lnTo>
                    <a:pt x="42" y="222"/>
                  </a:lnTo>
                  <a:lnTo>
                    <a:pt x="42" y="217"/>
                  </a:lnTo>
                  <a:lnTo>
                    <a:pt x="30" y="212"/>
                  </a:lnTo>
                  <a:lnTo>
                    <a:pt x="30" y="205"/>
                  </a:lnTo>
                  <a:lnTo>
                    <a:pt x="22" y="203"/>
                  </a:lnTo>
                  <a:lnTo>
                    <a:pt x="18" y="213"/>
                  </a:lnTo>
                  <a:lnTo>
                    <a:pt x="17" y="212"/>
                  </a:lnTo>
                  <a:lnTo>
                    <a:pt x="17" y="200"/>
                  </a:lnTo>
                  <a:lnTo>
                    <a:pt x="18" y="198"/>
                  </a:lnTo>
                  <a:lnTo>
                    <a:pt x="18" y="195"/>
                  </a:lnTo>
                  <a:lnTo>
                    <a:pt x="20" y="190"/>
                  </a:lnTo>
                  <a:lnTo>
                    <a:pt x="20" y="184"/>
                  </a:lnTo>
                  <a:lnTo>
                    <a:pt x="22" y="179"/>
                  </a:lnTo>
                  <a:lnTo>
                    <a:pt x="22" y="173"/>
                  </a:lnTo>
                  <a:lnTo>
                    <a:pt x="22" y="168"/>
                  </a:lnTo>
                  <a:lnTo>
                    <a:pt x="20" y="164"/>
                  </a:lnTo>
                  <a:lnTo>
                    <a:pt x="20" y="161"/>
                  </a:lnTo>
                  <a:lnTo>
                    <a:pt x="20" y="154"/>
                  </a:lnTo>
                  <a:lnTo>
                    <a:pt x="20" y="146"/>
                  </a:lnTo>
                  <a:lnTo>
                    <a:pt x="20" y="135"/>
                  </a:lnTo>
                  <a:lnTo>
                    <a:pt x="22" y="125"/>
                  </a:lnTo>
                  <a:lnTo>
                    <a:pt x="22" y="115"/>
                  </a:lnTo>
                  <a:lnTo>
                    <a:pt x="22" y="108"/>
                  </a:lnTo>
                  <a:lnTo>
                    <a:pt x="22" y="107"/>
                  </a:lnTo>
                  <a:lnTo>
                    <a:pt x="22" y="105"/>
                  </a:lnTo>
                  <a:lnTo>
                    <a:pt x="20" y="102"/>
                  </a:lnTo>
                  <a:lnTo>
                    <a:pt x="17" y="96"/>
                  </a:lnTo>
                  <a:lnTo>
                    <a:pt x="13" y="91"/>
                  </a:lnTo>
                  <a:lnTo>
                    <a:pt x="11" y="83"/>
                  </a:lnTo>
                  <a:lnTo>
                    <a:pt x="10" y="74"/>
                  </a:lnTo>
                  <a:lnTo>
                    <a:pt x="11" y="64"/>
                  </a:lnTo>
                  <a:lnTo>
                    <a:pt x="15" y="54"/>
                  </a:lnTo>
                  <a:lnTo>
                    <a:pt x="15" y="52"/>
                  </a:lnTo>
                  <a:lnTo>
                    <a:pt x="17" y="51"/>
                  </a:lnTo>
                  <a:lnTo>
                    <a:pt x="18" y="47"/>
                  </a:lnTo>
                  <a:lnTo>
                    <a:pt x="20" y="46"/>
                  </a:lnTo>
                  <a:lnTo>
                    <a:pt x="20" y="42"/>
                  </a:lnTo>
                  <a:lnTo>
                    <a:pt x="22" y="42"/>
                  </a:lnTo>
                  <a:lnTo>
                    <a:pt x="22" y="41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46" name="Freeform 172"/>
            <p:cNvSpPr>
              <a:spLocks/>
            </p:cNvSpPr>
            <p:nvPr/>
          </p:nvSpPr>
          <p:spPr bwMode="auto">
            <a:xfrm>
              <a:off x="2993" y="1379"/>
              <a:ext cx="508" cy="539"/>
            </a:xfrm>
            <a:custGeom>
              <a:avLst/>
              <a:gdLst>
                <a:gd name="T0" fmla="*/ 144 w 522"/>
                <a:gd name="T1" fmla="*/ 355 h 555"/>
                <a:gd name="T2" fmla="*/ 124 w 522"/>
                <a:gd name="T3" fmla="*/ 351 h 555"/>
                <a:gd name="T4" fmla="*/ 121 w 522"/>
                <a:gd name="T5" fmla="*/ 340 h 555"/>
                <a:gd name="T6" fmla="*/ 115 w 522"/>
                <a:gd name="T7" fmla="*/ 323 h 555"/>
                <a:gd name="T8" fmla="*/ 118 w 522"/>
                <a:gd name="T9" fmla="*/ 302 h 555"/>
                <a:gd name="T10" fmla="*/ 109 w 522"/>
                <a:gd name="T11" fmla="*/ 286 h 555"/>
                <a:gd name="T12" fmla="*/ 103 w 522"/>
                <a:gd name="T13" fmla="*/ 256 h 555"/>
                <a:gd name="T14" fmla="*/ 72 w 522"/>
                <a:gd name="T15" fmla="*/ 232 h 555"/>
                <a:gd name="T16" fmla="*/ 42 w 522"/>
                <a:gd name="T17" fmla="*/ 202 h 555"/>
                <a:gd name="T18" fmla="*/ 37 w 522"/>
                <a:gd name="T19" fmla="*/ 201 h 555"/>
                <a:gd name="T20" fmla="*/ 18 w 522"/>
                <a:gd name="T21" fmla="*/ 195 h 555"/>
                <a:gd name="T22" fmla="*/ 18 w 522"/>
                <a:gd name="T23" fmla="*/ 174 h 555"/>
                <a:gd name="T24" fmla="*/ 12 w 522"/>
                <a:gd name="T25" fmla="*/ 159 h 555"/>
                <a:gd name="T26" fmla="*/ 18 w 522"/>
                <a:gd name="T27" fmla="*/ 132 h 555"/>
                <a:gd name="T28" fmla="*/ 2 w 522"/>
                <a:gd name="T29" fmla="*/ 106 h 555"/>
                <a:gd name="T30" fmla="*/ 7 w 522"/>
                <a:gd name="T31" fmla="*/ 102 h 555"/>
                <a:gd name="T32" fmla="*/ 24 w 522"/>
                <a:gd name="T33" fmla="*/ 81 h 555"/>
                <a:gd name="T34" fmla="*/ 34 w 522"/>
                <a:gd name="T35" fmla="*/ 30 h 555"/>
                <a:gd name="T36" fmla="*/ 45 w 522"/>
                <a:gd name="T37" fmla="*/ 17 h 555"/>
                <a:gd name="T38" fmla="*/ 55 w 522"/>
                <a:gd name="T39" fmla="*/ 23 h 555"/>
                <a:gd name="T40" fmla="*/ 73 w 522"/>
                <a:gd name="T41" fmla="*/ 17 h 555"/>
                <a:gd name="T42" fmla="*/ 87 w 522"/>
                <a:gd name="T43" fmla="*/ 17 h 555"/>
                <a:gd name="T44" fmla="*/ 96 w 522"/>
                <a:gd name="T45" fmla="*/ 13 h 555"/>
                <a:gd name="T46" fmla="*/ 112 w 522"/>
                <a:gd name="T47" fmla="*/ 7 h 555"/>
                <a:gd name="T48" fmla="*/ 124 w 522"/>
                <a:gd name="T49" fmla="*/ 7 h 555"/>
                <a:gd name="T50" fmla="*/ 118 w 522"/>
                <a:gd name="T51" fmla="*/ 25 h 555"/>
                <a:gd name="T52" fmla="*/ 121 w 522"/>
                <a:gd name="T53" fmla="*/ 28 h 555"/>
                <a:gd name="T54" fmla="*/ 129 w 522"/>
                <a:gd name="T55" fmla="*/ 20 h 555"/>
                <a:gd name="T56" fmla="*/ 149 w 522"/>
                <a:gd name="T57" fmla="*/ 32 h 555"/>
                <a:gd name="T58" fmla="*/ 163 w 522"/>
                <a:gd name="T59" fmla="*/ 46 h 555"/>
                <a:gd name="T60" fmla="*/ 170 w 522"/>
                <a:gd name="T61" fmla="*/ 50 h 555"/>
                <a:gd name="T62" fmla="*/ 184 w 522"/>
                <a:gd name="T63" fmla="*/ 51 h 555"/>
                <a:gd name="T64" fmla="*/ 217 w 522"/>
                <a:gd name="T65" fmla="*/ 59 h 555"/>
                <a:gd name="T66" fmla="*/ 243 w 522"/>
                <a:gd name="T67" fmla="*/ 69 h 555"/>
                <a:gd name="T68" fmla="*/ 278 w 522"/>
                <a:gd name="T69" fmla="*/ 74 h 555"/>
                <a:gd name="T70" fmla="*/ 292 w 522"/>
                <a:gd name="T71" fmla="*/ 84 h 555"/>
                <a:gd name="T72" fmla="*/ 303 w 522"/>
                <a:gd name="T73" fmla="*/ 108 h 555"/>
                <a:gd name="T74" fmla="*/ 300 w 522"/>
                <a:gd name="T75" fmla="*/ 121 h 555"/>
                <a:gd name="T76" fmla="*/ 312 w 522"/>
                <a:gd name="T77" fmla="*/ 131 h 555"/>
                <a:gd name="T78" fmla="*/ 320 w 522"/>
                <a:gd name="T79" fmla="*/ 142 h 555"/>
                <a:gd name="T80" fmla="*/ 307 w 522"/>
                <a:gd name="T81" fmla="*/ 163 h 555"/>
                <a:gd name="T82" fmla="*/ 299 w 522"/>
                <a:gd name="T83" fmla="*/ 182 h 555"/>
                <a:gd name="T84" fmla="*/ 308 w 522"/>
                <a:gd name="T85" fmla="*/ 184 h 555"/>
                <a:gd name="T86" fmla="*/ 318 w 522"/>
                <a:gd name="T87" fmla="*/ 168 h 555"/>
                <a:gd name="T88" fmla="*/ 336 w 522"/>
                <a:gd name="T89" fmla="*/ 155 h 555"/>
                <a:gd name="T90" fmla="*/ 337 w 522"/>
                <a:gd name="T91" fmla="*/ 139 h 555"/>
                <a:gd name="T92" fmla="*/ 349 w 522"/>
                <a:gd name="T93" fmla="*/ 124 h 555"/>
                <a:gd name="T94" fmla="*/ 354 w 522"/>
                <a:gd name="T95" fmla="*/ 128 h 555"/>
                <a:gd name="T96" fmla="*/ 346 w 522"/>
                <a:gd name="T97" fmla="*/ 148 h 555"/>
                <a:gd name="T98" fmla="*/ 345 w 522"/>
                <a:gd name="T99" fmla="*/ 159 h 555"/>
                <a:gd name="T100" fmla="*/ 336 w 522"/>
                <a:gd name="T101" fmla="*/ 174 h 555"/>
                <a:gd name="T102" fmla="*/ 333 w 522"/>
                <a:gd name="T103" fmla="*/ 207 h 555"/>
                <a:gd name="T104" fmla="*/ 328 w 522"/>
                <a:gd name="T105" fmla="*/ 219 h 555"/>
                <a:gd name="T106" fmla="*/ 323 w 522"/>
                <a:gd name="T107" fmla="*/ 236 h 555"/>
                <a:gd name="T108" fmla="*/ 326 w 522"/>
                <a:gd name="T109" fmla="*/ 260 h 555"/>
                <a:gd name="T110" fmla="*/ 318 w 522"/>
                <a:gd name="T111" fmla="*/ 276 h 555"/>
                <a:gd name="T112" fmla="*/ 318 w 522"/>
                <a:gd name="T113" fmla="*/ 306 h 555"/>
                <a:gd name="T114" fmla="*/ 324 w 522"/>
                <a:gd name="T115" fmla="*/ 325 h 555"/>
                <a:gd name="T116" fmla="*/ 327 w 522"/>
                <a:gd name="T117" fmla="*/ 335 h 555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60000 65536"/>
                <a:gd name="T175" fmla="*/ 0 60000 65536"/>
                <a:gd name="T176" fmla="*/ 0 60000 65536"/>
                <a:gd name="T177" fmla="*/ 0 w 522"/>
                <a:gd name="T178" fmla="*/ 0 h 555"/>
                <a:gd name="T179" fmla="*/ 522 w 522"/>
                <a:gd name="T180" fmla="*/ 555 h 555"/>
              </a:gdLst>
              <a:ahLst/>
              <a:cxnLst>
                <a:cxn ang="T118">
                  <a:pos x="T0" y="T1"/>
                </a:cxn>
                <a:cxn ang="T119">
                  <a:pos x="T2" y="T3"/>
                </a:cxn>
                <a:cxn ang="T120">
                  <a:pos x="T4" y="T5"/>
                </a:cxn>
                <a:cxn ang="T121">
                  <a:pos x="T6" y="T7"/>
                </a:cxn>
                <a:cxn ang="T122">
                  <a:pos x="T8" y="T9"/>
                </a:cxn>
                <a:cxn ang="T123">
                  <a:pos x="T10" y="T11"/>
                </a:cxn>
                <a:cxn ang="T124">
                  <a:pos x="T12" y="T13"/>
                </a:cxn>
                <a:cxn ang="T125">
                  <a:pos x="T14" y="T15"/>
                </a:cxn>
                <a:cxn ang="T126">
                  <a:pos x="T16" y="T17"/>
                </a:cxn>
                <a:cxn ang="T127">
                  <a:pos x="T18" y="T19"/>
                </a:cxn>
                <a:cxn ang="T128">
                  <a:pos x="T20" y="T21"/>
                </a:cxn>
                <a:cxn ang="T129">
                  <a:pos x="T22" y="T23"/>
                </a:cxn>
                <a:cxn ang="T130">
                  <a:pos x="T24" y="T25"/>
                </a:cxn>
                <a:cxn ang="T131">
                  <a:pos x="T26" y="T27"/>
                </a:cxn>
                <a:cxn ang="T132">
                  <a:pos x="T28" y="T29"/>
                </a:cxn>
                <a:cxn ang="T133">
                  <a:pos x="T30" y="T31"/>
                </a:cxn>
                <a:cxn ang="T134">
                  <a:pos x="T32" y="T33"/>
                </a:cxn>
                <a:cxn ang="T135">
                  <a:pos x="T34" y="T35"/>
                </a:cxn>
                <a:cxn ang="T136">
                  <a:pos x="T36" y="T37"/>
                </a:cxn>
                <a:cxn ang="T137">
                  <a:pos x="T38" y="T39"/>
                </a:cxn>
                <a:cxn ang="T138">
                  <a:pos x="T40" y="T41"/>
                </a:cxn>
                <a:cxn ang="T139">
                  <a:pos x="T42" y="T43"/>
                </a:cxn>
                <a:cxn ang="T140">
                  <a:pos x="T44" y="T45"/>
                </a:cxn>
                <a:cxn ang="T141">
                  <a:pos x="T46" y="T47"/>
                </a:cxn>
                <a:cxn ang="T142">
                  <a:pos x="T48" y="T49"/>
                </a:cxn>
                <a:cxn ang="T143">
                  <a:pos x="T50" y="T51"/>
                </a:cxn>
                <a:cxn ang="T144">
                  <a:pos x="T52" y="T53"/>
                </a:cxn>
                <a:cxn ang="T145">
                  <a:pos x="T54" y="T55"/>
                </a:cxn>
                <a:cxn ang="T146">
                  <a:pos x="T56" y="T57"/>
                </a:cxn>
                <a:cxn ang="T147">
                  <a:pos x="T58" y="T59"/>
                </a:cxn>
                <a:cxn ang="T148">
                  <a:pos x="T60" y="T61"/>
                </a:cxn>
                <a:cxn ang="T149">
                  <a:pos x="T62" y="T63"/>
                </a:cxn>
                <a:cxn ang="T150">
                  <a:pos x="T64" y="T65"/>
                </a:cxn>
                <a:cxn ang="T151">
                  <a:pos x="T66" y="T67"/>
                </a:cxn>
                <a:cxn ang="T152">
                  <a:pos x="T68" y="T69"/>
                </a:cxn>
                <a:cxn ang="T153">
                  <a:pos x="T70" y="T71"/>
                </a:cxn>
                <a:cxn ang="T154">
                  <a:pos x="T72" y="T73"/>
                </a:cxn>
                <a:cxn ang="T155">
                  <a:pos x="T74" y="T75"/>
                </a:cxn>
                <a:cxn ang="T156">
                  <a:pos x="T76" y="T77"/>
                </a:cxn>
                <a:cxn ang="T157">
                  <a:pos x="T78" y="T79"/>
                </a:cxn>
                <a:cxn ang="T158">
                  <a:pos x="T80" y="T81"/>
                </a:cxn>
                <a:cxn ang="T159">
                  <a:pos x="T82" y="T83"/>
                </a:cxn>
                <a:cxn ang="T160">
                  <a:pos x="T84" y="T85"/>
                </a:cxn>
                <a:cxn ang="T161">
                  <a:pos x="T86" y="T87"/>
                </a:cxn>
                <a:cxn ang="T162">
                  <a:pos x="T88" y="T89"/>
                </a:cxn>
                <a:cxn ang="T163">
                  <a:pos x="T90" y="T91"/>
                </a:cxn>
                <a:cxn ang="T164">
                  <a:pos x="T92" y="T93"/>
                </a:cxn>
                <a:cxn ang="T165">
                  <a:pos x="T94" y="T95"/>
                </a:cxn>
                <a:cxn ang="T166">
                  <a:pos x="T96" y="T97"/>
                </a:cxn>
                <a:cxn ang="T167">
                  <a:pos x="T98" y="T99"/>
                </a:cxn>
                <a:cxn ang="T168">
                  <a:pos x="T100" y="T101"/>
                </a:cxn>
                <a:cxn ang="T169">
                  <a:pos x="T102" y="T103"/>
                </a:cxn>
                <a:cxn ang="T170">
                  <a:pos x="T104" y="T105"/>
                </a:cxn>
                <a:cxn ang="T171">
                  <a:pos x="T106" y="T107"/>
                </a:cxn>
                <a:cxn ang="T172">
                  <a:pos x="T108" y="T109"/>
                </a:cxn>
                <a:cxn ang="T173">
                  <a:pos x="T110" y="T111"/>
                </a:cxn>
                <a:cxn ang="T174">
                  <a:pos x="T112" y="T113"/>
                </a:cxn>
                <a:cxn ang="T175">
                  <a:pos x="T114" y="T115"/>
                </a:cxn>
                <a:cxn ang="T176">
                  <a:pos x="T116" y="T117"/>
                </a:cxn>
              </a:cxnLst>
              <a:rect l="T177" t="T178" r="T179" b="T180"/>
              <a:pathLst>
                <a:path w="522" h="555">
                  <a:moveTo>
                    <a:pt x="220" y="555"/>
                  </a:moveTo>
                  <a:lnTo>
                    <a:pt x="219" y="550"/>
                  </a:lnTo>
                  <a:lnTo>
                    <a:pt x="217" y="545"/>
                  </a:lnTo>
                  <a:lnTo>
                    <a:pt x="215" y="541"/>
                  </a:lnTo>
                  <a:lnTo>
                    <a:pt x="212" y="538"/>
                  </a:lnTo>
                  <a:lnTo>
                    <a:pt x="210" y="536"/>
                  </a:lnTo>
                  <a:lnTo>
                    <a:pt x="207" y="536"/>
                  </a:lnTo>
                  <a:lnTo>
                    <a:pt x="205" y="535"/>
                  </a:lnTo>
                  <a:lnTo>
                    <a:pt x="181" y="528"/>
                  </a:lnTo>
                  <a:lnTo>
                    <a:pt x="181" y="526"/>
                  </a:lnTo>
                  <a:lnTo>
                    <a:pt x="181" y="525"/>
                  </a:lnTo>
                  <a:lnTo>
                    <a:pt x="181" y="521"/>
                  </a:lnTo>
                  <a:lnTo>
                    <a:pt x="181" y="519"/>
                  </a:lnTo>
                  <a:lnTo>
                    <a:pt x="180" y="514"/>
                  </a:lnTo>
                  <a:lnTo>
                    <a:pt x="176" y="511"/>
                  </a:lnTo>
                  <a:lnTo>
                    <a:pt x="175" y="506"/>
                  </a:lnTo>
                  <a:lnTo>
                    <a:pt x="171" y="503"/>
                  </a:lnTo>
                  <a:lnTo>
                    <a:pt x="170" y="499"/>
                  </a:lnTo>
                  <a:lnTo>
                    <a:pt x="168" y="494"/>
                  </a:lnTo>
                  <a:lnTo>
                    <a:pt x="168" y="491"/>
                  </a:lnTo>
                  <a:lnTo>
                    <a:pt x="166" y="486"/>
                  </a:lnTo>
                  <a:lnTo>
                    <a:pt x="168" y="482"/>
                  </a:lnTo>
                  <a:lnTo>
                    <a:pt x="170" y="477"/>
                  </a:lnTo>
                  <a:lnTo>
                    <a:pt x="173" y="469"/>
                  </a:lnTo>
                  <a:lnTo>
                    <a:pt x="175" y="464"/>
                  </a:lnTo>
                  <a:lnTo>
                    <a:pt x="175" y="459"/>
                  </a:lnTo>
                  <a:lnTo>
                    <a:pt x="173" y="455"/>
                  </a:lnTo>
                  <a:lnTo>
                    <a:pt x="171" y="453"/>
                  </a:lnTo>
                  <a:lnTo>
                    <a:pt x="170" y="453"/>
                  </a:lnTo>
                  <a:lnTo>
                    <a:pt x="170" y="452"/>
                  </a:lnTo>
                  <a:lnTo>
                    <a:pt x="168" y="452"/>
                  </a:lnTo>
                  <a:lnTo>
                    <a:pt x="159" y="431"/>
                  </a:lnTo>
                  <a:lnTo>
                    <a:pt x="159" y="430"/>
                  </a:lnTo>
                  <a:lnTo>
                    <a:pt x="161" y="428"/>
                  </a:lnTo>
                  <a:lnTo>
                    <a:pt x="161" y="421"/>
                  </a:lnTo>
                  <a:lnTo>
                    <a:pt x="158" y="413"/>
                  </a:lnTo>
                  <a:lnTo>
                    <a:pt x="156" y="403"/>
                  </a:lnTo>
                  <a:lnTo>
                    <a:pt x="153" y="394"/>
                  </a:lnTo>
                  <a:lnTo>
                    <a:pt x="151" y="386"/>
                  </a:lnTo>
                  <a:lnTo>
                    <a:pt x="148" y="379"/>
                  </a:lnTo>
                  <a:lnTo>
                    <a:pt x="146" y="377"/>
                  </a:lnTo>
                  <a:lnTo>
                    <a:pt x="132" y="372"/>
                  </a:lnTo>
                  <a:lnTo>
                    <a:pt x="120" y="365"/>
                  </a:lnTo>
                  <a:lnTo>
                    <a:pt x="112" y="357"/>
                  </a:lnTo>
                  <a:lnTo>
                    <a:pt x="104" y="349"/>
                  </a:lnTo>
                  <a:lnTo>
                    <a:pt x="98" y="340"/>
                  </a:lnTo>
                  <a:lnTo>
                    <a:pt x="93" y="332"/>
                  </a:lnTo>
                  <a:lnTo>
                    <a:pt x="90" y="328"/>
                  </a:lnTo>
                  <a:lnTo>
                    <a:pt x="90" y="325"/>
                  </a:lnTo>
                  <a:lnTo>
                    <a:pt x="60" y="313"/>
                  </a:lnTo>
                  <a:lnTo>
                    <a:pt x="58" y="305"/>
                  </a:lnTo>
                  <a:lnTo>
                    <a:pt x="56" y="305"/>
                  </a:lnTo>
                  <a:lnTo>
                    <a:pt x="56" y="303"/>
                  </a:lnTo>
                  <a:lnTo>
                    <a:pt x="54" y="303"/>
                  </a:lnTo>
                  <a:lnTo>
                    <a:pt x="51" y="303"/>
                  </a:lnTo>
                  <a:lnTo>
                    <a:pt x="49" y="303"/>
                  </a:lnTo>
                  <a:lnTo>
                    <a:pt x="46" y="305"/>
                  </a:lnTo>
                  <a:lnTo>
                    <a:pt x="43" y="303"/>
                  </a:lnTo>
                  <a:lnTo>
                    <a:pt x="38" y="301"/>
                  </a:lnTo>
                  <a:lnTo>
                    <a:pt x="31" y="299"/>
                  </a:lnTo>
                  <a:lnTo>
                    <a:pt x="26" y="294"/>
                  </a:lnTo>
                  <a:lnTo>
                    <a:pt x="21" y="289"/>
                  </a:lnTo>
                  <a:lnTo>
                    <a:pt x="17" y="286"/>
                  </a:lnTo>
                  <a:lnTo>
                    <a:pt x="16" y="281"/>
                  </a:lnTo>
                  <a:lnTo>
                    <a:pt x="16" y="276"/>
                  </a:lnTo>
                  <a:lnTo>
                    <a:pt x="19" y="267"/>
                  </a:lnTo>
                  <a:lnTo>
                    <a:pt x="21" y="262"/>
                  </a:lnTo>
                  <a:lnTo>
                    <a:pt x="21" y="257"/>
                  </a:lnTo>
                  <a:lnTo>
                    <a:pt x="21" y="254"/>
                  </a:lnTo>
                  <a:lnTo>
                    <a:pt x="19" y="250"/>
                  </a:lnTo>
                  <a:lnTo>
                    <a:pt x="17" y="247"/>
                  </a:lnTo>
                  <a:lnTo>
                    <a:pt x="16" y="244"/>
                  </a:lnTo>
                  <a:lnTo>
                    <a:pt x="12" y="240"/>
                  </a:lnTo>
                  <a:lnTo>
                    <a:pt x="12" y="235"/>
                  </a:lnTo>
                  <a:lnTo>
                    <a:pt x="12" y="227"/>
                  </a:lnTo>
                  <a:lnTo>
                    <a:pt x="12" y="220"/>
                  </a:lnTo>
                  <a:lnTo>
                    <a:pt x="16" y="211"/>
                  </a:lnTo>
                  <a:lnTo>
                    <a:pt x="17" y="205"/>
                  </a:lnTo>
                  <a:lnTo>
                    <a:pt x="21" y="198"/>
                  </a:lnTo>
                  <a:lnTo>
                    <a:pt x="21" y="193"/>
                  </a:lnTo>
                  <a:lnTo>
                    <a:pt x="22" y="193"/>
                  </a:lnTo>
                  <a:lnTo>
                    <a:pt x="14" y="179"/>
                  </a:lnTo>
                  <a:lnTo>
                    <a:pt x="0" y="179"/>
                  </a:lnTo>
                  <a:lnTo>
                    <a:pt x="0" y="159"/>
                  </a:lnTo>
                  <a:lnTo>
                    <a:pt x="2" y="159"/>
                  </a:lnTo>
                  <a:lnTo>
                    <a:pt x="4" y="157"/>
                  </a:lnTo>
                  <a:lnTo>
                    <a:pt x="5" y="157"/>
                  </a:lnTo>
                  <a:lnTo>
                    <a:pt x="7" y="154"/>
                  </a:lnTo>
                  <a:lnTo>
                    <a:pt x="7" y="152"/>
                  </a:lnTo>
                  <a:lnTo>
                    <a:pt x="9" y="149"/>
                  </a:lnTo>
                  <a:lnTo>
                    <a:pt x="10" y="144"/>
                  </a:lnTo>
                  <a:lnTo>
                    <a:pt x="17" y="139"/>
                  </a:lnTo>
                  <a:lnTo>
                    <a:pt x="22" y="134"/>
                  </a:lnTo>
                  <a:lnTo>
                    <a:pt x="31" y="127"/>
                  </a:lnTo>
                  <a:lnTo>
                    <a:pt x="38" y="122"/>
                  </a:lnTo>
                  <a:lnTo>
                    <a:pt x="44" y="118"/>
                  </a:lnTo>
                  <a:lnTo>
                    <a:pt x="48" y="115"/>
                  </a:lnTo>
                  <a:lnTo>
                    <a:pt x="51" y="115"/>
                  </a:lnTo>
                  <a:lnTo>
                    <a:pt x="49" y="44"/>
                  </a:lnTo>
                  <a:lnTo>
                    <a:pt x="48" y="44"/>
                  </a:lnTo>
                  <a:lnTo>
                    <a:pt x="48" y="42"/>
                  </a:lnTo>
                  <a:lnTo>
                    <a:pt x="49" y="41"/>
                  </a:lnTo>
                  <a:lnTo>
                    <a:pt x="51" y="37"/>
                  </a:lnTo>
                  <a:lnTo>
                    <a:pt x="56" y="34"/>
                  </a:lnTo>
                  <a:lnTo>
                    <a:pt x="63" y="29"/>
                  </a:lnTo>
                  <a:lnTo>
                    <a:pt x="65" y="27"/>
                  </a:lnTo>
                  <a:lnTo>
                    <a:pt x="68" y="30"/>
                  </a:lnTo>
                  <a:lnTo>
                    <a:pt x="73" y="32"/>
                  </a:lnTo>
                  <a:lnTo>
                    <a:pt x="78" y="35"/>
                  </a:lnTo>
                  <a:lnTo>
                    <a:pt x="83" y="37"/>
                  </a:lnTo>
                  <a:lnTo>
                    <a:pt x="90" y="39"/>
                  </a:lnTo>
                  <a:lnTo>
                    <a:pt x="97" y="37"/>
                  </a:lnTo>
                  <a:lnTo>
                    <a:pt x="102" y="34"/>
                  </a:lnTo>
                  <a:lnTo>
                    <a:pt x="102" y="32"/>
                  </a:lnTo>
                  <a:lnTo>
                    <a:pt x="104" y="30"/>
                  </a:lnTo>
                  <a:lnTo>
                    <a:pt x="105" y="30"/>
                  </a:lnTo>
                  <a:lnTo>
                    <a:pt x="109" y="27"/>
                  </a:lnTo>
                  <a:lnTo>
                    <a:pt x="112" y="27"/>
                  </a:lnTo>
                  <a:lnTo>
                    <a:pt x="115" y="25"/>
                  </a:lnTo>
                  <a:lnTo>
                    <a:pt x="119" y="25"/>
                  </a:lnTo>
                  <a:lnTo>
                    <a:pt x="124" y="25"/>
                  </a:lnTo>
                  <a:lnTo>
                    <a:pt x="126" y="25"/>
                  </a:lnTo>
                  <a:lnTo>
                    <a:pt x="127" y="24"/>
                  </a:lnTo>
                  <a:lnTo>
                    <a:pt x="129" y="22"/>
                  </a:lnTo>
                  <a:lnTo>
                    <a:pt x="131" y="20"/>
                  </a:lnTo>
                  <a:lnTo>
                    <a:pt x="132" y="19"/>
                  </a:lnTo>
                  <a:lnTo>
                    <a:pt x="136" y="17"/>
                  </a:lnTo>
                  <a:lnTo>
                    <a:pt x="141" y="13"/>
                  </a:lnTo>
                  <a:lnTo>
                    <a:pt x="148" y="12"/>
                  </a:lnTo>
                  <a:lnTo>
                    <a:pt x="154" y="10"/>
                  </a:lnTo>
                  <a:lnTo>
                    <a:pt x="158" y="8"/>
                  </a:lnTo>
                  <a:lnTo>
                    <a:pt x="161" y="8"/>
                  </a:lnTo>
                  <a:lnTo>
                    <a:pt x="163" y="7"/>
                  </a:lnTo>
                  <a:lnTo>
                    <a:pt x="164" y="5"/>
                  </a:lnTo>
                  <a:lnTo>
                    <a:pt x="168" y="3"/>
                  </a:lnTo>
                  <a:lnTo>
                    <a:pt x="173" y="0"/>
                  </a:lnTo>
                  <a:lnTo>
                    <a:pt x="176" y="0"/>
                  </a:lnTo>
                  <a:lnTo>
                    <a:pt x="180" y="3"/>
                  </a:lnTo>
                  <a:lnTo>
                    <a:pt x="181" y="7"/>
                  </a:lnTo>
                  <a:lnTo>
                    <a:pt x="183" y="8"/>
                  </a:lnTo>
                  <a:lnTo>
                    <a:pt x="176" y="20"/>
                  </a:lnTo>
                  <a:lnTo>
                    <a:pt x="175" y="29"/>
                  </a:lnTo>
                  <a:lnTo>
                    <a:pt x="173" y="37"/>
                  </a:lnTo>
                  <a:lnTo>
                    <a:pt x="173" y="39"/>
                  </a:lnTo>
                  <a:lnTo>
                    <a:pt x="171" y="41"/>
                  </a:lnTo>
                  <a:lnTo>
                    <a:pt x="171" y="44"/>
                  </a:lnTo>
                  <a:lnTo>
                    <a:pt x="171" y="46"/>
                  </a:lnTo>
                  <a:lnTo>
                    <a:pt x="175" y="44"/>
                  </a:lnTo>
                  <a:lnTo>
                    <a:pt x="178" y="42"/>
                  </a:lnTo>
                  <a:lnTo>
                    <a:pt x="180" y="41"/>
                  </a:lnTo>
                  <a:lnTo>
                    <a:pt x="181" y="39"/>
                  </a:lnTo>
                  <a:lnTo>
                    <a:pt x="185" y="39"/>
                  </a:lnTo>
                  <a:lnTo>
                    <a:pt x="186" y="37"/>
                  </a:lnTo>
                  <a:lnTo>
                    <a:pt x="188" y="35"/>
                  </a:lnTo>
                  <a:lnTo>
                    <a:pt x="190" y="34"/>
                  </a:lnTo>
                  <a:lnTo>
                    <a:pt x="192" y="34"/>
                  </a:lnTo>
                  <a:lnTo>
                    <a:pt x="210" y="46"/>
                  </a:lnTo>
                  <a:lnTo>
                    <a:pt x="212" y="46"/>
                  </a:lnTo>
                  <a:lnTo>
                    <a:pt x="214" y="46"/>
                  </a:lnTo>
                  <a:lnTo>
                    <a:pt x="217" y="46"/>
                  </a:lnTo>
                  <a:lnTo>
                    <a:pt x="220" y="46"/>
                  </a:lnTo>
                  <a:lnTo>
                    <a:pt x="225" y="47"/>
                  </a:lnTo>
                  <a:lnTo>
                    <a:pt x="229" y="52"/>
                  </a:lnTo>
                  <a:lnTo>
                    <a:pt x="234" y="57"/>
                  </a:lnTo>
                  <a:lnTo>
                    <a:pt x="237" y="66"/>
                  </a:lnTo>
                  <a:lnTo>
                    <a:pt x="239" y="68"/>
                  </a:lnTo>
                  <a:lnTo>
                    <a:pt x="239" y="69"/>
                  </a:lnTo>
                  <a:lnTo>
                    <a:pt x="242" y="71"/>
                  </a:lnTo>
                  <a:lnTo>
                    <a:pt x="244" y="73"/>
                  </a:lnTo>
                  <a:lnTo>
                    <a:pt x="246" y="74"/>
                  </a:lnTo>
                  <a:lnTo>
                    <a:pt x="247" y="76"/>
                  </a:lnTo>
                  <a:lnTo>
                    <a:pt x="249" y="76"/>
                  </a:lnTo>
                  <a:lnTo>
                    <a:pt x="249" y="78"/>
                  </a:lnTo>
                  <a:lnTo>
                    <a:pt x="252" y="78"/>
                  </a:lnTo>
                  <a:lnTo>
                    <a:pt x="256" y="78"/>
                  </a:lnTo>
                  <a:lnTo>
                    <a:pt x="261" y="78"/>
                  </a:lnTo>
                  <a:lnTo>
                    <a:pt x="268" y="79"/>
                  </a:lnTo>
                  <a:lnTo>
                    <a:pt x="274" y="79"/>
                  </a:lnTo>
                  <a:lnTo>
                    <a:pt x="283" y="81"/>
                  </a:lnTo>
                  <a:lnTo>
                    <a:pt x="291" y="83"/>
                  </a:lnTo>
                  <a:lnTo>
                    <a:pt x="300" y="85"/>
                  </a:lnTo>
                  <a:lnTo>
                    <a:pt x="308" y="86"/>
                  </a:lnTo>
                  <a:lnTo>
                    <a:pt x="317" y="88"/>
                  </a:lnTo>
                  <a:lnTo>
                    <a:pt x="325" y="91"/>
                  </a:lnTo>
                  <a:lnTo>
                    <a:pt x="334" y="93"/>
                  </a:lnTo>
                  <a:lnTo>
                    <a:pt x="340" y="96"/>
                  </a:lnTo>
                  <a:lnTo>
                    <a:pt x="347" y="100"/>
                  </a:lnTo>
                  <a:lnTo>
                    <a:pt x="354" y="103"/>
                  </a:lnTo>
                  <a:lnTo>
                    <a:pt x="356" y="103"/>
                  </a:lnTo>
                  <a:lnTo>
                    <a:pt x="362" y="105"/>
                  </a:lnTo>
                  <a:lnTo>
                    <a:pt x="373" y="107"/>
                  </a:lnTo>
                  <a:lnTo>
                    <a:pt x="383" y="107"/>
                  </a:lnTo>
                  <a:lnTo>
                    <a:pt x="393" y="108"/>
                  </a:lnTo>
                  <a:lnTo>
                    <a:pt x="401" y="110"/>
                  </a:lnTo>
                  <a:lnTo>
                    <a:pt x="408" y="110"/>
                  </a:lnTo>
                  <a:lnTo>
                    <a:pt x="412" y="110"/>
                  </a:lnTo>
                  <a:lnTo>
                    <a:pt x="415" y="115"/>
                  </a:lnTo>
                  <a:lnTo>
                    <a:pt x="418" y="127"/>
                  </a:lnTo>
                  <a:lnTo>
                    <a:pt x="420" y="127"/>
                  </a:lnTo>
                  <a:lnTo>
                    <a:pt x="422" y="127"/>
                  </a:lnTo>
                  <a:lnTo>
                    <a:pt x="427" y="127"/>
                  </a:lnTo>
                  <a:lnTo>
                    <a:pt x="430" y="129"/>
                  </a:lnTo>
                  <a:lnTo>
                    <a:pt x="435" y="132"/>
                  </a:lnTo>
                  <a:lnTo>
                    <a:pt x="439" y="139"/>
                  </a:lnTo>
                  <a:lnTo>
                    <a:pt x="442" y="147"/>
                  </a:lnTo>
                  <a:lnTo>
                    <a:pt x="444" y="159"/>
                  </a:lnTo>
                  <a:lnTo>
                    <a:pt x="444" y="161"/>
                  </a:lnTo>
                  <a:lnTo>
                    <a:pt x="442" y="164"/>
                  </a:lnTo>
                  <a:lnTo>
                    <a:pt x="442" y="167"/>
                  </a:lnTo>
                  <a:lnTo>
                    <a:pt x="442" y="173"/>
                  </a:lnTo>
                  <a:lnTo>
                    <a:pt x="440" y="176"/>
                  </a:lnTo>
                  <a:lnTo>
                    <a:pt x="440" y="179"/>
                  </a:lnTo>
                  <a:lnTo>
                    <a:pt x="439" y="183"/>
                  </a:lnTo>
                  <a:lnTo>
                    <a:pt x="461" y="183"/>
                  </a:lnTo>
                  <a:lnTo>
                    <a:pt x="461" y="184"/>
                  </a:lnTo>
                  <a:lnTo>
                    <a:pt x="459" y="188"/>
                  </a:lnTo>
                  <a:lnTo>
                    <a:pt x="459" y="191"/>
                  </a:lnTo>
                  <a:lnTo>
                    <a:pt x="457" y="196"/>
                  </a:lnTo>
                  <a:lnTo>
                    <a:pt x="459" y="201"/>
                  </a:lnTo>
                  <a:lnTo>
                    <a:pt x="461" y="205"/>
                  </a:lnTo>
                  <a:lnTo>
                    <a:pt x="464" y="208"/>
                  </a:lnTo>
                  <a:lnTo>
                    <a:pt x="469" y="210"/>
                  </a:lnTo>
                  <a:lnTo>
                    <a:pt x="469" y="211"/>
                  </a:lnTo>
                  <a:lnTo>
                    <a:pt x="469" y="213"/>
                  </a:lnTo>
                  <a:lnTo>
                    <a:pt x="471" y="217"/>
                  </a:lnTo>
                  <a:lnTo>
                    <a:pt x="471" y="218"/>
                  </a:lnTo>
                  <a:lnTo>
                    <a:pt x="457" y="228"/>
                  </a:lnTo>
                  <a:lnTo>
                    <a:pt x="450" y="239"/>
                  </a:lnTo>
                  <a:lnTo>
                    <a:pt x="449" y="244"/>
                  </a:lnTo>
                  <a:lnTo>
                    <a:pt x="449" y="245"/>
                  </a:lnTo>
                  <a:lnTo>
                    <a:pt x="447" y="247"/>
                  </a:lnTo>
                  <a:lnTo>
                    <a:pt x="444" y="250"/>
                  </a:lnTo>
                  <a:lnTo>
                    <a:pt x="442" y="255"/>
                  </a:lnTo>
                  <a:lnTo>
                    <a:pt x="439" y="261"/>
                  </a:lnTo>
                  <a:lnTo>
                    <a:pt x="437" y="267"/>
                  </a:lnTo>
                  <a:lnTo>
                    <a:pt x="437" y="274"/>
                  </a:lnTo>
                  <a:lnTo>
                    <a:pt x="439" y="283"/>
                  </a:lnTo>
                  <a:lnTo>
                    <a:pt x="440" y="284"/>
                  </a:lnTo>
                  <a:lnTo>
                    <a:pt x="442" y="284"/>
                  </a:lnTo>
                  <a:lnTo>
                    <a:pt x="444" y="283"/>
                  </a:lnTo>
                  <a:lnTo>
                    <a:pt x="447" y="279"/>
                  </a:lnTo>
                  <a:lnTo>
                    <a:pt x="450" y="276"/>
                  </a:lnTo>
                  <a:lnTo>
                    <a:pt x="454" y="271"/>
                  </a:lnTo>
                  <a:lnTo>
                    <a:pt x="459" y="266"/>
                  </a:lnTo>
                  <a:lnTo>
                    <a:pt x="462" y="261"/>
                  </a:lnTo>
                  <a:lnTo>
                    <a:pt x="464" y="259"/>
                  </a:lnTo>
                  <a:lnTo>
                    <a:pt x="464" y="255"/>
                  </a:lnTo>
                  <a:lnTo>
                    <a:pt x="464" y="252"/>
                  </a:lnTo>
                  <a:lnTo>
                    <a:pt x="466" y="247"/>
                  </a:lnTo>
                  <a:lnTo>
                    <a:pt x="469" y="244"/>
                  </a:lnTo>
                  <a:lnTo>
                    <a:pt x="474" y="240"/>
                  </a:lnTo>
                  <a:lnTo>
                    <a:pt x="481" y="237"/>
                  </a:lnTo>
                  <a:lnTo>
                    <a:pt x="491" y="235"/>
                  </a:lnTo>
                  <a:lnTo>
                    <a:pt x="491" y="232"/>
                  </a:lnTo>
                  <a:lnTo>
                    <a:pt x="491" y="228"/>
                  </a:lnTo>
                  <a:lnTo>
                    <a:pt x="491" y="223"/>
                  </a:lnTo>
                  <a:lnTo>
                    <a:pt x="491" y="217"/>
                  </a:lnTo>
                  <a:lnTo>
                    <a:pt x="494" y="208"/>
                  </a:lnTo>
                  <a:lnTo>
                    <a:pt x="500" y="198"/>
                  </a:lnTo>
                  <a:lnTo>
                    <a:pt x="501" y="198"/>
                  </a:lnTo>
                  <a:lnTo>
                    <a:pt x="503" y="196"/>
                  </a:lnTo>
                  <a:lnTo>
                    <a:pt x="506" y="193"/>
                  </a:lnTo>
                  <a:lnTo>
                    <a:pt x="508" y="189"/>
                  </a:lnTo>
                  <a:lnTo>
                    <a:pt x="511" y="186"/>
                  </a:lnTo>
                  <a:lnTo>
                    <a:pt x="513" y="183"/>
                  </a:lnTo>
                  <a:lnTo>
                    <a:pt x="515" y="181"/>
                  </a:lnTo>
                  <a:lnTo>
                    <a:pt x="516" y="181"/>
                  </a:lnTo>
                  <a:lnTo>
                    <a:pt x="522" y="181"/>
                  </a:lnTo>
                  <a:lnTo>
                    <a:pt x="522" y="191"/>
                  </a:lnTo>
                  <a:lnTo>
                    <a:pt x="518" y="193"/>
                  </a:lnTo>
                  <a:lnTo>
                    <a:pt x="518" y="206"/>
                  </a:lnTo>
                  <a:lnTo>
                    <a:pt x="516" y="206"/>
                  </a:lnTo>
                  <a:lnTo>
                    <a:pt x="515" y="210"/>
                  </a:lnTo>
                  <a:lnTo>
                    <a:pt x="513" y="213"/>
                  </a:lnTo>
                  <a:lnTo>
                    <a:pt x="510" y="217"/>
                  </a:lnTo>
                  <a:lnTo>
                    <a:pt x="508" y="222"/>
                  </a:lnTo>
                  <a:lnTo>
                    <a:pt x="506" y="227"/>
                  </a:lnTo>
                  <a:lnTo>
                    <a:pt x="506" y="232"/>
                  </a:lnTo>
                  <a:lnTo>
                    <a:pt x="508" y="235"/>
                  </a:lnTo>
                  <a:lnTo>
                    <a:pt x="506" y="235"/>
                  </a:lnTo>
                  <a:lnTo>
                    <a:pt x="506" y="237"/>
                  </a:lnTo>
                  <a:lnTo>
                    <a:pt x="505" y="239"/>
                  </a:lnTo>
                  <a:lnTo>
                    <a:pt x="503" y="240"/>
                  </a:lnTo>
                  <a:lnTo>
                    <a:pt x="501" y="244"/>
                  </a:lnTo>
                  <a:lnTo>
                    <a:pt x="500" y="247"/>
                  </a:lnTo>
                  <a:lnTo>
                    <a:pt x="498" y="252"/>
                  </a:lnTo>
                  <a:lnTo>
                    <a:pt x="494" y="257"/>
                  </a:lnTo>
                  <a:lnTo>
                    <a:pt x="493" y="262"/>
                  </a:lnTo>
                  <a:lnTo>
                    <a:pt x="491" y="269"/>
                  </a:lnTo>
                  <a:lnTo>
                    <a:pt x="489" y="276"/>
                  </a:lnTo>
                  <a:lnTo>
                    <a:pt x="488" y="284"/>
                  </a:lnTo>
                  <a:lnTo>
                    <a:pt x="486" y="293"/>
                  </a:lnTo>
                  <a:lnTo>
                    <a:pt x="486" y="303"/>
                  </a:lnTo>
                  <a:lnTo>
                    <a:pt x="486" y="311"/>
                  </a:lnTo>
                  <a:lnTo>
                    <a:pt x="486" y="323"/>
                  </a:lnTo>
                  <a:lnTo>
                    <a:pt x="486" y="325"/>
                  </a:lnTo>
                  <a:lnTo>
                    <a:pt x="484" y="325"/>
                  </a:lnTo>
                  <a:lnTo>
                    <a:pt x="483" y="328"/>
                  </a:lnTo>
                  <a:lnTo>
                    <a:pt x="481" y="330"/>
                  </a:lnTo>
                  <a:lnTo>
                    <a:pt x="479" y="333"/>
                  </a:lnTo>
                  <a:lnTo>
                    <a:pt x="478" y="337"/>
                  </a:lnTo>
                  <a:lnTo>
                    <a:pt x="476" y="340"/>
                  </a:lnTo>
                  <a:lnTo>
                    <a:pt x="474" y="345"/>
                  </a:lnTo>
                  <a:lnTo>
                    <a:pt x="472" y="349"/>
                  </a:lnTo>
                  <a:lnTo>
                    <a:pt x="472" y="355"/>
                  </a:lnTo>
                  <a:lnTo>
                    <a:pt x="471" y="360"/>
                  </a:lnTo>
                  <a:lnTo>
                    <a:pt x="471" y="367"/>
                  </a:lnTo>
                  <a:lnTo>
                    <a:pt x="472" y="374"/>
                  </a:lnTo>
                  <a:lnTo>
                    <a:pt x="474" y="381"/>
                  </a:lnTo>
                  <a:lnTo>
                    <a:pt x="476" y="389"/>
                  </a:lnTo>
                  <a:lnTo>
                    <a:pt x="476" y="391"/>
                  </a:lnTo>
                  <a:lnTo>
                    <a:pt x="474" y="393"/>
                  </a:lnTo>
                  <a:lnTo>
                    <a:pt x="474" y="396"/>
                  </a:lnTo>
                  <a:lnTo>
                    <a:pt x="472" y="399"/>
                  </a:lnTo>
                  <a:lnTo>
                    <a:pt x="471" y="404"/>
                  </a:lnTo>
                  <a:lnTo>
                    <a:pt x="469" y="409"/>
                  </a:lnTo>
                  <a:lnTo>
                    <a:pt x="467" y="415"/>
                  </a:lnTo>
                  <a:lnTo>
                    <a:pt x="466" y="421"/>
                  </a:lnTo>
                  <a:lnTo>
                    <a:pt x="464" y="428"/>
                  </a:lnTo>
                  <a:lnTo>
                    <a:pt x="464" y="437"/>
                  </a:lnTo>
                  <a:lnTo>
                    <a:pt x="462" y="443"/>
                  </a:lnTo>
                  <a:lnTo>
                    <a:pt x="462" y="452"/>
                  </a:lnTo>
                  <a:lnTo>
                    <a:pt x="464" y="460"/>
                  </a:lnTo>
                  <a:lnTo>
                    <a:pt x="466" y="469"/>
                  </a:lnTo>
                  <a:lnTo>
                    <a:pt x="467" y="477"/>
                  </a:lnTo>
                  <a:lnTo>
                    <a:pt x="471" y="484"/>
                  </a:lnTo>
                  <a:lnTo>
                    <a:pt x="472" y="486"/>
                  </a:lnTo>
                  <a:lnTo>
                    <a:pt x="472" y="487"/>
                  </a:lnTo>
                  <a:lnTo>
                    <a:pt x="474" y="491"/>
                  </a:lnTo>
                  <a:lnTo>
                    <a:pt x="476" y="492"/>
                  </a:lnTo>
                  <a:lnTo>
                    <a:pt x="478" y="496"/>
                  </a:lnTo>
                  <a:lnTo>
                    <a:pt x="478" y="497"/>
                  </a:lnTo>
                  <a:lnTo>
                    <a:pt x="479" y="499"/>
                  </a:lnTo>
                  <a:lnTo>
                    <a:pt x="479" y="506"/>
                  </a:lnTo>
                  <a:lnTo>
                    <a:pt x="478" y="525"/>
                  </a:lnTo>
                  <a:lnTo>
                    <a:pt x="479" y="536"/>
                  </a:lnTo>
                  <a:lnTo>
                    <a:pt x="220" y="555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1147" name="Group 173"/>
            <p:cNvGrpSpPr>
              <a:grpSpLocks/>
            </p:cNvGrpSpPr>
            <p:nvPr/>
          </p:nvGrpSpPr>
          <p:grpSpPr bwMode="auto">
            <a:xfrm>
              <a:off x="4170" y="1392"/>
              <a:ext cx="723" cy="540"/>
              <a:chOff x="4407" y="988"/>
              <a:chExt cx="743" cy="556"/>
            </a:xfrm>
          </p:grpSpPr>
          <p:sp>
            <p:nvSpPr>
              <p:cNvPr id="1163" name="Freeform 174"/>
              <p:cNvSpPr>
                <a:spLocks/>
              </p:cNvSpPr>
              <p:nvPr/>
            </p:nvSpPr>
            <p:spPr bwMode="auto">
              <a:xfrm>
                <a:off x="4972" y="1435"/>
                <a:ext cx="178" cy="109"/>
              </a:xfrm>
              <a:custGeom>
                <a:avLst/>
                <a:gdLst>
                  <a:gd name="T0" fmla="*/ 2 w 178"/>
                  <a:gd name="T1" fmla="*/ 109 h 109"/>
                  <a:gd name="T2" fmla="*/ 0 w 178"/>
                  <a:gd name="T3" fmla="*/ 107 h 109"/>
                  <a:gd name="T4" fmla="*/ 0 w 178"/>
                  <a:gd name="T5" fmla="*/ 102 h 109"/>
                  <a:gd name="T6" fmla="*/ 0 w 178"/>
                  <a:gd name="T7" fmla="*/ 95 h 109"/>
                  <a:gd name="T8" fmla="*/ 4 w 178"/>
                  <a:gd name="T9" fmla="*/ 88 h 109"/>
                  <a:gd name="T10" fmla="*/ 9 w 178"/>
                  <a:gd name="T11" fmla="*/ 81 h 109"/>
                  <a:gd name="T12" fmla="*/ 12 w 178"/>
                  <a:gd name="T13" fmla="*/ 80 h 109"/>
                  <a:gd name="T14" fmla="*/ 21 w 178"/>
                  <a:gd name="T15" fmla="*/ 73 h 109"/>
                  <a:gd name="T16" fmla="*/ 24 w 178"/>
                  <a:gd name="T17" fmla="*/ 65 h 109"/>
                  <a:gd name="T18" fmla="*/ 26 w 178"/>
                  <a:gd name="T19" fmla="*/ 61 h 109"/>
                  <a:gd name="T20" fmla="*/ 28 w 178"/>
                  <a:gd name="T21" fmla="*/ 59 h 109"/>
                  <a:gd name="T22" fmla="*/ 38 w 178"/>
                  <a:gd name="T23" fmla="*/ 56 h 109"/>
                  <a:gd name="T24" fmla="*/ 41 w 178"/>
                  <a:gd name="T25" fmla="*/ 53 h 109"/>
                  <a:gd name="T26" fmla="*/ 63 w 178"/>
                  <a:gd name="T27" fmla="*/ 53 h 109"/>
                  <a:gd name="T28" fmla="*/ 65 w 178"/>
                  <a:gd name="T29" fmla="*/ 49 h 109"/>
                  <a:gd name="T30" fmla="*/ 68 w 178"/>
                  <a:gd name="T31" fmla="*/ 43 h 109"/>
                  <a:gd name="T32" fmla="*/ 77 w 178"/>
                  <a:gd name="T33" fmla="*/ 39 h 109"/>
                  <a:gd name="T34" fmla="*/ 83 w 178"/>
                  <a:gd name="T35" fmla="*/ 37 h 109"/>
                  <a:gd name="T36" fmla="*/ 105 w 178"/>
                  <a:gd name="T37" fmla="*/ 31 h 109"/>
                  <a:gd name="T38" fmla="*/ 116 w 178"/>
                  <a:gd name="T39" fmla="*/ 24 h 109"/>
                  <a:gd name="T40" fmla="*/ 132 w 178"/>
                  <a:gd name="T41" fmla="*/ 4 h 109"/>
                  <a:gd name="T42" fmla="*/ 138 w 178"/>
                  <a:gd name="T43" fmla="*/ 2 h 109"/>
                  <a:gd name="T44" fmla="*/ 131 w 178"/>
                  <a:gd name="T45" fmla="*/ 14 h 109"/>
                  <a:gd name="T46" fmla="*/ 127 w 178"/>
                  <a:gd name="T47" fmla="*/ 19 h 109"/>
                  <a:gd name="T48" fmla="*/ 122 w 178"/>
                  <a:gd name="T49" fmla="*/ 26 h 109"/>
                  <a:gd name="T50" fmla="*/ 116 w 178"/>
                  <a:gd name="T51" fmla="*/ 34 h 109"/>
                  <a:gd name="T52" fmla="*/ 116 w 178"/>
                  <a:gd name="T53" fmla="*/ 37 h 109"/>
                  <a:gd name="T54" fmla="*/ 122 w 178"/>
                  <a:gd name="T55" fmla="*/ 36 h 109"/>
                  <a:gd name="T56" fmla="*/ 122 w 178"/>
                  <a:gd name="T57" fmla="*/ 39 h 109"/>
                  <a:gd name="T58" fmla="*/ 122 w 178"/>
                  <a:gd name="T59" fmla="*/ 43 h 109"/>
                  <a:gd name="T60" fmla="*/ 122 w 178"/>
                  <a:gd name="T61" fmla="*/ 48 h 109"/>
                  <a:gd name="T62" fmla="*/ 129 w 178"/>
                  <a:gd name="T63" fmla="*/ 43 h 109"/>
                  <a:gd name="T64" fmla="*/ 129 w 178"/>
                  <a:gd name="T65" fmla="*/ 34 h 109"/>
                  <a:gd name="T66" fmla="*/ 136 w 178"/>
                  <a:gd name="T67" fmla="*/ 22 h 109"/>
                  <a:gd name="T68" fmla="*/ 148 w 178"/>
                  <a:gd name="T69" fmla="*/ 14 h 109"/>
                  <a:gd name="T70" fmla="*/ 160 w 178"/>
                  <a:gd name="T71" fmla="*/ 14 h 109"/>
                  <a:gd name="T72" fmla="*/ 165 w 178"/>
                  <a:gd name="T73" fmla="*/ 9 h 109"/>
                  <a:gd name="T74" fmla="*/ 175 w 178"/>
                  <a:gd name="T75" fmla="*/ 0 h 109"/>
                  <a:gd name="T76" fmla="*/ 178 w 178"/>
                  <a:gd name="T77" fmla="*/ 4 h 109"/>
                  <a:gd name="T78" fmla="*/ 175 w 178"/>
                  <a:gd name="T79" fmla="*/ 9 h 109"/>
                  <a:gd name="T80" fmla="*/ 160 w 178"/>
                  <a:gd name="T81" fmla="*/ 22 h 109"/>
                  <a:gd name="T82" fmla="*/ 143 w 178"/>
                  <a:gd name="T83" fmla="*/ 36 h 109"/>
                  <a:gd name="T84" fmla="*/ 127 w 178"/>
                  <a:gd name="T85" fmla="*/ 48 h 109"/>
                  <a:gd name="T86" fmla="*/ 116 w 178"/>
                  <a:gd name="T87" fmla="*/ 58 h 109"/>
                  <a:gd name="T88" fmla="*/ 109 w 178"/>
                  <a:gd name="T89" fmla="*/ 63 h 109"/>
                  <a:gd name="T90" fmla="*/ 88 w 178"/>
                  <a:gd name="T91" fmla="*/ 76 h 109"/>
                  <a:gd name="T92" fmla="*/ 85 w 178"/>
                  <a:gd name="T93" fmla="*/ 76 h 109"/>
                  <a:gd name="T94" fmla="*/ 90 w 178"/>
                  <a:gd name="T95" fmla="*/ 70 h 109"/>
                  <a:gd name="T96" fmla="*/ 97 w 178"/>
                  <a:gd name="T97" fmla="*/ 58 h 109"/>
                  <a:gd name="T98" fmla="*/ 80 w 178"/>
                  <a:gd name="T99" fmla="*/ 68 h 109"/>
                  <a:gd name="T100" fmla="*/ 61 w 178"/>
                  <a:gd name="T101" fmla="*/ 76 h 109"/>
                  <a:gd name="T102" fmla="*/ 55 w 178"/>
                  <a:gd name="T103" fmla="*/ 81 h 109"/>
                  <a:gd name="T104" fmla="*/ 44 w 178"/>
                  <a:gd name="T105" fmla="*/ 90 h 109"/>
                  <a:gd name="T106" fmla="*/ 29 w 178"/>
                  <a:gd name="T107" fmla="*/ 100 h 109"/>
                  <a:gd name="T108" fmla="*/ 14 w 178"/>
                  <a:gd name="T109" fmla="*/ 109 h 109"/>
                  <a:gd name="T110" fmla="*/ 14 w 178"/>
                  <a:gd name="T111" fmla="*/ 105 h 109"/>
                  <a:gd name="T112" fmla="*/ 17 w 178"/>
                  <a:gd name="T113" fmla="*/ 102 h 109"/>
                  <a:gd name="T114" fmla="*/ 19 w 178"/>
                  <a:gd name="T115" fmla="*/ 95 h 109"/>
                  <a:gd name="T116" fmla="*/ 7 w 178"/>
                  <a:gd name="T117" fmla="*/ 105 h 109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178"/>
                  <a:gd name="T178" fmla="*/ 0 h 109"/>
                  <a:gd name="T179" fmla="*/ 178 w 178"/>
                  <a:gd name="T180" fmla="*/ 109 h 109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178" h="109">
                    <a:moveTo>
                      <a:pt x="7" y="105"/>
                    </a:moveTo>
                    <a:lnTo>
                      <a:pt x="4" y="107"/>
                    </a:lnTo>
                    <a:lnTo>
                      <a:pt x="2" y="109"/>
                    </a:lnTo>
                    <a:lnTo>
                      <a:pt x="0" y="107"/>
                    </a:lnTo>
                    <a:lnTo>
                      <a:pt x="0" y="105"/>
                    </a:lnTo>
                    <a:lnTo>
                      <a:pt x="0" y="103"/>
                    </a:lnTo>
                    <a:lnTo>
                      <a:pt x="0" y="102"/>
                    </a:lnTo>
                    <a:lnTo>
                      <a:pt x="0" y="98"/>
                    </a:lnTo>
                    <a:lnTo>
                      <a:pt x="0" y="97"/>
                    </a:lnTo>
                    <a:lnTo>
                      <a:pt x="0" y="95"/>
                    </a:lnTo>
                    <a:lnTo>
                      <a:pt x="2" y="92"/>
                    </a:lnTo>
                    <a:lnTo>
                      <a:pt x="4" y="88"/>
                    </a:lnTo>
                    <a:lnTo>
                      <a:pt x="6" y="85"/>
                    </a:lnTo>
                    <a:lnTo>
                      <a:pt x="7" y="83"/>
                    </a:lnTo>
                    <a:lnTo>
                      <a:pt x="9" y="81"/>
                    </a:lnTo>
                    <a:lnTo>
                      <a:pt x="11" y="80"/>
                    </a:lnTo>
                    <a:lnTo>
                      <a:pt x="12" y="80"/>
                    </a:lnTo>
                    <a:lnTo>
                      <a:pt x="16" y="78"/>
                    </a:lnTo>
                    <a:lnTo>
                      <a:pt x="19" y="76"/>
                    </a:lnTo>
                    <a:lnTo>
                      <a:pt x="21" y="73"/>
                    </a:lnTo>
                    <a:lnTo>
                      <a:pt x="22" y="70"/>
                    </a:lnTo>
                    <a:lnTo>
                      <a:pt x="22" y="68"/>
                    </a:lnTo>
                    <a:lnTo>
                      <a:pt x="24" y="65"/>
                    </a:lnTo>
                    <a:lnTo>
                      <a:pt x="24" y="61"/>
                    </a:lnTo>
                    <a:lnTo>
                      <a:pt x="26" y="61"/>
                    </a:lnTo>
                    <a:lnTo>
                      <a:pt x="26" y="59"/>
                    </a:lnTo>
                    <a:lnTo>
                      <a:pt x="28" y="59"/>
                    </a:lnTo>
                    <a:lnTo>
                      <a:pt x="31" y="58"/>
                    </a:lnTo>
                    <a:lnTo>
                      <a:pt x="34" y="58"/>
                    </a:lnTo>
                    <a:lnTo>
                      <a:pt x="38" y="56"/>
                    </a:lnTo>
                    <a:lnTo>
                      <a:pt x="39" y="54"/>
                    </a:lnTo>
                    <a:lnTo>
                      <a:pt x="41" y="53"/>
                    </a:lnTo>
                    <a:lnTo>
                      <a:pt x="43" y="51"/>
                    </a:lnTo>
                    <a:lnTo>
                      <a:pt x="63" y="53"/>
                    </a:lnTo>
                    <a:lnTo>
                      <a:pt x="63" y="51"/>
                    </a:lnTo>
                    <a:lnTo>
                      <a:pt x="65" y="49"/>
                    </a:lnTo>
                    <a:lnTo>
                      <a:pt x="65" y="48"/>
                    </a:lnTo>
                    <a:lnTo>
                      <a:pt x="66" y="46"/>
                    </a:lnTo>
                    <a:lnTo>
                      <a:pt x="68" y="43"/>
                    </a:lnTo>
                    <a:lnTo>
                      <a:pt x="70" y="41"/>
                    </a:lnTo>
                    <a:lnTo>
                      <a:pt x="73" y="39"/>
                    </a:lnTo>
                    <a:lnTo>
                      <a:pt x="77" y="39"/>
                    </a:lnTo>
                    <a:lnTo>
                      <a:pt x="80" y="39"/>
                    </a:lnTo>
                    <a:lnTo>
                      <a:pt x="82" y="37"/>
                    </a:lnTo>
                    <a:lnTo>
                      <a:pt x="83" y="37"/>
                    </a:lnTo>
                    <a:lnTo>
                      <a:pt x="94" y="36"/>
                    </a:lnTo>
                    <a:lnTo>
                      <a:pt x="100" y="34"/>
                    </a:lnTo>
                    <a:lnTo>
                      <a:pt x="105" y="31"/>
                    </a:lnTo>
                    <a:lnTo>
                      <a:pt x="109" y="29"/>
                    </a:lnTo>
                    <a:lnTo>
                      <a:pt x="112" y="27"/>
                    </a:lnTo>
                    <a:lnTo>
                      <a:pt x="116" y="24"/>
                    </a:lnTo>
                    <a:lnTo>
                      <a:pt x="119" y="19"/>
                    </a:lnTo>
                    <a:lnTo>
                      <a:pt x="124" y="12"/>
                    </a:lnTo>
                    <a:lnTo>
                      <a:pt x="132" y="4"/>
                    </a:lnTo>
                    <a:lnTo>
                      <a:pt x="138" y="0"/>
                    </a:lnTo>
                    <a:lnTo>
                      <a:pt x="138" y="2"/>
                    </a:lnTo>
                    <a:lnTo>
                      <a:pt x="136" y="7"/>
                    </a:lnTo>
                    <a:lnTo>
                      <a:pt x="132" y="10"/>
                    </a:lnTo>
                    <a:lnTo>
                      <a:pt x="131" y="14"/>
                    </a:lnTo>
                    <a:lnTo>
                      <a:pt x="129" y="15"/>
                    </a:lnTo>
                    <a:lnTo>
                      <a:pt x="129" y="17"/>
                    </a:lnTo>
                    <a:lnTo>
                      <a:pt x="127" y="19"/>
                    </a:lnTo>
                    <a:lnTo>
                      <a:pt x="127" y="21"/>
                    </a:lnTo>
                    <a:lnTo>
                      <a:pt x="126" y="21"/>
                    </a:lnTo>
                    <a:lnTo>
                      <a:pt x="122" y="26"/>
                    </a:lnTo>
                    <a:lnTo>
                      <a:pt x="119" y="29"/>
                    </a:lnTo>
                    <a:lnTo>
                      <a:pt x="117" y="32"/>
                    </a:lnTo>
                    <a:lnTo>
                      <a:pt x="116" y="34"/>
                    </a:lnTo>
                    <a:lnTo>
                      <a:pt x="116" y="36"/>
                    </a:lnTo>
                    <a:lnTo>
                      <a:pt x="116" y="37"/>
                    </a:lnTo>
                    <a:lnTo>
                      <a:pt x="119" y="36"/>
                    </a:lnTo>
                    <a:lnTo>
                      <a:pt x="122" y="36"/>
                    </a:lnTo>
                    <a:lnTo>
                      <a:pt x="124" y="37"/>
                    </a:lnTo>
                    <a:lnTo>
                      <a:pt x="122" y="39"/>
                    </a:lnTo>
                    <a:lnTo>
                      <a:pt x="122" y="41"/>
                    </a:lnTo>
                    <a:lnTo>
                      <a:pt x="122" y="43"/>
                    </a:lnTo>
                    <a:lnTo>
                      <a:pt x="121" y="48"/>
                    </a:lnTo>
                    <a:lnTo>
                      <a:pt x="122" y="48"/>
                    </a:lnTo>
                    <a:lnTo>
                      <a:pt x="124" y="46"/>
                    </a:lnTo>
                    <a:lnTo>
                      <a:pt x="126" y="46"/>
                    </a:lnTo>
                    <a:lnTo>
                      <a:pt x="129" y="43"/>
                    </a:lnTo>
                    <a:lnTo>
                      <a:pt x="132" y="41"/>
                    </a:lnTo>
                    <a:lnTo>
                      <a:pt x="132" y="39"/>
                    </a:lnTo>
                    <a:lnTo>
                      <a:pt x="129" y="34"/>
                    </a:lnTo>
                    <a:lnTo>
                      <a:pt x="129" y="31"/>
                    </a:lnTo>
                    <a:lnTo>
                      <a:pt x="131" y="26"/>
                    </a:lnTo>
                    <a:lnTo>
                      <a:pt x="136" y="22"/>
                    </a:lnTo>
                    <a:lnTo>
                      <a:pt x="139" y="19"/>
                    </a:lnTo>
                    <a:lnTo>
                      <a:pt x="144" y="15"/>
                    </a:lnTo>
                    <a:lnTo>
                      <a:pt x="148" y="14"/>
                    </a:lnTo>
                    <a:lnTo>
                      <a:pt x="149" y="12"/>
                    </a:lnTo>
                    <a:lnTo>
                      <a:pt x="154" y="12"/>
                    </a:lnTo>
                    <a:lnTo>
                      <a:pt x="160" y="14"/>
                    </a:lnTo>
                    <a:lnTo>
                      <a:pt x="161" y="14"/>
                    </a:lnTo>
                    <a:lnTo>
                      <a:pt x="163" y="12"/>
                    </a:lnTo>
                    <a:lnTo>
                      <a:pt x="165" y="9"/>
                    </a:lnTo>
                    <a:lnTo>
                      <a:pt x="166" y="9"/>
                    </a:lnTo>
                    <a:lnTo>
                      <a:pt x="171" y="4"/>
                    </a:lnTo>
                    <a:lnTo>
                      <a:pt x="175" y="0"/>
                    </a:lnTo>
                    <a:lnTo>
                      <a:pt x="176" y="0"/>
                    </a:lnTo>
                    <a:lnTo>
                      <a:pt x="178" y="2"/>
                    </a:lnTo>
                    <a:lnTo>
                      <a:pt x="178" y="4"/>
                    </a:lnTo>
                    <a:lnTo>
                      <a:pt x="176" y="7"/>
                    </a:lnTo>
                    <a:lnTo>
                      <a:pt x="175" y="9"/>
                    </a:lnTo>
                    <a:lnTo>
                      <a:pt x="170" y="14"/>
                    </a:lnTo>
                    <a:lnTo>
                      <a:pt x="165" y="17"/>
                    </a:lnTo>
                    <a:lnTo>
                      <a:pt x="160" y="22"/>
                    </a:lnTo>
                    <a:lnTo>
                      <a:pt x="154" y="27"/>
                    </a:lnTo>
                    <a:lnTo>
                      <a:pt x="148" y="31"/>
                    </a:lnTo>
                    <a:lnTo>
                      <a:pt x="143" y="36"/>
                    </a:lnTo>
                    <a:lnTo>
                      <a:pt x="138" y="39"/>
                    </a:lnTo>
                    <a:lnTo>
                      <a:pt x="132" y="44"/>
                    </a:lnTo>
                    <a:lnTo>
                      <a:pt x="127" y="48"/>
                    </a:lnTo>
                    <a:lnTo>
                      <a:pt x="122" y="51"/>
                    </a:lnTo>
                    <a:lnTo>
                      <a:pt x="119" y="54"/>
                    </a:lnTo>
                    <a:lnTo>
                      <a:pt x="116" y="58"/>
                    </a:lnTo>
                    <a:lnTo>
                      <a:pt x="112" y="59"/>
                    </a:lnTo>
                    <a:lnTo>
                      <a:pt x="110" y="61"/>
                    </a:lnTo>
                    <a:lnTo>
                      <a:pt x="109" y="63"/>
                    </a:lnTo>
                    <a:lnTo>
                      <a:pt x="97" y="71"/>
                    </a:lnTo>
                    <a:lnTo>
                      <a:pt x="88" y="76"/>
                    </a:lnTo>
                    <a:lnTo>
                      <a:pt x="85" y="78"/>
                    </a:lnTo>
                    <a:lnTo>
                      <a:pt x="85" y="76"/>
                    </a:lnTo>
                    <a:lnTo>
                      <a:pt x="87" y="73"/>
                    </a:lnTo>
                    <a:lnTo>
                      <a:pt x="88" y="71"/>
                    </a:lnTo>
                    <a:lnTo>
                      <a:pt x="90" y="70"/>
                    </a:lnTo>
                    <a:lnTo>
                      <a:pt x="97" y="61"/>
                    </a:lnTo>
                    <a:lnTo>
                      <a:pt x="100" y="58"/>
                    </a:lnTo>
                    <a:lnTo>
                      <a:pt x="97" y="58"/>
                    </a:lnTo>
                    <a:lnTo>
                      <a:pt x="94" y="59"/>
                    </a:lnTo>
                    <a:lnTo>
                      <a:pt x="87" y="65"/>
                    </a:lnTo>
                    <a:lnTo>
                      <a:pt x="80" y="68"/>
                    </a:lnTo>
                    <a:lnTo>
                      <a:pt x="75" y="71"/>
                    </a:lnTo>
                    <a:lnTo>
                      <a:pt x="73" y="73"/>
                    </a:lnTo>
                    <a:lnTo>
                      <a:pt x="61" y="76"/>
                    </a:lnTo>
                    <a:lnTo>
                      <a:pt x="61" y="78"/>
                    </a:lnTo>
                    <a:lnTo>
                      <a:pt x="58" y="80"/>
                    </a:lnTo>
                    <a:lnTo>
                      <a:pt x="55" y="81"/>
                    </a:lnTo>
                    <a:lnTo>
                      <a:pt x="51" y="85"/>
                    </a:lnTo>
                    <a:lnTo>
                      <a:pt x="48" y="87"/>
                    </a:lnTo>
                    <a:lnTo>
                      <a:pt x="44" y="90"/>
                    </a:lnTo>
                    <a:lnTo>
                      <a:pt x="41" y="92"/>
                    </a:lnTo>
                    <a:lnTo>
                      <a:pt x="39" y="92"/>
                    </a:lnTo>
                    <a:lnTo>
                      <a:pt x="29" y="100"/>
                    </a:lnTo>
                    <a:lnTo>
                      <a:pt x="21" y="105"/>
                    </a:lnTo>
                    <a:lnTo>
                      <a:pt x="16" y="109"/>
                    </a:lnTo>
                    <a:lnTo>
                      <a:pt x="14" y="109"/>
                    </a:lnTo>
                    <a:lnTo>
                      <a:pt x="12" y="109"/>
                    </a:lnTo>
                    <a:lnTo>
                      <a:pt x="12" y="107"/>
                    </a:lnTo>
                    <a:lnTo>
                      <a:pt x="14" y="105"/>
                    </a:lnTo>
                    <a:lnTo>
                      <a:pt x="16" y="103"/>
                    </a:lnTo>
                    <a:lnTo>
                      <a:pt x="17" y="102"/>
                    </a:lnTo>
                    <a:lnTo>
                      <a:pt x="19" y="98"/>
                    </a:lnTo>
                    <a:lnTo>
                      <a:pt x="19" y="97"/>
                    </a:lnTo>
                    <a:lnTo>
                      <a:pt x="19" y="95"/>
                    </a:lnTo>
                    <a:lnTo>
                      <a:pt x="16" y="97"/>
                    </a:lnTo>
                    <a:lnTo>
                      <a:pt x="12" y="98"/>
                    </a:lnTo>
                    <a:lnTo>
                      <a:pt x="7" y="105"/>
                    </a:lnTo>
                    <a:close/>
                  </a:path>
                </a:pathLst>
              </a:custGeom>
              <a:solidFill>
                <a:srgbClr val="8B3102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64" name="Freeform 175"/>
              <p:cNvSpPr>
                <a:spLocks/>
              </p:cNvSpPr>
              <p:nvPr/>
            </p:nvSpPr>
            <p:spPr bwMode="auto">
              <a:xfrm>
                <a:off x="4407" y="988"/>
                <a:ext cx="591" cy="534"/>
              </a:xfrm>
              <a:custGeom>
                <a:avLst/>
                <a:gdLst>
                  <a:gd name="T0" fmla="*/ 17 w 591"/>
                  <a:gd name="T1" fmla="*/ 486 h 534"/>
                  <a:gd name="T2" fmla="*/ 54 w 591"/>
                  <a:gd name="T3" fmla="*/ 478 h 534"/>
                  <a:gd name="T4" fmla="*/ 112 w 591"/>
                  <a:gd name="T5" fmla="*/ 468 h 534"/>
                  <a:gd name="T6" fmla="*/ 181 w 591"/>
                  <a:gd name="T7" fmla="*/ 454 h 534"/>
                  <a:gd name="T8" fmla="*/ 252 w 591"/>
                  <a:gd name="T9" fmla="*/ 440 h 534"/>
                  <a:gd name="T10" fmla="*/ 317 w 591"/>
                  <a:gd name="T11" fmla="*/ 427 h 534"/>
                  <a:gd name="T12" fmla="*/ 366 w 591"/>
                  <a:gd name="T13" fmla="*/ 417 h 534"/>
                  <a:gd name="T14" fmla="*/ 391 w 591"/>
                  <a:gd name="T15" fmla="*/ 412 h 534"/>
                  <a:gd name="T16" fmla="*/ 410 w 591"/>
                  <a:gd name="T17" fmla="*/ 413 h 534"/>
                  <a:gd name="T18" fmla="*/ 418 w 591"/>
                  <a:gd name="T19" fmla="*/ 425 h 534"/>
                  <a:gd name="T20" fmla="*/ 433 w 591"/>
                  <a:gd name="T21" fmla="*/ 432 h 534"/>
                  <a:gd name="T22" fmla="*/ 437 w 591"/>
                  <a:gd name="T23" fmla="*/ 442 h 534"/>
                  <a:gd name="T24" fmla="*/ 449 w 591"/>
                  <a:gd name="T25" fmla="*/ 459 h 534"/>
                  <a:gd name="T26" fmla="*/ 459 w 591"/>
                  <a:gd name="T27" fmla="*/ 468 h 534"/>
                  <a:gd name="T28" fmla="*/ 564 w 591"/>
                  <a:gd name="T29" fmla="*/ 534 h 534"/>
                  <a:gd name="T30" fmla="*/ 591 w 591"/>
                  <a:gd name="T31" fmla="*/ 468 h 534"/>
                  <a:gd name="T32" fmla="*/ 567 w 591"/>
                  <a:gd name="T33" fmla="*/ 278 h 534"/>
                  <a:gd name="T34" fmla="*/ 564 w 591"/>
                  <a:gd name="T35" fmla="*/ 263 h 534"/>
                  <a:gd name="T36" fmla="*/ 557 w 591"/>
                  <a:gd name="T37" fmla="*/ 232 h 534"/>
                  <a:gd name="T38" fmla="*/ 552 w 591"/>
                  <a:gd name="T39" fmla="*/ 202 h 534"/>
                  <a:gd name="T40" fmla="*/ 547 w 591"/>
                  <a:gd name="T41" fmla="*/ 185 h 534"/>
                  <a:gd name="T42" fmla="*/ 537 w 591"/>
                  <a:gd name="T43" fmla="*/ 170 h 534"/>
                  <a:gd name="T44" fmla="*/ 532 w 591"/>
                  <a:gd name="T45" fmla="*/ 176 h 534"/>
                  <a:gd name="T46" fmla="*/ 510 w 591"/>
                  <a:gd name="T47" fmla="*/ 73 h 534"/>
                  <a:gd name="T48" fmla="*/ 484 w 591"/>
                  <a:gd name="T49" fmla="*/ 4 h 534"/>
                  <a:gd name="T50" fmla="*/ 452 w 591"/>
                  <a:gd name="T51" fmla="*/ 12 h 534"/>
                  <a:gd name="T52" fmla="*/ 413 w 591"/>
                  <a:gd name="T53" fmla="*/ 21 h 534"/>
                  <a:gd name="T54" fmla="*/ 389 w 591"/>
                  <a:gd name="T55" fmla="*/ 28 h 534"/>
                  <a:gd name="T56" fmla="*/ 364 w 591"/>
                  <a:gd name="T57" fmla="*/ 38 h 534"/>
                  <a:gd name="T58" fmla="*/ 335 w 591"/>
                  <a:gd name="T59" fmla="*/ 66 h 534"/>
                  <a:gd name="T60" fmla="*/ 313 w 591"/>
                  <a:gd name="T61" fmla="*/ 99 h 534"/>
                  <a:gd name="T62" fmla="*/ 305 w 591"/>
                  <a:gd name="T63" fmla="*/ 117 h 534"/>
                  <a:gd name="T64" fmla="*/ 261 w 591"/>
                  <a:gd name="T65" fmla="*/ 173 h 534"/>
                  <a:gd name="T66" fmla="*/ 278 w 591"/>
                  <a:gd name="T67" fmla="*/ 198 h 534"/>
                  <a:gd name="T68" fmla="*/ 278 w 591"/>
                  <a:gd name="T69" fmla="*/ 209 h 534"/>
                  <a:gd name="T70" fmla="*/ 285 w 591"/>
                  <a:gd name="T71" fmla="*/ 231 h 534"/>
                  <a:gd name="T72" fmla="*/ 276 w 591"/>
                  <a:gd name="T73" fmla="*/ 241 h 534"/>
                  <a:gd name="T74" fmla="*/ 252 w 591"/>
                  <a:gd name="T75" fmla="*/ 263 h 534"/>
                  <a:gd name="T76" fmla="*/ 244 w 591"/>
                  <a:gd name="T77" fmla="*/ 275 h 534"/>
                  <a:gd name="T78" fmla="*/ 230 w 591"/>
                  <a:gd name="T79" fmla="*/ 283 h 534"/>
                  <a:gd name="T80" fmla="*/ 215 w 591"/>
                  <a:gd name="T81" fmla="*/ 285 h 534"/>
                  <a:gd name="T82" fmla="*/ 191 w 591"/>
                  <a:gd name="T83" fmla="*/ 292 h 534"/>
                  <a:gd name="T84" fmla="*/ 181 w 591"/>
                  <a:gd name="T85" fmla="*/ 298 h 534"/>
                  <a:gd name="T86" fmla="*/ 158 w 591"/>
                  <a:gd name="T87" fmla="*/ 293 h 534"/>
                  <a:gd name="T88" fmla="*/ 109 w 591"/>
                  <a:gd name="T89" fmla="*/ 297 h 534"/>
                  <a:gd name="T90" fmla="*/ 70 w 591"/>
                  <a:gd name="T91" fmla="*/ 307 h 534"/>
                  <a:gd name="T92" fmla="*/ 51 w 591"/>
                  <a:gd name="T93" fmla="*/ 319 h 534"/>
                  <a:gd name="T94" fmla="*/ 44 w 591"/>
                  <a:gd name="T95" fmla="*/ 327 h 534"/>
                  <a:gd name="T96" fmla="*/ 49 w 591"/>
                  <a:gd name="T97" fmla="*/ 342 h 534"/>
                  <a:gd name="T98" fmla="*/ 59 w 591"/>
                  <a:gd name="T99" fmla="*/ 354 h 534"/>
                  <a:gd name="T100" fmla="*/ 66 w 591"/>
                  <a:gd name="T101" fmla="*/ 363 h 534"/>
                  <a:gd name="T102" fmla="*/ 66 w 591"/>
                  <a:gd name="T103" fmla="*/ 380 h 534"/>
                  <a:gd name="T104" fmla="*/ 59 w 591"/>
                  <a:gd name="T105" fmla="*/ 388 h 534"/>
                  <a:gd name="T106" fmla="*/ 31 w 591"/>
                  <a:gd name="T107" fmla="*/ 427 h 534"/>
                  <a:gd name="T108" fmla="*/ 31 w 591"/>
                  <a:gd name="T109" fmla="*/ 425 h 534"/>
                  <a:gd name="T110" fmla="*/ 9 w 591"/>
                  <a:gd name="T111" fmla="*/ 451 h 534"/>
                  <a:gd name="T112" fmla="*/ 0 w 591"/>
                  <a:gd name="T113" fmla="*/ 456 h 534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591"/>
                  <a:gd name="T172" fmla="*/ 0 h 534"/>
                  <a:gd name="T173" fmla="*/ 591 w 591"/>
                  <a:gd name="T174" fmla="*/ 534 h 534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591" h="534">
                    <a:moveTo>
                      <a:pt x="9" y="488"/>
                    </a:moveTo>
                    <a:lnTo>
                      <a:pt x="9" y="486"/>
                    </a:lnTo>
                    <a:lnTo>
                      <a:pt x="12" y="486"/>
                    </a:lnTo>
                    <a:lnTo>
                      <a:pt x="17" y="486"/>
                    </a:lnTo>
                    <a:lnTo>
                      <a:pt x="24" y="484"/>
                    </a:lnTo>
                    <a:lnTo>
                      <a:pt x="32" y="483"/>
                    </a:lnTo>
                    <a:lnTo>
                      <a:pt x="43" y="481"/>
                    </a:lnTo>
                    <a:lnTo>
                      <a:pt x="54" y="478"/>
                    </a:lnTo>
                    <a:lnTo>
                      <a:pt x="68" y="476"/>
                    </a:lnTo>
                    <a:lnTo>
                      <a:pt x="81" y="473"/>
                    </a:lnTo>
                    <a:lnTo>
                      <a:pt x="97" y="471"/>
                    </a:lnTo>
                    <a:lnTo>
                      <a:pt x="112" y="468"/>
                    </a:lnTo>
                    <a:lnTo>
                      <a:pt x="129" y="464"/>
                    </a:lnTo>
                    <a:lnTo>
                      <a:pt x="146" y="461"/>
                    </a:lnTo>
                    <a:lnTo>
                      <a:pt x="164" y="457"/>
                    </a:lnTo>
                    <a:lnTo>
                      <a:pt x="181" y="454"/>
                    </a:lnTo>
                    <a:lnTo>
                      <a:pt x="200" y="451"/>
                    </a:lnTo>
                    <a:lnTo>
                      <a:pt x="217" y="447"/>
                    </a:lnTo>
                    <a:lnTo>
                      <a:pt x="235" y="444"/>
                    </a:lnTo>
                    <a:lnTo>
                      <a:pt x="252" y="440"/>
                    </a:lnTo>
                    <a:lnTo>
                      <a:pt x="269" y="437"/>
                    </a:lnTo>
                    <a:lnTo>
                      <a:pt x="286" y="434"/>
                    </a:lnTo>
                    <a:lnTo>
                      <a:pt x="301" y="430"/>
                    </a:lnTo>
                    <a:lnTo>
                      <a:pt x="317" y="427"/>
                    </a:lnTo>
                    <a:lnTo>
                      <a:pt x="332" y="424"/>
                    </a:lnTo>
                    <a:lnTo>
                      <a:pt x="344" y="422"/>
                    </a:lnTo>
                    <a:lnTo>
                      <a:pt x="356" y="420"/>
                    </a:lnTo>
                    <a:lnTo>
                      <a:pt x="366" y="417"/>
                    </a:lnTo>
                    <a:lnTo>
                      <a:pt x="376" y="415"/>
                    </a:lnTo>
                    <a:lnTo>
                      <a:pt x="383" y="415"/>
                    </a:lnTo>
                    <a:lnTo>
                      <a:pt x="388" y="413"/>
                    </a:lnTo>
                    <a:lnTo>
                      <a:pt x="391" y="412"/>
                    </a:lnTo>
                    <a:lnTo>
                      <a:pt x="393" y="412"/>
                    </a:lnTo>
                    <a:lnTo>
                      <a:pt x="400" y="412"/>
                    </a:lnTo>
                    <a:lnTo>
                      <a:pt x="405" y="412"/>
                    </a:lnTo>
                    <a:lnTo>
                      <a:pt x="410" y="413"/>
                    </a:lnTo>
                    <a:lnTo>
                      <a:pt x="413" y="417"/>
                    </a:lnTo>
                    <a:lnTo>
                      <a:pt x="415" y="420"/>
                    </a:lnTo>
                    <a:lnTo>
                      <a:pt x="417" y="424"/>
                    </a:lnTo>
                    <a:lnTo>
                      <a:pt x="418" y="425"/>
                    </a:lnTo>
                    <a:lnTo>
                      <a:pt x="420" y="427"/>
                    </a:lnTo>
                    <a:lnTo>
                      <a:pt x="427" y="427"/>
                    </a:lnTo>
                    <a:lnTo>
                      <a:pt x="430" y="429"/>
                    </a:lnTo>
                    <a:lnTo>
                      <a:pt x="433" y="432"/>
                    </a:lnTo>
                    <a:lnTo>
                      <a:pt x="435" y="434"/>
                    </a:lnTo>
                    <a:lnTo>
                      <a:pt x="437" y="437"/>
                    </a:lnTo>
                    <a:lnTo>
                      <a:pt x="437" y="440"/>
                    </a:lnTo>
                    <a:lnTo>
                      <a:pt x="437" y="442"/>
                    </a:lnTo>
                    <a:lnTo>
                      <a:pt x="439" y="444"/>
                    </a:lnTo>
                    <a:lnTo>
                      <a:pt x="442" y="451"/>
                    </a:lnTo>
                    <a:lnTo>
                      <a:pt x="445" y="456"/>
                    </a:lnTo>
                    <a:lnTo>
                      <a:pt x="449" y="459"/>
                    </a:lnTo>
                    <a:lnTo>
                      <a:pt x="452" y="462"/>
                    </a:lnTo>
                    <a:lnTo>
                      <a:pt x="454" y="466"/>
                    </a:lnTo>
                    <a:lnTo>
                      <a:pt x="457" y="468"/>
                    </a:lnTo>
                    <a:lnTo>
                      <a:pt x="459" y="468"/>
                    </a:lnTo>
                    <a:lnTo>
                      <a:pt x="477" y="474"/>
                    </a:lnTo>
                    <a:lnTo>
                      <a:pt x="562" y="501"/>
                    </a:lnTo>
                    <a:lnTo>
                      <a:pt x="564" y="534"/>
                    </a:lnTo>
                    <a:lnTo>
                      <a:pt x="574" y="520"/>
                    </a:lnTo>
                    <a:lnTo>
                      <a:pt x="584" y="496"/>
                    </a:lnTo>
                    <a:lnTo>
                      <a:pt x="577" y="484"/>
                    </a:lnTo>
                    <a:lnTo>
                      <a:pt x="591" y="468"/>
                    </a:lnTo>
                    <a:lnTo>
                      <a:pt x="584" y="459"/>
                    </a:lnTo>
                    <a:lnTo>
                      <a:pt x="571" y="364"/>
                    </a:lnTo>
                    <a:lnTo>
                      <a:pt x="565" y="364"/>
                    </a:lnTo>
                    <a:lnTo>
                      <a:pt x="567" y="278"/>
                    </a:lnTo>
                    <a:lnTo>
                      <a:pt x="567" y="276"/>
                    </a:lnTo>
                    <a:lnTo>
                      <a:pt x="567" y="275"/>
                    </a:lnTo>
                    <a:lnTo>
                      <a:pt x="565" y="270"/>
                    </a:lnTo>
                    <a:lnTo>
                      <a:pt x="564" y="263"/>
                    </a:lnTo>
                    <a:lnTo>
                      <a:pt x="562" y="256"/>
                    </a:lnTo>
                    <a:lnTo>
                      <a:pt x="562" y="249"/>
                    </a:lnTo>
                    <a:lnTo>
                      <a:pt x="560" y="241"/>
                    </a:lnTo>
                    <a:lnTo>
                      <a:pt x="557" y="232"/>
                    </a:lnTo>
                    <a:lnTo>
                      <a:pt x="555" y="224"/>
                    </a:lnTo>
                    <a:lnTo>
                      <a:pt x="554" y="215"/>
                    </a:lnTo>
                    <a:lnTo>
                      <a:pt x="552" y="209"/>
                    </a:lnTo>
                    <a:lnTo>
                      <a:pt x="552" y="202"/>
                    </a:lnTo>
                    <a:lnTo>
                      <a:pt x="550" y="195"/>
                    </a:lnTo>
                    <a:lnTo>
                      <a:pt x="549" y="190"/>
                    </a:lnTo>
                    <a:lnTo>
                      <a:pt x="549" y="187"/>
                    </a:lnTo>
                    <a:lnTo>
                      <a:pt x="547" y="185"/>
                    </a:lnTo>
                    <a:lnTo>
                      <a:pt x="543" y="176"/>
                    </a:lnTo>
                    <a:lnTo>
                      <a:pt x="540" y="171"/>
                    </a:lnTo>
                    <a:lnTo>
                      <a:pt x="538" y="170"/>
                    </a:lnTo>
                    <a:lnTo>
                      <a:pt x="537" y="170"/>
                    </a:lnTo>
                    <a:lnTo>
                      <a:pt x="535" y="171"/>
                    </a:lnTo>
                    <a:lnTo>
                      <a:pt x="533" y="175"/>
                    </a:lnTo>
                    <a:lnTo>
                      <a:pt x="532" y="176"/>
                    </a:lnTo>
                    <a:lnTo>
                      <a:pt x="528" y="173"/>
                    </a:lnTo>
                    <a:lnTo>
                      <a:pt x="520" y="124"/>
                    </a:lnTo>
                    <a:lnTo>
                      <a:pt x="516" y="88"/>
                    </a:lnTo>
                    <a:lnTo>
                      <a:pt x="510" y="73"/>
                    </a:lnTo>
                    <a:lnTo>
                      <a:pt x="494" y="0"/>
                    </a:lnTo>
                    <a:lnTo>
                      <a:pt x="493" y="2"/>
                    </a:lnTo>
                    <a:lnTo>
                      <a:pt x="489" y="2"/>
                    </a:lnTo>
                    <a:lnTo>
                      <a:pt x="484" y="4"/>
                    </a:lnTo>
                    <a:lnTo>
                      <a:pt x="477" y="6"/>
                    </a:lnTo>
                    <a:lnTo>
                      <a:pt x="471" y="7"/>
                    </a:lnTo>
                    <a:lnTo>
                      <a:pt x="461" y="9"/>
                    </a:lnTo>
                    <a:lnTo>
                      <a:pt x="452" y="12"/>
                    </a:lnTo>
                    <a:lnTo>
                      <a:pt x="442" y="14"/>
                    </a:lnTo>
                    <a:lnTo>
                      <a:pt x="432" y="17"/>
                    </a:lnTo>
                    <a:lnTo>
                      <a:pt x="423" y="19"/>
                    </a:lnTo>
                    <a:lnTo>
                      <a:pt x="413" y="21"/>
                    </a:lnTo>
                    <a:lnTo>
                      <a:pt x="406" y="22"/>
                    </a:lnTo>
                    <a:lnTo>
                      <a:pt x="400" y="26"/>
                    </a:lnTo>
                    <a:lnTo>
                      <a:pt x="393" y="26"/>
                    </a:lnTo>
                    <a:lnTo>
                      <a:pt x="389" y="28"/>
                    </a:lnTo>
                    <a:lnTo>
                      <a:pt x="388" y="28"/>
                    </a:lnTo>
                    <a:lnTo>
                      <a:pt x="379" y="29"/>
                    </a:lnTo>
                    <a:lnTo>
                      <a:pt x="371" y="33"/>
                    </a:lnTo>
                    <a:lnTo>
                      <a:pt x="364" y="38"/>
                    </a:lnTo>
                    <a:lnTo>
                      <a:pt x="356" y="43"/>
                    </a:lnTo>
                    <a:lnTo>
                      <a:pt x="349" y="50"/>
                    </a:lnTo>
                    <a:lnTo>
                      <a:pt x="342" y="58"/>
                    </a:lnTo>
                    <a:lnTo>
                      <a:pt x="335" y="66"/>
                    </a:lnTo>
                    <a:lnTo>
                      <a:pt x="329" y="75"/>
                    </a:lnTo>
                    <a:lnTo>
                      <a:pt x="323" y="83"/>
                    </a:lnTo>
                    <a:lnTo>
                      <a:pt x="318" y="90"/>
                    </a:lnTo>
                    <a:lnTo>
                      <a:pt x="313" y="99"/>
                    </a:lnTo>
                    <a:lnTo>
                      <a:pt x="310" y="105"/>
                    </a:lnTo>
                    <a:lnTo>
                      <a:pt x="308" y="110"/>
                    </a:lnTo>
                    <a:lnTo>
                      <a:pt x="305" y="116"/>
                    </a:lnTo>
                    <a:lnTo>
                      <a:pt x="305" y="117"/>
                    </a:lnTo>
                    <a:lnTo>
                      <a:pt x="303" y="119"/>
                    </a:lnTo>
                    <a:lnTo>
                      <a:pt x="288" y="139"/>
                    </a:lnTo>
                    <a:lnTo>
                      <a:pt x="290" y="139"/>
                    </a:lnTo>
                    <a:lnTo>
                      <a:pt x="261" y="173"/>
                    </a:lnTo>
                    <a:lnTo>
                      <a:pt x="274" y="173"/>
                    </a:lnTo>
                    <a:lnTo>
                      <a:pt x="285" y="182"/>
                    </a:lnTo>
                    <a:lnTo>
                      <a:pt x="279" y="197"/>
                    </a:lnTo>
                    <a:lnTo>
                      <a:pt x="278" y="198"/>
                    </a:lnTo>
                    <a:lnTo>
                      <a:pt x="274" y="200"/>
                    </a:lnTo>
                    <a:lnTo>
                      <a:pt x="271" y="202"/>
                    </a:lnTo>
                    <a:lnTo>
                      <a:pt x="271" y="204"/>
                    </a:lnTo>
                    <a:lnTo>
                      <a:pt x="278" y="209"/>
                    </a:lnTo>
                    <a:lnTo>
                      <a:pt x="281" y="214"/>
                    </a:lnTo>
                    <a:lnTo>
                      <a:pt x="285" y="219"/>
                    </a:lnTo>
                    <a:lnTo>
                      <a:pt x="285" y="226"/>
                    </a:lnTo>
                    <a:lnTo>
                      <a:pt x="285" y="231"/>
                    </a:lnTo>
                    <a:lnTo>
                      <a:pt x="285" y="236"/>
                    </a:lnTo>
                    <a:lnTo>
                      <a:pt x="285" y="239"/>
                    </a:lnTo>
                    <a:lnTo>
                      <a:pt x="276" y="241"/>
                    </a:lnTo>
                    <a:lnTo>
                      <a:pt x="269" y="244"/>
                    </a:lnTo>
                    <a:lnTo>
                      <a:pt x="263" y="251"/>
                    </a:lnTo>
                    <a:lnTo>
                      <a:pt x="257" y="256"/>
                    </a:lnTo>
                    <a:lnTo>
                      <a:pt x="252" y="263"/>
                    </a:lnTo>
                    <a:lnTo>
                      <a:pt x="249" y="268"/>
                    </a:lnTo>
                    <a:lnTo>
                      <a:pt x="246" y="271"/>
                    </a:lnTo>
                    <a:lnTo>
                      <a:pt x="246" y="273"/>
                    </a:lnTo>
                    <a:lnTo>
                      <a:pt x="244" y="275"/>
                    </a:lnTo>
                    <a:lnTo>
                      <a:pt x="242" y="276"/>
                    </a:lnTo>
                    <a:lnTo>
                      <a:pt x="239" y="278"/>
                    </a:lnTo>
                    <a:lnTo>
                      <a:pt x="235" y="281"/>
                    </a:lnTo>
                    <a:lnTo>
                      <a:pt x="230" y="283"/>
                    </a:lnTo>
                    <a:lnTo>
                      <a:pt x="227" y="286"/>
                    </a:lnTo>
                    <a:lnTo>
                      <a:pt x="224" y="288"/>
                    </a:lnTo>
                    <a:lnTo>
                      <a:pt x="222" y="288"/>
                    </a:lnTo>
                    <a:lnTo>
                      <a:pt x="215" y="285"/>
                    </a:lnTo>
                    <a:lnTo>
                      <a:pt x="208" y="285"/>
                    </a:lnTo>
                    <a:lnTo>
                      <a:pt x="202" y="286"/>
                    </a:lnTo>
                    <a:lnTo>
                      <a:pt x="197" y="288"/>
                    </a:lnTo>
                    <a:lnTo>
                      <a:pt x="191" y="292"/>
                    </a:lnTo>
                    <a:lnTo>
                      <a:pt x="186" y="293"/>
                    </a:lnTo>
                    <a:lnTo>
                      <a:pt x="183" y="295"/>
                    </a:lnTo>
                    <a:lnTo>
                      <a:pt x="183" y="297"/>
                    </a:lnTo>
                    <a:lnTo>
                      <a:pt x="181" y="298"/>
                    </a:lnTo>
                    <a:lnTo>
                      <a:pt x="163" y="297"/>
                    </a:lnTo>
                    <a:lnTo>
                      <a:pt x="161" y="295"/>
                    </a:lnTo>
                    <a:lnTo>
                      <a:pt x="158" y="293"/>
                    </a:lnTo>
                    <a:lnTo>
                      <a:pt x="156" y="293"/>
                    </a:lnTo>
                    <a:lnTo>
                      <a:pt x="139" y="293"/>
                    </a:lnTo>
                    <a:lnTo>
                      <a:pt x="122" y="295"/>
                    </a:lnTo>
                    <a:lnTo>
                      <a:pt x="109" y="297"/>
                    </a:lnTo>
                    <a:lnTo>
                      <a:pt x="97" y="298"/>
                    </a:lnTo>
                    <a:lnTo>
                      <a:pt x="87" y="300"/>
                    </a:lnTo>
                    <a:lnTo>
                      <a:pt x="76" y="303"/>
                    </a:lnTo>
                    <a:lnTo>
                      <a:pt x="70" y="307"/>
                    </a:lnTo>
                    <a:lnTo>
                      <a:pt x="63" y="310"/>
                    </a:lnTo>
                    <a:lnTo>
                      <a:pt x="58" y="312"/>
                    </a:lnTo>
                    <a:lnTo>
                      <a:pt x="54" y="315"/>
                    </a:lnTo>
                    <a:lnTo>
                      <a:pt x="51" y="319"/>
                    </a:lnTo>
                    <a:lnTo>
                      <a:pt x="48" y="320"/>
                    </a:lnTo>
                    <a:lnTo>
                      <a:pt x="48" y="324"/>
                    </a:lnTo>
                    <a:lnTo>
                      <a:pt x="46" y="325"/>
                    </a:lnTo>
                    <a:lnTo>
                      <a:pt x="44" y="327"/>
                    </a:lnTo>
                    <a:lnTo>
                      <a:pt x="46" y="332"/>
                    </a:lnTo>
                    <a:lnTo>
                      <a:pt x="48" y="337"/>
                    </a:lnTo>
                    <a:lnTo>
                      <a:pt x="49" y="342"/>
                    </a:lnTo>
                    <a:lnTo>
                      <a:pt x="53" y="347"/>
                    </a:lnTo>
                    <a:lnTo>
                      <a:pt x="54" y="351"/>
                    </a:lnTo>
                    <a:lnTo>
                      <a:pt x="58" y="354"/>
                    </a:lnTo>
                    <a:lnTo>
                      <a:pt x="59" y="354"/>
                    </a:lnTo>
                    <a:lnTo>
                      <a:pt x="59" y="356"/>
                    </a:lnTo>
                    <a:lnTo>
                      <a:pt x="61" y="358"/>
                    </a:lnTo>
                    <a:lnTo>
                      <a:pt x="65" y="359"/>
                    </a:lnTo>
                    <a:lnTo>
                      <a:pt x="66" y="363"/>
                    </a:lnTo>
                    <a:lnTo>
                      <a:pt x="68" y="364"/>
                    </a:lnTo>
                    <a:lnTo>
                      <a:pt x="68" y="371"/>
                    </a:lnTo>
                    <a:lnTo>
                      <a:pt x="66" y="376"/>
                    </a:lnTo>
                    <a:lnTo>
                      <a:pt x="66" y="380"/>
                    </a:lnTo>
                    <a:lnTo>
                      <a:pt x="65" y="383"/>
                    </a:lnTo>
                    <a:lnTo>
                      <a:pt x="63" y="385"/>
                    </a:lnTo>
                    <a:lnTo>
                      <a:pt x="61" y="386"/>
                    </a:lnTo>
                    <a:lnTo>
                      <a:pt x="59" y="388"/>
                    </a:lnTo>
                    <a:lnTo>
                      <a:pt x="54" y="395"/>
                    </a:lnTo>
                    <a:lnTo>
                      <a:pt x="46" y="412"/>
                    </a:lnTo>
                    <a:lnTo>
                      <a:pt x="31" y="427"/>
                    </a:lnTo>
                    <a:lnTo>
                      <a:pt x="32" y="425"/>
                    </a:lnTo>
                    <a:lnTo>
                      <a:pt x="31" y="425"/>
                    </a:lnTo>
                    <a:lnTo>
                      <a:pt x="24" y="435"/>
                    </a:lnTo>
                    <a:lnTo>
                      <a:pt x="17" y="442"/>
                    </a:lnTo>
                    <a:lnTo>
                      <a:pt x="12" y="447"/>
                    </a:lnTo>
                    <a:lnTo>
                      <a:pt x="9" y="451"/>
                    </a:lnTo>
                    <a:lnTo>
                      <a:pt x="5" y="452"/>
                    </a:lnTo>
                    <a:lnTo>
                      <a:pt x="2" y="454"/>
                    </a:lnTo>
                    <a:lnTo>
                      <a:pt x="0" y="456"/>
                    </a:lnTo>
                    <a:lnTo>
                      <a:pt x="9" y="488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1148" name="Freeform 176"/>
            <p:cNvSpPr>
              <a:spLocks/>
            </p:cNvSpPr>
            <p:nvPr/>
          </p:nvSpPr>
          <p:spPr bwMode="auto">
            <a:xfrm>
              <a:off x="4773" y="1315"/>
              <a:ext cx="156" cy="330"/>
            </a:xfrm>
            <a:custGeom>
              <a:avLst/>
              <a:gdLst>
                <a:gd name="T0" fmla="*/ 88 w 160"/>
                <a:gd name="T1" fmla="*/ 205 h 340"/>
                <a:gd name="T2" fmla="*/ 90 w 160"/>
                <a:gd name="T3" fmla="*/ 201 h 340"/>
                <a:gd name="T4" fmla="*/ 99 w 160"/>
                <a:gd name="T5" fmla="*/ 190 h 340"/>
                <a:gd name="T6" fmla="*/ 108 w 160"/>
                <a:gd name="T7" fmla="*/ 189 h 340"/>
                <a:gd name="T8" fmla="*/ 109 w 160"/>
                <a:gd name="T9" fmla="*/ 186 h 340"/>
                <a:gd name="T10" fmla="*/ 110 w 160"/>
                <a:gd name="T11" fmla="*/ 178 h 340"/>
                <a:gd name="T12" fmla="*/ 113 w 160"/>
                <a:gd name="T13" fmla="*/ 174 h 340"/>
                <a:gd name="T14" fmla="*/ 109 w 160"/>
                <a:gd name="T15" fmla="*/ 171 h 340"/>
                <a:gd name="T16" fmla="*/ 104 w 160"/>
                <a:gd name="T17" fmla="*/ 168 h 340"/>
                <a:gd name="T18" fmla="*/ 100 w 160"/>
                <a:gd name="T19" fmla="*/ 157 h 340"/>
                <a:gd name="T20" fmla="*/ 96 w 160"/>
                <a:gd name="T21" fmla="*/ 153 h 340"/>
                <a:gd name="T22" fmla="*/ 89 w 160"/>
                <a:gd name="T23" fmla="*/ 147 h 340"/>
                <a:gd name="T24" fmla="*/ 33 w 160"/>
                <a:gd name="T25" fmla="*/ 0 h 340"/>
                <a:gd name="T26" fmla="*/ 20 w 160"/>
                <a:gd name="T27" fmla="*/ 8 h 340"/>
                <a:gd name="T28" fmla="*/ 20 w 160"/>
                <a:gd name="T29" fmla="*/ 13 h 340"/>
                <a:gd name="T30" fmla="*/ 20 w 160"/>
                <a:gd name="T31" fmla="*/ 17 h 340"/>
                <a:gd name="T32" fmla="*/ 20 w 160"/>
                <a:gd name="T33" fmla="*/ 25 h 340"/>
                <a:gd name="T34" fmla="*/ 20 w 160"/>
                <a:gd name="T35" fmla="*/ 35 h 340"/>
                <a:gd name="T36" fmla="*/ 20 w 160"/>
                <a:gd name="T37" fmla="*/ 39 h 340"/>
                <a:gd name="T38" fmla="*/ 20 w 160"/>
                <a:gd name="T39" fmla="*/ 45 h 340"/>
                <a:gd name="T40" fmla="*/ 20 w 160"/>
                <a:gd name="T41" fmla="*/ 48 h 340"/>
                <a:gd name="T42" fmla="*/ 20 w 160"/>
                <a:gd name="T43" fmla="*/ 55 h 340"/>
                <a:gd name="T44" fmla="*/ 25 w 160"/>
                <a:gd name="T45" fmla="*/ 62 h 340"/>
                <a:gd name="T46" fmla="*/ 25 w 160"/>
                <a:gd name="T47" fmla="*/ 71 h 340"/>
                <a:gd name="T48" fmla="*/ 20 w 160"/>
                <a:gd name="T49" fmla="*/ 81 h 340"/>
                <a:gd name="T50" fmla="*/ 17 w 160"/>
                <a:gd name="T51" fmla="*/ 88 h 340"/>
                <a:gd name="T52" fmla="*/ 17 w 160"/>
                <a:gd name="T53" fmla="*/ 86 h 340"/>
                <a:gd name="T54" fmla="*/ 10 w 160"/>
                <a:gd name="T55" fmla="*/ 92 h 340"/>
                <a:gd name="T56" fmla="*/ 11 w 160"/>
                <a:gd name="T57" fmla="*/ 101 h 340"/>
                <a:gd name="T58" fmla="*/ 11 w 160"/>
                <a:gd name="T59" fmla="*/ 110 h 340"/>
                <a:gd name="T60" fmla="*/ 11 w 160"/>
                <a:gd name="T61" fmla="*/ 123 h 340"/>
                <a:gd name="T62" fmla="*/ 8 w 160"/>
                <a:gd name="T63" fmla="*/ 134 h 340"/>
                <a:gd name="T64" fmla="*/ 6 w 160"/>
                <a:gd name="T65" fmla="*/ 142 h 340"/>
                <a:gd name="T66" fmla="*/ 5 w 160"/>
                <a:gd name="T67" fmla="*/ 147 h 340"/>
                <a:gd name="T68" fmla="*/ 1 w 160"/>
                <a:gd name="T69" fmla="*/ 153 h 340"/>
                <a:gd name="T70" fmla="*/ 0 w 160"/>
                <a:gd name="T71" fmla="*/ 168 h 340"/>
                <a:gd name="T72" fmla="*/ 6 w 160"/>
                <a:gd name="T73" fmla="*/ 176 h 340"/>
                <a:gd name="T74" fmla="*/ 6 w 160"/>
                <a:gd name="T75" fmla="*/ 182 h 340"/>
                <a:gd name="T76" fmla="*/ 6 w 160"/>
                <a:gd name="T77" fmla="*/ 189 h 340"/>
                <a:gd name="T78" fmla="*/ 8 w 160"/>
                <a:gd name="T79" fmla="*/ 190 h 340"/>
                <a:gd name="T80" fmla="*/ 10 w 160"/>
                <a:gd name="T81" fmla="*/ 196 h 340"/>
                <a:gd name="T82" fmla="*/ 6 w 160"/>
                <a:gd name="T83" fmla="*/ 205 h 340"/>
                <a:gd name="T84" fmla="*/ 6 w 160"/>
                <a:gd name="T85" fmla="*/ 211 h 340"/>
                <a:gd name="T86" fmla="*/ 8 w 160"/>
                <a:gd name="T87" fmla="*/ 219 h 340"/>
                <a:gd name="T88" fmla="*/ 82 w 160"/>
                <a:gd name="T89" fmla="*/ 209 h 340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w 160"/>
                <a:gd name="T136" fmla="*/ 0 h 340"/>
                <a:gd name="T137" fmla="*/ 160 w 160"/>
                <a:gd name="T138" fmla="*/ 340 h 340"/>
              </a:gdLst>
              <a:ahLst/>
              <a:cxnLst>
                <a:cxn ang="T90">
                  <a:pos x="T0" y="T1"/>
                </a:cxn>
                <a:cxn ang="T91">
                  <a:pos x="T2" y="T3"/>
                </a:cxn>
                <a:cxn ang="T92">
                  <a:pos x="T4" y="T5"/>
                </a:cxn>
                <a:cxn ang="T93">
                  <a:pos x="T6" y="T7"/>
                </a:cxn>
                <a:cxn ang="T94">
                  <a:pos x="T8" y="T9"/>
                </a:cxn>
                <a:cxn ang="T95">
                  <a:pos x="T10" y="T11"/>
                </a:cxn>
                <a:cxn ang="T96">
                  <a:pos x="T12" y="T13"/>
                </a:cxn>
                <a:cxn ang="T97">
                  <a:pos x="T14" y="T15"/>
                </a:cxn>
                <a:cxn ang="T98">
                  <a:pos x="T16" y="T17"/>
                </a:cxn>
                <a:cxn ang="T99">
                  <a:pos x="T18" y="T19"/>
                </a:cxn>
                <a:cxn ang="T100">
                  <a:pos x="T20" y="T21"/>
                </a:cxn>
                <a:cxn ang="T101">
                  <a:pos x="T22" y="T23"/>
                </a:cxn>
                <a:cxn ang="T102">
                  <a:pos x="T24" y="T25"/>
                </a:cxn>
                <a:cxn ang="T103">
                  <a:pos x="T26" y="T27"/>
                </a:cxn>
                <a:cxn ang="T104">
                  <a:pos x="T28" y="T29"/>
                </a:cxn>
                <a:cxn ang="T105">
                  <a:pos x="T30" y="T31"/>
                </a:cxn>
                <a:cxn ang="T106">
                  <a:pos x="T32" y="T33"/>
                </a:cxn>
                <a:cxn ang="T107">
                  <a:pos x="T34" y="T35"/>
                </a:cxn>
                <a:cxn ang="T108">
                  <a:pos x="T36" y="T37"/>
                </a:cxn>
                <a:cxn ang="T109">
                  <a:pos x="T38" y="T39"/>
                </a:cxn>
                <a:cxn ang="T110">
                  <a:pos x="T40" y="T41"/>
                </a:cxn>
                <a:cxn ang="T111">
                  <a:pos x="T42" y="T43"/>
                </a:cxn>
                <a:cxn ang="T112">
                  <a:pos x="T44" y="T45"/>
                </a:cxn>
                <a:cxn ang="T113">
                  <a:pos x="T46" y="T47"/>
                </a:cxn>
                <a:cxn ang="T114">
                  <a:pos x="T48" y="T49"/>
                </a:cxn>
                <a:cxn ang="T115">
                  <a:pos x="T50" y="T51"/>
                </a:cxn>
                <a:cxn ang="T116">
                  <a:pos x="T52" y="T53"/>
                </a:cxn>
                <a:cxn ang="T117">
                  <a:pos x="T54" y="T55"/>
                </a:cxn>
                <a:cxn ang="T118">
                  <a:pos x="T56" y="T57"/>
                </a:cxn>
                <a:cxn ang="T119">
                  <a:pos x="T58" y="T59"/>
                </a:cxn>
                <a:cxn ang="T120">
                  <a:pos x="T60" y="T61"/>
                </a:cxn>
                <a:cxn ang="T121">
                  <a:pos x="T62" y="T63"/>
                </a:cxn>
                <a:cxn ang="T122">
                  <a:pos x="T64" y="T65"/>
                </a:cxn>
                <a:cxn ang="T123">
                  <a:pos x="T66" y="T67"/>
                </a:cxn>
                <a:cxn ang="T124">
                  <a:pos x="T68" y="T69"/>
                </a:cxn>
                <a:cxn ang="T125">
                  <a:pos x="T70" y="T71"/>
                </a:cxn>
                <a:cxn ang="T126">
                  <a:pos x="T72" y="T73"/>
                </a:cxn>
                <a:cxn ang="T127">
                  <a:pos x="T74" y="T75"/>
                </a:cxn>
                <a:cxn ang="T128">
                  <a:pos x="T76" y="T77"/>
                </a:cxn>
                <a:cxn ang="T129">
                  <a:pos x="T78" y="T79"/>
                </a:cxn>
                <a:cxn ang="T130">
                  <a:pos x="T80" y="T81"/>
                </a:cxn>
                <a:cxn ang="T131">
                  <a:pos x="T82" y="T83"/>
                </a:cxn>
                <a:cxn ang="T132">
                  <a:pos x="T84" y="T85"/>
                </a:cxn>
                <a:cxn ang="T133">
                  <a:pos x="T86" y="T87"/>
                </a:cxn>
                <a:cxn ang="T134">
                  <a:pos x="T88" y="T89"/>
                </a:cxn>
              </a:cxnLst>
              <a:rect l="T135" t="T136" r="T137" b="T138"/>
              <a:pathLst>
                <a:path w="160" h="340">
                  <a:moveTo>
                    <a:pt x="116" y="318"/>
                  </a:moveTo>
                  <a:lnTo>
                    <a:pt x="123" y="311"/>
                  </a:lnTo>
                  <a:lnTo>
                    <a:pt x="125" y="311"/>
                  </a:lnTo>
                  <a:lnTo>
                    <a:pt x="125" y="308"/>
                  </a:lnTo>
                  <a:lnTo>
                    <a:pt x="127" y="306"/>
                  </a:lnTo>
                  <a:lnTo>
                    <a:pt x="128" y="305"/>
                  </a:lnTo>
                  <a:lnTo>
                    <a:pt x="132" y="298"/>
                  </a:lnTo>
                  <a:lnTo>
                    <a:pt x="137" y="293"/>
                  </a:lnTo>
                  <a:lnTo>
                    <a:pt x="142" y="289"/>
                  </a:lnTo>
                  <a:lnTo>
                    <a:pt x="147" y="286"/>
                  </a:lnTo>
                  <a:lnTo>
                    <a:pt x="150" y="286"/>
                  </a:lnTo>
                  <a:lnTo>
                    <a:pt x="154" y="286"/>
                  </a:lnTo>
                  <a:lnTo>
                    <a:pt x="155" y="286"/>
                  </a:lnTo>
                  <a:lnTo>
                    <a:pt x="157" y="286"/>
                  </a:lnTo>
                  <a:lnTo>
                    <a:pt x="155" y="283"/>
                  </a:lnTo>
                  <a:lnTo>
                    <a:pt x="155" y="279"/>
                  </a:lnTo>
                  <a:lnTo>
                    <a:pt x="157" y="274"/>
                  </a:lnTo>
                  <a:lnTo>
                    <a:pt x="157" y="271"/>
                  </a:lnTo>
                  <a:lnTo>
                    <a:pt x="159" y="269"/>
                  </a:lnTo>
                  <a:lnTo>
                    <a:pt x="159" y="266"/>
                  </a:lnTo>
                  <a:lnTo>
                    <a:pt x="160" y="264"/>
                  </a:lnTo>
                  <a:lnTo>
                    <a:pt x="157" y="261"/>
                  </a:lnTo>
                  <a:lnTo>
                    <a:pt x="155" y="259"/>
                  </a:lnTo>
                  <a:lnTo>
                    <a:pt x="154" y="257"/>
                  </a:lnTo>
                  <a:lnTo>
                    <a:pt x="150" y="255"/>
                  </a:lnTo>
                  <a:lnTo>
                    <a:pt x="149" y="254"/>
                  </a:lnTo>
                  <a:lnTo>
                    <a:pt x="149" y="247"/>
                  </a:lnTo>
                  <a:lnTo>
                    <a:pt x="147" y="242"/>
                  </a:lnTo>
                  <a:lnTo>
                    <a:pt x="143" y="239"/>
                  </a:lnTo>
                  <a:lnTo>
                    <a:pt x="142" y="235"/>
                  </a:lnTo>
                  <a:lnTo>
                    <a:pt x="138" y="233"/>
                  </a:lnTo>
                  <a:lnTo>
                    <a:pt x="137" y="233"/>
                  </a:lnTo>
                  <a:lnTo>
                    <a:pt x="133" y="232"/>
                  </a:lnTo>
                  <a:lnTo>
                    <a:pt x="127" y="223"/>
                  </a:lnTo>
                  <a:lnTo>
                    <a:pt x="61" y="5"/>
                  </a:lnTo>
                  <a:lnTo>
                    <a:pt x="54" y="2"/>
                  </a:lnTo>
                  <a:lnTo>
                    <a:pt x="47" y="0"/>
                  </a:lnTo>
                  <a:lnTo>
                    <a:pt x="42" y="2"/>
                  </a:lnTo>
                  <a:lnTo>
                    <a:pt x="37" y="5"/>
                  </a:lnTo>
                  <a:lnTo>
                    <a:pt x="33" y="8"/>
                  </a:lnTo>
                  <a:lnTo>
                    <a:pt x="32" y="10"/>
                  </a:lnTo>
                  <a:lnTo>
                    <a:pt x="30" y="13"/>
                  </a:lnTo>
                  <a:lnTo>
                    <a:pt x="33" y="15"/>
                  </a:lnTo>
                  <a:lnTo>
                    <a:pt x="37" y="24"/>
                  </a:lnTo>
                  <a:lnTo>
                    <a:pt x="32" y="25"/>
                  </a:lnTo>
                  <a:lnTo>
                    <a:pt x="33" y="32"/>
                  </a:lnTo>
                  <a:lnTo>
                    <a:pt x="28" y="34"/>
                  </a:lnTo>
                  <a:lnTo>
                    <a:pt x="28" y="39"/>
                  </a:lnTo>
                  <a:lnTo>
                    <a:pt x="30" y="39"/>
                  </a:lnTo>
                  <a:lnTo>
                    <a:pt x="32" y="49"/>
                  </a:lnTo>
                  <a:lnTo>
                    <a:pt x="32" y="51"/>
                  </a:lnTo>
                  <a:lnTo>
                    <a:pt x="33" y="54"/>
                  </a:lnTo>
                  <a:lnTo>
                    <a:pt x="33" y="56"/>
                  </a:lnTo>
                  <a:lnTo>
                    <a:pt x="33" y="61"/>
                  </a:lnTo>
                  <a:lnTo>
                    <a:pt x="33" y="64"/>
                  </a:lnTo>
                  <a:lnTo>
                    <a:pt x="32" y="68"/>
                  </a:lnTo>
                  <a:lnTo>
                    <a:pt x="28" y="73"/>
                  </a:lnTo>
                  <a:lnTo>
                    <a:pt x="28" y="74"/>
                  </a:lnTo>
                  <a:lnTo>
                    <a:pt x="30" y="74"/>
                  </a:lnTo>
                  <a:lnTo>
                    <a:pt x="32" y="76"/>
                  </a:lnTo>
                  <a:lnTo>
                    <a:pt x="32" y="79"/>
                  </a:lnTo>
                  <a:lnTo>
                    <a:pt x="33" y="83"/>
                  </a:lnTo>
                  <a:lnTo>
                    <a:pt x="35" y="85"/>
                  </a:lnTo>
                  <a:lnTo>
                    <a:pt x="37" y="90"/>
                  </a:lnTo>
                  <a:lnTo>
                    <a:pt x="39" y="93"/>
                  </a:lnTo>
                  <a:lnTo>
                    <a:pt x="39" y="98"/>
                  </a:lnTo>
                  <a:lnTo>
                    <a:pt x="39" y="101"/>
                  </a:lnTo>
                  <a:lnTo>
                    <a:pt x="39" y="107"/>
                  </a:lnTo>
                  <a:lnTo>
                    <a:pt x="37" y="112"/>
                  </a:lnTo>
                  <a:lnTo>
                    <a:pt x="33" y="117"/>
                  </a:lnTo>
                  <a:lnTo>
                    <a:pt x="30" y="122"/>
                  </a:lnTo>
                  <a:lnTo>
                    <a:pt x="23" y="127"/>
                  </a:lnTo>
                  <a:lnTo>
                    <a:pt x="17" y="132"/>
                  </a:lnTo>
                  <a:lnTo>
                    <a:pt x="17" y="134"/>
                  </a:lnTo>
                  <a:lnTo>
                    <a:pt x="17" y="132"/>
                  </a:lnTo>
                  <a:lnTo>
                    <a:pt x="10" y="139"/>
                  </a:lnTo>
                  <a:lnTo>
                    <a:pt x="10" y="140"/>
                  </a:lnTo>
                  <a:lnTo>
                    <a:pt x="10" y="144"/>
                  </a:lnTo>
                  <a:lnTo>
                    <a:pt x="11" y="147"/>
                  </a:lnTo>
                  <a:lnTo>
                    <a:pt x="11" y="152"/>
                  </a:lnTo>
                  <a:lnTo>
                    <a:pt x="11" y="157"/>
                  </a:lnTo>
                  <a:lnTo>
                    <a:pt x="11" y="162"/>
                  </a:lnTo>
                  <a:lnTo>
                    <a:pt x="11" y="167"/>
                  </a:lnTo>
                  <a:lnTo>
                    <a:pt x="11" y="174"/>
                  </a:lnTo>
                  <a:lnTo>
                    <a:pt x="11" y="179"/>
                  </a:lnTo>
                  <a:lnTo>
                    <a:pt x="11" y="186"/>
                  </a:lnTo>
                  <a:lnTo>
                    <a:pt x="10" y="193"/>
                  </a:lnTo>
                  <a:lnTo>
                    <a:pt x="10" y="198"/>
                  </a:lnTo>
                  <a:lnTo>
                    <a:pt x="8" y="203"/>
                  </a:lnTo>
                  <a:lnTo>
                    <a:pt x="8" y="208"/>
                  </a:lnTo>
                  <a:lnTo>
                    <a:pt x="6" y="211"/>
                  </a:lnTo>
                  <a:lnTo>
                    <a:pt x="6" y="215"/>
                  </a:lnTo>
                  <a:lnTo>
                    <a:pt x="5" y="218"/>
                  </a:lnTo>
                  <a:lnTo>
                    <a:pt x="5" y="222"/>
                  </a:lnTo>
                  <a:lnTo>
                    <a:pt x="5" y="223"/>
                  </a:lnTo>
                  <a:lnTo>
                    <a:pt x="3" y="228"/>
                  </a:lnTo>
                  <a:lnTo>
                    <a:pt x="1" y="233"/>
                  </a:lnTo>
                  <a:lnTo>
                    <a:pt x="0" y="240"/>
                  </a:lnTo>
                  <a:lnTo>
                    <a:pt x="0" y="247"/>
                  </a:lnTo>
                  <a:lnTo>
                    <a:pt x="0" y="254"/>
                  </a:lnTo>
                  <a:lnTo>
                    <a:pt x="1" y="261"/>
                  </a:lnTo>
                  <a:lnTo>
                    <a:pt x="5" y="267"/>
                  </a:lnTo>
                  <a:lnTo>
                    <a:pt x="6" y="267"/>
                  </a:lnTo>
                  <a:lnTo>
                    <a:pt x="6" y="271"/>
                  </a:lnTo>
                  <a:lnTo>
                    <a:pt x="6" y="274"/>
                  </a:lnTo>
                  <a:lnTo>
                    <a:pt x="6" y="277"/>
                  </a:lnTo>
                  <a:lnTo>
                    <a:pt x="6" y="281"/>
                  </a:lnTo>
                  <a:lnTo>
                    <a:pt x="6" y="284"/>
                  </a:lnTo>
                  <a:lnTo>
                    <a:pt x="6" y="286"/>
                  </a:lnTo>
                  <a:lnTo>
                    <a:pt x="6" y="288"/>
                  </a:lnTo>
                  <a:lnTo>
                    <a:pt x="8" y="289"/>
                  </a:lnTo>
                  <a:lnTo>
                    <a:pt x="8" y="293"/>
                  </a:lnTo>
                  <a:lnTo>
                    <a:pt x="10" y="296"/>
                  </a:lnTo>
                  <a:lnTo>
                    <a:pt x="10" y="299"/>
                  </a:lnTo>
                  <a:lnTo>
                    <a:pt x="10" y="305"/>
                  </a:lnTo>
                  <a:lnTo>
                    <a:pt x="10" y="308"/>
                  </a:lnTo>
                  <a:lnTo>
                    <a:pt x="6" y="311"/>
                  </a:lnTo>
                  <a:lnTo>
                    <a:pt x="6" y="313"/>
                  </a:lnTo>
                  <a:lnTo>
                    <a:pt x="6" y="315"/>
                  </a:lnTo>
                  <a:lnTo>
                    <a:pt x="6" y="320"/>
                  </a:lnTo>
                  <a:lnTo>
                    <a:pt x="6" y="323"/>
                  </a:lnTo>
                  <a:lnTo>
                    <a:pt x="6" y="328"/>
                  </a:lnTo>
                  <a:lnTo>
                    <a:pt x="8" y="333"/>
                  </a:lnTo>
                  <a:lnTo>
                    <a:pt x="10" y="337"/>
                  </a:lnTo>
                  <a:lnTo>
                    <a:pt x="15" y="340"/>
                  </a:lnTo>
                  <a:lnTo>
                    <a:pt x="116" y="318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grpSp>
          <p:nvGrpSpPr>
            <p:cNvPr id="1149" name="Group 177"/>
            <p:cNvGrpSpPr>
              <a:grpSpLocks/>
            </p:cNvGrpSpPr>
            <p:nvPr/>
          </p:nvGrpSpPr>
          <p:grpSpPr bwMode="auto">
            <a:xfrm>
              <a:off x="3502" y="2791"/>
              <a:ext cx="368" cy="598"/>
              <a:chOff x="3720" y="2429"/>
              <a:chExt cx="378" cy="616"/>
            </a:xfrm>
          </p:grpSpPr>
          <p:sp>
            <p:nvSpPr>
              <p:cNvPr id="1161" name="Freeform 178"/>
              <p:cNvSpPr>
                <a:spLocks/>
              </p:cNvSpPr>
              <p:nvPr/>
            </p:nvSpPr>
            <p:spPr bwMode="auto">
              <a:xfrm>
                <a:off x="3720" y="2429"/>
                <a:ext cx="378" cy="616"/>
              </a:xfrm>
              <a:custGeom>
                <a:avLst/>
                <a:gdLst>
                  <a:gd name="T0" fmla="*/ 51 w 378"/>
                  <a:gd name="T1" fmla="*/ 607 h 616"/>
                  <a:gd name="T2" fmla="*/ 54 w 378"/>
                  <a:gd name="T3" fmla="*/ 592 h 616"/>
                  <a:gd name="T4" fmla="*/ 75 w 378"/>
                  <a:gd name="T5" fmla="*/ 548 h 616"/>
                  <a:gd name="T6" fmla="*/ 97 w 378"/>
                  <a:gd name="T7" fmla="*/ 605 h 616"/>
                  <a:gd name="T8" fmla="*/ 92 w 378"/>
                  <a:gd name="T9" fmla="*/ 607 h 616"/>
                  <a:gd name="T10" fmla="*/ 81 w 378"/>
                  <a:gd name="T11" fmla="*/ 611 h 616"/>
                  <a:gd name="T12" fmla="*/ 73 w 378"/>
                  <a:gd name="T13" fmla="*/ 614 h 616"/>
                  <a:gd name="T14" fmla="*/ 70 w 378"/>
                  <a:gd name="T15" fmla="*/ 616 h 616"/>
                  <a:gd name="T16" fmla="*/ 83 w 378"/>
                  <a:gd name="T17" fmla="*/ 614 h 616"/>
                  <a:gd name="T18" fmla="*/ 98 w 378"/>
                  <a:gd name="T19" fmla="*/ 611 h 616"/>
                  <a:gd name="T20" fmla="*/ 110 w 378"/>
                  <a:gd name="T21" fmla="*/ 607 h 616"/>
                  <a:gd name="T22" fmla="*/ 115 w 378"/>
                  <a:gd name="T23" fmla="*/ 607 h 616"/>
                  <a:gd name="T24" fmla="*/ 114 w 378"/>
                  <a:gd name="T25" fmla="*/ 604 h 616"/>
                  <a:gd name="T26" fmla="*/ 112 w 378"/>
                  <a:gd name="T27" fmla="*/ 600 h 616"/>
                  <a:gd name="T28" fmla="*/ 122 w 378"/>
                  <a:gd name="T29" fmla="*/ 590 h 616"/>
                  <a:gd name="T30" fmla="*/ 125 w 378"/>
                  <a:gd name="T31" fmla="*/ 585 h 616"/>
                  <a:gd name="T32" fmla="*/ 125 w 378"/>
                  <a:gd name="T33" fmla="*/ 582 h 616"/>
                  <a:gd name="T34" fmla="*/ 125 w 378"/>
                  <a:gd name="T35" fmla="*/ 582 h 616"/>
                  <a:gd name="T36" fmla="*/ 125 w 378"/>
                  <a:gd name="T37" fmla="*/ 580 h 616"/>
                  <a:gd name="T38" fmla="*/ 125 w 378"/>
                  <a:gd name="T39" fmla="*/ 577 h 616"/>
                  <a:gd name="T40" fmla="*/ 124 w 378"/>
                  <a:gd name="T41" fmla="*/ 572 h 616"/>
                  <a:gd name="T42" fmla="*/ 124 w 378"/>
                  <a:gd name="T43" fmla="*/ 570 h 616"/>
                  <a:gd name="T44" fmla="*/ 127 w 378"/>
                  <a:gd name="T45" fmla="*/ 558 h 616"/>
                  <a:gd name="T46" fmla="*/ 119 w 378"/>
                  <a:gd name="T47" fmla="*/ 548 h 616"/>
                  <a:gd name="T48" fmla="*/ 109 w 378"/>
                  <a:gd name="T49" fmla="*/ 539 h 616"/>
                  <a:gd name="T50" fmla="*/ 103 w 378"/>
                  <a:gd name="T51" fmla="*/ 538 h 616"/>
                  <a:gd name="T52" fmla="*/ 378 w 378"/>
                  <a:gd name="T53" fmla="*/ 489 h 616"/>
                  <a:gd name="T54" fmla="*/ 361 w 378"/>
                  <a:gd name="T55" fmla="*/ 455 h 616"/>
                  <a:gd name="T56" fmla="*/ 361 w 378"/>
                  <a:gd name="T57" fmla="*/ 445 h 616"/>
                  <a:gd name="T58" fmla="*/ 361 w 378"/>
                  <a:gd name="T59" fmla="*/ 431 h 616"/>
                  <a:gd name="T60" fmla="*/ 359 w 378"/>
                  <a:gd name="T61" fmla="*/ 421 h 616"/>
                  <a:gd name="T62" fmla="*/ 354 w 378"/>
                  <a:gd name="T63" fmla="*/ 413 h 616"/>
                  <a:gd name="T64" fmla="*/ 349 w 378"/>
                  <a:gd name="T65" fmla="*/ 399 h 616"/>
                  <a:gd name="T66" fmla="*/ 349 w 378"/>
                  <a:gd name="T67" fmla="*/ 385 h 616"/>
                  <a:gd name="T68" fmla="*/ 351 w 378"/>
                  <a:gd name="T69" fmla="*/ 377 h 616"/>
                  <a:gd name="T70" fmla="*/ 351 w 378"/>
                  <a:gd name="T71" fmla="*/ 367 h 616"/>
                  <a:gd name="T72" fmla="*/ 351 w 378"/>
                  <a:gd name="T73" fmla="*/ 355 h 616"/>
                  <a:gd name="T74" fmla="*/ 352 w 378"/>
                  <a:gd name="T75" fmla="*/ 348 h 616"/>
                  <a:gd name="T76" fmla="*/ 354 w 378"/>
                  <a:gd name="T77" fmla="*/ 345 h 616"/>
                  <a:gd name="T78" fmla="*/ 361 w 378"/>
                  <a:gd name="T79" fmla="*/ 336 h 616"/>
                  <a:gd name="T80" fmla="*/ 364 w 378"/>
                  <a:gd name="T81" fmla="*/ 328 h 616"/>
                  <a:gd name="T82" fmla="*/ 361 w 378"/>
                  <a:gd name="T83" fmla="*/ 323 h 616"/>
                  <a:gd name="T84" fmla="*/ 357 w 378"/>
                  <a:gd name="T85" fmla="*/ 321 h 616"/>
                  <a:gd name="T86" fmla="*/ 356 w 378"/>
                  <a:gd name="T87" fmla="*/ 314 h 616"/>
                  <a:gd name="T88" fmla="*/ 352 w 378"/>
                  <a:gd name="T89" fmla="*/ 304 h 616"/>
                  <a:gd name="T90" fmla="*/ 349 w 378"/>
                  <a:gd name="T91" fmla="*/ 297 h 616"/>
                  <a:gd name="T92" fmla="*/ 347 w 378"/>
                  <a:gd name="T93" fmla="*/ 296 h 616"/>
                  <a:gd name="T94" fmla="*/ 329 w 378"/>
                  <a:gd name="T95" fmla="*/ 257 h 616"/>
                  <a:gd name="T96" fmla="*/ 257 w 378"/>
                  <a:gd name="T97" fmla="*/ 0 h 616"/>
                  <a:gd name="T98" fmla="*/ 0 w 378"/>
                  <a:gd name="T99" fmla="*/ 414 h 616"/>
                  <a:gd name="T100" fmla="*/ 44 w 378"/>
                  <a:gd name="T101" fmla="*/ 599 h 61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w 378"/>
                  <a:gd name="T154" fmla="*/ 0 h 616"/>
                  <a:gd name="T155" fmla="*/ 378 w 378"/>
                  <a:gd name="T156" fmla="*/ 616 h 616"/>
                </a:gdLst>
                <a:ahLst/>
                <a:cxnLst>
                  <a:cxn ang="T102">
                    <a:pos x="T0" y="T1"/>
                  </a:cxn>
                  <a:cxn ang="T103">
                    <a:pos x="T2" y="T3"/>
                  </a:cxn>
                  <a:cxn ang="T104">
                    <a:pos x="T4" y="T5"/>
                  </a:cxn>
                  <a:cxn ang="T105">
                    <a:pos x="T6" y="T7"/>
                  </a:cxn>
                  <a:cxn ang="T106">
                    <a:pos x="T8" y="T9"/>
                  </a:cxn>
                  <a:cxn ang="T107">
                    <a:pos x="T10" y="T11"/>
                  </a:cxn>
                  <a:cxn ang="T108">
                    <a:pos x="T12" y="T13"/>
                  </a:cxn>
                  <a:cxn ang="T109">
                    <a:pos x="T14" y="T15"/>
                  </a:cxn>
                  <a:cxn ang="T110">
                    <a:pos x="T16" y="T17"/>
                  </a:cxn>
                  <a:cxn ang="T111">
                    <a:pos x="T18" y="T19"/>
                  </a:cxn>
                  <a:cxn ang="T112">
                    <a:pos x="T20" y="T21"/>
                  </a:cxn>
                  <a:cxn ang="T113">
                    <a:pos x="T22" y="T23"/>
                  </a:cxn>
                  <a:cxn ang="T114">
                    <a:pos x="T24" y="T25"/>
                  </a:cxn>
                  <a:cxn ang="T115">
                    <a:pos x="T26" y="T27"/>
                  </a:cxn>
                  <a:cxn ang="T116">
                    <a:pos x="T28" y="T29"/>
                  </a:cxn>
                  <a:cxn ang="T117">
                    <a:pos x="T30" y="T31"/>
                  </a:cxn>
                  <a:cxn ang="T118">
                    <a:pos x="T32" y="T33"/>
                  </a:cxn>
                  <a:cxn ang="T119">
                    <a:pos x="T34" y="T35"/>
                  </a:cxn>
                  <a:cxn ang="T120">
                    <a:pos x="T36" y="T37"/>
                  </a:cxn>
                  <a:cxn ang="T121">
                    <a:pos x="T38" y="T39"/>
                  </a:cxn>
                  <a:cxn ang="T122">
                    <a:pos x="T40" y="T41"/>
                  </a:cxn>
                  <a:cxn ang="T123">
                    <a:pos x="T42" y="T43"/>
                  </a:cxn>
                  <a:cxn ang="T124">
                    <a:pos x="T44" y="T45"/>
                  </a:cxn>
                  <a:cxn ang="T125">
                    <a:pos x="T46" y="T47"/>
                  </a:cxn>
                  <a:cxn ang="T126">
                    <a:pos x="T48" y="T49"/>
                  </a:cxn>
                  <a:cxn ang="T127">
                    <a:pos x="T50" y="T51"/>
                  </a:cxn>
                  <a:cxn ang="T128">
                    <a:pos x="T52" y="T53"/>
                  </a:cxn>
                  <a:cxn ang="T129">
                    <a:pos x="T54" y="T55"/>
                  </a:cxn>
                  <a:cxn ang="T130">
                    <a:pos x="T56" y="T57"/>
                  </a:cxn>
                  <a:cxn ang="T131">
                    <a:pos x="T58" y="T59"/>
                  </a:cxn>
                  <a:cxn ang="T132">
                    <a:pos x="T60" y="T61"/>
                  </a:cxn>
                  <a:cxn ang="T133">
                    <a:pos x="T62" y="T63"/>
                  </a:cxn>
                  <a:cxn ang="T134">
                    <a:pos x="T64" y="T65"/>
                  </a:cxn>
                  <a:cxn ang="T135">
                    <a:pos x="T66" y="T67"/>
                  </a:cxn>
                  <a:cxn ang="T136">
                    <a:pos x="T68" y="T69"/>
                  </a:cxn>
                  <a:cxn ang="T137">
                    <a:pos x="T70" y="T71"/>
                  </a:cxn>
                  <a:cxn ang="T138">
                    <a:pos x="T72" y="T73"/>
                  </a:cxn>
                  <a:cxn ang="T139">
                    <a:pos x="T74" y="T75"/>
                  </a:cxn>
                  <a:cxn ang="T140">
                    <a:pos x="T76" y="T77"/>
                  </a:cxn>
                  <a:cxn ang="T141">
                    <a:pos x="T78" y="T79"/>
                  </a:cxn>
                  <a:cxn ang="T142">
                    <a:pos x="T80" y="T81"/>
                  </a:cxn>
                  <a:cxn ang="T143">
                    <a:pos x="T82" y="T83"/>
                  </a:cxn>
                  <a:cxn ang="T144">
                    <a:pos x="T84" y="T85"/>
                  </a:cxn>
                  <a:cxn ang="T145">
                    <a:pos x="T86" y="T87"/>
                  </a:cxn>
                  <a:cxn ang="T146">
                    <a:pos x="T88" y="T89"/>
                  </a:cxn>
                  <a:cxn ang="T147">
                    <a:pos x="T90" y="T91"/>
                  </a:cxn>
                  <a:cxn ang="T148">
                    <a:pos x="T92" y="T93"/>
                  </a:cxn>
                  <a:cxn ang="T149">
                    <a:pos x="T94" y="T95"/>
                  </a:cxn>
                  <a:cxn ang="T150">
                    <a:pos x="T96" y="T97"/>
                  </a:cxn>
                  <a:cxn ang="T151">
                    <a:pos x="T98" y="T99"/>
                  </a:cxn>
                  <a:cxn ang="T152">
                    <a:pos x="T100" y="T101"/>
                  </a:cxn>
                </a:cxnLst>
                <a:rect l="T153" t="T154" r="T155" b="T156"/>
                <a:pathLst>
                  <a:path w="378" h="616">
                    <a:moveTo>
                      <a:pt x="44" y="599"/>
                    </a:moveTo>
                    <a:lnTo>
                      <a:pt x="51" y="607"/>
                    </a:lnTo>
                    <a:lnTo>
                      <a:pt x="58" y="600"/>
                    </a:lnTo>
                    <a:lnTo>
                      <a:pt x="54" y="592"/>
                    </a:lnTo>
                    <a:lnTo>
                      <a:pt x="61" y="550"/>
                    </a:lnTo>
                    <a:lnTo>
                      <a:pt x="75" y="548"/>
                    </a:lnTo>
                    <a:lnTo>
                      <a:pt x="73" y="587"/>
                    </a:lnTo>
                    <a:lnTo>
                      <a:pt x="97" y="605"/>
                    </a:lnTo>
                    <a:lnTo>
                      <a:pt x="95" y="605"/>
                    </a:lnTo>
                    <a:lnTo>
                      <a:pt x="92" y="607"/>
                    </a:lnTo>
                    <a:lnTo>
                      <a:pt x="87" y="609"/>
                    </a:lnTo>
                    <a:lnTo>
                      <a:pt x="81" y="611"/>
                    </a:lnTo>
                    <a:lnTo>
                      <a:pt x="76" y="612"/>
                    </a:lnTo>
                    <a:lnTo>
                      <a:pt x="73" y="614"/>
                    </a:lnTo>
                    <a:lnTo>
                      <a:pt x="70" y="616"/>
                    </a:lnTo>
                    <a:lnTo>
                      <a:pt x="76" y="616"/>
                    </a:lnTo>
                    <a:lnTo>
                      <a:pt x="83" y="614"/>
                    </a:lnTo>
                    <a:lnTo>
                      <a:pt x="92" y="612"/>
                    </a:lnTo>
                    <a:lnTo>
                      <a:pt x="98" y="611"/>
                    </a:lnTo>
                    <a:lnTo>
                      <a:pt x="105" y="609"/>
                    </a:lnTo>
                    <a:lnTo>
                      <a:pt x="110" y="607"/>
                    </a:lnTo>
                    <a:lnTo>
                      <a:pt x="114" y="607"/>
                    </a:lnTo>
                    <a:lnTo>
                      <a:pt x="115" y="607"/>
                    </a:lnTo>
                    <a:lnTo>
                      <a:pt x="115" y="605"/>
                    </a:lnTo>
                    <a:lnTo>
                      <a:pt x="114" y="604"/>
                    </a:lnTo>
                    <a:lnTo>
                      <a:pt x="112" y="602"/>
                    </a:lnTo>
                    <a:lnTo>
                      <a:pt x="112" y="600"/>
                    </a:lnTo>
                    <a:lnTo>
                      <a:pt x="117" y="595"/>
                    </a:lnTo>
                    <a:lnTo>
                      <a:pt x="122" y="590"/>
                    </a:lnTo>
                    <a:lnTo>
                      <a:pt x="124" y="587"/>
                    </a:lnTo>
                    <a:lnTo>
                      <a:pt x="125" y="585"/>
                    </a:lnTo>
                    <a:lnTo>
                      <a:pt x="125" y="583"/>
                    </a:lnTo>
                    <a:lnTo>
                      <a:pt x="125" y="582"/>
                    </a:lnTo>
                    <a:lnTo>
                      <a:pt x="125" y="580"/>
                    </a:lnTo>
                    <a:lnTo>
                      <a:pt x="125" y="578"/>
                    </a:lnTo>
                    <a:lnTo>
                      <a:pt x="125" y="577"/>
                    </a:lnTo>
                    <a:lnTo>
                      <a:pt x="124" y="573"/>
                    </a:lnTo>
                    <a:lnTo>
                      <a:pt x="124" y="572"/>
                    </a:lnTo>
                    <a:lnTo>
                      <a:pt x="124" y="570"/>
                    </a:lnTo>
                    <a:lnTo>
                      <a:pt x="127" y="565"/>
                    </a:lnTo>
                    <a:lnTo>
                      <a:pt x="127" y="558"/>
                    </a:lnTo>
                    <a:lnTo>
                      <a:pt x="124" y="553"/>
                    </a:lnTo>
                    <a:lnTo>
                      <a:pt x="119" y="548"/>
                    </a:lnTo>
                    <a:lnTo>
                      <a:pt x="114" y="545"/>
                    </a:lnTo>
                    <a:lnTo>
                      <a:pt x="109" y="539"/>
                    </a:lnTo>
                    <a:lnTo>
                      <a:pt x="105" y="538"/>
                    </a:lnTo>
                    <a:lnTo>
                      <a:pt x="103" y="538"/>
                    </a:lnTo>
                    <a:lnTo>
                      <a:pt x="102" y="516"/>
                    </a:lnTo>
                    <a:lnTo>
                      <a:pt x="378" y="489"/>
                    </a:lnTo>
                    <a:lnTo>
                      <a:pt x="361" y="457"/>
                    </a:lnTo>
                    <a:lnTo>
                      <a:pt x="361" y="455"/>
                    </a:lnTo>
                    <a:lnTo>
                      <a:pt x="361" y="450"/>
                    </a:lnTo>
                    <a:lnTo>
                      <a:pt x="361" y="445"/>
                    </a:lnTo>
                    <a:lnTo>
                      <a:pt x="361" y="438"/>
                    </a:lnTo>
                    <a:lnTo>
                      <a:pt x="361" y="431"/>
                    </a:lnTo>
                    <a:lnTo>
                      <a:pt x="359" y="424"/>
                    </a:lnTo>
                    <a:lnTo>
                      <a:pt x="359" y="421"/>
                    </a:lnTo>
                    <a:lnTo>
                      <a:pt x="359" y="418"/>
                    </a:lnTo>
                    <a:lnTo>
                      <a:pt x="354" y="413"/>
                    </a:lnTo>
                    <a:lnTo>
                      <a:pt x="351" y="406"/>
                    </a:lnTo>
                    <a:lnTo>
                      <a:pt x="349" y="399"/>
                    </a:lnTo>
                    <a:lnTo>
                      <a:pt x="349" y="391"/>
                    </a:lnTo>
                    <a:lnTo>
                      <a:pt x="349" y="385"/>
                    </a:lnTo>
                    <a:lnTo>
                      <a:pt x="349" y="380"/>
                    </a:lnTo>
                    <a:lnTo>
                      <a:pt x="351" y="377"/>
                    </a:lnTo>
                    <a:lnTo>
                      <a:pt x="351" y="374"/>
                    </a:lnTo>
                    <a:lnTo>
                      <a:pt x="351" y="367"/>
                    </a:lnTo>
                    <a:lnTo>
                      <a:pt x="351" y="360"/>
                    </a:lnTo>
                    <a:lnTo>
                      <a:pt x="351" y="355"/>
                    </a:lnTo>
                    <a:lnTo>
                      <a:pt x="352" y="350"/>
                    </a:lnTo>
                    <a:lnTo>
                      <a:pt x="352" y="348"/>
                    </a:lnTo>
                    <a:lnTo>
                      <a:pt x="352" y="345"/>
                    </a:lnTo>
                    <a:lnTo>
                      <a:pt x="354" y="345"/>
                    </a:lnTo>
                    <a:lnTo>
                      <a:pt x="354" y="343"/>
                    </a:lnTo>
                    <a:lnTo>
                      <a:pt x="361" y="336"/>
                    </a:lnTo>
                    <a:lnTo>
                      <a:pt x="364" y="331"/>
                    </a:lnTo>
                    <a:lnTo>
                      <a:pt x="364" y="328"/>
                    </a:lnTo>
                    <a:lnTo>
                      <a:pt x="364" y="325"/>
                    </a:lnTo>
                    <a:lnTo>
                      <a:pt x="361" y="323"/>
                    </a:lnTo>
                    <a:lnTo>
                      <a:pt x="359" y="323"/>
                    </a:lnTo>
                    <a:lnTo>
                      <a:pt x="357" y="321"/>
                    </a:lnTo>
                    <a:lnTo>
                      <a:pt x="356" y="319"/>
                    </a:lnTo>
                    <a:lnTo>
                      <a:pt x="356" y="314"/>
                    </a:lnTo>
                    <a:lnTo>
                      <a:pt x="356" y="308"/>
                    </a:lnTo>
                    <a:lnTo>
                      <a:pt x="352" y="304"/>
                    </a:lnTo>
                    <a:lnTo>
                      <a:pt x="351" y="301"/>
                    </a:lnTo>
                    <a:lnTo>
                      <a:pt x="349" y="297"/>
                    </a:lnTo>
                    <a:lnTo>
                      <a:pt x="347" y="296"/>
                    </a:lnTo>
                    <a:lnTo>
                      <a:pt x="345" y="294"/>
                    </a:lnTo>
                    <a:lnTo>
                      <a:pt x="329" y="257"/>
                    </a:lnTo>
                    <a:lnTo>
                      <a:pt x="256" y="0"/>
                    </a:lnTo>
                    <a:lnTo>
                      <a:pt x="257" y="0"/>
                    </a:lnTo>
                    <a:lnTo>
                      <a:pt x="5" y="22"/>
                    </a:lnTo>
                    <a:lnTo>
                      <a:pt x="0" y="414"/>
                    </a:lnTo>
                    <a:lnTo>
                      <a:pt x="24" y="599"/>
                    </a:lnTo>
                    <a:lnTo>
                      <a:pt x="44" y="59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62" name="Freeform 179"/>
              <p:cNvSpPr>
                <a:spLocks/>
              </p:cNvSpPr>
              <p:nvPr/>
            </p:nvSpPr>
            <p:spPr bwMode="auto">
              <a:xfrm>
                <a:off x="3720" y="2429"/>
                <a:ext cx="378" cy="616"/>
              </a:xfrm>
              <a:custGeom>
                <a:avLst/>
                <a:gdLst>
                  <a:gd name="T0" fmla="*/ 51 w 378"/>
                  <a:gd name="T1" fmla="*/ 607 h 616"/>
                  <a:gd name="T2" fmla="*/ 54 w 378"/>
                  <a:gd name="T3" fmla="*/ 592 h 616"/>
                  <a:gd name="T4" fmla="*/ 75 w 378"/>
                  <a:gd name="T5" fmla="*/ 548 h 616"/>
                  <a:gd name="T6" fmla="*/ 97 w 378"/>
                  <a:gd name="T7" fmla="*/ 605 h 616"/>
                  <a:gd name="T8" fmla="*/ 95 w 378"/>
                  <a:gd name="T9" fmla="*/ 605 h 616"/>
                  <a:gd name="T10" fmla="*/ 87 w 378"/>
                  <a:gd name="T11" fmla="*/ 609 h 616"/>
                  <a:gd name="T12" fmla="*/ 76 w 378"/>
                  <a:gd name="T13" fmla="*/ 612 h 616"/>
                  <a:gd name="T14" fmla="*/ 70 w 378"/>
                  <a:gd name="T15" fmla="*/ 616 h 616"/>
                  <a:gd name="T16" fmla="*/ 70 w 378"/>
                  <a:gd name="T17" fmla="*/ 616 h 616"/>
                  <a:gd name="T18" fmla="*/ 83 w 378"/>
                  <a:gd name="T19" fmla="*/ 614 h 616"/>
                  <a:gd name="T20" fmla="*/ 98 w 378"/>
                  <a:gd name="T21" fmla="*/ 611 h 616"/>
                  <a:gd name="T22" fmla="*/ 110 w 378"/>
                  <a:gd name="T23" fmla="*/ 607 h 616"/>
                  <a:gd name="T24" fmla="*/ 115 w 378"/>
                  <a:gd name="T25" fmla="*/ 607 h 616"/>
                  <a:gd name="T26" fmla="*/ 115 w 378"/>
                  <a:gd name="T27" fmla="*/ 605 h 616"/>
                  <a:gd name="T28" fmla="*/ 112 w 378"/>
                  <a:gd name="T29" fmla="*/ 602 h 616"/>
                  <a:gd name="T30" fmla="*/ 112 w 378"/>
                  <a:gd name="T31" fmla="*/ 600 h 616"/>
                  <a:gd name="T32" fmla="*/ 122 w 378"/>
                  <a:gd name="T33" fmla="*/ 590 h 616"/>
                  <a:gd name="T34" fmla="*/ 125 w 378"/>
                  <a:gd name="T35" fmla="*/ 585 h 616"/>
                  <a:gd name="T36" fmla="*/ 125 w 378"/>
                  <a:gd name="T37" fmla="*/ 582 h 616"/>
                  <a:gd name="T38" fmla="*/ 125 w 378"/>
                  <a:gd name="T39" fmla="*/ 582 h 616"/>
                  <a:gd name="T40" fmla="*/ 125 w 378"/>
                  <a:gd name="T41" fmla="*/ 582 h 616"/>
                  <a:gd name="T42" fmla="*/ 125 w 378"/>
                  <a:gd name="T43" fmla="*/ 578 h 616"/>
                  <a:gd name="T44" fmla="*/ 124 w 378"/>
                  <a:gd name="T45" fmla="*/ 573 h 616"/>
                  <a:gd name="T46" fmla="*/ 124 w 378"/>
                  <a:gd name="T47" fmla="*/ 570 h 616"/>
                  <a:gd name="T48" fmla="*/ 124 w 378"/>
                  <a:gd name="T49" fmla="*/ 570 h 616"/>
                  <a:gd name="T50" fmla="*/ 127 w 378"/>
                  <a:gd name="T51" fmla="*/ 558 h 616"/>
                  <a:gd name="T52" fmla="*/ 119 w 378"/>
                  <a:gd name="T53" fmla="*/ 548 h 616"/>
                  <a:gd name="T54" fmla="*/ 109 w 378"/>
                  <a:gd name="T55" fmla="*/ 539 h 616"/>
                  <a:gd name="T56" fmla="*/ 103 w 378"/>
                  <a:gd name="T57" fmla="*/ 538 h 616"/>
                  <a:gd name="T58" fmla="*/ 378 w 378"/>
                  <a:gd name="T59" fmla="*/ 489 h 616"/>
                  <a:gd name="T60" fmla="*/ 361 w 378"/>
                  <a:gd name="T61" fmla="*/ 457 h 616"/>
                  <a:gd name="T62" fmla="*/ 361 w 378"/>
                  <a:gd name="T63" fmla="*/ 450 h 616"/>
                  <a:gd name="T64" fmla="*/ 361 w 378"/>
                  <a:gd name="T65" fmla="*/ 438 h 616"/>
                  <a:gd name="T66" fmla="*/ 359 w 378"/>
                  <a:gd name="T67" fmla="*/ 424 h 616"/>
                  <a:gd name="T68" fmla="*/ 359 w 378"/>
                  <a:gd name="T69" fmla="*/ 418 h 616"/>
                  <a:gd name="T70" fmla="*/ 354 w 378"/>
                  <a:gd name="T71" fmla="*/ 413 h 616"/>
                  <a:gd name="T72" fmla="*/ 349 w 378"/>
                  <a:gd name="T73" fmla="*/ 399 h 616"/>
                  <a:gd name="T74" fmla="*/ 349 w 378"/>
                  <a:gd name="T75" fmla="*/ 385 h 616"/>
                  <a:gd name="T76" fmla="*/ 351 w 378"/>
                  <a:gd name="T77" fmla="*/ 377 h 616"/>
                  <a:gd name="T78" fmla="*/ 351 w 378"/>
                  <a:gd name="T79" fmla="*/ 374 h 616"/>
                  <a:gd name="T80" fmla="*/ 351 w 378"/>
                  <a:gd name="T81" fmla="*/ 360 h 616"/>
                  <a:gd name="T82" fmla="*/ 352 w 378"/>
                  <a:gd name="T83" fmla="*/ 350 h 616"/>
                  <a:gd name="T84" fmla="*/ 352 w 378"/>
                  <a:gd name="T85" fmla="*/ 345 h 616"/>
                  <a:gd name="T86" fmla="*/ 354 w 378"/>
                  <a:gd name="T87" fmla="*/ 343 h 616"/>
                  <a:gd name="T88" fmla="*/ 361 w 378"/>
                  <a:gd name="T89" fmla="*/ 336 h 616"/>
                  <a:gd name="T90" fmla="*/ 364 w 378"/>
                  <a:gd name="T91" fmla="*/ 328 h 616"/>
                  <a:gd name="T92" fmla="*/ 361 w 378"/>
                  <a:gd name="T93" fmla="*/ 323 h 616"/>
                  <a:gd name="T94" fmla="*/ 357 w 378"/>
                  <a:gd name="T95" fmla="*/ 321 h 616"/>
                  <a:gd name="T96" fmla="*/ 356 w 378"/>
                  <a:gd name="T97" fmla="*/ 319 h 616"/>
                  <a:gd name="T98" fmla="*/ 356 w 378"/>
                  <a:gd name="T99" fmla="*/ 308 h 616"/>
                  <a:gd name="T100" fmla="*/ 351 w 378"/>
                  <a:gd name="T101" fmla="*/ 301 h 616"/>
                  <a:gd name="T102" fmla="*/ 347 w 378"/>
                  <a:gd name="T103" fmla="*/ 296 h 616"/>
                  <a:gd name="T104" fmla="*/ 345 w 378"/>
                  <a:gd name="T105" fmla="*/ 294 h 616"/>
                  <a:gd name="T106" fmla="*/ 256 w 378"/>
                  <a:gd name="T107" fmla="*/ 0 h 616"/>
                  <a:gd name="T108" fmla="*/ 5 w 378"/>
                  <a:gd name="T109" fmla="*/ 22 h 616"/>
                  <a:gd name="T110" fmla="*/ 24 w 378"/>
                  <a:gd name="T111" fmla="*/ 599 h 61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378"/>
                  <a:gd name="T169" fmla="*/ 0 h 616"/>
                  <a:gd name="T170" fmla="*/ 378 w 378"/>
                  <a:gd name="T171" fmla="*/ 616 h 616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378" h="616">
                    <a:moveTo>
                      <a:pt x="44" y="599"/>
                    </a:moveTo>
                    <a:lnTo>
                      <a:pt x="51" y="607"/>
                    </a:lnTo>
                    <a:lnTo>
                      <a:pt x="58" y="600"/>
                    </a:lnTo>
                    <a:lnTo>
                      <a:pt x="54" y="592"/>
                    </a:lnTo>
                    <a:lnTo>
                      <a:pt x="61" y="550"/>
                    </a:lnTo>
                    <a:lnTo>
                      <a:pt x="75" y="548"/>
                    </a:lnTo>
                    <a:lnTo>
                      <a:pt x="73" y="587"/>
                    </a:lnTo>
                    <a:lnTo>
                      <a:pt x="97" y="605"/>
                    </a:lnTo>
                    <a:lnTo>
                      <a:pt x="95" y="605"/>
                    </a:lnTo>
                    <a:lnTo>
                      <a:pt x="92" y="607"/>
                    </a:lnTo>
                    <a:lnTo>
                      <a:pt x="87" y="609"/>
                    </a:lnTo>
                    <a:lnTo>
                      <a:pt x="81" y="611"/>
                    </a:lnTo>
                    <a:lnTo>
                      <a:pt x="76" y="612"/>
                    </a:lnTo>
                    <a:lnTo>
                      <a:pt x="73" y="614"/>
                    </a:lnTo>
                    <a:lnTo>
                      <a:pt x="70" y="616"/>
                    </a:lnTo>
                    <a:lnTo>
                      <a:pt x="76" y="616"/>
                    </a:lnTo>
                    <a:lnTo>
                      <a:pt x="83" y="614"/>
                    </a:lnTo>
                    <a:lnTo>
                      <a:pt x="92" y="612"/>
                    </a:lnTo>
                    <a:lnTo>
                      <a:pt x="98" y="611"/>
                    </a:lnTo>
                    <a:lnTo>
                      <a:pt x="105" y="609"/>
                    </a:lnTo>
                    <a:lnTo>
                      <a:pt x="110" y="607"/>
                    </a:lnTo>
                    <a:lnTo>
                      <a:pt x="114" y="607"/>
                    </a:lnTo>
                    <a:lnTo>
                      <a:pt x="115" y="607"/>
                    </a:lnTo>
                    <a:lnTo>
                      <a:pt x="115" y="605"/>
                    </a:lnTo>
                    <a:lnTo>
                      <a:pt x="114" y="604"/>
                    </a:lnTo>
                    <a:lnTo>
                      <a:pt x="112" y="602"/>
                    </a:lnTo>
                    <a:lnTo>
                      <a:pt x="112" y="600"/>
                    </a:lnTo>
                    <a:lnTo>
                      <a:pt x="117" y="595"/>
                    </a:lnTo>
                    <a:lnTo>
                      <a:pt x="122" y="590"/>
                    </a:lnTo>
                    <a:lnTo>
                      <a:pt x="124" y="587"/>
                    </a:lnTo>
                    <a:lnTo>
                      <a:pt x="125" y="585"/>
                    </a:lnTo>
                    <a:lnTo>
                      <a:pt x="125" y="583"/>
                    </a:lnTo>
                    <a:lnTo>
                      <a:pt x="125" y="582"/>
                    </a:lnTo>
                    <a:lnTo>
                      <a:pt x="125" y="580"/>
                    </a:lnTo>
                    <a:lnTo>
                      <a:pt x="125" y="578"/>
                    </a:lnTo>
                    <a:lnTo>
                      <a:pt x="125" y="577"/>
                    </a:lnTo>
                    <a:lnTo>
                      <a:pt x="124" y="573"/>
                    </a:lnTo>
                    <a:lnTo>
                      <a:pt x="124" y="572"/>
                    </a:lnTo>
                    <a:lnTo>
                      <a:pt x="124" y="570"/>
                    </a:lnTo>
                    <a:lnTo>
                      <a:pt x="127" y="565"/>
                    </a:lnTo>
                    <a:lnTo>
                      <a:pt x="127" y="558"/>
                    </a:lnTo>
                    <a:lnTo>
                      <a:pt x="124" y="553"/>
                    </a:lnTo>
                    <a:lnTo>
                      <a:pt x="119" y="548"/>
                    </a:lnTo>
                    <a:lnTo>
                      <a:pt x="114" y="545"/>
                    </a:lnTo>
                    <a:lnTo>
                      <a:pt x="109" y="539"/>
                    </a:lnTo>
                    <a:lnTo>
                      <a:pt x="105" y="538"/>
                    </a:lnTo>
                    <a:lnTo>
                      <a:pt x="103" y="538"/>
                    </a:lnTo>
                    <a:lnTo>
                      <a:pt x="102" y="516"/>
                    </a:lnTo>
                    <a:lnTo>
                      <a:pt x="378" y="489"/>
                    </a:lnTo>
                    <a:lnTo>
                      <a:pt x="361" y="457"/>
                    </a:lnTo>
                    <a:lnTo>
                      <a:pt x="361" y="455"/>
                    </a:lnTo>
                    <a:lnTo>
                      <a:pt x="361" y="450"/>
                    </a:lnTo>
                    <a:lnTo>
                      <a:pt x="361" y="445"/>
                    </a:lnTo>
                    <a:lnTo>
                      <a:pt x="361" y="438"/>
                    </a:lnTo>
                    <a:lnTo>
                      <a:pt x="361" y="431"/>
                    </a:lnTo>
                    <a:lnTo>
                      <a:pt x="359" y="424"/>
                    </a:lnTo>
                    <a:lnTo>
                      <a:pt x="359" y="421"/>
                    </a:lnTo>
                    <a:lnTo>
                      <a:pt x="359" y="418"/>
                    </a:lnTo>
                    <a:lnTo>
                      <a:pt x="354" y="413"/>
                    </a:lnTo>
                    <a:lnTo>
                      <a:pt x="351" y="406"/>
                    </a:lnTo>
                    <a:lnTo>
                      <a:pt x="349" y="399"/>
                    </a:lnTo>
                    <a:lnTo>
                      <a:pt x="349" y="391"/>
                    </a:lnTo>
                    <a:lnTo>
                      <a:pt x="349" y="385"/>
                    </a:lnTo>
                    <a:lnTo>
                      <a:pt x="349" y="380"/>
                    </a:lnTo>
                    <a:lnTo>
                      <a:pt x="351" y="377"/>
                    </a:lnTo>
                    <a:lnTo>
                      <a:pt x="351" y="374"/>
                    </a:lnTo>
                    <a:lnTo>
                      <a:pt x="351" y="367"/>
                    </a:lnTo>
                    <a:lnTo>
                      <a:pt x="351" y="360"/>
                    </a:lnTo>
                    <a:lnTo>
                      <a:pt x="351" y="355"/>
                    </a:lnTo>
                    <a:lnTo>
                      <a:pt x="352" y="350"/>
                    </a:lnTo>
                    <a:lnTo>
                      <a:pt x="352" y="348"/>
                    </a:lnTo>
                    <a:lnTo>
                      <a:pt x="352" y="345"/>
                    </a:lnTo>
                    <a:lnTo>
                      <a:pt x="354" y="345"/>
                    </a:lnTo>
                    <a:lnTo>
                      <a:pt x="354" y="343"/>
                    </a:lnTo>
                    <a:lnTo>
                      <a:pt x="361" y="336"/>
                    </a:lnTo>
                    <a:lnTo>
                      <a:pt x="364" y="331"/>
                    </a:lnTo>
                    <a:lnTo>
                      <a:pt x="364" y="328"/>
                    </a:lnTo>
                    <a:lnTo>
                      <a:pt x="364" y="325"/>
                    </a:lnTo>
                    <a:lnTo>
                      <a:pt x="361" y="323"/>
                    </a:lnTo>
                    <a:lnTo>
                      <a:pt x="359" y="323"/>
                    </a:lnTo>
                    <a:lnTo>
                      <a:pt x="357" y="321"/>
                    </a:lnTo>
                    <a:lnTo>
                      <a:pt x="356" y="319"/>
                    </a:lnTo>
                    <a:lnTo>
                      <a:pt x="356" y="314"/>
                    </a:lnTo>
                    <a:lnTo>
                      <a:pt x="356" y="308"/>
                    </a:lnTo>
                    <a:lnTo>
                      <a:pt x="352" y="304"/>
                    </a:lnTo>
                    <a:lnTo>
                      <a:pt x="351" y="301"/>
                    </a:lnTo>
                    <a:lnTo>
                      <a:pt x="349" y="297"/>
                    </a:lnTo>
                    <a:lnTo>
                      <a:pt x="347" y="296"/>
                    </a:lnTo>
                    <a:lnTo>
                      <a:pt x="345" y="294"/>
                    </a:lnTo>
                    <a:lnTo>
                      <a:pt x="329" y="257"/>
                    </a:lnTo>
                    <a:lnTo>
                      <a:pt x="256" y="0"/>
                    </a:lnTo>
                    <a:lnTo>
                      <a:pt x="257" y="0"/>
                    </a:lnTo>
                    <a:lnTo>
                      <a:pt x="5" y="22"/>
                    </a:lnTo>
                    <a:lnTo>
                      <a:pt x="0" y="414"/>
                    </a:lnTo>
                    <a:lnTo>
                      <a:pt x="24" y="599"/>
                    </a:lnTo>
                    <a:lnTo>
                      <a:pt x="44" y="599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1150" name="Group 180"/>
            <p:cNvGrpSpPr>
              <a:grpSpLocks/>
            </p:cNvGrpSpPr>
            <p:nvPr/>
          </p:nvGrpSpPr>
          <p:grpSpPr bwMode="auto">
            <a:xfrm>
              <a:off x="3751" y="2759"/>
              <a:ext cx="502" cy="541"/>
              <a:chOff x="3976" y="2396"/>
              <a:chExt cx="516" cy="557"/>
            </a:xfrm>
          </p:grpSpPr>
          <p:sp>
            <p:nvSpPr>
              <p:cNvPr id="1159" name="Freeform 181"/>
              <p:cNvSpPr>
                <a:spLocks/>
              </p:cNvSpPr>
              <p:nvPr/>
            </p:nvSpPr>
            <p:spPr bwMode="auto">
              <a:xfrm>
                <a:off x="3976" y="2396"/>
                <a:ext cx="516" cy="557"/>
              </a:xfrm>
              <a:custGeom>
                <a:avLst/>
                <a:gdLst>
                  <a:gd name="T0" fmla="*/ 490 w 516"/>
                  <a:gd name="T1" fmla="*/ 488 h 557"/>
                  <a:gd name="T2" fmla="*/ 490 w 516"/>
                  <a:gd name="T3" fmla="*/ 464 h 557"/>
                  <a:gd name="T4" fmla="*/ 487 w 516"/>
                  <a:gd name="T5" fmla="*/ 468 h 557"/>
                  <a:gd name="T6" fmla="*/ 485 w 516"/>
                  <a:gd name="T7" fmla="*/ 464 h 557"/>
                  <a:gd name="T8" fmla="*/ 480 w 516"/>
                  <a:gd name="T9" fmla="*/ 444 h 557"/>
                  <a:gd name="T10" fmla="*/ 489 w 516"/>
                  <a:gd name="T11" fmla="*/ 451 h 557"/>
                  <a:gd name="T12" fmla="*/ 485 w 516"/>
                  <a:gd name="T13" fmla="*/ 425 h 557"/>
                  <a:gd name="T14" fmla="*/ 494 w 516"/>
                  <a:gd name="T15" fmla="*/ 427 h 557"/>
                  <a:gd name="T16" fmla="*/ 497 w 516"/>
                  <a:gd name="T17" fmla="*/ 418 h 557"/>
                  <a:gd name="T18" fmla="*/ 497 w 516"/>
                  <a:gd name="T19" fmla="*/ 400 h 557"/>
                  <a:gd name="T20" fmla="*/ 504 w 516"/>
                  <a:gd name="T21" fmla="*/ 398 h 557"/>
                  <a:gd name="T22" fmla="*/ 507 w 516"/>
                  <a:gd name="T23" fmla="*/ 391 h 557"/>
                  <a:gd name="T24" fmla="*/ 499 w 516"/>
                  <a:gd name="T25" fmla="*/ 386 h 557"/>
                  <a:gd name="T26" fmla="*/ 499 w 516"/>
                  <a:gd name="T27" fmla="*/ 380 h 557"/>
                  <a:gd name="T28" fmla="*/ 501 w 516"/>
                  <a:gd name="T29" fmla="*/ 371 h 557"/>
                  <a:gd name="T30" fmla="*/ 506 w 516"/>
                  <a:gd name="T31" fmla="*/ 354 h 557"/>
                  <a:gd name="T32" fmla="*/ 509 w 516"/>
                  <a:gd name="T33" fmla="*/ 344 h 557"/>
                  <a:gd name="T34" fmla="*/ 502 w 516"/>
                  <a:gd name="T35" fmla="*/ 324 h 557"/>
                  <a:gd name="T36" fmla="*/ 502 w 516"/>
                  <a:gd name="T37" fmla="*/ 319 h 557"/>
                  <a:gd name="T38" fmla="*/ 502 w 516"/>
                  <a:gd name="T39" fmla="*/ 312 h 557"/>
                  <a:gd name="T40" fmla="*/ 490 w 516"/>
                  <a:gd name="T41" fmla="*/ 280 h 557"/>
                  <a:gd name="T42" fmla="*/ 467 w 516"/>
                  <a:gd name="T43" fmla="*/ 259 h 557"/>
                  <a:gd name="T44" fmla="*/ 453 w 516"/>
                  <a:gd name="T45" fmla="*/ 224 h 557"/>
                  <a:gd name="T46" fmla="*/ 430 w 516"/>
                  <a:gd name="T47" fmla="*/ 212 h 557"/>
                  <a:gd name="T48" fmla="*/ 419 w 516"/>
                  <a:gd name="T49" fmla="*/ 204 h 557"/>
                  <a:gd name="T50" fmla="*/ 402 w 516"/>
                  <a:gd name="T51" fmla="*/ 187 h 557"/>
                  <a:gd name="T52" fmla="*/ 389 w 516"/>
                  <a:gd name="T53" fmla="*/ 163 h 557"/>
                  <a:gd name="T54" fmla="*/ 374 w 516"/>
                  <a:gd name="T55" fmla="*/ 160 h 557"/>
                  <a:gd name="T56" fmla="*/ 367 w 516"/>
                  <a:gd name="T57" fmla="*/ 153 h 557"/>
                  <a:gd name="T58" fmla="*/ 355 w 516"/>
                  <a:gd name="T59" fmla="*/ 134 h 557"/>
                  <a:gd name="T60" fmla="*/ 343 w 516"/>
                  <a:gd name="T61" fmla="*/ 132 h 557"/>
                  <a:gd name="T62" fmla="*/ 328 w 516"/>
                  <a:gd name="T63" fmla="*/ 124 h 557"/>
                  <a:gd name="T64" fmla="*/ 318 w 516"/>
                  <a:gd name="T65" fmla="*/ 107 h 557"/>
                  <a:gd name="T66" fmla="*/ 301 w 516"/>
                  <a:gd name="T67" fmla="*/ 88 h 557"/>
                  <a:gd name="T68" fmla="*/ 287 w 516"/>
                  <a:gd name="T69" fmla="*/ 65 h 557"/>
                  <a:gd name="T70" fmla="*/ 282 w 516"/>
                  <a:gd name="T71" fmla="*/ 61 h 557"/>
                  <a:gd name="T72" fmla="*/ 262 w 516"/>
                  <a:gd name="T73" fmla="*/ 56 h 557"/>
                  <a:gd name="T74" fmla="*/ 252 w 516"/>
                  <a:gd name="T75" fmla="*/ 50 h 557"/>
                  <a:gd name="T76" fmla="*/ 235 w 516"/>
                  <a:gd name="T77" fmla="*/ 34 h 557"/>
                  <a:gd name="T78" fmla="*/ 252 w 516"/>
                  <a:gd name="T79" fmla="*/ 2 h 557"/>
                  <a:gd name="T80" fmla="*/ 73 w 516"/>
                  <a:gd name="T81" fmla="*/ 290 h 557"/>
                  <a:gd name="T82" fmla="*/ 93 w 516"/>
                  <a:gd name="T83" fmla="*/ 330 h 557"/>
                  <a:gd name="T84" fmla="*/ 100 w 516"/>
                  <a:gd name="T85" fmla="*/ 347 h 557"/>
                  <a:gd name="T86" fmla="*/ 105 w 516"/>
                  <a:gd name="T87" fmla="*/ 356 h 557"/>
                  <a:gd name="T88" fmla="*/ 105 w 516"/>
                  <a:gd name="T89" fmla="*/ 369 h 557"/>
                  <a:gd name="T90" fmla="*/ 96 w 516"/>
                  <a:gd name="T91" fmla="*/ 381 h 557"/>
                  <a:gd name="T92" fmla="*/ 95 w 516"/>
                  <a:gd name="T93" fmla="*/ 400 h 557"/>
                  <a:gd name="T94" fmla="*/ 93 w 516"/>
                  <a:gd name="T95" fmla="*/ 418 h 557"/>
                  <a:gd name="T96" fmla="*/ 98 w 516"/>
                  <a:gd name="T97" fmla="*/ 446 h 557"/>
                  <a:gd name="T98" fmla="*/ 105 w 516"/>
                  <a:gd name="T99" fmla="*/ 464 h 557"/>
                  <a:gd name="T100" fmla="*/ 105 w 516"/>
                  <a:gd name="T101" fmla="*/ 488 h 557"/>
                  <a:gd name="T102" fmla="*/ 418 w 516"/>
                  <a:gd name="T103" fmla="*/ 535 h 557"/>
                  <a:gd name="T104" fmla="*/ 441 w 516"/>
                  <a:gd name="T105" fmla="*/ 552 h 557"/>
                  <a:gd name="T106" fmla="*/ 440 w 516"/>
                  <a:gd name="T107" fmla="*/ 534 h 557"/>
                  <a:gd name="T108" fmla="*/ 435 w 516"/>
                  <a:gd name="T109" fmla="*/ 512 h 557"/>
                  <a:gd name="T110" fmla="*/ 443 w 516"/>
                  <a:gd name="T111" fmla="*/ 498 h 557"/>
                  <a:gd name="T112" fmla="*/ 462 w 516"/>
                  <a:gd name="T113" fmla="*/ 503 h 557"/>
                  <a:gd name="T114" fmla="*/ 485 w 516"/>
                  <a:gd name="T115" fmla="*/ 506 h 557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516"/>
                  <a:gd name="T175" fmla="*/ 0 h 557"/>
                  <a:gd name="T176" fmla="*/ 516 w 516"/>
                  <a:gd name="T177" fmla="*/ 557 h 557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516" h="557">
                    <a:moveTo>
                      <a:pt x="492" y="498"/>
                    </a:moveTo>
                    <a:lnTo>
                      <a:pt x="487" y="493"/>
                    </a:lnTo>
                    <a:lnTo>
                      <a:pt x="485" y="490"/>
                    </a:lnTo>
                    <a:lnTo>
                      <a:pt x="490" y="488"/>
                    </a:lnTo>
                    <a:lnTo>
                      <a:pt x="492" y="474"/>
                    </a:lnTo>
                    <a:lnTo>
                      <a:pt x="489" y="474"/>
                    </a:lnTo>
                    <a:lnTo>
                      <a:pt x="489" y="471"/>
                    </a:lnTo>
                    <a:lnTo>
                      <a:pt x="490" y="464"/>
                    </a:lnTo>
                    <a:lnTo>
                      <a:pt x="485" y="462"/>
                    </a:lnTo>
                    <a:lnTo>
                      <a:pt x="487" y="464"/>
                    </a:lnTo>
                    <a:lnTo>
                      <a:pt x="487" y="466"/>
                    </a:lnTo>
                    <a:lnTo>
                      <a:pt x="487" y="468"/>
                    </a:lnTo>
                    <a:lnTo>
                      <a:pt x="487" y="469"/>
                    </a:lnTo>
                    <a:lnTo>
                      <a:pt x="487" y="468"/>
                    </a:lnTo>
                    <a:lnTo>
                      <a:pt x="485" y="464"/>
                    </a:lnTo>
                    <a:lnTo>
                      <a:pt x="482" y="457"/>
                    </a:lnTo>
                    <a:lnTo>
                      <a:pt x="480" y="449"/>
                    </a:lnTo>
                    <a:lnTo>
                      <a:pt x="480" y="446"/>
                    </a:lnTo>
                    <a:lnTo>
                      <a:pt x="480" y="444"/>
                    </a:lnTo>
                    <a:lnTo>
                      <a:pt x="482" y="444"/>
                    </a:lnTo>
                    <a:lnTo>
                      <a:pt x="485" y="446"/>
                    </a:lnTo>
                    <a:lnTo>
                      <a:pt x="487" y="449"/>
                    </a:lnTo>
                    <a:lnTo>
                      <a:pt x="489" y="451"/>
                    </a:lnTo>
                    <a:lnTo>
                      <a:pt x="489" y="432"/>
                    </a:lnTo>
                    <a:lnTo>
                      <a:pt x="485" y="425"/>
                    </a:lnTo>
                    <a:lnTo>
                      <a:pt x="487" y="427"/>
                    </a:lnTo>
                    <a:lnTo>
                      <a:pt x="489" y="427"/>
                    </a:lnTo>
                    <a:lnTo>
                      <a:pt x="490" y="427"/>
                    </a:lnTo>
                    <a:lnTo>
                      <a:pt x="494" y="427"/>
                    </a:lnTo>
                    <a:lnTo>
                      <a:pt x="496" y="427"/>
                    </a:lnTo>
                    <a:lnTo>
                      <a:pt x="497" y="427"/>
                    </a:lnTo>
                    <a:lnTo>
                      <a:pt x="497" y="418"/>
                    </a:lnTo>
                    <a:lnTo>
                      <a:pt x="497" y="412"/>
                    </a:lnTo>
                    <a:lnTo>
                      <a:pt x="497" y="407"/>
                    </a:lnTo>
                    <a:lnTo>
                      <a:pt x="497" y="403"/>
                    </a:lnTo>
                    <a:lnTo>
                      <a:pt x="497" y="400"/>
                    </a:lnTo>
                    <a:lnTo>
                      <a:pt x="499" y="398"/>
                    </a:lnTo>
                    <a:lnTo>
                      <a:pt x="504" y="398"/>
                    </a:lnTo>
                    <a:lnTo>
                      <a:pt x="506" y="396"/>
                    </a:lnTo>
                    <a:lnTo>
                      <a:pt x="507" y="395"/>
                    </a:lnTo>
                    <a:lnTo>
                      <a:pt x="507" y="393"/>
                    </a:lnTo>
                    <a:lnTo>
                      <a:pt x="507" y="391"/>
                    </a:lnTo>
                    <a:lnTo>
                      <a:pt x="506" y="391"/>
                    </a:lnTo>
                    <a:lnTo>
                      <a:pt x="506" y="390"/>
                    </a:lnTo>
                    <a:lnTo>
                      <a:pt x="504" y="390"/>
                    </a:lnTo>
                    <a:lnTo>
                      <a:pt x="499" y="386"/>
                    </a:lnTo>
                    <a:lnTo>
                      <a:pt x="497" y="385"/>
                    </a:lnTo>
                    <a:lnTo>
                      <a:pt x="496" y="383"/>
                    </a:lnTo>
                    <a:lnTo>
                      <a:pt x="497" y="381"/>
                    </a:lnTo>
                    <a:lnTo>
                      <a:pt x="499" y="380"/>
                    </a:lnTo>
                    <a:lnTo>
                      <a:pt x="501" y="380"/>
                    </a:lnTo>
                    <a:lnTo>
                      <a:pt x="502" y="380"/>
                    </a:lnTo>
                    <a:lnTo>
                      <a:pt x="504" y="378"/>
                    </a:lnTo>
                    <a:lnTo>
                      <a:pt x="501" y="371"/>
                    </a:lnTo>
                    <a:lnTo>
                      <a:pt x="501" y="364"/>
                    </a:lnTo>
                    <a:lnTo>
                      <a:pt x="502" y="361"/>
                    </a:lnTo>
                    <a:lnTo>
                      <a:pt x="504" y="356"/>
                    </a:lnTo>
                    <a:lnTo>
                      <a:pt x="506" y="354"/>
                    </a:lnTo>
                    <a:lnTo>
                      <a:pt x="507" y="352"/>
                    </a:lnTo>
                    <a:lnTo>
                      <a:pt x="509" y="352"/>
                    </a:lnTo>
                    <a:lnTo>
                      <a:pt x="509" y="351"/>
                    </a:lnTo>
                    <a:lnTo>
                      <a:pt x="509" y="344"/>
                    </a:lnTo>
                    <a:lnTo>
                      <a:pt x="516" y="339"/>
                    </a:lnTo>
                    <a:lnTo>
                      <a:pt x="514" y="330"/>
                    </a:lnTo>
                    <a:lnTo>
                      <a:pt x="506" y="329"/>
                    </a:lnTo>
                    <a:lnTo>
                      <a:pt x="502" y="324"/>
                    </a:lnTo>
                    <a:lnTo>
                      <a:pt x="504" y="324"/>
                    </a:lnTo>
                    <a:lnTo>
                      <a:pt x="504" y="322"/>
                    </a:lnTo>
                    <a:lnTo>
                      <a:pt x="502" y="320"/>
                    </a:lnTo>
                    <a:lnTo>
                      <a:pt x="502" y="319"/>
                    </a:lnTo>
                    <a:lnTo>
                      <a:pt x="502" y="317"/>
                    </a:lnTo>
                    <a:lnTo>
                      <a:pt x="502" y="315"/>
                    </a:lnTo>
                    <a:lnTo>
                      <a:pt x="502" y="314"/>
                    </a:lnTo>
                    <a:lnTo>
                      <a:pt x="502" y="312"/>
                    </a:lnTo>
                    <a:lnTo>
                      <a:pt x="501" y="298"/>
                    </a:lnTo>
                    <a:lnTo>
                      <a:pt x="496" y="288"/>
                    </a:lnTo>
                    <a:lnTo>
                      <a:pt x="490" y="280"/>
                    </a:lnTo>
                    <a:lnTo>
                      <a:pt x="484" y="271"/>
                    </a:lnTo>
                    <a:lnTo>
                      <a:pt x="477" y="266"/>
                    </a:lnTo>
                    <a:lnTo>
                      <a:pt x="470" y="263"/>
                    </a:lnTo>
                    <a:lnTo>
                      <a:pt x="467" y="259"/>
                    </a:lnTo>
                    <a:lnTo>
                      <a:pt x="465" y="258"/>
                    </a:lnTo>
                    <a:lnTo>
                      <a:pt x="463" y="242"/>
                    </a:lnTo>
                    <a:lnTo>
                      <a:pt x="460" y="232"/>
                    </a:lnTo>
                    <a:lnTo>
                      <a:pt x="453" y="224"/>
                    </a:lnTo>
                    <a:lnTo>
                      <a:pt x="446" y="219"/>
                    </a:lnTo>
                    <a:lnTo>
                      <a:pt x="440" y="215"/>
                    </a:lnTo>
                    <a:lnTo>
                      <a:pt x="435" y="214"/>
                    </a:lnTo>
                    <a:lnTo>
                      <a:pt x="430" y="212"/>
                    </a:lnTo>
                    <a:lnTo>
                      <a:pt x="428" y="212"/>
                    </a:lnTo>
                    <a:lnTo>
                      <a:pt x="428" y="210"/>
                    </a:lnTo>
                    <a:lnTo>
                      <a:pt x="424" y="209"/>
                    </a:lnTo>
                    <a:lnTo>
                      <a:pt x="419" y="204"/>
                    </a:lnTo>
                    <a:lnTo>
                      <a:pt x="414" y="200"/>
                    </a:lnTo>
                    <a:lnTo>
                      <a:pt x="409" y="195"/>
                    </a:lnTo>
                    <a:lnTo>
                      <a:pt x="406" y="190"/>
                    </a:lnTo>
                    <a:lnTo>
                      <a:pt x="402" y="187"/>
                    </a:lnTo>
                    <a:lnTo>
                      <a:pt x="401" y="183"/>
                    </a:lnTo>
                    <a:lnTo>
                      <a:pt x="397" y="175"/>
                    </a:lnTo>
                    <a:lnTo>
                      <a:pt x="392" y="168"/>
                    </a:lnTo>
                    <a:lnTo>
                      <a:pt x="389" y="163"/>
                    </a:lnTo>
                    <a:lnTo>
                      <a:pt x="384" y="161"/>
                    </a:lnTo>
                    <a:lnTo>
                      <a:pt x="380" y="160"/>
                    </a:lnTo>
                    <a:lnTo>
                      <a:pt x="377" y="160"/>
                    </a:lnTo>
                    <a:lnTo>
                      <a:pt x="374" y="160"/>
                    </a:lnTo>
                    <a:lnTo>
                      <a:pt x="372" y="158"/>
                    </a:lnTo>
                    <a:lnTo>
                      <a:pt x="370" y="154"/>
                    </a:lnTo>
                    <a:lnTo>
                      <a:pt x="367" y="153"/>
                    </a:lnTo>
                    <a:lnTo>
                      <a:pt x="365" y="149"/>
                    </a:lnTo>
                    <a:lnTo>
                      <a:pt x="362" y="143"/>
                    </a:lnTo>
                    <a:lnTo>
                      <a:pt x="358" y="138"/>
                    </a:lnTo>
                    <a:lnTo>
                      <a:pt x="355" y="134"/>
                    </a:lnTo>
                    <a:lnTo>
                      <a:pt x="352" y="132"/>
                    </a:lnTo>
                    <a:lnTo>
                      <a:pt x="348" y="131"/>
                    </a:lnTo>
                    <a:lnTo>
                      <a:pt x="347" y="132"/>
                    </a:lnTo>
                    <a:lnTo>
                      <a:pt x="343" y="132"/>
                    </a:lnTo>
                    <a:lnTo>
                      <a:pt x="336" y="131"/>
                    </a:lnTo>
                    <a:lnTo>
                      <a:pt x="331" y="129"/>
                    </a:lnTo>
                    <a:lnTo>
                      <a:pt x="328" y="124"/>
                    </a:lnTo>
                    <a:lnTo>
                      <a:pt x="325" y="119"/>
                    </a:lnTo>
                    <a:lnTo>
                      <a:pt x="321" y="114"/>
                    </a:lnTo>
                    <a:lnTo>
                      <a:pt x="320" y="110"/>
                    </a:lnTo>
                    <a:lnTo>
                      <a:pt x="318" y="107"/>
                    </a:lnTo>
                    <a:lnTo>
                      <a:pt x="318" y="105"/>
                    </a:lnTo>
                    <a:lnTo>
                      <a:pt x="313" y="102"/>
                    </a:lnTo>
                    <a:lnTo>
                      <a:pt x="306" y="95"/>
                    </a:lnTo>
                    <a:lnTo>
                      <a:pt x="301" y="88"/>
                    </a:lnTo>
                    <a:lnTo>
                      <a:pt x="296" y="82"/>
                    </a:lnTo>
                    <a:lnTo>
                      <a:pt x="292" y="75"/>
                    </a:lnTo>
                    <a:lnTo>
                      <a:pt x="291" y="68"/>
                    </a:lnTo>
                    <a:lnTo>
                      <a:pt x="287" y="65"/>
                    </a:lnTo>
                    <a:lnTo>
                      <a:pt x="287" y="63"/>
                    </a:lnTo>
                    <a:lnTo>
                      <a:pt x="287" y="61"/>
                    </a:lnTo>
                    <a:lnTo>
                      <a:pt x="284" y="61"/>
                    </a:lnTo>
                    <a:lnTo>
                      <a:pt x="282" y="61"/>
                    </a:lnTo>
                    <a:lnTo>
                      <a:pt x="281" y="60"/>
                    </a:lnTo>
                    <a:lnTo>
                      <a:pt x="274" y="60"/>
                    </a:lnTo>
                    <a:lnTo>
                      <a:pt x="267" y="58"/>
                    </a:lnTo>
                    <a:lnTo>
                      <a:pt x="262" y="56"/>
                    </a:lnTo>
                    <a:lnTo>
                      <a:pt x="259" y="55"/>
                    </a:lnTo>
                    <a:lnTo>
                      <a:pt x="255" y="53"/>
                    </a:lnTo>
                    <a:lnTo>
                      <a:pt x="254" y="51"/>
                    </a:lnTo>
                    <a:lnTo>
                      <a:pt x="252" y="50"/>
                    </a:lnTo>
                    <a:lnTo>
                      <a:pt x="240" y="48"/>
                    </a:lnTo>
                    <a:lnTo>
                      <a:pt x="235" y="43"/>
                    </a:lnTo>
                    <a:lnTo>
                      <a:pt x="235" y="34"/>
                    </a:lnTo>
                    <a:lnTo>
                      <a:pt x="237" y="24"/>
                    </a:lnTo>
                    <a:lnTo>
                      <a:pt x="242" y="16"/>
                    </a:lnTo>
                    <a:lnTo>
                      <a:pt x="248" y="7"/>
                    </a:lnTo>
                    <a:lnTo>
                      <a:pt x="252" y="2"/>
                    </a:lnTo>
                    <a:lnTo>
                      <a:pt x="254" y="0"/>
                    </a:lnTo>
                    <a:lnTo>
                      <a:pt x="130" y="19"/>
                    </a:lnTo>
                    <a:lnTo>
                      <a:pt x="0" y="33"/>
                    </a:lnTo>
                    <a:lnTo>
                      <a:pt x="73" y="290"/>
                    </a:lnTo>
                    <a:lnTo>
                      <a:pt x="89" y="327"/>
                    </a:lnTo>
                    <a:lnTo>
                      <a:pt x="91" y="329"/>
                    </a:lnTo>
                    <a:lnTo>
                      <a:pt x="93" y="330"/>
                    </a:lnTo>
                    <a:lnTo>
                      <a:pt x="95" y="334"/>
                    </a:lnTo>
                    <a:lnTo>
                      <a:pt x="96" y="337"/>
                    </a:lnTo>
                    <a:lnTo>
                      <a:pt x="100" y="341"/>
                    </a:lnTo>
                    <a:lnTo>
                      <a:pt x="100" y="347"/>
                    </a:lnTo>
                    <a:lnTo>
                      <a:pt x="100" y="352"/>
                    </a:lnTo>
                    <a:lnTo>
                      <a:pt x="101" y="354"/>
                    </a:lnTo>
                    <a:lnTo>
                      <a:pt x="103" y="356"/>
                    </a:lnTo>
                    <a:lnTo>
                      <a:pt x="105" y="356"/>
                    </a:lnTo>
                    <a:lnTo>
                      <a:pt x="108" y="358"/>
                    </a:lnTo>
                    <a:lnTo>
                      <a:pt x="108" y="361"/>
                    </a:lnTo>
                    <a:lnTo>
                      <a:pt x="108" y="364"/>
                    </a:lnTo>
                    <a:lnTo>
                      <a:pt x="105" y="369"/>
                    </a:lnTo>
                    <a:lnTo>
                      <a:pt x="98" y="376"/>
                    </a:lnTo>
                    <a:lnTo>
                      <a:pt x="98" y="378"/>
                    </a:lnTo>
                    <a:lnTo>
                      <a:pt x="96" y="378"/>
                    </a:lnTo>
                    <a:lnTo>
                      <a:pt x="96" y="381"/>
                    </a:lnTo>
                    <a:lnTo>
                      <a:pt x="96" y="383"/>
                    </a:lnTo>
                    <a:lnTo>
                      <a:pt x="95" y="388"/>
                    </a:lnTo>
                    <a:lnTo>
                      <a:pt x="95" y="393"/>
                    </a:lnTo>
                    <a:lnTo>
                      <a:pt x="95" y="400"/>
                    </a:lnTo>
                    <a:lnTo>
                      <a:pt x="95" y="407"/>
                    </a:lnTo>
                    <a:lnTo>
                      <a:pt x="95" y="410"/>
                    </a:lnTo>
                    <a:lnTo>
                      <a:pt x="93" y="413"/>
                    </a:lnTo>
                    <a:lnTo>
                      <a:pt x="93" y="418"/>
                    </a:lnTo>
                    <a:lnTo>
                      <a:pt x="93" y="424"/>
                    </a:lnTo>
                    <a:lnTo>
                      <a:pt x="93" y="432"/>
                    </a:lnTo>
                    <a:lnTo>
                      <a:pt x="95" y="439"/>
                    </a:lnTo>
                    <a:lnTo>
                      <a:pt x="98" y="446"/>
                    </a:lnTo>
                    <a:lnTo>
                      <a:pt x="103" y="451"/>
                    </a:lnTo>
                    <a:lnTo>
                      <a:pt x="103" y="454"/>
                    </a:lnTo>
                    <a:lnTo>
                      <a:pt x="103" y="457"/>
                    </a:lnTo>
                    <a:lnTo>
                      <a:pt x="105" y="464"/>
                    </a:lnTo>
                    <a:lnTo>
                      <a:pt x="105" y="471"/>
                    </a:lnTo>
                    <a:lnTo>
                      <a:pt x="105" y="478"/>
                    </a:lnTo>
                    <a:lnTo>
                      <a:pt x="105" y="483"/>
                    </a:lnTo>
                    <a:lnTo>
                      <a:pt x="105" y="488"/>
                    </a:lnTo>
                    <a:lnTo>
                      <a:pt x="105" y="490"/>
                    </a:lnTo>
                    <a:lnTo>
                      <a:pt x="122" y="522"/>
                    </a:lnTo>
                    <a:lnTo>
                      <a:pt x="139" y="554"/>
                    </a:lnTo>
                    <a:lnTo>
                      <a:pt x="418" y="535"/>
                    </a:lnTo>
                    <a:lnTo>
                      <a:pt x="428" y="557"/>
                    </a:lnTo>
                    <a:lnTo>
                      <a:pt x="443" y="557"/>
                    </a:lnTo>
                    <a:lnTo>
                      <a:pt x="443" y="556"/>
                    </a:lnTo>
                    <a:lnTo>
                      <a:pt x="441" y="552"/>
                    </a:lnTo>
                    <a:lnTo>
                      <a:pt x="441" y="549"/>
                    </a:lnTo>
                    <a:lnTo>
                      <a:pt x="441" y="544"/>
                    </a:lnTo>
                    <a:lnTo>
                      <a:pt x="440" y="539"/>
                    </a:lnTo>
                    <a:lnTo>
                      <a:pt x="440" y="534"/>
                    </a:lnTo>
                    <a:lnTo>
                      <a:pt x="440" y="530"/>
                    </a:lnTo>
                    <a:lnTo>
                      <a:pt x="440" y="528"/>
                    </a:lnTo>
                    <a:lnTo>
                      <a:pt x="435" y="520"/>
                    </a:lnTo>
                    <a:lnTo>
                      <a:pt x="435" y="512"/>
                    </a:lnTo>
                    <a:lnTo>
                      <a:pt x="435" y="506"/>
                    </a:lnTo>
                    <a:lnTo>
                      <a:pt x="438" y="503"/>
                    </a:lnTo>
                    <a:lnTo>
                      <a:pt x="441" y="500"/>
                    </a:lnTo>
                    <a:lnTo>
                      <a:pt x="443" y="498"/>
                    </a:lnTo>
                    <a:lnTo>
                      <a:pt x="446" y="498"/>
                    </a:lnTo>
                    <a:lnTo>
                      <a:pt x="448" y="498"/>
                    </a:lnTo>
                    <a:lnTo>
                      <a:pt x="453" y="501"/>
                    </a:lnTo>
                    <a:lnTo>
                      <a:pt x="462" y="503"/>
                    </a:lnTo>
                    <a:lnTo>
                      <a:pt x="468" y="505"/>
                    </a:lnTo>
                    <a:lnTo>
                      <a:pt x="475" y="506"/>
                    </a:lnTo>
                    <a:lnTo>
                      <a:pt x="482" y="506"/>
                    </a:lnTo>
                    <a:lnTo>
                      <a:pt x="485" y="506"/>
                    </a:lnTo>
                    <a:lnTo>
                      <a:pt x="489" y="506"/>
                    </a:lnTo>
                    <a:lnTo>
                      <a:pt x="490" y="506"/>
                    </a:lnTo>
                    <a:lnTo>
                      <a:pt x="492" y="49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60" name="Freeform 182"/>
              <p:cNvSpPr>
                <a:spLocks/>
              </p:cNvSpPr>
              <p:nvPr/>
            </p:nvSpPr>
            <p:spPr bwMode="auto">
              <a:xfrm>
                <a:off x="3976" y="2396"/>
                <a:ext cx="516" cy="557"/>
              </a:xfrm>
              <a:custGeom>
                <a:avLst/>
                <a:gdLst>
                  <a:gd name="T0" fmla="*/ 492 w 516"/>
                  <a:gd name="T1" fmla="*/ 474 h 557"/>
                  <a:gd name="T2" fmla="*/ 485 w 516"/>
                  <a:gd name="T3" fmla="*/ 462 h 557"/>
                  <a:gd name="T4" fmla="*/ 487 w 516"/>
                  <a:gd name="T5" fmla="*/ 469 h 557"/>
                  <a:gd name="T6" fmla="*/ 480 w 516"/>
                  <a:gd name="T7" fmla="*/ 449 h 557"/>
                  <a:gd name="T8" fmla="*/ 487 w 516"/>
                  <a:gd name="T9" fmla="*/ 449 h 557"/>
                  <a:gd name="T10" fmla="*/ 485 w 516"/>
                  <a:gd name="T11" fmla="*/ 425 h 557"/>
                  <a:gd name="T12" fmla="*/ 494 w 516"/>
                  <a:gd name="T13" fmla="*/ 427 h 557"/>
                  <a:gd name="T14" fmla="*/ 497 w 516"/>
                  <a:gd name="T15" fmla="*/ 418 h 557"/>
                  <a:gd name="T16" fmla="*/ 499 w 516"/>
                  <a:gd name="T17" fmla="*/ 398 h 557"/>
                  <a:gd name="T18" fmla="*/ 506 w 516"/>
                  <a:gd name="T19" fmla="*/ 396 h 557"/>
                  <a:gd name="T20" fmla="*/ 506 w 516"/>
                  <a:gd name="T21" fmla="*/ 390 h 557"/>
                  <a:gd name="T22" fmla="*/ 496 w 516"/>
                  <a:gd name="T23" fmla="*/ 383 h 557"/>
                  <a:gd name="T24" fmla="*/ 504 w 516"/>
                  <a:gd name="T25" fmla="*/ 378 h 557"/>
                  <a:gd name="T26" fmla="*/ 504 w 516"/>
                  <a:gd name="T27" fmla="*/ 356 h 557"/>
                  <a:gd name="T28" fmla="*/ 509 w 516"/>
                  <a:gd name="T29" fmla="*/ 344 h 557"/>
                  <a:gd name="T30" fmla="*/ 504 w 516"/>
                  <a:gd name="T31" fmla="*/ 324 h 557"/>
                  <a:gd name="T32" fmla="*/ 502 w 516"/>
                  <a:gd name="T33" fmla="*/ 317 h 557"/>
                  <a:gd name="T34" fmla="*/ 502 w 516"/>
                  <a:gd name="T35" fmla="*/ 312 h 557"/>
                  <a:gd name="T36" fmla="*/ 477 w 516"/>
                  <a:gd name="T37" fmla="*/ 266 h 557"/>
                  <a:gd name="T38" fmla="*/ 463 w 516"/>
                  <a:gd name="T39" fmla="*/ 242 h 557"/>
                  <a:gd name="T40" fmla="*/ 435 w 516"/>
                  <a:gd name="T41" fmla="*/ 214 h 557"/>
                  <a:gd name="T42" fmla="*/ 424 w 516"/>
                  <a:gd name="T43" fmla="*/ 209 h 557"/>
                  <a:gd name="T44" fmla="*/ 402 w 516"/>
                  <a:gd name="T45" fmla="*/ 187 h 557"/>
                  <a:gd name="T46" fmla="*/ 389 w 516"/>
                  <a:gd name="T47" fmla="*/ 163 h 557"/>
                  <a:gd name="T48" fmla="*/ 374 w 516"/>
                  <a:gd name="T49" fmla="*/ 160 h 557"/>
                  <a:gd name="T50" fmla="*/ 365 w 516"/>
                  <a:gd name="T51" fmla="*/ 149 h 557"/>
                  <a:gd name="T52" fmla="*/ 352 w 516"/>
                  <a:gd name="T53" fmla="*/ 132 h 557"/>
                  <a:gd name="T54" fmla="*/ 343 w 516"/>
                  <a:gd name="T55" fmla="*/ 132 h 557"/>
                  <a:gd name="T56" fmla="*/ 321 w 516"/>
                  <a:gd name="T57" fmla="*/ 114 h 557"/>
                  <a:gd name="T58" fmla="*/ 313 w 516"/>
                  <a:gd name="T59" fmla="*/ 102 h 557"/>
                  <a:gd name="T60" fmla="*/ 291 w 516"/>
                  <a:gd name="T61" fmla="*/ 68 h 557"/>
                  <a:gd name="T62" fmla="*/ 284 w 516"/>
                  <a:gd name="T63" fmla="*/ 61 h 557"/>
                  <a:gd name="T64" fmla="*/ 267 w 516"/>
                  <a:gd name="T65" fmla="*/ 58 h 557"/>
                  <a:gd name="T66" fmla="*/ 252 w 516"/>
                  <a:gd name="T67" fmla="*/ 50 h 557"/>
                  <a:gd name="T68" fmla="*/ 235 w 516"/>
                  <a:gd name="T69" fmla="*/ 34 h 557"/>
                  <a:gd name="T70" fmla="*/ 254 w 516"/>
                  <a:gd name="T71" fmla="*/ 0 h 557"/>
                  <a:gd name="T72" fmla="*/ 89 w 516"/>
                  <a:gd name="T73" fmla="*/ 327 h 557"/>
                  <a:gd name="T74" fmla="*/ 96 w 516"/>
                  <a:gd name="T75" fmla="*/ 337 h 557"/>
                  <a:gd name="T76" fmla="*/ 101 w 516"/>
                  <a:gd name="T77" fmla="*/ 354 h 557"/>
                  <a:gd name="T78" fmla="*/ 108 w 516"/>
                  <a:gd name="T79" fmla="*/ 364 h 557"/>
                  <a:gd name="T80" fmla="*/ 96 w 516"/>
                  <a:gd name="T81" fmla="*/ 378 h 557"/>
                  <a:gd name="T82" fmla="*/ 95 w 516"/>
                  <a:gd name="T83" fmla="*/ 400 h 557"/>
                  <a:gd name="T84" fmla="*/ 93 w 516"/>
                  <a:gd name="T85" fmla="*/ 418 h 557"/>
                  <a:gd name="T86" fmla="*/ 103 w 516"/>
                  <a:gd name="T87" fmla="*/ 451 h 557"/>
                  <a:gd name="T88" fmla="*/ 105 w 516"/>
                  <a:gd name="T89" fmla="*/ 471 h 557"/>
                  <a:gd name="T90" fmla="*/ 122 w 516"/>
                  <a:gd name="T91" fmla="*/ 522 h 557"/>
                  <a:gd name="T92" fmla="*/ 443 w 516"/>
                  <a:gd name="T93" fmla="*/ 557 h 557"/>
                  <a:gd name="T94" fmla="*/ 440 w 516"/>
                  <a:gd name="T95" fmla="*/ 539 h 557"/>
                  <a:gd name="T96" fmla="*/ 435 w 516"/>
                  <a:gd name="T97" fmla="*/ 520 h 557"/>
                  <a:gd name="T98" fmla="*/ 443 w 516"/>
                  <a:gd name="T99" fmla="*/ 498 h 557"/>
                  <a:gd name="T100" fmla="*/ 462 w 516"/>
                  <a:gd name="T101" fmla="*/ 503 h 557"/>
                  <a:gd name="T102" fmla="*/ 489 w 516"/>
                  <a:gd name="T103" fmla="*/ 506 h 557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w 516"/>
                  <a:gd name="T157" fmla="*/ 0 h 557"/>
                  <a:gd name="T158" fmla="*/ 516 w 516"/>
                  <a:gd name="T159" fmla="*/ 557 h 557"/>
                </a:gdLst>
                <a:ahLst/>
                <a:cxnLst>
                  <a:cxn ang="T104">
                    <a:pos x="T0" y="T1"/>
                  </a:cxn>
                  <a:cxn ang="T105">
                    <a:pos x="T2" y="T3"/>
                  </a:cxn>
                  <a:cxn ang="T106">
                    <a:pos x="T4" y="T5"/>
                  </a:cxn>
                  <a:cxn ang="T107">
                    <a:pos x="T6" y="T7"/>
                  </a:cxn>
                  <a:cxn ang="T108">
                    <a:pos x="T8" y="T9"/>
                  </a:cxn>
                  <a:cxn ang="T109">
                    <a:pos x="T10" y="T11"/>
                  </a:cxn>
                  <a:cxn ang="T110">
                    <a:pos x="T12" y="T13"/>
                  </a:cxn>
                  <a:cxn ang="T111">
                    <a:pos x="T14" y="T15"/>
                  </a:cxn>
                  <a:cxn ang="T112">
                    <a:pos x="T16" y="T17"/>
                  </a:cxn>
                  <a:cxn ang="T113">
                    <a:pos x="T18" y="T19"/>
                  </a:cxn>
                  <a:cxn ang="T114">
                    <a:pos x="T20" y="T21"/>
                  </a:cxn>
                  <a:cxn ang="T115">
                    <a:pos x="T22" y="T23"/>
                  </a:cxn>
                  <a:cxn ang="T116">
                    <a:pos x="T24" y="T25"/>
                  </a:cxn>
                  <a:cxn ang="T117">
                    <a:pos x="T26" y="T27"/>
                  </a:cxn>
                  <a:cxn ang="T118">
                    <a:pos x="T28" y="T29"/>
                  </a:cxn>
                  <a:cxn ang="T119">
                    <a:pos x="T30" y="T31"/>
                  </a:cxn>
                  <a:cxn ang="T120">
                    <a:pos x="T32" y="T33"/>
                  </a:cxn>
                  <a:cxn ang="T121">
                    <a:pos x="T34" y="T35"/>
                  </a:cxn>
                  <a:cxn ang="T122">
                    <a:pos x="T36" y="T37"/>
                  </a:cxn>
                  <a:cxn ang="T123">
                    <a:pos x="T38" y="T39"/>
                  </a:cxn>
                  <a:cxn ang="T124">
                    <a:pos x="T40" y="T41"/>
                  </a:cxn>
                  <a:cxn ang="T125">
                    <a:pos x="T42" y="T43"/>
                  </a:cxn>
                  <a:cxn ang="T126">
                    <a:pos x="T44" y="T45"/>
                  </a:cxn>
                  <a:cxn ang="T127">
                    <a:pos x="T46" y="T47"/>
                  </a:cxn>
                  <a:cxn ang="T128">
                    <a:pos x="T48" y="T49"/>
                  </a:cxn>
                  <a:cxn ang="T129">
                    <a:pos x="T50" y="T51"/>
                  </a:cxn>
                  <a:cxn ang="T130">
                    <a:pos x="T52" y="T53"/>
                  </a:cxn>
                  <a:cxn ang="T131">
                    <a:pos x="T54" y="T55"/>
                  </a:cxn>
                  <a:cxn ang="T132">
                    <a:pos x="T56" y="T57"/>
                  </a:cxn>
                  <a:cxn ang="T133">
                    <a:pos x="T58" y="T59"/>
                  </a:cxn>
                  <a:cxn ang="T134">
                    <a:pos x="T60" y="T61"/>
                  </a:cxn>
                  <a:cxn ang="T135">
                    <a:pos x="T62" y="T63"/>
                  </a:cxn>
                  <a:cxn ang="T136">
                    <a:pos x="T64" y="T65"/>
                  </a:cxn>
                  <a:cxn ang="T137">
                    <a:pos x="T66" y="T67"/>
                  </a:cxn>
                  <a:cxn ang="T138">
                    <a:pos x="T68" y="T69"/>
                  </a:cxn>
                  <a:cxn ang="T139">
                    <a:pos x="T70" y="T71"/>
                  </a:cxn>
                  <a:cxn ang="T140">
                    <a:pos x="T72" y="T73"/>
                  </a:cxn>
                  <a:cxn ang="T141">
                    <a:pos x="T74" y="T75"/>
                  </a:cxn>
                  <a:cxn ang="T142">
                    <a:pos x="T76" y="T77"/>
                  </a:cxn>
                  <a:cxn ang="T143">
                    <a:pos x="T78" y="T79"/>
                  </a:cxn>
                  <a:cxn ang="T144">
                    <a:pos x="T80" y="T81"/>
                  </a:cxn>
                  <a:cxn ang="T145">
                    <a:pos x="T82" y="T83"/>
                  </a:cxn>
                  <a:cxn ang="T146">
                    <a:pos x="T84" y="T85"/>
                  </a:cxn>
                  <a:cxn ang="T147">
                    <a:pos x="T86" y="T87"/>
                  </a:cxn>
                  <a:cxn ang="T148">
                    <a:pos x="T88" y="T89"/>
                  </a:cxn>
                  <a:cxn ang="T149">
                    <a:pos x="T90" y="T91"/>
                  </a:cxn>
                  <a:cxn ang="T150">
                    <a:pos x="T92" y="T93"/>
                  </a:cxn>
                  <a:cxn ang="T151">
                    <a:pos x="T94" y="T95"/>
                  </a:cxn>
                  <a:cxn ang="T152">
                    <a:pos x="T96" y="T97"/>
                  </a:cxn>
                  <a:cxn ang="T153">
                    <a:pos x="T98" y="T99"/>
                  </a:cxn>
                  <a:cxn ang="T154">
                    <a:pos x="T100" y="T101"/>
                  </a:cxn>
                  <a:cxn ang="T155">
                    <a:pos x="T102" y="T103"/>
                  </a:cxn>
                </a:cxnLst>
                <a:rect l="T156" t="T157" r="T158" b="T159"/>
                <a:pathLst>
                  <a:path w="516" h="557">
                    <a:moveTo>
                      <a:pt x="492" y="498"/>
                    </a:moveTo>
                    <a:lnTo>
                      <a:pt x="487" y="493"/>
                    </a:lnTo>
                    <a:lnTo>
                      <a:pt x="485" y="490"/>
                    </a:lnTo>
                    <a:lnTo>
                      <a:pt x="490" y="488"/>
                    </a:lnTo>
                    <a:lnTo>
                      <a:pt x="492" y="474"/>
                    </a:lnTo>
                    <a:lnTo>
                      <a:pt x="489" y="474"/>
                    </a:lnTo>
                    <a:lnTo>
                      <a:pt x="489" y="471"/>
                    </a:lnTo>
                    <a:lnTo>
                      <a:pt x="490" y="464"/>
                    </a:lnTo>
                    <a:lnTo>
                      <a:pt x="485" y="462"/>
                    </a:lnTo>
                    <a:lnTo>
                      <a:pt x="487" y="464"/>
                    </a:lnTo>
                    <a:lnTo>
                      <a:pt x="487" y="466"/>
                    </a:lnTo>
                    <a:lnTo>
                      <a:pt x="487" y="468"/>
                    </a:lnTo>
                    <a:lnTo>
                      <a:pt x="487" y="469"/>
                    </a:lnTo>
                    <a:lnTo>
                      <a:pt x="487" y="468"/>
                    </a:lnTo>
                    <a:lnTo>
                      <a:pt x="485" y="464"/>
                    </a:lnTo>
                    <a:lnTo>
                      <a:pt x="482" y="457"/>
                    </a:lnTo>
                    <a:lnTo>
                      <a:pt x="480" y="449"/>
                    </a:lnTo>
                    <a:lnTo>
                      <a:pt x="480" y="446"/>
                    </a:lnTo>
                    <a:lnTo>
                      <a:pt x="480" y="444"/>
                    </a:lnTo>
                    <a:lnTo>
                      <a:pt x="482" y="444"/>
                    </a:lnTo>
                    <a:lnTo>
                      <a:pt x="485" y="446"/>
                    </a:lnTo>
                    <a:lnTo>
                      <a:pt x="487" y="449"/>
                    </a:lnTo>
                    <a:lnTo>
                      <a:pt x="489" y="451"/>
                    </a:lnTo>
                    <a:lnTo>
                      <a:pt x="489" y="432"/>
                    </a:lnTo>
                    <a:lnTo>
                      <a:pt x="485" y="425"/>
                    </a:lnTo>
                    <a:lnTo>
                      <a:pt x="487" y="427"/>
                    </a:lnTo>
                    <a:lnTo>
                      <a:pt x="489" y="427"/>
                    </a:lnTo>
                    <a:lnTo>
                      <a:pt x="490" y="427"/>
                    </a:lnTo>
                    <a:lnTo>
                      <a:pt x="494" y="427"/>
                    </a:lnTo>
                    <a:lnTo>
                      <a:pt x="496" y="427"/>
                    </a:lnTo>
                    <a:lnTo>
                      <a:pt x="497" y="427"/>
                    </a:lnTo>
                    <a:lnTo>
                      <a:pt x="497" y="418"/>
                    </a:lnTo>
                    <a:lnTo>
                      <a:pt x="497" y="412"/>
                    </a:lnTo>
                    <a:lnTo>
                      <a:pt x="497" y="407"/>
                    </a:lnTo>
                    <a:lnTo>
                      <a:pt x="497" y="403"/>
                    </a:lnTo>
                    <a:lnTo>
                      <a:pt x="497" y="400"/>
                    </a:lnTo>
                    <a:lnTo>
                      <a:pt x="499" y="398"/>
                    </a:lnTo>
                    <a:lnTo>
                      <a:pt x="504" y="398"/>
                    </a:lnTo>
                    <a:lnTo>
                      <a:pt x="506" y="396"/>
                    </a:lnTo>
                    <a:lnTo>
                      <a:pt x="507" y="395"/>
                    </a:lnTo>
                    <a:lnTo>
                      <a:pt x="507" y="393"/>
                    </a:lnTo>
                    <a:lnTo>
                      <a:pt x="507" y="391"/>
                    </a:lnTo>
                    <a:lnTo>
                      <a:pt x="506" y="391"/>
                    </a:lnTo>
                    <a:lnTo>
                      <a:pt x="506" y="390"/>
                    </a:lnTo>
                    <a:lnTo>
                      <a:pt x="504" y="390"/>
                    </a:lnTo>
                    <a:lnTo>
                      <a:pt x="499" y="386"/>
                    </a:lnTo>
                    <a:lnTo>
                      <a:pt x="497" y="385"/>
                    </a:lnTo>
                    <a:lnTo>
                      <a:pt x="496" y="383"/>
                    </a:lnTo>
                    <a:lnTo>
                      <a:pt x="497" y="381"/>
                    </a:lnTo>
                    <a:lnTo>
                      <a:pt x="499" y="380"/>
                    </a:lnTo>
                    <a:lnTo>
                      <a:pt x="501" y="380"/>
                    </a:lnTo>
                    <a:lnTo>
                      <a:pt x="502" y="380"/>
                    </a:lnTo>
                    <a:lnTo>
                      <a:pt x="504" y="378"/>
                    </a:lnTo>
                    <a:lnTo>
                      <a:pt x="501" y="371"/>
                    </a:lnTo>
                    <a:lnTo>
                      <a:pt x="501" y="364"/>
                    </a:lnTo>
                    <a:lnTo>
                      <a:pt x="502" y="361"/>
                    </a:lnTo>
                    <a:lnTo>
                      <a:pt x="504" y="356"/>
                    </a:lnTo>
                    <a:lnTo>
                      <a:pt x="506" y="354"/>
                    </a:lnTo>
                    <a:lnTo>
                      <a:pt x="507" y="352"/>
                    </a:lnTo>
                    <a:lnTo>
                      <a:pt x="509" y="352"/>
                    </a:lnTo>
                    <a:lnTo>
                      <a:pt x="509" y="351"/>
                    </a:lnTo>
                    <a:lnTo>
                      <a:pt x="509" y="344"/>
                    </a:lnTo>
                    <a:lnTo>
                      <a:pt x="516" y="339"/>
                    </a:lnTo>
                    <a:lnTo>
                      <a:pt x="514" y="330"/>
                    </a:lnTo>
                    <a:lnTo>
                      <a:pt x="506" y="329"/>
                    </a:lnTo>
                    <a:lnTo>
                      <a:pt x="502" y="324"/>
                    </a:lnTo>
                    <a:lnTo>
                      <a:pt x="504" y="324"/>
                    </a:lnTo>
                    <a:lnTo>
                      <a:pt x="504" y="322"/>
                    </a:lnTo>
                    <a:lnTo>
                      <a:pt x="502" y="320"/>
                    </a:lnTo>
                    <a:lnTo>
                      <a:pt x="502" y="319"/>
                    </a:lnTo>
                    <a:lnTo>
                      <a:pt x="502" y="317"/>
                    </a:lnTo>
                    <a:lnTo>
                      <a:pt x="502" y="315"/>
                    </a:lnTo>
                    <a:lnTo>
                      <a:pt x="502" y="314"/>
                    </a:lnTo>
                    <a:lnTo>
                      <a:pt x="502" y="312"/>
                    </a:lnTo>
                    <a:lnTo>
                      <a:pt x="501" y="298"/>
                    </a:lnTo>
                    <a:lnTo>
                      <a:pt x="496" y="288"/>
                    </a:lnTo>
                    <a:lnTo>
                      <a:pt x="490" y="280"/>
                    </a:lnTo>
                    <a:lnTo>
                      <a:pt x="484" y="271"/>
                    </a:lnTo>
                    <a:lnTo>
                      <a:pt x="477" y="266"/>
                    </a:lnTo>
                    <a:lnTo>
                      <a:pt x="470" y="263"/>
                    </a:lnTo>
                    <a:lnTo>
                      <a:pt x="467" y="259"/>
                    </a:lnTo>
                    <a:lnTo>
                      <a:pt x="465" y="258"/>
                    </a:lnTo>
                    <a:lnTo>
                      <a:pt x="463" y="242"/>
                    </a:lnTo>
                    <a:lnTo>
                      <a:pt x="460" y="232"/>
                    </a:lnTo>
                    <a:lnTo>
                      <a:pt x="453" y="224"/>
                    </a:lnTo>
                    <a:lnTo>
                      <a:pt x="446" y="219"/>
                    </a:lnTo>
                    <a:lnTo>
                      <a:pt x="440" y="215"/>
                    </a:lnTo>
                    <a:lnTo>
                      <a:pt x="435" y="214"/>
                    </a:lnTo>
                    <a:lnTo>
                      <a:pt x="430" y="212"/>
                    </a:lnTo>
                    <a:lnTo>
                      <a:pt x="428" y="212"/>
                    </a:lnTo>
                    <a:lnTo>
                      <a:pt x="428" y="210"/>
                    </a:lnTo>
                    <a:lnTo>
                      <a:pt x="424" y="209"/>
                    </a:lnTo>
                    <a:lnTo>
                      <a:pt x="419" y="204"/>
                    </a:lnTo>
                    <a:lnTo>
                      <a:pt x="414" y="200"/>
                    </a:lnTo>
                    <a:lnTo>
                      <a:pt x="409" y="195"/>
                    </a:lnTo>
                    <a:lnTo>
                      <a:pt x="406" y="190"/>
                    </a:lnTo>
                    <a:lnTo>
                      <a:pt x="402" y="187"/>
                    </a:lnTo>
                    <a:lnTo>
                      <a:pt x="401" y="183"/>
                    </a:lnTo>
                    <a:lnTo>
                      <a:pt x="397" y="175"/>
                    </a:lnTo>
                    <a:lnTo>
                      <a:pt x="392" y="168"/>
                    </a:lnTo>
                    <a:lnTo>
                      <a:pt x="389" y="163"/>
                    </a:lnTo>
                    <a:lnTo>
                      <a:pt x="384" y="161"/>
                    </a:lnTo>
                    <a:lnTo>
                      <a:pt x="380" y="160"/>
                    </a:lnTo>
                    <a:lnTo>
                      <a:pt x="377" y="160"/>
                    </a:lnTo>
                    <a:lnTo>
                      <a:pt x="374" y="160"/>
                    </a:lnTo>
                    <a:lnTo>
                      <a:pt x="372" y="158"/>
                    </a:lnTo>
                    <a:lnTo>
                      <a:pt x="370" y="154"/>
                    </a:lnTo>
                    <a:lnTo>
                      <a:pt x="367" y="153"/>
                    </a:lnTo>
                    <a:lnTo>
                      <a:pt x="365" y="149"/>
                    </a:lnTo>
                    <a:lnTo>
                      <a:pt x="362" y="143"/>
                    </a:lnTo>
                    <a:lnTo>
                      <a:pt x="358" y="138"/>
                    </a:lnTo>
                    <a:lnTo>
                      <a:pt x="355" y="134"/>
                    </a:lnTo>
                    <a:lnTo>
                      <a:pt x="352" y="132"/>
                    </a:lnTo>
                    <a:lnTo>
                      <a:pt x="348" y="131"/>
                    </a:lnTo>
                    <a:lnTo>
                      <a:pt x="347" y="132"/>
                    </a:lnTo>
                    <a:lnTo>
                      <a:pt x="343" y="132"/>
                    </a:lnTo>
                    <a:lnTo>
                      <a:pt x="336" y="131"/>
                    </a:lnTo>
                    <a:lnTo>
                      <a:pt x="331" y="129"/>
                    </a:lnTo>
                    <a:lnTo>
                      <a:pt x="328" y="124"/>
                    </a:lnTo>
                    <a:lnTo>
                      <a:pt x="325" y="119"/>
                    </a:lnTo>
                    <a:lnTo>
                      <a:pt x="321" y="114"/>
                    </a:lnTo>
                    <a:lnTo>
                      <a:pt x="320" y="110"/>
                    </a:lnTo>
                    <a:lnTo>
                      <a:pt x="318" y="107"/>
                    </a:lnTo>
                    <a:lnTo>
                      <a:pt x="318" y="105"/>
                    </a:lnTo>
                    <a:lnTo>
                      <a:pt x="313" y="102"/>
                    </a:lnTo>
                    <a:lnTo>
                      <a:pt x="306" y="95"/>
                    </a:lnTo>
                    <a:lnTo>
                      <a:pt x="301" y="88"/>
                    </a:lnTo>
                    <a:lnTo>
                      <a:pt x="296" y="82"/>
                    </a:lnTo>
                    <a:lnTo>
                      <a:pt x="292" y="75"/>
                    </a:lnTo>
                    <a:lnTo>
                      <a:pt x="291" y="68"/>
                    </a:lnTo>
                    <a:lnTo>
                      <a:pt x="287" y="65"/>
                    </a:lnTo>
                    <a:lnTo>
                      <a:pt x="287" y="63"/>
                    </a:lnTo>
                    <a:lnTo>
                      <a:pt x="287" y="61"/>
                    </a:lnTo>
                    <a:lnTo>
                      <a:pt x="284" y="61"/>
                    </a:lnTo>
                    <a:lnTo>
                      <a:pt x="282" y="61"/>
                    </a:lnTo>
                    <a:lnTo>
                      <a:pt x="281" y="60"/>
                    </a:lnTo>
                    <a:lnTo>
                      <a:pt x="274" y="60"/>
                    </a:lnTo>
                    <a:lnTo>
                      <a:pt x="267" y="58"/>
                    </a:lnTo>
                    <a:lnTo>
                      <a:pt x="262" y="56"/>
                    </a:lnTo>
                    <a:lnTo>
                      <a:pt x="259" y="55"/>
                    </a:lnTo>
                    <a:lnTo>
                      <a:pt x="255" y="53"/>
                    </a:lnTo>
                    <a:lnTo>
                      <a:pt x="254" y="51"/>
                    </a:lnTo>
                    <a:lnTo>
                      <a:pt x="252" y="50"/>
                    </a:lnTo>
                    <a:lnTo>
                      <a:pt x="240" y="48"/>
                    </a:lnTo>
                    <a:lnTo>
                      <a:pt x="235" y="43"/>
                    </a:lnTo>
                    <a:lnTo>
                      <a:pt x="235" y="34"/>
                    </a:lnTo>
                    <a:lnTo>
                      <a:pt x="237" y="24"/>
                    </a:lnTo>
                    <a:lnTo>
                      <a:pt x="242" y="16"/>
                    </a:lnTo>
                    <a:lnTo>
                      <a:pt x="248" y="7"/>
                    </a:lnTo>
                    <a:lnTo>
                      <a:pt x="252" y="2"/>
                    </a:lnTo>
                    <a:lnTo>
                      <a:pt x="254" y="0"/>
                    </a:lnTo>
                    <a:lnTo>
                      <a:pt x="130" y="19"/>
                    </a:lnTo>
                    <a:lnTo>
                      <a:pt x="0" y="33"/>
                    </a:lnTo>
                    <a:lnTo>
                      <a:pt x="73" y="290"/>
                    </a:lnTo>
                    <a:lnTo>
                      <a:pt x="89" y="327"/>
                    </a:lnTo>
                    <a:lnTo>
                      <a:pt x="91" y="329"/>
                    </a:lnTo>
                    <a:lnTo>
                      <a:pt x="93" y="330"/>
                    </a:lnTo>
                    <a:lnTo>
                      <a:pt x="95" y="334"/>
                    </a:lnTo>
                    <a:lnTo>
                      <a:pt x="96" y="337"/>
                    </a:lnTo>
                    <a:lnTo>
                      <a:pt x="100" y="341"/>
                    </a:lnTo>
                    <a:lnTo>
                      <a:pt x="100" y="347"/>
                    </a:lnTo>
                    <a:lnTo>
                      <a:pt x="100" y="352"/>
                    </a:lnTo>
                    <a:lnTo>
                      <a:pt x="101" y="354"/>
                    </a:lnTo>
                    <a:lnTo>
                      <a:pt x="103" y="356"/>
                    </a:lnTo>
                    <a:lnTo>
                      <a:pt x="105" y="356"/>
                    </a:lnTo>
                    <a:lnTo>
                      <a:pt x="108" y="358"/>
                    </a:lnTo>
                    <a:lnTo>
                      <a:pt x="108" y="361"/>
                    </a:lnTo>
                    <a:lnTo>
                      <a:pt x="108" y="364"/>
                    </a:lnTo>
                    <a:lnTo>
                      <a:pt x="105" y="369"/>
                    </a:lnTo>
                    <a:lnTo>
                      <a:pt x="98" y="376"/>
                    </a:lnTo>
                    <a:lnTo>
                      <a:pt x="98" y="378"/>
                    </a:lnTo>
                    <a:lnTo>
                      <a:pt x="96" y="378"/>
                    </a:lnTo>
                    <a:lnTo>
                      <a:pt x="96" y="381"/>
                    </a:lnTo>
                    <a:lnTo>
                      <a:pt x="96" y="383"/>
                    </a:lnTo>
                    <a:lnTo>
                      <a:pt x="95" y="388"/>
                    </a:lnTo>
                    <a:lnTo>
                      <a:pt x="95" y="393"/>
                    </a:lnTo>
                    <a:lnTo>
                      <a:pt x="95" y="400"/>
                    </a:lnTo>
                    <a:lnTo>
                      <a:pt x="95" y="407"/>
                    </a:lnTo>
                    <a:lnTo>
                      <a:pt x="95" y="410"/>
                    </a:lnTo>
                    <a:lnTo>
                      <a:pt x="93" y="413"/>
                    </a:lnTo>
                    <a:lnTo>
                      <a:pt x="93" y="418"/>
                    </a:lnTo>
                    <a:lnTo>
                      <a:pt x="93" y="424"/>
                    </a:lnTo>
                    <a:lnTo>
                      <a:pt x="93" y="432"/>
                    </a:lnTo>
                    <a:lnTo>
                      <a:pt x="95" y="439"/>
                    </a:lnTo>
                    <a:lnTo>
                      <a:pt x="98" y="446"/>
                    </a:lnTo>
                    <a:lnTo>
                      <a:pt x="103" y="451"/>
                    </a:lnTo>
                    <a:lnTo>
                      <a:pt x="103" y="454"/>
                    </a:lnTo>
                    <a:lnTo>
                      <a:pt x="103" y="457"/>
                    </a:lnTo>
                    <a:lnTo>
                      <a:pt x="105" y="464"/>
                    </a:lnTo>
                    <a:lnTo>
                      <a:pt x="105" y="471"/>
                    </a:lnTo>
                    <a:lnTo>
                      <a:pt x="105" y="478"/>
                    </a:lnTo>
                    <a:lnTo>
                      <a:pt x="105" y="483"/>
                    </a:lnTo>
                    <a:lnTo>
                      <a:pt x="105" y="488"/>
                    </a:lnTo>
                    <a:lnTo>
                      <a:pt x="105" y="490"/>
                    </a:lnTo>
                    <a:lnTo>
                      <a:pt x="122" y="522"/>
                    </a:lnTo>
                    <a:lnTo>
                      <a:pt x="139" y="554"/>
                    </a:lnTo>
                    <a:lnTo>
                      <a:pt x="418" y="535"/>
                    </a:lnTo>
                    <a:lnTo>
                      <a:pt x="428" y="557"/>
                    </a:lnTo>
                    <a:lnTo>
                      <a:pt x="443" y="557"/>
                    </a:lnTo>
                    <a:lnTo>
                      <a:pt x="443" y="556"/>
                    </a:lnTo>
                    <a:lnTo>
                      <a:pt x="441" y="552"/>
                    </a:lnTo>
                    <a:lnTo>
                      <a:pt x="441" y="549"/>
                    </a:lnTo>
                    <a:lnTo>
                      <a:pt x="441" y="544"/>
                    </a:lnTo>
                    <a:lnTo>
                      <a:pt x="440" y="539"/>
                    </a:lnTo>
                    <a:lnTo>
                      <a:pt x="440" y="534"/>
                    </a:lnTo>
                    <a:lnTo>
                      <a:pt x="440" y="530"/>
                    </a:lnTo>
                    <a:lnTo>
                      <a:pt x="440" y="528"/>
                    </a:lnTo>
                    <a:lnTo>
                      <a:pt x="435" y="520"/>
                    </a:lnTo>
                    <a:lnTo>
                      <a:pt x="435" y="512"/>
                    </a:lnTo>
                    <a:lnTo>
                      <a:pt x="435" y="506"/>
                    </a:lnTo>
                    <a:lnTo>
                      <a:pt x="438" y="503"/>
                    </a:lnTo>
                    <a:lnTo>
                      <a:pt x="441" y="500"/>
                    </a:lnTo>
                    <a:lnTo>
                      <a:pt x="443" y="498"/>
                    </a:lnTo>
                    <a:lnTo>
                      <a:pt x="446" y="498"/>
                    </a:lnTo>
                    <a:lnTo>
                      <a:pt x="448" y="498"/>
                    </a:lnTo>
                    <a:lnTo>
                      <a:pt x="453" y="501"/>
                    </a:lnTo>
                    <a:lnTo>
                      <a:pt x="462" y="503"/>
                    </a:lnTo>
                    <a:lnTo>
                      <a:pt x="468" y="505"/>
                    </a:lnTo>
                    <a:lnTo>
                      <a:pt x="475" y="506"/>
                    </a:lnTo>
                    <a:lnTo>
                      <a:pt x="482" y="506"/>
                    </a:lnTo>
                    <a:lnTo>
                      <a:pt x="485" y="506"/>
                    </a:lnTo>
                    <a:lnTo>
                      <a:pt x="489" y="506"/>
                    </a:lnTo>
                    <a:lnTo>
                      <a:pt x="490" y="506"/>
                    </a:lnTo>
                    <a:lnTo>
                      <a:pt x="492" y="498"/>
                    </a:lnTo>
                  </a:path>
                </a:pathLst>
              </a:custGeom>
              <a:solidFill>
                <a:srgbClr val="C00000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grpSp>
          <p:nvGrpSpPr>
            <p:cNvPr id="1151" name="Group 183"/>
            <p:cNvGrpSpPr>
              <a:grpSpLocks/>
            </p:cNvGrpSpPr>
            <p:nvPr/>
          </p:nvGrpSpPr>
          <p:grpSpPr bwMode="auto">
            <a:xfrm>
              <a:off x="4720" y="1593"/>
              <a:ext cx="332" cy="182"/>
              <a:chOff x="4972" y="1195"/>
              <a:chExt cx="342" cy="188"/>
            </a:xfrm>
          </p:grpSpPr>
          <p:sp>
            <p:nvSpPr>
              <p:cNvPr id="1154" name="Freeform 184"/>
              <p:cNvSpPr>
                <a:spLocks/>
              </p:cNvSpPr>
              <p:nvPr/>
            </p:nvSpPr>
            <p:spPr bwMode="auto">
              <a:xfrm>
                <a:off x="5289" y="1356"/>
                <a:ext cx="25" cy="17"/>
              </a:xfrm>
              <a:custGeom>
                <a:avLst/>
                <a:gdLst>
                  <a:gd name="T0" fmla="*/ 0 w 25"/>
                  <a:gd name="T1" fmla="*/ 17 h 17"/>
                  <a:gd name="T2" fmla="*/ 2 w 25"/>
                  <a:gd name="T3" fmla="*/ 17 h 17"/>
                  <a:gd name="T4" fmla="*/ 7 w 25"/>
                  <a:gd name="T5" fmla="*/ 17 h 17"/>
                  <a:gd name="T6" fmla="*/ 12 w 25"/>
                  <a:gd name="T7" fmla="*/ 17 h 17"/>
                  <a:gd name="T8" fmla="*/ 19 w 25"/>
                  <a:gd name="T9" fmla="*/ 15 h 17"/>
                  <a:gd name="T10" fmla="*/ 24 w 25"/>
                  <a:gd name="T11" fmla="*/ 13 h 17"/>
                  <a:gd name="T12" fmla="*/ 25 w 25"/>
                  <a:gd name="T13" fmla="*/ 10 h 17"/>
                  <a:gd name="T14" fmla="*/ 24 w 25"/>
                  <a:gd name="T15" fmla="*/ 6 h 17"/>
                  <a:gd name="T16" fmla="*/ 19 w 25"/>
                  <a:gd name="T17" fmla="*/ 1 h 17"/>
                  <a:gd name="T18" fmla="*/ 19 w 25"/>
                  <a:gd name="T19" fmla="*/ 0 h 17"/>
                  <a:gd name="T20" fmla="*/ 17 w 25"/>
                  <a:gd name="T21" fmla="*/ 0 h 17"/>
                  <a:gd name="T22" fmla="*/ 15 w 25"/>
                  <a:gd name="T23" fmla="*/ 3 h 17"/>
                  <a:gd name="T24" fmla="*/ 15 w 25"/>
                  <a:gd name="T25" fmla="*/ 8 h 17"/>
                  <a:gd name="T26" fmla="*/ 13 w 25"/>
                  <a:gd name="T27" fmla="*/ 8 h 17"/>
                  <a:gd name="T28" fmla="*/ 12 w 25"/>
                  <a:gd name="T29" fmla="*/ 8 h 17"/>
                  <a:gd name="T30" fmla="*/ 8 w 25"/>
                  <a:gd name="T31" fmla="*/ 8 h 17"/>
                  <a:gd name="T32" fmla="*/ 7 w 25"/>
                  <a:gd name="T33" fmla="*/ 8 h 17"/>
                  <a:gd name="T34" fmla="*/ 3 w 25"/>
                  <a:gd name="T35" fmla="*/ 10 h 17"/>
                  <a:gd name="T36" fmla="*/ 0 w 25"/>
                  <a:gd name="T37" fmla="*/ 12 h 17"/>
                  <a:gd name="T38" fmla="*/ 0 w 25"/>
                  <a:gd name="T39" fmla="*/ 13 h 17"/>
                  <a:gd name="T40" fmla="*/ 0 w 25"/>
                  <a:gd name="T41" fmla="*/ 17 h 17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w 25"/>
                  <a:gd name="T64" fmla="*/ 0 h 17"/>
                  <a:gd name="T65" fmla="*/ 25 w 25"/>
                  <a:gd name="T66" fmla="*/ 17 h 17"/>
                </a:gdLst>
                <a:ahLst/>
                <a:cxnLst>
                  <a:cxn ang="T42">
                    <a:pos x="T0" y="T1"/>
                  </a:cxn>
                  <a:cxn ang="T43">
                    <a:pos x="T2" y="T3"/>
                  </a:cxn>
                  <a:cxn ang="T44">
                    <a:pos x="T4" y="T5"/>
                  </a:cxn>
                  <a:cxn ang="T45">
                    <a:pos x="T6" y="T7"/>
                  </a:cxn>
                  <a:cxn ang="T46">
                    <a:pos x="T8" y="T9"/>
                  </a:cxn>
                  <a:cxn ang="T47">
                    <a:pos x="T10" y="T11"/>
                  </a:cxn>
                  <a:cxn ang="T48">
                    <a:pos x="T12" y="T13"/>
                  </a:cxn>
                  <a:cxn ang="T49">
                    <a:pos x="T14" y="T15"/>
                  </a:cxn>
                  <a:cxn ang="T50">
                    <a:pos x="T16" y="T17"/>
                  </a:cxn>
                  <a:cxn ang="T51">
                    <a:pos x="T18" y="T19"/>
                  </a:cxn>
                  <a:cxn ang="T52">
                    <a:pos x="T20" y="T21"/>
                  </a:cxn>
                  <a:cxn ang="T53">
                    <a:pos x="T22" y="T23"/>
                  </a:cxn>
                  <a:cxn ang="T54">
                    <a:pos x="T24" y="T25"/>
                  </a:cxn>
                  <a:cxn ang="T55">
                    <a:pos x="T26" y="T27"/>
                  </a:cxn>
                  <a:cxn ang="T56">
                    <a:pos x="T28" y="T29"/>
                  </a:cxn>
                  <a:cxn ang="T57">
                    <a:pos x="T30" y="T31"/>
                  </a:cxn>
                  <a:cxn ang="T58">
                    <a:pos x="T32" y="T33"/>
                  </a:cxn>
                  <a:cxn ang="T59">
                    <a:pos x="T34" y="T35"/>
                  </a:cxn>
                  <a:cxn ang="T60">
                    <a:pos x="T36" y="T37"/>
                  </a:cxn>
                  <a:cxn ang="T61">
                    <a:pos x="T38" y="T39"/>
                  </a:cxn>
                  <a:cxn ang="T62">
                    <a:pos x="T40" y="T41"/>
                  </a:cxn>
                </a:cxnLst>
                <a:rect l="T63" t="T64" r="T65" b="T66"/>
                <a:pathLst>
                  <a:path w="25" h="17">
                    <a:moveTo>
                      <a:pt x="0" y="17"/>
                    </a:moveTo>
                    <a:lnTo>
                      <a:pt x="2" y="17"/>
                    </a:lnTo>
                    <a:lnTo>
                      <a:pt x="7" y="17"/>
                    </a:lnTo>
                    <a:lnTo>
                      <a:pt x="12" y="17"/>
                    </a:lnTo>
                    <a:lnTo>
                      <a:pt x="19" y="15"/>
                    </a:lnTo>
                    <a:lnTo>
                      <a:pt x="24" y="13"/>
                    </a:lnTo>
                    <a:lnTo>
                      <a:pt x="25" y="10"/>
                    </a:lnTo>
                    <a:lnTo>
                      <a:pt x="24" y="6"/>
                    </a:lnTo>
                    <a:lnTo>
                      <a:pt x="19" y="1"/>
                    </a:lnTo>
                    <a:lnTo>
                      <a:pt x="19" y="0"/>
                    </a:lnTo>
                    <a:lnTo>
                      <a:pt x="17" y="0"/>
                    </a:lnTo>
                    <a:lnTo>
                      <a:pt x="15" y="3"/>
                    </a:lnTo>
                    <a:lnTo>
                      <a:pt x="15" y="8"/>
                    </a:lnTo>
                    <a:lnTo>
                      <a:pt x="13" y="8"/>
                    </a:lnTo>
                    <a:lnTo>
                      <a:pt x="12" y="8"/>
                    </a:lnTo>
                    <a:lnTo>
                      <a:pt x="8" y="8"/>
                    </a:lnTo>
                    <a:lnTo>
                      <a:pt x="7" y="8"/>
                    </a:lnTo>
                    <a:lnTo>
                      <a:pt x="3" y="10"/>
                    </a:lnTo>
                    <a:lnTo>
                      <a:pt x="0" y="12"/>
                    </a:lnTo>
                    <a:lnTo>
                      <a:pt x="0" y="13"/>
                    </a:lnTo>
                    <a:lnTo>
                      <a:pt x="0" y="1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55" name="Freeform 185"/>
              <p:cNvSpPr>
                <a:spLocks/>
              </p:cNvSpPr>
              <p:nvPr/>
            </p:nvSpPr>
            <p:spPr bwMode="auto">
              <a:xfrm>
                <a:off x="5289" y="1356"/>
                <a:ext cx="25" cy="17"/>
              </a:xfrm>
              <a:custGeom>
                <a:avLst/>
                <a:gdLst>
                  <a:gd name="T0" fmla="*/ 0 w 25"/>
                  <a:gd name="T1" fmla="*/ 17 h 17"/>
                  <a:gd name="T2" fmla="*/ 0 w 25"/>
                  <a:gd name="T3" fmla="*/ 17 h 17"/>
                  <a:gd name="T4" fmla="*/ 2 w 25"/>
                  <a:gd name="T5" fmla="*/ 17 h 17"/>
                  <a:gd name="T6" fmla="*/ 7 w 25"/>
                  <a:gd name="T7" fmla="*/ 17 h 17"/>
                  <a:gd name="T8" fmla="*/ 12 w 25"/>
                  <a:gd name="T9" fmla="*/ 17 h 17"/>
                  <a:gd name="T10" fmla="*/ 19 w 25"/>
                  <a:gd name="T11" fmla="*/ 15 h 17"/>
                  <a:gd name="T12" fmla="*/ 24 w 25"/>
                  <a:gd name="T13" fmla="*/ 13 h 17"/>
                  <a:gd name="T14" fmla="*/ 25 w 25"/>
                  <a:gd name="T15" fmla="*/ 10 h 17"/>
                  <a:gd name="T16" fmla="*/ 24 w 25"/>
                  <a:gd name="T17" fmla="*/ 6 h 17"/>
                  <a:gd name="T18" fmla="*/ 19 w 25"/>
                  <a:gd name="T19" fmla="*/ 1 h 17"/>
                  <a:gd name="T20" fmla="*/ 19 w 25"/>
                  <a:gd name="T21" fmla="*/ 1 h 17"/>
                  <a:gd name="T22" fmla="*/ 19 w 25"/>
                  <a:gd name="T23" fmla="*/ 0 h 17"/>
                  <a:gd name="T24" fmla="*/ 17 w 25"/>
                  <a:gd name="T25" fmla="*/ 0 h 17"/>
                  <a:gd name="T26" fmla="*/ 15 w 25"/>
                  <a:gd name="T27" fmla="*/ 3 h 17"/>
                  <a:gd name="T28" fmla="*/ 15 w 25"/>
                  <a:gd name="T29" fmla="*/ 8 h 17"/>
                  <a:gd name="T30" fmla="*/ 15 w 25"/>
                  <a:gd name="T31" fmla="*/ 8 h 17"/>
                  <a:gd name="T32" fmla="*/ 13 w 25"/>
                  <a:gd name="T33" fmla="*/ 8 h 17"/>
                  <a:gd name="T34" fmla="*/ 12 w 25"/>
                  <a:gd name="T35" fmla="*/ 8 h 17"/>
                  <a:gd name="T36" fmla="*/ 8 w 25"/>
                  <a:gd name="T37" fmla="*/ 8 h 17"/>
                  <a:gd name="T38" fmla="*/ 7 w 25"/>
                  <a:gd name="T39" fmla="*/ 8 h 17"/>
                  <a:gd name="T40" fmla="*/ 3 w 25"/>
                  <a:gd name="T41" fmla="*/ 10 h 17"/>
                  <a:gd name="T42" fmla="*/ 0 w 25"/>
                  <a:gd name="T43" fmla="*/ 12 h 17"/>
                  <a:gd name="T44" fmla="*/ 0 w 25"/>
                  <a:gd name="T45" fmla="*/ 13 h 17"/>
                  <a:gd name="T46" fmla="*/ 0 w 25"/>
                  <a:gd name="T47" fmla="*/ 17 h 17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25"/>
                  <a:gd name="T73" fmla="*/ 0 h 17"/>
                  <a:gd name="T74" fmla="*/ 25 w 25"/>
                  <a:gd name="T75" fmla="*/ 17 h 17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25" h="17">
                    <a:moveTo>
                      <a:pt x="0" y="17"/>
                    </a:moveTo>
                    <a:lnTo>
                      <a:pt x="0" y="17"/>
                    </a:lnTo>
                    <a:lnTo>
                      <a:pt x="2" y="17"/>
                    </a:lnTo>
                    <a:lnTo>
                      <a:pt x="7" y="17"/>
                    </a:lnTo>
                    <a:lnTo>
                      <a:pt x="12" y="17"/>
                    </a:lnTo>
                    <a:lnTo>
                      <a:pt x="19" y="15"/>
                    </a:lnTo>
                    <a:lnTo>
                      <a:pt x="24" y="13"/>
                    </a:lnTo>
                    <a:lnTo>
                      <a:pt x="25" y="10"/>
                    </a:lnTo>
                    <a:lnTo>
                      <a:pt x="24" y="6"/>
                    </a:lnTo>
                    <a:lnTo>
                      <a:pt x="19" y="1"/>
                    </a:lnTo>
                    <a:lnTo>
                      <a:pt x="19" y="0"/>
                    </a:lnTo>
                    <a:lnTo>
                      <a:pt x="17" y="0"/>
                    </a:lnTo>
                    <a:lnTo>
                      <a:pt x="15" y="3"/>
                    </a:lnTo>
                    <a:lnTo>
                      <a:pt x="15" y="8"/>
                    </a:lnTo>
                    <a:lnTo>
                      <a:pt x="13" y="8"/>
                    </a:lnTo>
                    <a:lnTo>
                      <a:pt x="12" y="8"/>
                    </a:lnTo>
                    <a:lnTo>
                      <a:pt x="8" y="8"/>
                    </a:lnTo>
                    <a:lnTo>
                      <a:pt x="7" y="8"/>
                    </a:lnTo>
                    <a:lnTo>
                      <a:pt x="3" y="10"/>
                    </a:lnTo>
                    <a:lnTo>
                      <a:pt x="0" y="12"/>
                    </a:lnTo>
                    <a:lnTo>
                      <a:pt x="0" y="13"/>
                    </a:lnTo>
                    <a:lnTo>
                      <a:pt x="0" y="1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56" name="Freeform 186"/>
              <p:cNvSpPr>
                <a:spLocks/>
              </p:cNvSpPr>
              <p:nvPr/>
            </p:nvSpPr>
            <p:spPr bwMode="auto">
              <a:xfrm>
                <a:off x="5235" y="1357"/>
                <a:ext cx="29" cy="26"/>
              </a:xfrm>
              <a:custGeom>
                <a:avLst/>
                <a:gdLst>
                  <a:gd name="T0" fmla="*/ 0 w 29"/>
                  <a:gd name="T1" fmla="*/ 19 h 26"/>
                  <a:gd name="T2" fmla="*/ 3 w 29"/>
                  <a:gd name="T3" fmla="*/ 26 h 26"/>
                  <a:gd name="T4" fmla="*/ 5 w 29"/>
                  <a:gd name="T5" fmla="*/ 26 h 26"/>
                  <a:gd name="T6" fmla="*/ 7 w 29"/>
                  <a:gd name="T7" fmla="*/ 24 h 26"/>
                  <a:gd name="T8" fmla="*/ 8 w 29"/>
                  <a:gd name="T9" fmla="*/ 21 h 26"/>
                  <a:gd name="T10" fmla="*/ 12 w 29"/>
                  <a:gd name="T11" fmla="*/ 19 h 26"/>
                  <a:gd name="T12" fmla="*/ 17 w 29"/>
                  <a:gd name="T13" fmla="*/ 16 h 26"/>
                  <a:gd name="T14" fmla="*/ 20 w 29"/>
                  <a:gd name="T15" fmla="*/ 12 h 26"/>
                  <a:gd name="T16" fmla="*/ 25 w 29"/>
                  <a:gd name="T17" fmla="*/ 12 h 26"/>
                  <a:gd name="T18" fmla="*/ 29 w 29"/>
                  <a:gd name="T19" fmla="*/ 11 h 26"/>
                  <a:gd name="T20" fmla="*/ 29 w 29"/>
                  <a:gd name="T21" fmla="*/ 9 h 26"/>
                  <a:gd name="T22" fmla="*/ 29 w 29"/>
                  <a:gd name="T23" fmla="*/ 5 h 26"/>
                  <a:gd name="T24" fmla="*/ 27 w 29"/>
                  <a:gd name="T25" fmla="*/ 4 h 26"/>
                  <a:gd name="T26" fmla="*/ 22 w 29"/>
                  <a:gd name="T27" fmla="*/ 4 h 26"/>
                  <a:gd name="T28" fmla="*/ 20 w 29"/>
                  <a:gd name="T29" fmla="*/ 4 h 26"/>
                  <a:gd name="T30" fmla="*/ 18 w 29"/>
                  <a:gd name="T31" fmla="*/ 2 h 26"/>
                  <a:gd name="T32" fmla="*/ 15 w 29"/>
                  <a:gd name="T33" fmla="*/ 0 h 26"/>
                  <a:gd name="T34" fmla="*/ 13 w 29"/>
                  <a:gd name="T35" fmla="*/ 0 h 26"/>
                  <a:gd name="T36" fmla="*/ 10 w 29"/>
                  <a:gd name="T37" fmla="*/ 4 h 26"/>
                  <a:gd name="T38" fmla="*/ 10 w 29"/>
                  <a:gd name="T39" fmla="*/ 7 h 26"/>
                  <a:gd name="T40" fmla="*/ 8 w 29"/>
                  <a:gd name="T41" fmla="*/ 11 h 26"/>
                  <a:gd name="T42" fmla="*/ 8 w 29"/>
                  <a:gd name="T43" fmla="*/ 14 h 26"/>
                  <a:gd name="T44" fmla="*/ 3 w 29"/>
                  <a:gd name="T45" fmla="*/ 17 h 26"/>
                  <a:gd name="T46" fmla="*/ 0 w 29"/>
                  <a:gd name="T47" fmla="*/ 19 h 26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29"/>
                  <a:gd name="T73" fmla="*/ 0 h 26"/>
                  <a:gd name="T74" fmla="*/ 29 w 29"/>
                  <a:gd name="T75" fmla="*/ 26 h 26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29" h="26">
                    <a:moveTo>
                      <a:pt x="0" y="19"/>
                    </a:moveTo>
                    <a:lnTo>
                      <a:pt x="3" y="26"/>
                    </a:lnTo>
                    <a:lnTo>
                      <a:pt x="5" y="26"/>
                    </a:lnTo>
                    <a:lnTo>
                      <a:pt x="7" y="24"/>
                    </a:lnTo>
                    <a:lnTo>
                      <a:pt x="8" y="21"/>
                    </a:lnTo>
                    <a:lnTo>
                      <a:pt x="12" y="19"/>
                    </a:lnTo>
                    <a:lnTo>
                      <a:pt x="17" y="16"/>
                    </a:lnTo>
                    <a:lnTo>
                      <a:pt x="20" y="12"/>
                    </a:lnTo>
                    <a:lnTo>
                      <a:pt x="25" y="12"/>
                    </a:lnTo>
                    <a:lnTo>
                      <a:pt x="29" y="11"/>
                    </a:lnTo>
                    <a:lnTo>
                      <a:pt x="29" y="9"/>
                    </a:lnTo>
                    <a:lnTo>
                      <a:pt x="29" y="5"/>
                    </a:lnTo>
                    <a:lnTo>
                      <a:pt x="27" y="4"/>
                    </a:lnTo>
                    <a:lnTo>
                      <a:pt x="22" y="4"/>
                    </a:lnTo>
                    <a:lnTo>
                      <a:pt x="20" y="4"/>
                    </a:lnTo>
                    <a:lnTo>
                      <a:pt x="18" y="2"/>
                    </a:lnTo>
                    <a:lnTo>
                      <a:pt x="15" y="0"/>
                    </a:lnTo>
                    <a:lnTo>
                      <a:pt x="13" y="0"/>
                    </a:lnTo>
                    <a:lnTo>
                      <a:pt x="10" y="4"/>
                    </a:lnTo>
                    <a:lnTo>
                      <a:pt x="10" y="7"/>
                    </a:lnTo>
                    <a:lnTo>
                      <a:pt x="8" y="11"/>
                    </a:lnTo>
                    <a:lnTo>
                      <a:pt x="8" y="14"/>
                    </a:lnTo>
                    <a:lnTo>
                      <a:pt x="3" y="17"/>
                    </a:lnTo>
                    <a:lnTo>
                      <a:pt x="0" y="1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57" name="Freeform 187"/>
              <p:cNvSpPr>
                <a:spLocks/>
              </p:cNvSpPr>
              <p:nvPr/>
            </p:nvSpPr>
            <p:spPr bwMode="auto">
              <a:xfrm>
                <a:off x="5235" y="1357"/>
                <a:ext cx="29" cy="26"/>
              </a:xfrm>
              <a:custGeom>
                <a:avLst/>
                <a:gdLst>
                  <a:gd name="T0" fmla="*/ 0 w 29"/>
                  <a:gd name="T1" fmla="*/ 19 h 26"/>
                  <a:gd name="T2" fmla="*/ 3 w 29"/>
                  <a:gd name="T3" fmla="*/ 26 h 26"/>
                  <a:gd name="T4" fmla="*/ 3 w 29"/>
                  <a:gd name="T5" fmla="*/ 26 h 26"/>
                  <a:gd name="T6" fmla="*/ 5 w 29"/>
                  <a:gd name="T7" fmla="*/ 26 h 26"/>
                  <a:gd name="T8" fmla="*/ 7 w 29"/>
                  <a:gd name="T9" fmla="*/ 24 h 26"/>
                  <a:gd name="T10" fmla="*/ 8 w 29"/>
                  <a:gd name="T11" fmla="*/ 21 h 26"/>
                  <a:gd name="T12" fmla="*/ 12 w 29"/>
                  <a:gd name="T13" fmla="*/ 19 h 26"/>
                  <a:gd name="T14" fmla="*/ 17 w 29"/>
                  <a:gd name="T15" fmla="*/ 16 h 26"/>
                  <a:gd name="T16" fmla="*/ 20 w 29"/>
                  <a:gd name="T17" fmla="*/ 12 h 26"/>
                  <a:gd name="T18" fmla="*/ 25 w 29"/>
                  <a:gd name="T19" fmla="*/ 12 h 26"/>
                  <a:gd name="T20" fmla="*/ 29 w 29"/>
                  <a:gd name="T21" fmla="*/ 11 h 26"/>
                  <a:gd name="T22" fmla="*/ 29 w 29"/>
                  <a:gd name="T23" fmla="*/ 11 h 26"/>
                  <a:gd name="T24" fmla="*/ 29 w 29"/>
                  <a:gd name="T25" fmla="*/ 9 h 26"/>
                  <a:gd name="T26" fmla="*/ 29 w 29"/>
                  <a:gd name="T27" fmla="*/ 5 h 26"/>
                  <a:gd name="T28" fmla="*/ 27 w 29"/>
                  <a:gd name="T29" fmla="*/ 4 h 26"/>
                  <a:gd name="T30" fmla="*/ 22 w 29"/>
                  <a:gd name="T31" fmla="*/ 4 h 26"/>
                  <a:gd name="T32" fmla="*/ 22 w 29"/>
                  <a:gd name="T33" fmla="*/ 4 h 26"/>
                  <a:gd name="T34" fmla="*/ 20 w 29"/>
                  <a:gd name="T35" fmla="*/ 4 h 26"/>
                  <a:gd name="T36" fmla="*/ 18 w 29"/>
                  <a:gd name="T37" fmla="*/ 2 h 26"/>
                  <a:gd name="T38" fmla="*/ 15 w 29"/>
                  <a:gd name="T39" fmla="*/ 0 h 26"/>
                  <a:gd name="T40" fmla="*/ 13 w 29"/>
                  <a:gd name="T41" fmla="*/ 0 h 26"/>
                  <a:gd name="T42" fmla="*/ 10 w 29"/>
                  <a:gd name="T43" fmla="*/ 4 h 26"/>
                  <a:gd name="T44" fmla="*/ 10 w 29"/>
                  <a:gd name="T45" fmla="*/ 7 h 26"/>
                  <a:gd name="T46" fmla="*/ 8 w 29"/>
                  <a:gd name="T47" fmla="*/ 11 h 26"/>
                  <a:gd name="T48" fmla="*/ 8 w 29"/>
                  <a:gd name="T49" fmla="*/ 14 h 26"/>
                  <a:gd name="T50" fmla="*/ 3 w 29"/>
                  <a:gd name="T51" fmla="*/ 17 h 26"/>
                  <a:gd name="T52" fmla="*/ 0 w 29"/>
                  <a:gd name="T53" fmla="*/ 19 h 2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w 29"/>
                  <a:gd name="T82" fmla="*/ 0 h 26"/>
                  <a:gd name="T83" fmla="*/ 29 w 29"/>
                  <a:gd name="T84" fmla="*/ 26 h 26"/>
                </a:gdLst>
                <a:ahLst/>
                <a:cxnLst>
                  <a:cxn ang="T54">
                    <a:pos x="T0" y="T1"/>
                  </a:cxn>
                  <a:cxn ang="T55">
                    <a:pos x="T2" y="T3"/>
                  </a:cxn>
                  <a:cxn ang="T56">
                    <a:pos x="T4" y="T5"/>
                  </a:cxn>
                  <a:cxn ang="T57">
                    <a:pos x="T6" y="T7"/>
                  </a:cxn>
                  <a:cxn ang="T58">
                    <a:pos x="T8" y="T9"/>
                  </a:cxn>
                  <a:cxn ang="T59">
                    <a:pos x="T10" y="T11"/>
                  </a:cxn>
                  <a:cxn ang="T60">
                    <a:pos x="T12" y="T13"/>
                  </a:cxn>
                  <a:cxn ang="T61">
                    <a:pos x="T14" y="T15"/>
                  </a:cxn>
                  <a:cxn ang="T62">
                    <a:pos x="T16" y="T17"/>
                  </a:cxn>
                  <a:cxn ang="T63">
                    <a:pos x="T18" y="T19"/>
                  </a:cxn>
                  <a:cxn ang="T64">
                    <a:pos x="T20" y="T21"/>
                  </a:cxn>
                  <a:cxn ang="T65">
                    <a:pos x="T22" y="T23"/>
                  </a:cxn>
                  <a:cxn ang="T66">
                    <a:pos x="T24" y="T25"/>
                  </a:cxn>
                  <a:cxn ang="T67">
                    <a:pos x="T26" y="T27"/>
                  </a:cxn>
                  <a:cxn ang="T68">
                    <a:pos x="T28" y="T29"/>
                  </a:cxn>
                  <a:cxn ang="T69">
                    <a:pos x="T30" y="T31"/>
                  </a:cxn>
                  <a:cxn ang="T70">
                    <a:pos x="T32" y="T33"/>
                  </a:cxn>
                  <a:cxn ang="T71">
                    <a:pos x="T34" y="T35"/>
                  </a:cxn>
                  <a:cxn ang="T72">
                    <a:pos x="T36" y="T37"/>
                  </a:cxn>
                  <a:cxn ang="T73">
                    <a:pos x="T38" y="T39"/>
                  </a:cxn>
                  <a:cxn ang="T74">
                    <a:pos x="T40" y="T41"/>
                  </a:cxn>
                  <a:cxn ang="T75">
                    <a:pos x="T42" y="T43"/>
                  </a:cxn>
                  <a:cxn ang="T76">
                    <a:pos x="T44" y="T45"/>
                  </a:cxn>
                  <a:cxn ang="T77">
                    <a:pos x="T46" y="T47"/>
                  </a:cxn>
                  <a:cxn ang="T78">
                    <a:pos x="T48" y="T49"/>
                  </a:cxn>
                  <a:cxn ang="T79">
                    <a:pos x="T50" y="T51"/>
                  </a:cxn>
                  <a:cxn ang="T80">
                    <a:pos x="T52" y="T53"/>
                  </a:cxn>
                </a:cxnLst>
                <a:rect l="T81" t="T82" r="T83" b="T84"/>
                <a:pathLst>
                  <a:path w="29" h="26">
                    <a:moveTo>
                      <a:pt x="0" y="19"/>
                    </a:moveTo>
                    <a:lnTo>
                      <a:pt x="3" y="26"/>
                    </a:lnTo>
                    <a:lnTo>
                      <a:pt x="5" y="26"/>
                    </a:lnTo>
                    <a:lnTo>
                      <a:pt x="7" y="24"/>
                    </a:lnTo>
                    <a:lnTo>
                      <a:pt x="8" y="21"/>
                    </a:lnTo>
                    <a:lnTo>
                      <a:pt x="12" y="19"/>
                    </a:lnTo>
                    <a:lnTo>
                      <a:pt x="17" y="16"/>
                    </a:lnTo>
                    <a:lnTo>
                      <a:pt x="20" y="12"/>
                    </a:lnTo>
                    <a:lnTo>
                      <a:pt x="25" y="12"/>
                    </a:lnTo>
                    <a:lnTo>
                      <a:pt x="29" y="11"/>
                    </a:lnTo>
                    <a:lnTo>
                      <a:pt x="29" y="9"/>
                    </a:lnTo>
                    <a:lnTo>
                      <a:pt x="29" y="5"/>
                    </a:lnTo>
                    <a:lnTo>
                      <a:pt x="27" y="4"/>
                    </a:lnTo>
                    <a:lnTo>
                      <a:pt x="22" y="4"/>
                    </a:lnTo>
                    <a:lnTo>
                      <a:pt x="20" y="4"/>
                    </a:lnTo>
                    <a:lnTo>
                      <a:pt x="18" y="2"/>
                    </a:lnTo>
                    <a:lnTo>
                      <a:pt x="15" y="0"/>
                    </a:lnTo>
                    <a:lnTo>
                      <a:pt x="13" y="0"/>
                    </a:lnTo>
                    <a:lnTo>
                      <a:pt x="10" y="4"/>
                    </a:lnTo>
                    <a:lnTo>
                      <a:pt x="10" y="7"/>
                    </a:lnTo>
                    <a:lnTo>
                      <a:pt x="8" y="11"/>
                    </a:lnTo>
                    <a:lnTo>
                      <a:pt x="8" y="14"/>
                    </a:lnTo>
                    <a:lnTo>
                      <a:pt x="3" y="17"/>
                    </a:lnTo>
                    <a:lnTo>
                      <a:pt x="0" y="19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  <p:sp>
            <p:nvSpPr>
              <p:cNvPr id="1158" name="Freeform 188"/>
              <p:cNvSpPr>
                <a:spLocks/>
              </p:cNvSpPr>
              <p:nvPr/>
            </p:nvSpPr>
            <p:spPr bwMode="auto">
              <a:xfrm>
                <a:off x="4972" y="1195"/>
                <a:ext cx="329" cy="167"/>
              </a:xfrm>
              <a:custGeom>
                <a:avLst/>
                <a:gdLst>
                  <a:gd name="T0" fmla="*/ 2 w 329"/>
                  <a:gd name="T1" fmla="*/ 69 h 167"/>
                  <a:gd name="T2" fmla="*/ 17 w 329"/>
                  <a:gd name="T3" fmla="*/ 68 h 167"/>
                  <a:gd name="T4" fmla="*/ 43 w 329"/>
                  <a:gd name="T5" fmla="*/ 61 h 167"/>
                  <a:gd name="T6" fmla="*/ 63 w 329"/>
                  <a:gd name="T7" fmla="*/ 56 h 167"/>
                  <a:gd name="T8" fmla="*/ 171 w 329"/>
                  <a:gd name="T9" fmla="*/ 32 h 167"/>
                  <a:gd name="T10" fmla="*/ 182 w 329"/>
                  <a:gd name="T11" fmla="*/ 20 h 167"/>
                  <a:gd name="T12" fmla="*/ 197 w 329"/>
                  <a:gd name="T13" fmla="*/ 3 h 167"/>
                  <a:gd name="T14" fmla="*/ 210 w 329"/>
                  <a:gd name="T15" fmla="*/ 0 h 167"/>
                  <a:gd name="T16" fmla="*/ 210 w 329"/>
                  <a:gd name="T17" fmla="*/ 2 h 167"/>
                  <a:gd name="T18" fmla="*/ 215 w 329"/>
                  <a:gd name="T19" fmla="*/ 13 h 167"/>
                  <a:gd name="T20" fmla="*/ 227 w 329"/>
                  <a:gd name="T21" fmla="*/ 22 h 167"/>
                  <a:gd name="T22" fmla="*/ 232 w 329"/>
                  <a:gd name="T23" fmla="*/ 27 h 167"/>
                  <a:gd name="T24" fmla="*/ 220 w 329"/>
                  <a:gd name="T25" fmla="*/ 41 h 167"/>
                  <a:gd name="T26" fmla="*/ 217 w 329"/>
                  <a:gd name="T27" fmla="*/ 52 h 167"/>
                  <a:gd name="T28" fmla="*/ 214 w 329"/>
                  <a:gd name="T29" fmla="*/ 73 h 167"/>
                  <a:gd name="T30" fmla="*/ 242 w 329"/>
                  <a:gd name="T31" fmla="*/ 78 h 167"/>
                  <a:gd name="T32" fmla="*/ 254 w 329"/>
                  <a:gd name="T33" fmla="*/ 91 h 167"/>
                  <a:gd name="T34" fmla="*/ 259 w 329"/>
                  <a:gd name="T35" fmla="*/ 107 h 167"/>
                  <a:gd name="T36" fmla="*/ 268 w 329"/>
                  <a:gd name="T37" fmla="*/ 107 h 167"/>
                  <a:gd name="T38" fmla="*/ 268 w 329"/>
                  <a:gd name="T39" fmla="*/ 112 h 167"/>
                  <a:gd name="T40" fmla="*/ 280 w 329"/>
                  <a:gd name="T41" fmla="*/ 120 h 167"/>
                  <a:gd name="T42" fmla="*/ 305 w 329"/>
                  <a:gd name="T43" fmla="*/ 120 h 167"/>
                  <a:gd name="T44" fmla="*/ 319 w 329"/>
                  <a:gd name="T45" fmla="*/ 105 h 167"/>
                  <a:gd name="T46" fmla="*/ 312 w 329"/>
                  <a:gd name="T47" fmla="*/ 91 h 167"/>
                  <a:gd name="T48" fmla="*/ 298 w 329"/>
                  <a:gd name="T49" fmla="*/ 81 h 167"/>
                  <a:gd name="T50" fmla="*/ 293 w 329"/>
                  <a:gd name="T51" fmla="*/ 85 h 167"/>
                  <a:gd name="T52" fmla="*/ 292 w 329"/>
                  <a:gd name="T53" fmla="*/ 78 h 167"/>
                  <a:gd name="T54" fmla="*/ 310 w 329"/>
                  <a:gd name="T55" fmla="*/ 81 h 167"/>
                  <a:gd name="T56" fmla="*/ 329 w 329"/>
                  <a:gd name="T57" fmla="*/ 113 h 167"/>
                  <a:gd name="T58" fmla="*/ 329 w 329"/>
                  <a:gd name="T59" fmla="*/ 122 h 167"/>
                  <a:gd name="T60" fmla="*/ 329 w 329"/>
                  <a:gd name="T61" fmla="*/ 125 h 167"/>
                  <a:gd name="T62" fmla="*/ 322 w 329"/>
                  <a:gd name="T63" fmla="*/ 123 h 167"/>
                  <a:gd name="T64" fmla="*/ 308 w 329"/>
                  <a:gd name="T65" fmla="*/ 132 h 167"/>
                  <a:gd name="T66" fmla="*/ 297 w 329"/>
                  <a:gd name="T67" fmla="*/ 135 h 167"/>
                  <a:gd name="T68" fmla="*/ 286 w 329"/>
                  <a:gd name="T69" fmla="*/ 147 h 167"/>
                  <a:gd name="T70" fmla="*/ 273 w 329"/>
                  <a:gd name="T71" fmla="*/ 157 h 167"/>
                  <a:gd name="T72" fmla="*/ 270 w 329"/>
                  <a:gd name="T73" fmla="*/ 134 h 167"/>
                  <a:gd name="T74" fmla="*/ 259 w 329"/>
                  <a:gd name="T75" fmla="*/ 130 h 167"/>
                  <a:gd name="T76" fmla="*/ 258 w 329"/>
                  <a:gd name="T77" fmla="*/ 152 h 167"/>
                  <a:gd name="T78" fmla="*/ 258 w 329"/>
                  <a:gd name="T79" fmla="*/ 145 h 167"/>
                  <a:gd name="T80" fmla="*/ 246 w 329"/>
                  <a:gd name="T81" fmla="*/ 151 h 167"/>
                  <a:gd name="T82" fmla="*/ 246 w 329"/>
                  <a:gd name="T83" fmla="*/ 159 h 167"/>
                  <a:gd name="T84" fmla="*/ 232 w 329"/>
                  <a:gd name="T85" fmla="*/ 167 h 167"/>
                  <a:gd name="T86" fmla="*/ 229 w 329"/>
                  <a:gd name="T87" fmla="*/ 161 h 167"/>
                  <a:gd name="T88" fmla="*/ 227 w 329"/>
                  <a:gd name="T89" fmla="*/ 156 h 167"/>
                  <a:gd name="T90" fmla="*/ 200 w 329"/>
                  <a:gd name="T91" fmla="*/ 129 h 167"/>
                  <a:gd name="T92" fmla="*/ 154 w 329"/>
                  <a:gd name="T93" fmla="*/ 122 h 167"/>
                  <a:gd name="T94" fmla="*/ 66 w 329"/>
                  <a:gd name="T95" fmla="*/ 144 h 167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w 329"/>
                  <a:gd name="T145" fmla="*/ 0 h 167"/>
                  <a:gd name="T146" fmla="*/ 329 w 329"/>
                  <a:gd name="T147" fmla="*/ 167 h 167"/>
                </a:gdLst>
                <a:ahLst/>
                <a:cxnLst>
                  <a:cxn ang="T96">
                    <a:pos x="T0" y="T1"/>
                  </a:cxn>
                  <a:cxn ang="T97">
                    <a:pos x="T2" y="T3"/>
                  </a:cxn>
                  <a:cxn ang="T98">
                    <a:pos x="T4" y="T5"/>
                  </a:cxn>
                  <a:cxn ang="T99">
                    <a:pos x="T6" y="T7"/>
                  </a:cxn>
                  <a:cxn ang="T100">
                    <a:pos x="T8" y="T9"/>
                  </a:cxn>
                  <a:cxn ang="T101">
                    <a:pos x="T10" y="T11"/>
                  </a:cxn>
                  <a:cxn ang="T102">
                    <a:pos x="T12" y="T13"/>
                  </a:cxn>
                  <a:cxn ang="T103">
                    <a:pos x="T14" y="T15"/>
                  </a:cxn>
                  <a:cxn ang="T104">
                    <a:pos x="T16" y="T17"/>
                  </a:cxn>
                  <a:cxn ang="T105">
                    <a:pos x="T18" y="T19"/>
                  </a:cxn>
                  <a:cxn ang="T106">
                    <a:pos x="T20" y="T21"/>
                  </a:cxn>
                  <a:cxn ang="T107">
                    <a:pos x="T22" y="T23"/>
                  </a:cxn>
                  <a:cxn ang="T108">
                    <a:pos x="T24" y="T25"/>
                  </a:cxn>
                  <a:cxn ang="T109">
                    <a:pos x="T26" y="T27"/>
                  </a:cxn>
                  <a:cxn ang="T110">
                    <a:pos x="T28" y="T29"/>
                  </a:cxn>
                  <a:cxn ang="T111">
                    <a:pos x="T30" y="T31"/>
                  </a:cxn>
                  <a:cxn ang="T112">
                    <a:pos x="T32" y="T33"/>
                  </a:cxn>
                  <a:cxn ang="T113">
                    <a:pos x="T34" y="T35"/>
                  </a:cxn>
                  <a:cxn ang="T114">
                    <a:pos x="T36" y="T37"/>
                  </a:cxn>
                  <a:cxn ang="T115">
                    <a:pos x="T38" y="T39"/>
                  </a:cxn>
                  <a:cxn ang="T116">
                    <a:pos x="T40" y="T41"/>
                  </a:cxn>
                  <a:cxn ang="T117">
                    <a:pos x="T42" y="T43"/>
                  </a:cxn>
                  <a:cxn ang="T118">
                    <a:pos x="T44" y="T45"/>
                  </a:cxn>
                  <a:cxn ang="T119">
                    <a:pos x="T46" y="T47"/>
                  </a:cxn>
                  <a:cxn ang="T120">
                    <a:pos x="T48" y="T49"/>
                  </a:cxn>
                  <a:cxn ang="T121">
                    <a:pos x="T50" y="T51"/>
                  </a:cxn>
                  <a:cxn ang="T122">
                    <a:pos x="T52" y="T53"/>
                  </a:cxn>
                  <a:cxn ang="T123">
                    <a:pos x="T54" y="T55"/>
                  </a:cxn>
                  <a:cxn ang="T124">
                    <a:pos x="T56" y="T57"/>
                  </a:cxn>
                  <a:cxn ang="T125">
                    <a:pos x="T58" y="T59"/>
                  </a:cxn>
                  <a:cxn ang="T126">
                    <a:pos x="T60" y="T61"/>
                  </a:cxn>
                  <a:cxn ang="T127">
                    <a:pos x="T62" y="T63"/>
                  </a:cxn>
                  <a:cxn ang="T128">
                    <a:pos x="T64" y="T65"/>
                  </a:cxn>
                  <a:cxn ang="T129">
                    <a:pos x="T66" y="T67"/>
                  </a:cxn>
                  <a:cxn ang="T130">
                    <a:pos x="T68" y="T69"/>
                  </a:cxn>
                  <a:cxn ang="T131">
                    <a:pos x="T70" y="T71"/>
                  </a:cxn>
                  <a:cxn ang="T132">
                    <a:pos x="T72" y="T73"/>
                  </a:cxn>
                  <a:cxn ang="T133">
                    <a:pos x="T74" y="T75"/>
                  </a:cxn>
                  <a:cxn ang="T134">
                    <a:pos x="T76" y="T77"/>
                  </a:cxn>
                  <a:cxn ang="T135">
                    <a:pos x="T78" y="T79"/>
                  </a:cxn>
                  <a:cxn ang="T136">
                    <a:pos x="T80" y="T81"/>
                  </a:cxn>
                  <a:cxn ang="T137">
                    <a:pos x="T82" y="T83"/>
                  </a:cxn>
                  <a:cxn ang="T138">
                    <a:pos x="T84" y="T85"/>
                  </a:cxn>
                  <a:cxn ang="T139">
                    <a:pos x="T86" y="T87"/>
                  </a:cxn>
                  <a:cxn ang="T140">
                    <a:pos x="T88" y="T89"/>
                  </a:cxn>
                  <a:cxn ang="T141">
                    <a:pos x="T90" y="T91"/>
                  </a:cxn>
                  <a:cxn ang="T142">
                    <a:pos x="T92" y="T93"/>
                  </a:cxn>
                  <a:cxn ang="T143">
                    <a:pos x="T94" y="T95"/>
                  </a:cxn>
                </a:cxnLst>
                <a:rect l="T144" t="T145" r="T146" b="T147"/>
                <a:pathLst>
                  <a:path w="329" h="167">
                    <a:moveTo>
                      <a:pt x="6" y="157"/>
                    </a:moveTo>
                    <a:lnTo>
                      <a:pt x="0" y="157"/>
                    </a:lnTo>
                    <a:lnTo>
                      <a:pt x="2" y="71"/>
                    </a:lnTo>
                    <a:lnTo>
                      <a:pt x="2" y="69"/>
                    </a:lnTo>
                    <a:lnTo>
                      <a:pt x="6" y="69"/>
                    </a:lnTo>
                    <a:lnTo>
                      <a:pt x="9" y="69"/>
                    </a:lnTo>
                    <a:lnTo>
                      <a:pt x="12" y="68"/>
                    </a:lnTo>
                    <a:lnTo>
                      <a:pt x="17" y="68"/>
                    </a:lnTo>
                    <a:lnTo>
                      <a:pt x="24" y="66"/>
                    </a:lnTo>
                    <a:lnTo>
                      <a:pt x="29" y="64"/>
                    </a:lnTo>
                    <a:lnTo>
                      <a:pt x="36" y="63"/>
                    </a:lnTo>
                    <a:lnTo>
                      <a:pt x="43" y="61"/>
                    </a:lnTo>
                    <a:lnTo>
                      <a:pt x="48" y="59"/>
                    </a:lnTo>
                    <a:lnTo>
                      <a:pt x="55" y="57"/>
                    </a:lnTo>
                    <a:lnTo>
                      <a:pt x="60" y="56"/>
                    </a:lnTo>
                    <a:lnTo>
                      <a:pt x="63" y="56"/>
                    </a:lnTo>
                    <a:lnTo>
                      <a:pt x="66" y="54"/>
                    </a:lnTo>
                    <a:lnTo>
                      <a:pt x="68" y="54"/>
                    </a:lnTo>
                    <a:lnTo>
                      <a:pt x="70" y="54"/>
                    </a:lnTo>
                    <a:lnTo>
                      <a:pt x="171" y="32"/>
                    </a:lnTo>
                    <a:lnTo>
                      <a:pt x="178" y="25"/>
                    </a:lnTo>
                    <a:lnTo>
                      <a:pt x="180" y="25"/>
                    </a:lnTo>
                    <a:lnTo>
                      <a:pt x="180" y="22"/>
                    </a:lnTo>
                    <a:lnTo>
                      <a:pt x="182" y="20"/>
                    </a:lnTo>
                    <a:lnTo>
                      <a:pt x="183" y="19"/>
                    </a:lnTo>
                    <a:lnTo>
                      <a:pt x="187" y="12"/>
                    </a:lnTo>
                    <a:lnTo>
                      <a:pt x="192" y="7"/>
                    </a:lnTo>
                    <a:lnTo>
                      <a:pt x="197" y="3"/>
                    </a:lnTo>
                    <a:lnTo>
                      <a:pt x="202" y="0"/>
                    </a:lnTo>
                    <a:lnTo>
                      <a:pt x="205" y="0"/>
                    </a:lnTo>
                    <a:lnTo>
                      <a:pt x="209" y="0"/>
                    </a:lnTo>
                    <a:lnTo>
                      <a:pt x="210" y="0"/>
                    </a:lnTo>
                    <a:lnTo>
                      <a:pt x="212" y="0"/>
                    </a:lnTo>
                    <a:lnTo>
                      <a:pt x="210" y="0"/>
                    </a:lnTo>
                    <a:lnTo>
                      <a:pt x="210" y="2"/>
                    </a:lnTo>
                    <a:lnTo>
                      <a:pt x="210" y="3"/>
                    </a:lnTo>
                    <a:lnTo>
                      <a:pt x="212" y="7"/>
                    </a:lnTo>
                    <a:lnTo>
                      <a:pt x="214" y="10"/>
                    </a:lnTo>
                    <a:lnTo>
                      <a:pt x="215" y="13"/>
                    </a:lnTo>
                    <a:lnTo>
                      <a:pt x="220" y="17"/>
                    </a:lnTo>
                    <a:lnTo>
                      <a:pt x="226" y="22"/>
                    </a:lnTo>
                    <a:lnTo>
                      <a:pt x="227" y="22"/>
                    </a:lnTo>
                    <a:lnTo>
                      <a:pt x="231" y="22"/>
                    </a:lnTo>
                    <a:lnTo>
                      <a:pt x="232" y="24"/>
                    </a:lnTo>
                    <a:lnTo>
                      <a:pt x="234" y="24"/>
                    </a:lnTo>
                    <a:lnTo>
                      <a:pt x="232" y="27"/>
                    </a:lnTo>
                    <a:lnTo>
                      <a:pt x="229" y="30"/>
                    </a:lnTo>
                    <a:lnTo>
                      <a:pt x="220" y="35"/>
                    </a:lnTo>
                    <a:lnTo>
                      <a:pt x="220" y="37"/>
                    </a:lnTo>
                    <a:lnTo>
                      <a:pt x="220" y="41"/>
                    </a:lnTo>
                    <a:lnTo>
                      <a:pt x="220" y="46"/>
                    </a:lnTo>
                    <a:lnTo>
                      <a:pt x="219" y="47"/>
                    </a:lnTo>
                    <a:lnTo>
                      <a:pt x="217" y="52"/>
                    </a:lnTo>
                    <a:lnTo>
                      <a:pt x="214" y="57"/>
                    </a:lnTo>
                    <a:lnTo>
                      <a:pt x="212" y="64"/>
                    </a:lnTo>
                    <a:lnTo>
                      <a:pt x="212" y="69"/>
                    </a:lnTo>
                    <a:lnTo>
                      <a:pt x="214" y="73"/>
                    </a:lnTo>
                    <a:lnTo>
                      <a:pt x="219" y="73"/>
                    </a:lnTo>
                    <a:lnTo>
                      <a:pt x="227" y="71"/>
                    </a:lnTo>
                    <a:lnTo>
                      <a:pt x="234" y="73"/>
                    </a:lnTo>
                    <a:lnTo>
                      <a:pt x="242" y="78"/>
                    </a:lnTo>
                    <a:lnTo>
                      <a:pt x="248" y="86"/>
                    </a:lnTo>
                    <a:lnTo>
                      <a:pt x="253" y="86"/>
                    </a:lnTo>
                    <a:lnTo>
                      <a:pt x="253" y="88"/>
                    </a:lnTo>
                    <a:lnTo>
                      <a:pt x="254" y="91"/>
                    </a:lnTo>
                    <a:lnTo>
                      <a:pt x="254" y="95"/>
                    </a:lnTo>
                    <a:lnTo>
                      <a:pt x="256" y="100"/>
                    </a:lnTo>
                    <a:lnTo>
                      <a:pt x="258" y="103"/>
                    </a:lnTo>
                    <a:lnTo>
                      <a:pt x="259" y="107"/>
                    </a:lnTo>
                    <a:lnTo>
                      <a:pt x="261" y="107"/>
                    </a:lnTo>
                    <a:lnTo>
                      <a:pt x="264" y="105"/>
                    </a:lnTo>
                    <a:lnTo>
                      <a:pt x="266" y="105"/>
                    </a:lnTo>
                    <a:lnTo>
                      <a:pt x="268" y="107"/>
                    </a:lnTo>
                    <a:lnTo>
                      <a:pt x="268" y="108"/>
                    </a:lnTo>
                    <a:lnTo>
                      <a:pt x="268" y="110"/>
                    </a:lnTo>
                    <a:lnTo>
                      <a:pt x="268" y="112"/>
                    </a:lnTo>
                    <a:lnTo>
                      <a:pt x="270" y="113"/>
                    </a:lnTo>
                    <a:lnTo>
                      <a:pt x="271" y="115"/>
                    </a:lnTo>
                    <a:lnTo>
                      <a:pt x="275" y="118"/>
                    </a:lnTo>
                    <a:lnTo>
                      <a:pt x="280" y="120"/>
                    </a:lnTo>
                    <a:lnTo>
                      <a:pt x="288" y="122"/>
                    </a:lnTo>
                    <a:lnTo>
                      <a:pt x="298" y="122"/>
                    </a:lnTo>
                    <a:lnTo>
                      <a:pt x="302" y="120"/>
                    </a:lnTo>
                    <a:lnTo>
                      <a:pt x="305" y="120"/>
                    </a:lnTo>
                    <a:lnTo>
                      <a:pt x="308" y="117"/>
                    </a:lnTo>
                    <a:lnTo>
                      <a:pt x="314" y="113"/>
                    </a:lnTo>
                    <a:lnTo>
                      <a:pt x="317" y="110"/>
                    </a:lnTo>
                    <a:lnTo>
                      <a:pt x="319" y="105"/>
                    </a:lnTo>
                    <a:lnTo>
                      <a:pt x="319" y="101"/>
                    </a:lnTo>
                    <a:lnTo>
                      <a:pt x="315" y="96"/>
                    </a:lnTo>
                    <a:lnTo>
                      <a:pt x="314" y="95"/>
                    </a:lnTo>
                    <a:lnTo>
                      <a:pt x="312" y="91"/>
                    </a:lnTo>
                    <a:lnTo>
                      <a:pt x="308" y="90"/>
                    </a:lnTo>
                    <a:lnTo>
                      <a:pt x="305" y="85"/>
                    </a:lnTo>
                    <a:lnTo>
                      <a:pt x="302" y="83"/>
                    </a:lnTo>
                    <a:lnTo>
                      <a:pt x="298" y="81"/>
                    </a:lnTo>
                    <a:lnTo>
                      <a:pt x="297" y="81"/>
                    </a:lnTo>
                    <a:lnTo>
                      <a:pt x="293" y="85"/>
                    </a:lnTo>
                    <a:lnTo>
                      <a:pt x="292" y="86"/>
                    </a:lnTo>
                    <a:lnTo>
                      <a:pt x="292" y="78"/>
                    </a:lnTo>
                    <a:lnTo>
                      <a:pt x="295" y="76"/>
                    </a:lnTo>
                    <a:lnTo>
                      <a:pt x="298" y="76"/>
                    </a:lnTo>
                    <a:lnTo>
                      <a:pt x="305" y="78"/>
                    </a:lnTo>
                    <a:lnTo>
                      <a:pt x="310" y="81"/>
                    </a:lnTo>
                    <a:lnTo>
                      <a:pt x="317" y="88"/>
                    </a:lnTo>
                    <a:lnTo>
                      <a:pt x="324" y="98"/>
                    </a:lnTo>
                    <a:lnTo>
                      <a:pt x="329" y="113"/>
                    </a:lnTo>
                    <a:lnTo>
                      <a:pt x="329" y="115"/>
                    </a:lnTo>
                    <a:lnTo>
                      <a:pt x="329" y="117"/>
                    </a:lnTo>
                    <a:lnTo>
                      <a:pt x="329" y="120"/>
                    </a:lnTo>
                    <a:lnTo>
                      <a:pt x="329" y="122"/>
                    </a:lnTo>
                    <a:lnTo>
                      <a:pt x="329" y="123"/>
                    </a:lnTo>
                    <a:lnTo>
                      <a:pt x="329" y="125"/>
                    </a:lnTo>
                    <a:lnTo>
                      <a:pt x="327" y="125"/>
                    </a:lnTo>
                    <a:lnTo>
                      <a:pt x="325" y="123"/>
                    </a:lnTo>
                    <a:lnTo>
                      <a:pt x="324" y="123"/>
                    </a:lnTo>
                    <a:lnTo>
                      <a:pt x="322" y="123"/>
                    </a:lnTo>
                    <a:lnTo>
                      <a:pt x="319" y="125"/>
                    </a:lnTo>
                    <a:lnTo>
                      <a:pt x="314" y="127"/>
                    </a:lnTo>
                    <a:lnTo>
                      <a:pt x="310" y="130"/>
                    </a:lnTo>
                    <a:lnTo>
                      <a:pt x="308" y="132"/>
                    </a:lnTo>
                    <a:lnTo>
                      <a:pt x="307" y="132"/>
                    </a:lnTo>
                    <a:lnTo>
                      <a:pt x="303" y="132"/>
                    </a:lnTo>
                    <a:lnTo>
                      <a:pt x="300" y="134"/>
                    </a:lnTo>
                    <a:lnTo>
                      <a:pt x="297" y="135"/>
                    </a:lnTo>
                    <a:lnTo>
                      <a:pt x="293" y="139"/>
                    </a:lnTo>
                    <a:lnTo>
                      <a:pt x="290" y="142"/>
                    </a:lnTo>
                    <a:lnTo>
                      <a:pt x="286" y="145"/>
                    </a:lnTo>
                    <a:lnTo>
                      <a:pt x="286" y="147"/>
                    </a:lnTo>
                    <a:lnTo>
                      <a:pt x="285" y="147"/>
                    </a:lnTo>
                    <a:lnTo>
                      <a:pt x="283" y="147"/>
                    </a:lnTo>
                    <a:lnTo>
                      <a:pt x="283" y="149"/>
                    </a:lnTo>
                    <a:lnTo>
                      <a:pt x="273" y="157"/>
                    </a:lnTo>
                    <a:lnTo>
                      <a:pt x="268" y="154"/>
                    </a:lnTo>
                    <a:lnTo>
                      <a:pt x="270" y="140"/>
                    </a:lnTo>
                    <a:lnTo>
                      <a:pt x="270" y="137"/>
                    </a:lnTo>
                    <a:lnTo>
                      <a:pt x="270" y="134"/>
                    </a:lnTo>
                    <a:lnTo>
                      <a:pt x="268" y="132"/>
                    </a:lnTo>
                    <a:lnTo>
                      <a:pt x="264" y="129"/>
                    </a:lnTo>
                    <a:lnTo>
                      <a:pt x="263" y="129"/>
                    </a:lnTo>
                    <a:lnTo>
                      <a:pt x="259" y="130"/>
                    </a:lnTo>
                    <a:lnTo>
                      <a:pt x="258" y="135"/>
                    </a:lnTo>
                    <a:lnTo>
                      <a:pt x="258" y="142"/>
                    </a:lnTo>
                    <a:lnTo>
                      <a:pt x="258" y="151"/>
                    </a:lnTo>
                    <a:lnTo>
                      <a:pt x="258" y="152"/>
                    </a:lnTo>
                    <a:lnTo>
                      <a:pt x="258" y="154"/>
                    </a:lnTo>
                    <a:lnTo>
                      <a:pt x="258" y="152"/>
                    </a:lnTo>
                    <a:lnTo>
                      <a:pt x="258" y="149"/>
                    </a:lnTo>
                    <a:lnTo>
                      <a:pt x="258" y="145"/>
                    </a:lnTo>
                    <a:lnTo>
                      <a:pt x="258" y="144"/>
                    </a:lnTo>
                    <a:lnTo>
                      <a:pt x="258" y="142"/>
                    </a:lnTo>
                    <a:lnTo>
                      <a:pt x="249" y="151"/>
                    </a:lnTo>
                    <a:lnTo>
                      <a:pt x="246" y="151"/>
                    </a:lnTo>
                    <a:lnTo>
                      <a:pt x="246" y="152"/>
                    </a:lnTo>
                    <a:lnTo>
                      <a:pt x="246" y="156"/>
                    </a:lnTo>
                    <a:lnTo>
                      <a:pt x="246" y="159"/>
                    </a:lnTo>
                    <a:lnTo>
                      <a:pt x="244" y="162"/>
                    </a:lnTo>
                    <a:lnTo>
                      <a:pt x="241" y="166"/>
                    </a:lnTo>
                    <a:lnTo>
                      <a:pt x="237" y="167"/>
                    </a:lnTo>
                    <a:lnTo>
                      <a:pt x="232" y="167"/>
                    </a:lnTo>
                    <a:lnTo>
                      <a:pt x="231" y="167"/>
                    </a:lnTo>
                    <a:lnTo>
                      <a:pt x="231" y="166"/>
                    </a:lnTo>
                    <a:lnTo>
                      <a:pt x="231" y="164"/>
                    </a:lnTo>
                    <a:lnTo>
                      <a:pt x="229" y="161"/>
                    </a:lnTo>
                    <a:lnTo>
                      <a:pt x="227" y="159"/>
                    </a:lnTo>
                    <a:lnTo>
                      <a:pt x="227" y="157"/>
                    </a:lnTo>
                    <a:lnTo>
                      <a:pt x="227" y="156"/>
                    </a:lnTo>
                    <a:lnTo>
                      <a:pt x="220" y="151"/>
                    </a:lnTo>
                    <a:lnTo>
                      <a:pt x="212" y="145"/>
                    </a:lnTo>
                    <a:lnTo>
                      <a:pt x="205" y="144"/>
                    </a:lnTo>
                    <a:lnTo>
                      <a:pt x="200" y="129"/>
                    </a:lnTo>
                    <a:lnTo>
                      <a:pt x="193" y="129"/>
                    </a:lnTo>
                    <a:lnTo>
                      <a:pt x="188" y="115"/>
                    </a:lnTo>
                    <a:lnTo>
                      <a:pt x="154" y="123"/>
                    </a:lnTo>
                    <a:lnTo>
                      <a:pt x="154" y="122"/>
                    </a:lnTo>
                    <a:lnTo>
                      <a:pt x="70" y="144"/>
                    </a:lnTo>
                    <a:lnTo>
                      <a:pt x="72" y="147"/>
                    </a:lnTo>
                    <a:lnTo>
                      <a:pt x="66" y="149"/>
                    </a:lnTo>
                    <a:lnTo>
                      <a:pt x="66" y="144"/>
                    </a:lnTo>
                    <a:lnTo>
                      <a:pt x="6" y="157"/>
                    </a:lnTo>
                    <a:close/>
                  </a:path>
                </a:pathLst>
              </a:custGeom>
              <a:solidFill>
                <a:srgbClr val="C0000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defTabSz="571486">
                  <a:defRPr/>
                </a:pPr>
                <a:endParaRPr lang="en-US" sz="1125" kern="0" dirty="0">
                  <a:solidFill>
                    <a:srgbClr val="FFFFFF"/>
                  </a:solidFill>
                  <a:latin typeface="Myriad Web Pro"/>
                </a:endParaRPr>
              </a:p>
            </p:txBody>
          </p:sp>
        </p:grpSp>
        <p:sp>
          <p:nvSpPr>
            <p:cNvPr id="1152" name="Freeform 189"/>
            <p:cNvSpPr>
              <a:spLocks/>
            </p:cNvSpPr>
            <p:nvPr/>
          </p:nvSpPr>
          <p:spPr bwMode="auto">
            <a:xfrm>
              <a:off x="4725" y="1711"/>
              <a:ext cx="165" cy="162"/>
            </a:xfrm>
            <a:custGeom>
              <a:avLst/>
              <a:gdLst>
                <a:gd name="T0" fmla="*/ 114 w 169"/>
                <a:gd name="T1" fmla="*/ 57 h 167"/>
                <a:gd name="T2" fmla="*/ 112 w 169"/>
                <a:gd name="T3" fmla="*/ 58 h 167"/>
                <a:gd name="T4" fmla="*/ 110 w 169"/>
                <a:gd name="T5" fmla="*/ 59 h 167"/>
                <a:gd name="T6" fmla="*/ 105 w 169"/>
                <a:gd name="T7" fmla="*/ 60 h 167"/>
                <a:gd name="T8" fmla="*/ 101 w 169"/>
                <a:gd name="T9" fmla="*/ 63 h 167"/>
                <a:gd name="T10" fmla="*/ 97 w 169"/>
                <a:gd name="T11" fmla="*/ 65 h 167"/>
                <a:gd name="T12" fmla="*/ 93 w 169"/>
                <a:gd name="T13" fmla="*/ 66 h 167"/>
                <a:gd name="T14" fmla="*/ 90 w 169"/>
                <a:gd name="T15" fmla="*/ 68 h 167"/>
                <a:gd name="T16" fmla="*/ 89 w 169"/>
                <a:gd name="T17" fmla="*/ 68 h 167"/>
                <a:gd name="T18" fmla="*/ 82 w 169"/>
                <a:gd name="T19" fmla="*/ 71 h 167"/>
                <a:gd name="T20" fmla="*/ 75 w 169"/>
                <a:gd name="T21" fmla="*/ 73 h 167"/>
                <a:gd name="T22" fmla="*/ 66 w 169"/>
                <a:gd name="T23" fmla="*/ 76 h 167"/>
                <a:gd name="T24" fmla="*/ 60 w 169"/>
                <a:gd name="T25" fmla="*/ 77 h 167"/>
                <a:gd name="T26" fmla="*/ 57 w 169"/>
                <a:gd name="T27" fmla="*/ 77 h 167"/>
                <a:gd name="T28" fmla="*/ 54 w 169"/>
                <a:gd name="T29" fmla="*/ 79 h 167"/>
                <a:gd name="T30" fmla="*/ 53 w 169"/>
                <a:gd name="T31" fmla="*/ 79 h 167"/>
                <a:gd name="T32" fmla="*/ 53 w 169"/>
                <a:gd name="T33" fmla="*/ 79 h 167"/>
                <a:gd name="T34" fmla="*/ 30 w 169"/>
                <a:gd name="T35" fmla="*/ 93 h 167"/>
                <a:gd name="T36" fmla="*/ 28 w 169"/>
                <a:gd name="T37" fmla="*/ 93 h 167"/>
                <a:gd name="T38" fmla="*/ 20 w 169"/>
                <a:gd name="T39" fmla="*/ 106 h 167"/>
                <a:gd name="T40" fmla="*/ 13 w 169"/>
                <a:gd name="T41" fmla="*/ 109 h 167"/>
                <a:gd name="T42" fmla="*/ 13 w 169"/>
                <a:gd name="T43" fmla="*/ 109 h 167"/>
                <a:gd name="T44" fmla="*/ 6 w 169"/>
                <a:gd name="T45" fmla="*/ 102 h 167"/>
                <a:gd name="T46" fmla="*/ 20 w 169"/>
                <a:gd name="T47" fmla="*/ 91 h 167"/>
                <a:gd name="T48" fmla="*/ 13 w 169"/>
                <a:gd name="T49" fmla="*/ 84 h 167"/>
                <a:gd name="T50" fmla="*/ 0 w 169"/>
                <a:gd name="T51" fmla="*/ 21 h 167"/>
                <a:gd name="T52" fmla="*/ 46 w 169"/>
                <a:gd name="T53" fmla="*/ 16 h 167"/>
                <a:gd name="T54" fmla="*/ 46 w 169"/>
                <a:gd name="T55" fmla="*/ 16 h 167"/>
                <a:gd name="T56" fmla="*/ 50 w 169"/>
                <a:gd name="T57" fmla="*/ 16 h 167"/>
                <a:gd name="T58" fmla="*/ 49 w 169"/>
                <a:gd name="T59" fmla="*/ 16 h 167"/>
                <a:gd name="T60" fmla="*/ 105 w 169"/>
                <a:gd name="T61" fmla="*/ 0 h 167"/>
                <a:gd name="T62" fmla="*/ 105 w 169"/>
                <a:gd name="T63" fmla="*/ 1 h 167"/>
                <a:gd name="T64" fmla="*/ 121 w 169"/>
                <a:gd name="T65" fmla="*/ 47 h 167"/>
                <a:gd name="T66" fmla="*/ 117 w 169"/>
                <a:gd name="T67" fmla="*/ 49 h 167"/>
                <a:gd name="T68" fmla="*/ 117 w 169"/>
                <a:gd name="T69" fmla="*/ 49 h 167"/>
                <a:gd name="T70" fmla="*/ 117 w 169"/>
                <a:gd name="T71" fmla="*/ 50 h 167"/>
                <a:gd name="T72" fmla="*/ 117 w 169"/>
                <a:gd name="T73" fmla="*/ 51 h 167"/>
                <a:gd name="T74" fmla="*/ 117 w 169"/>
                <a:gd name="T75" fmla="*/ 53 h 167"/>
                <a:gd name="T76" fmla="*/ 117 w 169"/>
                <a:gd name="T77" fmla="*/ 55 h 167"/>
                <a:gd name="T78" fmla="*/ 117 w 169"/>
                <a:gd name="T79" fmla="*/ 57 h 167"/>
                <a:gd name="T80" fmla="*/ 117 w 169"/>
                <a:gd name="T81" fmla="*/ 57 h 167"/>
                <a:gd name="T82" fmla="*/ 118 w 169"/>
                <a:gd name="T83" fmla="*/ 58 h 167"/>
                <a:gd name="T84" fmla="*/ 114 w 169"/>
                <a:gd name="T85" fmla="*/ 57 h 167"/>
                <a:gd name="T86" fmla="*/ 0 60000 65536"/>
                <a:gd name="T87" fmla="*/ 0 60000 65536"/>
                <a:gd name="T88" fmla="*/ 0 60000 65536"/>
                <a:gd name="T89" fmla="*/ 0 60000 65536"/>
                <a:gd name="T90" fmla="*/ 0 60000 65536"/>
                <a:gd name="T91" fmla="*/ 0 60000 65536"/>
                <a:gd name="T92" fmla="*/ 0 60000 65536"/>
                <a:gd name="T93" fmla="*/ 0 60000 65536"/>
                <a:gd name="T94" fmla="*/ 0 60000 65536"/>
                <a:gd name="T95" fmla="*/ 0 60000 65536"/>
                <a:gd name="T96" fmla="*/ 0 60000 65536"/>
                <a:gd name="T97" fmla="*/ 0 60000 65536"/>
                <a:gd name="T98" fmla="*/ 0 60000 65536"/>
                <a:gd name="T99" fmla="*/ 0 60000 65536"/>
                <a:gd name="T100" fmla="*/ 0 60000 65536"/>
                <a:gd name="T101" fmla="*/ 0 60000 65536"/>
                <a:gd name="T102" fmla="*/ 0 60000 65536"/>
                <a:gd name="T103" fmla="*/ 0 60000 65536"/>
                <a:gd name="T104" fmla="*/ 0 60000 65536"/>
                <a:gd name="T105" fmla="*/ 0 60000 65536"/>
                <a:gd name="T106" fmla="*/ 0 60000 65536"/>
                <a:gd name="T107" fmla="*/ 0 60000 65536"/>
                <a:gd name="T108" fmla="*/ 0 60000 65536"/>
                <a:gd name="T109" fmla="*/ 0 60000 65536"/>
                <a:gd name="T110" fmla="*/ 0 60000 65536"/>
                <a:gd name="T111" fmla="*/ 0 60000 65536"/>
                <a:gd name="T112" fmla="*/ 0 60000 65536"/>
                <a:gd name="T113" fmla="*/ 0 60000 65536"/>
                <a:gd name="T114" fmla="*/ 0 60000 65536"/>
                <a:gd name="T115" fmla="*/ 0 60000 65536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w 169"/>
                <a:gd name="T130" fmla="*/ 0 h 167"/>
                <a:gd name="T131" fmla="*/ 169 w 169"/>
                <a:gd name="T132" fmla="*/ 167 h 167"/>
              </a:gdLst>
              <a:ahLst/>
              <a:cxnLst>
                <a:cxn ang="T86">
                  <a:pos x="T0" y="T1"/>
                </a:cxn>
                <a:cxn ang="T87">
                  <a:pos x="T2" y="T3"/>
                </a:cxn>
                <a:cxn ang="T88">
                  <a:pos x="T4" y="T5"/>
                </a:cxn>
                <a:cxn ang="T89">
                  <a:pos x="T6" y="T7"/>
                </a:cxn>
                <a:cxn ang="T90">
                  <a:pos x="T8" y="T9"/>
                </a:cxn>
                <a:cxn ang="T91">
                  <a:pos x="T10" y="T11"/>
                </a:cxn>
                <a:cxn ang="T92">
                  <a:pos x="T12" y="T13"/>
                </a:cxn>
                <a:cxn ang="T93">
                  <a:pos x="T14" y="T15"/>
                </a:cxn>
                <a:cxn ang="T94">
                  <a:pos x="T16" y="T17"/>
                </a:cxn>
                <a:cxn ang="T95">
                  <a:pos x="T18" y="T19"/>
                </a:cxn>
                <a:cxn ang="T96">
                  <a:pos x="T20" y="T21"/>
                </a:cxn>
                <a:cxn ang="T97">
                  <a:pos x="T22" y="T23"/>
                </a:cxn>
                <a:cxn ang="T98">
                  <a:pos x="T24" y="T25"/>
                </a:cxn>
                <a:cxn ang="T99">
                  <a:pos x="T26" y="T27"/>
                </a:cxn>
                <a:cxn ang="T100">
                  <a:pos x="T28" y="T29"/>
                </a:cxn>
                <a:cxn ang="T101">
                  <a:pos x="T30" y="T31"/>
                </a:cxn>
                <a:cxn ang="T102">
                  <a:pos x="T32" y="T33"/>
                </a:cxn>
                <a:cxn ang="T103">
                  <a:pos x="T34" y="T35"/>
                </a:cxn>
                <a:cxn ang="T104">
                  <a:pos x="T36" y="T37"/>
                </a:cxn>
                <a:cxn ang="T105">
                  <a:pos x="T38" y="T39"/>
                </a:cxn>
                <a:cxn ang="T106">
                  <a:pos x="T40" y="T41"/>
                </a:cxn>
                <a:cxn ang="T107">
                  <a:pos x="T42" y="T43"/>
                </a:cxn>
                <a:cxn ang="T108">
                  <a:pos x="T44" y="T45"/>
                </a:cxn>
                <a:cxn ang="T109">
                  <a:pos x="T46" y="T47"/>
                </a:cxn>
                <a:cxn ang="T110">
                  <a:pos x="T48" y="T49"/>
                </a:cxn>
                <a:cxn ang="T111">
                  <a:pos x="T50" y="T51"/>
                </a:cxn>
                <a:cxn ang="T112">
                  <a:pos x="T52" y="T53"/>
                </a:cxn>
                <a:cxn ang="T113">
                  <a:pos x="T54" y="T55"/>
                </a:cxn>
                <a:cxn ang="T114">
                  <a:pos x="T56" y="T57"/>
                </a:cxn>
                <a:cxn ang="T115">
                  <a:pos x="T58" y="T59"/>
                </a:cxn>
                <a:cxn ang="T116">
                  <a:pos x="T60" y="T61"/>
                </a:cxn>
                <a:cxn ang="T117">
                  <a:pos x="T62" y="T63"/>
                </a:cxn>
                <a:cxn ang="T118">
                  <a:pos x="T64" y="T65"/>
                </a:cxn>
                <a:cxn ang="T119">
                  <a:pos x="T66" y="T67"/>
                </a:cxn>
                <a:cxn ang="T120">
                  <a:pos x="T68" y="T69"/>
                </a:cxn>
                <a:cxn ang="T121">
                  <a:pos x="T70" y="T71"/>
                </a:cxn>
                <a:cxn ang="T122">
                  <a:pos x="T72" y="T73"/>
                </a:cxn>
                <a:cxn ang="T123">
                  <a:pos x="T74" y="T75"/>
                </a:cxn>
                <a:cxn ang="T124">
                  <a:pos x="T76" y="T77"/>
                </a:cxn>
                <a:cxn ang="T125">
                  <a:pos x="T78" y="T79"/>
                </a:cxn>
                <a:cxn ang="T126">
                  <a:pos x="T80" y="T81"/>
                </a:cxn>
                <a:cxn ang="T127">
                  <a:pos x="T82" y="T83"/>
                </a:cxn>
                <a:cxn ang="T128">
                  <a:pos x="T84" y="T85"/>
                </a:cxn>
              </a:cxnLst>
              <a:rect l="T129" t="T130" r="T131" b="T132"/>
              <a:pathLst>
                <a:path w="169" h="167">
                  <a:moveTo>
                    <a:pt x="159" y="86"/>
                  </a:moveTo>
                  <a:lnTo>
                    <a:pt x="157" y="88"/>
                  </a:lnTo>
                  <a:lnTo>
                    <a:pt x="154" y="89"/>
                  </a:lnTo>
                  <a:lnTo>
                    <a:pt x="148" y="91"/>
                  </a:lnTo>
                  <a:lnTo>
                    <a:pt x="142" y="95"/>
                  </a:lnTo>
                  <a:lnTo>
                    <a:pt x="135" y="98"/>
                  </a:lnTo>
                  <a:lnTo>
                    <a:pt x="130" y="100"/>
                  </a:lnTo>
                  <a:lnTo>
                    <a:pt x="125" y="103"/>
                  </a:lnTo>
                  <a:lnTo>
                    <a:pt x="123" y="103"/>
                  </a:lnTo>
                  <a:lnTo>
                    <a:pt x="113" y="108"/>
                  </a:lnTo>
                  <a:lnTo>
                    <a:pt x="103" y="111"/>
                  </a:lnTo>
                  <a:lnTo>
                    <a:pt x="94" y="115"/>
                  </a:lnTo>
                  <a:lnTo>
                    <a:pt x="86" y="117"/>
                  </a:lnTo>
                  <a:lnTo>
                    <a:pt x="79" y="118"/>
                  </a:lnTo>
                  <a:lnTo>
                    <a:pt x="74" y="120"/>
                  </a:lnTo>
                  <a:lnTo>
                    <a:pt x="72" y="120"/>
                  </a:lnTo>
                  <a:lnTo>
                    <a:pt x="71" y="120"/>
                  </a:lnTo>
                  <a:lnTo>
                    <a:pt x="44" y="142"/>
                  </a:lnTo>
                  <a:lnTo>
                    <a:pt x="42" y="142"/>
                  </a:lnTo>
                  <a:lnTo>
                    <a:pt x="20" y="162"/>
                  </a:lnTo>
                  <a:lnTo>
                    <a:pt x="13" y="167"/>
                  </a:lnTo>
                  <a:lnTo>
                    <a:pt x="6" y="155"/>
                  </a:lnTo>
                  <a:lnTo>
                    <a:pt x="20" y="139"/>
                  </a:lnTo>
                  <a:lnTo>
                    <a:pt x="13" y="130"/>
                  </a:lnTo>
                  <a:lnTo>
                    <a:pt x="0" y="35"/>
                  </a:lnTo>
                  <a:lnTo>
                    <a:pt x="60" y="22"/>
                  </a:lnTo>
                  <a:lnTo>
                    <a:pt x="60" y="27"/>
                  </a:lnTo>
                  <a:lnTo>
                    <a:pt x="66" y="25"/>
                  </a:lnTo>
                  <a:lnTo>
                    <a:pt x="64" y="22"/>
                  </a:lnTo>
                  <a:lnTo>
                    <a:pt x="148" y="0"/>
                  </a:lnTo>
                  <a:lnTo>
                    <a:pt x="148" y="1"/>
                  </a:lnTo>
                  <a:lnTo>
                    <a:pt x="169" y="73"/>
                  </a:lnTo>
                  <a:lnTo>
                    <a:pt x="164" y="76"/>
                  </a:lnTo>
                  <a:lnTo>
                    <a:pt x="164" y="78"/>
                  </a:lnTo>
                  <a:lnTo>
                    <a:pt x="164" y="79"/>
                  </a:lnTo>
                  <a:lnTo>
                    <a:pt x="164" y="81"/>
                  </a:lnTo>
                  <a:lnTo>
                    <a:pt x="164" y="83"/>
                  </a:lnTo>
                  <a:lnTo>
                    <a:pt x="164" y="86"/>
                  </a:lnTo>
                  <a:lnTo>
                    <a:pt x="165" y="88"/>
                  </a:lnTo>
                  <a:lnTo>
                    <a:pt x="159" y="86"/>
                  </a:lnTo>
                  <a:close/>
                </a:path>
              </a:pathLst>
            </a:custGeom>
            <a:solidFill>
              <a:srgbClr val="C0000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1153" name="Freeform 190"/>
            <p:cNvSpPr>
              <a:spLocks/>
            </p:cNvSpPr>
            <p:nvPr/>
          </p:nvSpPr>
          <p:spPr bwMode="auto">
            <a:xfrm>
              <a:off x="4869" y="1704"/>
              <a:ext cx="76" cy="93"/>
            </a:xfrm>
            <a:custGeom>
              <a:avLst/>
              <a:gdLst>
                <a:gd name="T0" fmla="*/ 19 w 78"/>
                <a:gd name="T1" fmla="*/ 61 h 95"/>
                <a:gd name="T2" fmla="*/ 16 w 78"/>
                <a:gd name="T3" fmla="*/ 63 h 95"/>
                <a:gd name="T4" fmla="*/ 16 w 78"/>
                <a:gd name="T5" fmla="*/ 63 h 95"/>
                <a:gd name="T6" fmla="*/ 16 w 78"/>
                <a:gd name="T7" fmla="*/ 63 h 95"/>
                <a:gd name="T8" fmla="*/ 16 w 78"/>
                <a:gd name="T9" fmla="*/ 64 h 95"/>
                <a:gd name="T10" fmla="*/ 16 w 78"/>
                <a:gd name="T11" fmla="*/ 64 h 95"/>
                <a:gd name="T12" fmla="*/ 16 w 78"/>
                <a:gd name="T13" fmla="*/ 65 h 95"/>
                <a:gd name="T14" fmla="*/ 16 w 78"/>
                <a:gd name="T15" fmla="*/ 66 h 95"/>
                <a:gd name="T16" fmla="*/ 16 w 78"/>
                <a:gd name="T17" fmla="*/ 68 h 95"/>
                <a:gd name="T18" fmla="*/ 16 w 78"/>
                <a:gd name="T19" fmla="*/ 68 h 95"/>
                <a:gd name="T20" fmla="*/ 17 w 78"/>
                <a:gd name="T21" fmla="*/ 69 h 95"/>
                <a:gd name="T22" fmla="*/ 17 w 78"/>
                <a:gd name="T23" fmla="*/ 69 h 95"/>
                <a:gd name="T24" fmla="*/ 19 w 78"/>
                <a:gd name="T25" fmla="*/ 69 h 95"/>
                <a:gd name="T26" fmla="*/ 19 w 78"/>
                <a:gd name="T27" fmla="*/ 68 h 95"/>
                <a:gd name="T28" fmla="*/ 19 w 78"/>
                <a:gd name="T29" fmla="*/ 66 h 95"/>
                <a:gd name="T30" fmla="*/ 22 w 78"/>
                <a:gd name="T31" fmla="*/ 64 h 95"/>
                <a:gd name="T32" fmla="*/ 25 w 78"/>
                <a:gd name="T33" fmla="*/ 63 h 95"/>
                <a:gd name="T34" fmla="*/ 27 w 78"/>
                <a:gd name="T35" fmla="*/ 61 h 95"/>
                <a:gd name="T36" fmla="*/ 29 w 78"/>
                <a:gd name="T37" fmla="*/ 60 h 95"/>
                <a:gd name="T38" fmla="*/ 30 w 78"/>
                <a:gd name="T39" fmla="*/ 59 h 95"/>
                <a:gd name="T40" fmla="*/ 36 w 78"/>
                <a:gd name="T41" fmla="*/ 59 h 95"/>
                <a:gd name="T42" fmla="*/ 36 w 78"/>
                <a:gd name="T43" fmla="*/ 50 h 95"/>
                <a:gd name="T44" fmla="*/ 25 w 78"/>
                <a:gd name="T45" fmla="*/ 23 h 95"/>
                <a:gd name="T46" fmla="*/ 34 w 78"/>
                <a:gd name="T47" fmla="*/ 23 h 95"/>
                <a:gd name="T48" fmla="*/ 41 w 78"/>
                <a:gd name="T49" fmla="*/ 23 h 95"/>
                <a:gd name="T50" fmla="*/ 44 w 78"/>
                <a:gd name="T51" fmla="*/ 23 h 95"/>
                <a:gd name="T52" fmla="*/ 44 w 78"/>
                <a:gd name="T53" fmla="*/ 23 h 95"/>
                <a:gd name="T54" fmla="*/ 45 w 78"/>
                <a:gd name="T55" fmla="*/ 23 h 95"/>
                <a:gd name="T56" fmla="*/ 45 w 78"/>
                <a:gd name="T57" fmla="*/ 23 h 95"/>
                <a:gd name="T58" fmla="*/ 47 w 78"/>
                <a:gd name="T59" fmla="*/ 25 h 95"/>
                <a:gd name="T60" fmla="*/ 48 w 78"/>
                <a:gd name="T61" fmla="*/ 28 h 95"/>
                <a:gd name="T62" fmla="*/ 48 w 78"/>
                <a:gd name="T63" fmla="*/ 28 h 95"/>
                <a:gd name="T64" fmla="*/ 49 w 78"/>
                <a:gd name="T65" fmla="*/ 38 h 95"/>
                <a:gd name="T66" fmla="*/ 51 w 78"/>
                <a:gd name="T67" fmla="*/ 44 h 95"/>
                <a:gd name="T68" fmla="*/ 51 w 78"/>
                <a:gd name="T69" fmla="*/ 47 h 95"/>
                <a:gd name="T70" fmla="*/ 52 w 78"/>
                <a:gd name="T71" fmla="*/ 45 h 95"/>
                <a:gd name="T72" fmla="*/ 53 w 78"/>
                <a:gd name="T73" fmla="*/ 44 h 95"/>
                <a:gd name="T74" fmla="*/ 53 w 78"/>
                <a:gd name="T75" fmla="*/ 40 h 95"/>
                <a:gd name="T76" fmla="*/ 54 w 78"/>
                <a:gd name="T77" fmla="*/ 38 h 95"/>
                <a:gd name="T78" fmla="*/ 54 w 78"/>
                <a:gd name="T79" fmla="*/ 37 h 95"/>
                <a:gd name="T80" fmla="*/ 54 w 78"/>
                <a:gd name="T81" fmla="*/ 38 h 95"/>
                <a:gd name="T82" fmla="*/ 54 w 78"/>
                <a:gd name="T83" fmla="*/ 38 h 95"/>
                <a:gd name="T84" fmla="*/ 53 w 78"/>
                <a:gd name="T85" fmla="*/ 38 h 95"/>
                <a:gd name="T86" fmla="*/ 53 w 78"/>
                <a:gd name="T87" fmla="*/ 37 h 95"/>
                <a:gd name="T88" fmla="*/ 53 w 78"/>
                <a:gd name="T89" fmla="*/ 35 h 95"/>
                <a:gd name="T90" fmla="*/ 52 w 78"/>
                <a:gd name="T91" fmla="*/ 32 h 95"/>
                <a:gd name="T92" fmla="*/ 51 w 78"/>
                <a:gd name="T93" fmla="*/ 30 h 95"/>
                <a:gd name="T94" fmla="*/ 51 w 78"/>
                <a:gd name="T95" fmla="*/ 28 h 95"/>
                <a:gd name="T96" fmla="*/ 51 w 78"/>
                <a:gd name="T97" fmla="*/ 27 h 95"/>
                <a:gd name="T98" fmla="*/ 51 w 78"/>
                <a:gd name="T99" fmla="*/ 27 h 95"/>
                <a:gd name="T100" fmla="*/ 48 w 78"/>
                <a:gd name="T101" fmla="*/ 23 h 95"/>
                <a:gd name="T102" fmla="*/ 44 w 78"/>
                <a:gd name="T103" fmla="*/ 23 h 95"/>
                <a:gd name="T104" fmla="*/ 37 w 78"/>
                <a:gd name="T105" fmla="*/ 23 h 95"/>
                <a:gd name="T106" fmla="*/ 32 w 78"/>
                <a:gd name="T107" fmla="*/ 14 h 95"/>
                <a:gd name="T108" fmla="*/ 25 w 78"/>
                <a:gd name="T109" fmla="*/ 14 h 95"/>
                <a:gd name="T110" fmla="*/ 20 w 78"/>
                <a:gd name="T111" fmla="*/ 0 h 95"/>
                <a:gd name="T112" fmla="*/ 0 w 78"/>
                <a:gd name="T113" fmla="*/ 8 h 95"/>
                <a:gd name="T114" fmla="*/ 19 w 78"/>
                <a:gd name="T115" fmla="*/ 61 h 95"/>
                <a:gd name="T116" fmla="*/ 0 60000 65536"/>
                <a:gd name="T117" fmla="*/ 0 60000 65536"/>
                <a:gd name="T118" fmla="*/ 0 60000 65536"/>
                <a:gd name="T119" fmla="*/ 0 60000 65536"/>
                <a:gd name="T120" fmla="*/ 0 60000 65536"/>
                <a:gd name="T121" fmla="*/ 0 60000 65536"/>
                <a:gd name="T122" fmla="*/ 0 60000 65536"/>
                <a:gd name="T123" fmla="*/ 0 60000 65536"/>
                <a:gd name="T124" fmla="*/ 0 60000 65536"/>
                <a:gd name="T125" fmla="*/ 0 60000 65536"/>
                <a:gd name="T126" fmla="*/ 0 60000 65536"/>
                <a:gd name="T127" fmla="*/ 0 60000 65536"/>
                <a:gd name="T128" fmla="*/ 0 60000 65536"/>
                <a:gd name="T129" fmla="*/ 0 60000 65536"/>
                <a:gd name="T130" fmla="*/ 0 60000 65536"/>
                <a:gd name="T131" fmla="*/ 0 60000 65536"/>
                <a:gd name="T132" fmla="*/ 0 60000 65536"/>
                <a:gd name="T133" fmla="*/ 0 60000 65536"/>
                <a:gd name="T134" fmla="*/ 0 60000 65536"/>
                <a:gd name="T135" fmla="*/ 0 60000 65536"/>
                <a:gd name="T136" fmla="*/ 0 60000 65536"/>
                <a:gd name="T137" fmla="*/ 0 60000 65536"/>
                <a:gd name="T138" fmla="*/ 0 60000 65536"/>
                <a:gd name="T139" fmla="*/ 0 60000 65536"/>
                <a:gd name="T140" fmla="*/ 0 60000 65536"/>
                <a:gd name="T141" fmla="*/ 0 60000 65536"/>
                <a:gd name="T142" fmla="*/ 0 60000 65536"/>
                <a:gd name="T143" fmla="*/ 0 60000 65536"/>
                <a:gd name="T144" fmla="*/ 0 60000 65536"/>
                <a:gd name="T145" fmla="*/ 0 60000 65536"/>
                <a:gd name="T146" fmla="*/ 0 60000 65536"/>
                <a:gd name="T147" fmla="*/ 0 60000 65536"/>
                <a:gd name="T148" fmla="*/ 0 60000 65536"/>
                <a:gd name="T149" fmla="*/ 0 60000 65536"/>
                <a:gd name="T150" fmla="*/ 0 60000 65536"/>
                <a:gd name="T151" fmla="*/ 0 60000 65536"/>
                <a:gd name="T152" fmla="*/ 0 60000 65536"/>
                <a:gd name="T153" fmla="*/ 0 60000 65536"/>
                <a:gd name="T154" fmla="*/ 0 60000 65536"/>
                <a:gd name="T155" fmla="*/ 0 60000 65536"/>
                <a:gd name="T156" fmla="*/ 0 60000 65536"/>
                <a:gd name="T157" fmla="*/ 0 60000 65536"/>
                <a:gd name="T158" fmla="*/ 0 60000 65536"/>
                <a:gd name="T159" fmla="*/ 0 60000 65536"/>
                <a:gd name="T160" fmla="*/ 0 60000 65536"/>
                <a:gd name="T161" fmla="*/ 0 60000 65536"/>
                <a:gd name="T162" fmla="*/ 0 60000 65536"/>
                <a:gd name="T163" fmla="*/ 0 60000 65536"/>
                <a:gd name="T164" fmla="*/ 0 60000 65536"/>
                <a:gd name="T165" fmla="*/ 0 60000 65536"/>
                <a:gd name="T166" fmla="*/ 0 60000 65536"/>
                <a:gd name="T167" fmla="*/ 0 60000 65536"/>
                <a:gd name="T168" fmla="*/ 0 60000 65536"/>
                <a:gd name="T169" fmla="*/ 0 60000 65536"/>
                <a:gd name="T170" fmla="*/ 0 60000 65536"/>
                <a:gd name="T171" fmla="*/ 0 60000 65536"/>
                <a:gd name="T172" fmla="*/ 0 60000 65536"/>
                <a:gd name="T173" fmla="*/ 0 60000 65536"/>
                <a:gd name="T174" fmla="*/ 0 w 78"/>
                <a:gd name="T175" fmla="*/ 0 h 95"/>
                <a:gd name="T176" fmla="*/ 78 w 78"/>
                <a:gd name="T177" fmla="*/ 95 h 95"/>
              </a:gdLst>
              <a:ahLst/>
              <a:cxnLst>
                <a:cxn ang="T116">
                  <a:pos x="T0" y="T1"/>
                </a:cxn>
                <a:cxn ang="T117">
                  <a:pos x="T2" y="T3"/>
                </a:cxn>
                <a:cxn ang="T118">
                  <a:pos x="T4" y="T5"/>
                </a:cxn>
                <a:cxn ang="T119">
                  <a:pos x="T6" y="T7"/>
                </a:cxn>
                <a:cxn ang="T120">
                  <a:pos x="T8" y="T9"/>
                </a:cxn>
                <a:cxn ang="T121">
                  <a:pos x="T10" y="T11"/>
                </a:cxn>
                <a:cxn ang="T122">
                  <a:pos x="T12" y="T13"/>
                </a:cxn>
                <a:cxn ang="T123">
                  <a:pos x="T14" y="T15"/>
                </a:cxn>
                <a:cxn ang="T124">
                  <a:pos x="T16" y="T17"/>
                </a:cxn>
                <a:cxn ang="T125">
                  <a:pos x="T18" y="T19"/>
                </a:cxn>
                <a:cxn ang="T126">
                  <a:pos x="T20" y="T21"/>
                </a:cxn>
                <a:cxn ang="T127">
                  <a:pos x="T22" y="T23"/>
                </a:cxn>
                <a:cxn ang="T128">
                  <a:pos x="T24" y="T25"/>
                </a:cxn>
                <a:cxn ang="T129">
                  <a:pos x="T26" y="T27"/>
                </a:cxn>
                <a:cxn ang="T130">
                  <a:pos x="T28" y="T29"/>
                </a:cxn>
                <a:cxn ang="T131">
                  <a:pos x="T30" y="T31"/>
                </a:cxn>
                <a:cxn ang="T132">
                  <a:pos x="T32" y="T33"/>
                </a:cxn>
                <a:cxn ang="T133">
                  <a:pos x="T34" y="T35"/>
                </a:cxn>
                <a:cxn ang="T134">
                  <a:pos x="T36" y="T37"/>
                </a:cxn>
                <a:cxn ang="T135">
                  <a:pos x="T38" y="T39"/>
                </a:cxn>
                <a:cxn ang="T136">
                  <a:pos x="T40" y="T41"/>
                </a:cxn>
                <a:cxn ang="T137">
                  <a:pos x="T42" y="T43"/>
                </a:cxn>
                <a:cxn ang="T138">
                  <a:pos x="T44" y="T45"/>
                </a:cxn>
                <a:cxn ang="T139">
                  <a:pos x="T46" y="T47"/>
                </a:cxn>
                <a:cxn ang="T140">
                  <a:pos x="T48" y="T49"/>
                </a:cxn>
                <a:cxn ang="T141">
                  <a:pos x="T50" y="T51"/>
                </a:cxn>
                <a:cxn ang="T142">
                  <a:pos x="T52" y="T53"/>
                </a:cxn>
                <a:cxn ang="T143">
                  <a:pos x="T54" y="T55"/>
                </a:cxn>
                <a:cxn ang="T144">
                  <a:pos x="T56" y="T57"/>
                </a:cxn>
                <a:cxn ang="T145">
                  <a:pos x="T58" y="T59"/>
                </a:cxn>
                <a:cxn ang="T146">
                  <a:pos x="T60" y="T61"/>
                </a:cxn>
                <a:cxn ang="T147">
                  <a:pos x="T62" y="T63"/>
                </a:cxn>
                <a:cxn ang="T148">
                  <a:pos x="T64" y="T65"/>
                </a:cxn>
                <a:cxn ang="T149">
                  <a:pos x="T66" y="T67"/>
                </a:cxn>
                <a:cxn ang="T150">
                  <a:pos x="T68" y="T69"/>
                </a:cxn>
                <a:cxn ang="T151">
                  <a:pos x="T70" y="T71"/>
                </a:cxn>
                <a:cxn ang="T152">
                  <a:pos x="T72" y="T73"/>
                </a:cxn>
                <a:cxn ang="T153">
                  <a:pos x="T74" y="T75"/>
                </a:cxn>
                <a:cxn ang="T154">
                  <a:pos x="T76" y="T77"/>
                </a:cxn>
                <a:cxn ang="T155">
                  <a:pos x="T78" y="T79"/>
                </a:cxn>
                <a:cxn ang="T156">
                  <a:pos x="T80" y="T81"/>
                </a:cxn>
                <a:cxn ang="T157">
                  <a:pos x="T82" y="T83"/>
                </a:cxn>
                <a:cxn ang="T158">
                  <a:pos x="T84" y="T85"/>
                </a:cxn>
                <a:cxn ang="T159">
                  <a:pos x="T86" y="T87"/>
                </a:cxn>
                <a:cxn ang="T160">
                  <a:pos x="T88" y="T89"/>
                </a:cxn>
                <a:cxn ang="T161">
                  <a:pos x="T90" y="T91"/>
                </a:cxn>
                <a:cxn ang="T162">
                  <a:pos x="T92" y="T93"/>
                </a:cxn>
                <a:cxn ang="T163">
                  <a:pos x="T94" y="T95"/>
                </a:cxn>
                <a:cxn ang="T164">
                  <a:pos x="T96" y="T97"/>
                </a:cxn>
                <a:cxn ang="T165">
                  <a:pos x="T98" y="T99"/>
                </a:cxn>
                <a:cxn ang="T166">
                  <a:pos x="T100" y="T101"/>
                </a:cxn>
                <a:cxn ang="T167">
                  <a:pos x="T102" y="T103"/>
                </a:cxn>
                <a:cxn ang="T168">
                  <a:pos x="T104" y="T105"/>
                </a:cxn>
                <a:cxn ang="T169">
                  <a:pos x="T106" y="T107"/>
                </a:cxn>
                <a:cxn ang="T170">
                  <a:pos x="T108" y="T109"/>
                </a:cxn>
                <a:cxn ang="T171">
                  <a:pos x="T110" y="T111"/>
                </a:cxn>
                <a:cxn ang="T172">
                  <a:pos x="T112" y="T113"/>
                </a:cxn>
                <a:cxn ang="T173">
                  <a:pos x="T114" y="T115"/>
                </a:cxn>
              </a:cxnLst>
              <a:rect l="T174" t="T175" r="T176" b="T177"/>
              <a:pathLst>
                <a:path w="78" h="95">
                  <a:moveTo>
                    <a:pt x="21" y="80"/>
                  </a:moveTo>
                  <a:lnTo>
                    <a:pt x="16" y="83"/>
                  </a:lnTo>
                  <a:lnTo>
                    <a:pt x="16" y="85"/>
                  </a:lnTo>
                  <a:lnTo>
                    <a:pt x="16" y="86"/>
                  </a:lnTo>
                  <a:lnTo>
                    <a:pt x="16" y="88"/>
                  </a:lnTo>
                  <a:lnTo>
                    <a:pt x="16" y="90"/>
                  </a:lnTo>
                  <a:lnTo>
                    <a:pt x="16" y="93"/>
                  </a:lnTo>
                  <a:lnTo>
                    <a:pt x="17" y="95"/>
                  </a:lnTo>
                  <a:lnTo>
                    <a:pt x="22" y="95"/>
                  </a:lnTo>
                  <a:lnTo>
                    <a:pt x="28" y="93"/>
                  </a:lnTo>
                  <a:lnTo>
                    <a:pt x="31" y="90"/>
                  </a:lnTo>
                  <a:lnTo>
                    <a:pt x="36" y="86"/>
                  </a:lnTo>
                  <a:lnTo>
                    <a:pt x="39" y="83"/>
                  </a:lnTo>
                  <a:lnTo>
                    <a:pt x="41" y="80"/>
                  </a:lnTo>
                  <a:lnTo>
                    <a:pt x="43" y="78"/>
                  </a:lnTo>
                  <a:lnTo>
                    <a:pt x="44" y="76"/>
                  </a:lnTo>
                  <a:lnTo>
                    <a:pt x="50" y="76"/>
                  </a:lnTo>
                  <a:lnTo>
                    <a:pt x="50" y="64"/>
                  </a:lnTo>
                  <a:lnTo>
                    <a:pt x="39" y="30"/>
                  </a:lnTo>
                  <a:lnTo>
                    <a:pt x="48" y="29"/>
                  </a:lnTo>
                  <a:lnTo>
                    <a:pt x="55" y="36"/>
                  </a:lnTo>
                  <a:lnTo>
                    <a:pt x="58" y="36"/>
                  </a:lnTo>
                  <a:lnTo>
                    <a:pt x="60" y="36"/>
                  </a:lnTo>
                  <a:lnTo>
                    <a:pt x="61" y="37"/>
                  </a:lnTo>
                  <a:lnTo>
                    <a:pt x="65" y="39"/>
                  </a:lnTo>
                  <a:lnTo>
                    <a:pt x="66" y="42"/>
                  </a:lnTo>
                  <a:lnTo>
                    <a:pt x="68" y="52"/>
                  </a:lnTo>
                  <a:lnTo>
                    <a:pt x="72" y="58"/>
                  </a:lnTo>
                  <a:lnTo>
                    <a:pt x="73" y="61"/>
                  </a:lnTo>
                  <a:lnTo>
                    <a:pt x="75" y="59"/>
                  </a:lnTo>
                  <a:lnTo>
                    <a:pt x="77" y="58"/>
                  </a:lnTo>
                  <a:lnTo>
                    <a:pt x="77" y="54"/>
                  </a:lnTo>
                  <a:lnTo>
                    <a:pt x="78" y="52"/>
                  </a:lnTo>
                  <a:lnTo>
                    <a:pt x="78" y="51"/>
                  </a:lnTo>
                  <a:lnTo>
                    <a:pt x="78" y="52"/>
                  </a:lnTo>
                  <a:lnTo>
                    <a:pt x="77" y="52"/>
                  </a:lnTo>
                  <a:lnTo>
                    <a:pt x="77" y="51"/>
                  </a:lnTo>
                  <a:lnTo>
                    <a:pt x="77" y="49"/>
                  </a:lnTo>
                  <a:lnTo>
                    <a:pt x="75" y="46"/>
                  </a:lnTo>
                  <a:lnTo>
                    <a:pt x="73" y="44"/>
                  </a:lnTo>
                  <a:lnTo>
                    <a:pt x="73" y="42"/>
                  </a:lnTo>
                  <a:lnTo>
                    <a:pt x="73" y="41"/>
                  </a:lnTo>
                  <a:lnTo>
                    <a:pt x="66" y="36"/>
                  </a:lnTo>
                  <a:lnTo>
                    <a:pt x="58" y="30"/>
                  </a:lnTo>
                  <a:lnTo>
                    <a:pt x="51" y="29"/>
                  </a:lnTo>
                  <a:lnTo>
                    <a:pt x="46" y="14"/>
                  </a:lnTo>
                  <a:lnTo>
                    <a:pt x="39" y="14"/>
                  </a:lnTo>
                  <a:lnTo>
                    <a:pt x="34" y="0"/>
                  </a:lnTo>
                  <a:lnTo>
                    <a:pt x="0" y="8"/>
                  </a:lnTo>
                  <a:lnTo>
                    <a:pt x="21" y="80"/>
                  </a:lnTo>
                </a:path>
              </a:pathLst>
            </a:custGeom>
            <a:solidFill>
              <a:srgbClr val="C00000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>
                <a:defRPr/>
              </a:pPr>
              <a:endParaRPr lang="en-US" sz="1125" kern="0" dirty="0">
                <a:solidFill>
                  <a:srgbClr val="FFFFFF"/>
                </a:solidFill>
                <a:latin typeface="Myriad Web Pro"/>
              </a:endParaRPr>
            </a:p>
          </p:txBody>
        </p:sp>
      </p:grpSp>
      <p:sp>
        <p:nvSpPr>
          <p:cNvPr id="1282" name="Oval 1281"/>
          <p:cNvSpPr/>
          <p:nvPr/>
        </p:nvSpPr>
        <p:spPr>
          <a:xfrm>
            <a:off x="1170664" y="6307846"/>
            <a:ext cx="239919" cy="263514"/>
          </a:xfrm>
          <a:prstGeom prst="ellipse">
            <a:avLst/>
          </a:prstGeom>
          <a:solidFill>
            <a:srgbClr val="C00000"/>
          </a:solidFill>
          <a:ln w="9525">
            <a:solidFill>
              <a:sysClr val="windowText" lastClr="000000"/>
            </a:solidFill>
            <a:round/>
            <a:headEnd/>
            <a:tailEnd/>
          </a:ln>
        </p:spPr>
        <p:txBody>
          <a:bodyPr/>
          <a:lstStyle/>
          <a:p>
            <a:pPr defTabSz="571486"/>
            <a:endParaRPr lang="en-US" sz="1125" kern="0" dirty="0">
              <a:solidFill>
                <a:srgbClr val="FFFFFF"/>
              </a:solidFill>
              <a:latin typeface="Myriad Web Pro"/>
            </a:endParaRPr>
          </a:p>
        </p:txBody>
      </p:sp>
      <p:sp>
        <p:nvSpPr>
          <p:cNvPr id="1283" name="TextBox 1282"/>
          <p:cNvSpPr txBox="1"/>
          <p:nvPr/>
        </p:nvSpPr>
        <p:spPr>
          <a:xfrm>
            <a:off x="1385332" y="6318404"/>
            <a:ext cx="1026493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783635"/>
            <a:r>
              <a:rPr lang="en-US" sz="14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States with </a:t>
            </a:r>
            <a:r>
              <a:rPr lang="en-US" sz="1400" i="1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Klebsiella pneumoniae </a:t>
            </a:r>
            <a:r>
              <a:rPr lang="en-US" sz="14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carbapenemase (KPC)-producing Carbapenem-resistant Enterobacteriaceae (CRE) confirmed by CDC</a:t>
            </a:r>
          </a:p>
        </p:txBody>
      </p:sp>
      <p:sp>
        <p:nvSpPr>
          <p:cNvPr id="1284" name="TextBox 1283"/>
          <p:cNvSpPr txBox="1"/>
          <p:nvPr/>
        </p:nvSpPr>
        <p:spPr>
          <a:xfrm>
            <a:off x="2325420" y="2371447"/>
            <a:ext cx="867287" cy="3617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783635"/>
            <a:r>
              <a:rPr lang="en-US" sz="1751" b="1" spc="31" dirty="0">
                <a:solidFill>
                  <a:srgbClr val="0070C0"/>
                </a:solidFill>
                <a:latin typeface="Calibri" panose="020F0502020204030204" pitchFamily="34" charset="0"/>
              </a:rPr>
              <a:t>2001</a:t>
            </a:r>
          </a:p>
        </p:txBody>
      </p:sp>
      <p:sp>
        <p:nvSpPr>
          <p:cNvPr id="1285" name="TextBox 1284"/>
          <p:cNvSpPr txBox="1"/>
          <p:nvPr/>
        </p:nvSpPr>
        <p:spPr>
          <a:xfrm>
            <a:off x="3421684" y="4341117"/>
            <a:ext cx="867287" cy="3617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783635"/>
            <a:r>
              <a:rPr lang="en-US" sz="1751" b="1" spc="31" dirty="0">
                <a:solidFill>
                  <a:srgbClr val="0070C0"/>
                </a:solidFill>
                <a:latin typeface="Calibri" panose="020F0502020204030204" pitchFamily="34" charset="0"/>
              </a:rPr>
              <a:t>2010</a:t>
            </a:r>
          </a:p>
        </p:txBody>
      </p:sp>
      <p:sp>
        <p:nvSpPr>
          <p:cNvPr id="1286" name="TextBox 1285"/>
          <p:cNvSpPr txBox="1"/>
          <p:nvPr/>
        </p:nvSpPr>
        <p:spPr>
          <a:xfrm>
            <a:off x="4634773" y="2370015"/>
            <a:ext cx="867287" cy="3617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783635"/>
            <a:r>
              <a:rPr lang="en-US" sz="1751" b="1" spc="31" dirty="0">
                <a:solidFill>
                  <a:srgbClr val="0070C0"/>
                </a:solidFill>
                <a:latin typeface="Calibri" panose="020F0502020204030204" pitchFamily="34" charset="0"/>
              </a:rPr>
              <a:t>2005</a:t>
            </a:r>
          </a:p>
        </p:txBody>
      </p:sp>
      <p:sp>
        <p:nvSpPr>
          <p:cNvPr id="1287" name="TextBox 1286"/>
          <p:cNvSpPr txBox="1"/>
          <p:nvPr/>
        </p:nvSpPr>
        <p:spPr>
          <a:xfrm>
            <a:off x="5731147" y="4338465"/>
            <a:ext cx="867287" cy="3617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783635"/>
            <a:r>
              <a:rPr lang="en-US" sz="1751" b="1" spc="31" dirty="0">
                <a:solidFill>
                  <a:srgbClr val="0070C0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1288" name="TextBox 1287"/>
          <p:cNvSpPr txBox="1"/>
          <p:nvPr/>
        </p:nvSpPr>
        <p:spPr>
          <a:xfrm>
            <a:off x="6946449" y="2367971"/>
            <a:ext cx="867287" cy="3617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783635"/>
            <a:r>
              <a:rPr lang="en-US" sz="1751" b="1" spc="31" dirty="0">
                <a:solidFill>
                  <a:srgbClr val="0070C0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1289" name="TextBox 1288"/>
          <p:cNvSpPr txBox="1"/>
          <p:nvPr/>
        </p:nvSpPr>
        <p:spPr>
          <a:xfrm>
            <a:off x="8042715" y="4337642"/>
            <a:ext cx="867287" cy="3617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783635"/>
            <a:r>
              <a:rPr lang="en-US" sz="1751" b="1" spc="31" dirty="0">
                <a:solidFill>
                  <a:srgbClr val="0070C0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1290" name="TextBox 1289"/>
          <p:cNvSpPr txBox="1"/>
          <p:nvPr/>
        </p:nvSpPr>
        <p:spPr>
          <a:xfrm>
            <a:off x="9255804" y="2366539"/>
            <a:ext cx="867287" cy="3617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783635"/>
            <a:r>
              <a:rPr lang="en-US" sz="1751" b="1" spc="31" dirty="0">
                <a:solidFill>
                  <a:srgbClr val="0070C0"/>
                </a:solidFill>
                <a:latin typeface="Calibri" panose="020F0502020204030204" pitchFamily="34" charset="0"/>
              </a:rPr>
              <a:t>2008</a:t>
            </a:r>
          </a:p>
        </p:txBody>
      </p:sp>
    </p:spTree>
    <p:extLst>
      <p:ext uri="{BB962C8B-B14F-4D97-AF65-F5344CB8AC3E}">
        <p14:creationId xmlns:p14="http://schemas.microsoft.com/office/powerpoint/2010/main" val="11593243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00283" y="599752"/>
            <a:ext cx="10981149" cy="1143000"/>
          </a:xfrm>
        </p:spPr>
        <p:txBody>
          <a:bodyPr/>
          <a:lstStyle/>
          <a:p>
            <a:r>
              <a:rPr lang="en-US" sz="2800" dirty="0" smtClean="0">
                <a:cs typeface="Calibri" panose="020F0502020204030204" pitchFamily="34" charset="0"/>
              </a:rPr>
              <a:t>carbapenem-resistant Enterobacteriaceae (CRE) </a:t>
            </a:r>
            <a:r>
              <a:rPr lang="en-US" sz="2800" dirty="0">
                <a:cs typeface="Calibri" panose="020F0502020204030204" pitchFamily="34" charset="0"/>
              </a:rPr>
              <a:t>Outbreak: Several Healthcare Facilities in More than a County, Illinois, 2008</a:t>
            </a:r>
            <a:r>
              <a:rPr lang="en-US" sz="3200" dirty="0">
                <a:cs typeface="Calibri" panose="020F0502020204030204" pitchFamily="34" charset="0"/>
              </a:rPr>
              <a:t/>
            </a:r>
            <a:br>
              <a:rPr lang="en-US" sz="3200" dirty="0">
                <a:cs typeface="Calibri" panose="020F0502020204030204" pitchFamily="34" charset="0"/>
              </a:rPr>
            </a:br>
            <a:endParaRPr lang="en-US" sz="3200" dirty="0">
              <a:cs typeface="Calibri" panose="020F0502020204030204" pitchFamily="34" charset="0"/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609600" y="6110179"/>
            <a:ext cx="10972800" cy="54386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67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Won S, Munoz-Price S, Lolans K, Hota B, Weinstein R, Hayden M. for the Centers for Disease Control Prevention Epicenter Program. Rapid and Regional Spread of Klebsiella pneumoniae Carbapenemased CID 2011:53</a:t>
            </a:r>
          </a:p>
        </p:txBody>
      </p:sp>
      <p:pic>
        <p:nvPicPr>
          <p:cNvPr id="7" name="Content Placeholder 4" descr="8-29-2011 1-32-03 PM.png"/>
          <p:cNvPicPr>
            <a:picLocks noChangeAspect="1"/>
          </p:cNvPicPr>
          <p:nvPr/>
        </p:nvPicPr>
        <p:blipFill>
          <a:blip r:embed="rId2" cstate="print"/>
          <a:stretch>
            <a:fillRect/>
          </a:stretch>
        </p:blipFill>
        <p:spPr bwMode="auto">
          <a:xfrm>
            <a:off x="2229131" y="1512400"/>
            <a:ext cx="7523451" cy="43184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Rectangle 7"/>
          <p:cNvSpPr/>
          <p:nvPr/>
        </p:nvSpPr>
        <p:spPr>
          <a:xfrm>
            <a:off x="1869047" y="1512400"/>
            <a:ext cx="8453905" cy="4285697"/>
          </a:xfrm>
          <a:prstGeom prst="rect">
            <a:avLst/>
          </a:prstGeom>
          <a:noFill/>
          <a:ln w="9525">
            <a:solidFill>
              <a:srgbClr val="005DA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133" dirty="0"/>
          </a:p>
        </p:txBody>
      </p:sp>
    </p:spTree>
    <p:extLst>
      <p:ext uri="{BB962C8B-B14F-4D97-AF65-F5344CB8AC3E}">
        <p14:creationId xmlns:p14="http://schemas.microsoft.com/office/powerpoint/2010/main" val="11375053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76200"/>
            <a:ext cx="10972800" cy="1143000"/>
          </a:xfrm>
        </p:spPr>
        <p:txBody>
          <a:bodyPr>
            <a:normAutofit/>
          </a:bodyPr>
          <a:lstStyle/>
          <a:p>
            <a:r>
              <a:rPr lang="en-US" sz="3200" dirty="0" smtClean="0"/>
              <a:t>Connectedness of Healthcare Facilities, Washington and Oregon</a:t>
            </a:r>
            <a:endParaRPr lang="en-US" sz="3200" dirty="0"/>
          </a:p>
        </p:txBody>
      </p:sp>
      <p:pic>
        <p:nvPicPr>
          <p:cNvPr id="41" name="Picture 40"/>
          <p:cNvPicPr/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>
            <a:off x="125507" y="1497138"/>
            <a:ext cx="8534400" cy="5232400"/>
          </a:xfrm>
          <a:prstGeom prst="rect">
            <a:avLst/>
          </a:prstGeom>
        </p:spPr>
      </p:pic>
      <p:grpSp>
        <p:nvGrpSpPr>
          <p:cNvPr id="5" name="Group 4"/>
          <p:cNvGrpSpPr/>
          <p:nvPr/>
        </p:nvGrpSpPr>
        <p:grpSpPr>
          <a:xfrm>
            <a:off x="9000562" y="1723388"/>
            <a:ext cx="3334874" cy="2061718"/>
            <a:chOff x="9359664" y="1294364"/>
            <a:chExt cx="2438402" cy="2061718"/>
          </a:xfrm>
        </p:grpSpPr>
        <p:sp>
          <p:nvSpPr>
            <p:cNvPr id="42" name="TextBox 41"/>
            <p:cNvSpPr txBox="1"/>
            <p:nvPr/>
          </p:nvSpPr>
          <p:spPr>
            <a:xfrm>
              <a:off x="9602933" y="1294364"/>
              <a:ext cx="2195133" cy="206171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133" dirty="0">
                  <a:solidFill>
                    <a:schemeClr val="accent4">
                      <a:lumMod val="75000"/>
                    </a:schemeClr>
                  </a:solidFill>
                  <a:latin typeface="Calibri" panose="020F0502020204030204" pitchFamily="34" charset="0"/>
                </a:rPr>
                <a:t>Acute Care </a:t>
              </a:r>
            </a:p>
            <a:p>
              <a:r>
                <a:rPr lang="en-US" sz="2133" dirty="0">
                  <a:solidFill>
                    <a:schemeClr val="accent4">
                      <a:lumMod val="75000"/>
                    </a:schemeClr>
                  </a:solidFill>
                  <a:latin typeface="Calibri" panose="020F0502020204030204" pitchFamily="34" charset="0"/>
                </a:rPr>
                <a:t>Critical Access </a:t>
              </a:r>
              <a:endParaRPr lang="en-US" sz="2133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endParaRPr>
            </a:p>
            <a:p>
              <a:r>
                <a:rPr lang="en-US" sz="2133" dirty="0" smtClean="0">
                  <a:solidFill>
                    <a:schemeClr val="accent4">
                      <a:lumMod val="75000"/>
                    </a:schemeClr>
                  </a:solidFill>
                  <a:latin typeface="Calibri" panose="020F0502020204030204" pitchFamily="34" charset="0"/>
                </a:rPr>
                <a:t>Long-term acute care hospital</a:t>
              </a:r>
            </a:p>
            <a:p>
              <a:r>
                <a:rPr lang="en-US" sz="2133" dirty="0" smtClean="0">
                  <a:solidFill>
                    <a:schemeClr val="accent4">
                      <a:lumMod val="75000"/>
                    </a:schemeClr>
                  </a:solidFill>
                  <a:latin typeface="Calibri" panose="020F0502020204030204" pitchFamily="34" charset="0"/>
                </a:rPr>
                <a:t>Rehabilitation </a:t>
              </a:r>
              <a:endParaRPr lang="en-US" sz="2133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endParaRPr>
            </a:p>
            <a:p>
              <a:r>
                <a:rPr lang="en-US" sz="2133" dirty="0" smtClean="0">
                  <a:solidFill>
                    <a:schemeClr val="accent4">
                      <a:lumMod val="75000"/>
                    </a:schemeClr>
                  </a:solidFill>
                  <a:latin typeface="Calibri" panose="020F0502020204030204" pitchFamily="34" charset="0"/>
                </a:rPr>
                <a:t>Skilled nursing facility</a:t>
              </a:r>
              <a:endParaRPr lang="en-US" sz="2133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3" name="Rectangle 2"/>
            <p:cNvSpPr/>
            <p:nvPr/>
          </p:nvSpPr>
          <p:spPr>
            <a:xfrm>
              <a:off x="9359664" y="1419827"/>
              <a:ext cx="243267" cy="216061"/>
            </a:xfrm>
            <a:prstGeom prst="rect">
              <a:avLst/>
            </a:prstGeom>
            <a:solidFill>
              <a:srgbClr val="FF9933"/>
            </a:solidFill>
            <a:ln>
              <a:solidFill>
                <a:schemeClr val="accent4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7" name="Rectangle 46"/>
            <p:cNvSpPr/>
            <p:nvPr/>
          </p:nvSpPr>
          <p:spPr>
            <a:xfrm>
              <a:off x="9359664" y="1744430"/>
              <a:ext cx="243267" cy="216061"/>
            </a:xfrm>
            <a:prstGeom prst="rect">
              <a:avLst/>
            </a:prstGeom>
            <a:solidFill>
              <a:srgbClr val="FF0000"/>
            </a:solidFill>
            <a:ln>
              <a:solidFill>
                <a:schemeClr val="accent4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8" name="Rectangle 47"/>
            <p:cNvSpPr/>
            <p:nvPr/>
          </p:nvSpPr>
          <p:spPr>
            <a:xfrm>
              <a:off x="9359664" y="2069032"/>
              <a:ext cx="243267" cy="216061"/>
            </a:xfrm>
            <a:prstGeom prst="rect">
              <a:avLst/>
            </a:prstGeom>
            <a:solidFill>
              <a:srgbClr val="FFFF00"/>
            </a:solidFill>
            <a:ln>
              <a:solidFill>
                <a:schemeClr val="accent4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9" name="Rectangle 48"/>
            <p:cNvSpPr/>
            <p:nvPr/>
          </p:nvSpPr>
          <p:spPr>
            <a:xfrm>
              <a:off x="9359664" y="2707384"/>
              <a:ext cx="243267" cy="216061"/>
            </a:xfrm>
            <a:prstGeom prst="rect">
              <a:avLst/>
            </a:prstGeom>
            <a:ln>
              <a:solidFill>
                <a:schemeClr val="accent4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0" name="Rectangle 49"/>
            <p:cNvSpPr/>
            <p:nvPr/>
          </p:nvSpPr>
          <p:spPr>
            <a:xfrm>
              <a:off x="9359664" y="3031989"/>
              <a:ext cx="243267" cy="216061"/>
            </a:xfrm>
            <a:prstGeom prst="rect">
              <a:avLst/>
            </a:prstGeom>
            <a:solidFill>
              <a:srgbClr val="33CC33"/>
            </a:solidFill>
            <a:ln>
              <a:solidFill>
                <a:schemeClr val="accent4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31635957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 txBox="1">
            <a:spLocks/>
          </p:cNvSpPr>
          <p:nvPr/>
        </p:nvSpPr>
        <p:spPr>
          <a:xfrm>
            <a:off x="496568" y="257864"/>
            <a:ext cx="10972800" cy="855125"/>
          </a:xfrm>
          <a:prstGeom prst="rect">
            <a:avLst/>
          </a:prstGeom>
        </p:spPr>
        <p:txBody>
          <a:bodyPr anchor="b" anchorCtr="0">
            <a:noAutofit/>
          </a:bodyPr>
          <a:lstStyle>
            <a:lvl1pPr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800" b="1" kern="1200" baseline="0">
                <a:solidFill>
                  <a:srgbClr val="D9531E"/>
                </a:solidFill>
                <a:effectLst/>
                <a:latin typeface="Calibri" pitchFamily="34" charset="0"/>
                <a:ea typeface="+mj-ea"/>
                <a:cs typeface="+mj-cs"/>
              </a:defRPr>
            </a:lvl1pPr>
            <a:lvl2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Myriad Web Pro" panose="020B0503030403020204" pitchFamily="34" charset="0"/>
              </a:defRPr>
            </a:lvl2pPr>
            <a:lvl3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Myriad Web Pro" panose="020B0503030403020204" pitchFamily="34" charset="0"/>
              </a:defRPr>
            </a:lvl3pPr>
            <a:lvl4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Myriad Web Pro" panose="020B0503030403020204" pitchFamily="34" charset="0"/>
              </a:defRPr>
            </a:lvl4pPr>
            <a:lvl5pPr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Myriad Web Pro" panose="020B0503030403020204" pitchFamily="34" charset="0"/>
              </a:defRPr>
            </a:lvl5pPr>
            <a:lvl6pPr marL="457189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Myriad Web Pro" panose="020B0503030403020204" pitchFamily="34" charset="0"/>
              </a:defRPr>
            </a:lvl6pPr>
            <a:lvl7pPr marL="914377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Myriad Web Pro" panose="020B0503030403020204" pitchFamily="34" charset="0"/>
              </a:defRPr>
            </a:lvl7pPr>
            <a:lvl8pPr marL="1371566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Myriad Web Pro" panose="020B0503030403020204" pitchFamily="34" charset="0"/>
              </a:defRPr>
            </a:lvl8pPr>
            <a:lvl9pPr marL="1828754" algn="ctr" rtl="0" eaLnBrk="1" fontAlgn="base" hangingPunct="1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Myriad Web Pro" panose="020B0503030403020204" pitchFamily="34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srgbClr val="0039A6"/>
                </a:solidFill>
                <a:effectLst/>
                <a:uLnTx/>
                <a:uFillTx/>
                <a:latin typeface="Calibri" pitchFamily="34" charset="0"/>
                <a:ea typeface="+mj-ea"/>
                <a:cs typeface="+mj-cs"/>
              </a:rPr>
              <a:t>Prevention of </a:t>
            </a:r>
            <a:r>
              <a:rPr kumimoji="0" lang="en-US" sz="2400" b="1" i="1" u="none" strike="noStrike" kern="1200" cap="none" spc="0" normalizeH="0" baseline="0" noProof="0" dirty="0">
                <a:ln>
                  <a:noFill/>
                </a:ln>
                <a:solidFill>
                  <a:srgbClr val="0039A6"/>
                </a:solidFill>
                <a:effectLst/>
                <a:uLnTx/>
                <a:uFillTx/>
                <a:latin typeface="Calibri" pitchFamily="34" charset="0"/>
                <a:ea typeface="+mj-ea"/>
                <a:cs typeface="+mj-cs"/>
              </a:rPr>
              <a:t>C. difficile, </a:t>
            </a: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srgbClr val="0039A6"/>
                </a:solidFill>
                <a:effectLst/>
                <a:uLnTx/>
                <a:uFillTx/>
                <a:latin typeface="Calibri" pitchFamily="34" charset="0"/>
                <a:ea typeface="+mj-ea"/>
                <a:cs typeface="+mj-cs"/>
              </a:rPr>
              <a:t>MRSA, and Other MDROs: </a:t>
            </a: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39A6"/>
                </a:solidFill>
                <a:effectLst/>
                <a:uLnTx/>
                <a:uFillTx/>
                <a:latin typeface="Calibri" pitchFamily="34" charset="0"/>
                <a:ea typeface="+mj-ea"/>
                <a:cs typeface="+mj-cs"/>
              </a:rPr>
              <a:t>             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39A6"/>
                </a:solidFill>
                <a:effectLst/>
                <a:uLnTx/>
                <a:uFillTx/>
                <a:latin typeface="Calibri" pitchFamily="34" charset="0"/>
                <a:ea typeface="+mj-ea"/>
                <a:cs typeface="+mj-cs"/>
              </a:rPr>
              <a:t>Need </a:t>
            </a: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srgbClr val="0039A6"/>
                </a:solidFill>
                <a:effectLst/>
                <a:uLnTx/>
                <a:uFillTx/>
                <a:latin typeface="Calibri" pitchFamily="34" charset="0"/>
                <a:ea typeface="+mj-ea"/>
                <a:cs typeface="+mj-cs"/>
              </a:rPr>
              <a:t>for Regional Prevention Approach</a:t>
            </a:r>
          </a:p>
        </p:txBody>
      </p:sp>
      <p:sp>
        <p:nvSpPr>
          <p:cNvPr id="10" name="Text Placeholder 2"/>
          <p:cNvSpPr txBox="1">
            <a:spLocks/>
          </p:cNvSpPr>
          <p:nvPr/>
        </p:nvSpPr>
        <p:spPr bwMode="auto">
          <a:xfrm>
            <a:off x="496568" y="1968114"/>
            <a:ext cx="7158266" cy="459567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>
            <a:lvl1pPr marL="342891" indent="-342891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E25423"/>
              </a:buClr>
              <a:buFont typeface="Wingdings" panose="05000000000000000000" pitchFamily="2" charset="2"/>
              <a:buChar char="§"/>
              <a:defRPr sz="2000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742932" indent="-285744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8D8B00"/>
              </a:buClr>
              <a:buFont typeface="Arial" panose="020B0604020202020204" pitchFamily="34" charset="0"/>
              <a:buChar char="–"/>
              <a:defRPr sz="2000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1142971" indent="-228594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006A71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1600160" indent="-228594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000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2057349" indent="-228594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537" indent="-228594" algn="l" defTabSz="91437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726" indent="-228594" algn="l" defTabSz="91437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914" indent="-228594" algn="l" defTabSz="91437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103" indent="-228594" algn="l" defTabSz="91437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891" marR="0" lvl="0" indent="-342891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005DAA"/>
              </a:buClr>
              <a:buSzTx/>
              <a:buFont typeface="Wingdings" panose="05000000000000000000" pitchFamily="2" charset="2"/>
              <a:buChar char="§"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ditional </a:t>
            </a: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roach </a:t>
            </a:r>
          </a:p>
          <a:p>
            <a:pPr marL="742932" marR="0" lvl="1" indent="-285744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808080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motion of prevention efforts independently implemented by individual health care facilities </a:t>
            </a:r>
          </a:p>
          <a:p>
            <a:pPr marL="742932" marR="0" lvl="1" indent="-285744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808080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18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oes 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t account for inter-facility spread through movement of colonized/infected </a:t>
            </a:r>
            <a:r>
              <a:rPr kumimoji="0" lang="en-US" sz="18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</a:t>
            </a:r>
          </a:p>
          <a:p>
            <a:pPr marL="742932" marR="0" lvl="1" indent="-285744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808080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18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t effective for CDI and MDROs</a:t>
            </a:r>
          </a:p>
          <a:p>
            <a:pPr marL="342891" marR="0" lvl="0" indent="-342891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0F56DC"/>
              </a:buClr>
              <a:buSzTx/>
              <a:buFont typeface="Wingdings" panose="05000000000000000000" pitchFamily="2" charset="2"/>
              <a:buChar char="§"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gional 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roach</a:t>
            </a:r>
          </a:p>
          <a:p>
            <a:pPr marL="742932" marR="0" lvl="1" indent="-285744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808080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cognizes that individual facilities are components of integrated and dynamic networks connected via patient movement</a:t>
            </a:r>
          </a:p>
          <a:p>
            <a:pPr marL="742932" marR="0" lvl="1" indent="-285744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808080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currences in one healthcare facility may affect many other healthcare </a:t>
            </a:r>
            <a:r>
              <a:rPr kumimoji="0" lang="en-US" sz="18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acilities</a:t>
            </a: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005DAA"/>
              </a:buClr>
              <a:buSzTx/>
              <a:buFont typeface="Wingdings" panose="05000000000000000000" pitchFamily="2" charset="2"/>
              <a:buNone/>
              <a:tabLst/>
              <a:defRPr/>
            </a:pPr>
            <a:r>
              <a:rPr kumimoji="0" lang="en-US" sz="1800" b="1" i="0" u="sng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vention and Stewardship</a:t>
            </a:r>
          </a:p>
          <a:p>
            <a:pPr marL="742932" marR="0" lvl="1" indent="-285744" algn="l" defTabSz="914400" rtl="0" eaLnBrk="1" fontAlgn="base" latinLnBrk="0" hangingPunct="1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>
                <a:srgbClr val="808080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18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 27 states and 4 cities, CDC is aggressively expanding CRE, </a:t>
            </a:r>
            <a:r>
              <a:rPr kumimoji="0" lang="en-US" sz="1800" b="0" i="1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. difficile, </a:t>
            </a:r>
            <a:r>
              <a:rPr kumimoji="0" lang="en-US" sz="18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nd other MDRO prevention and antibiotic stewardship programs</a:t>
            </a: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827551" y="1968114"/>
            <a:ext cx="3763490" cy="3668963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496568" y="1112989"/>
            <a:ext cx="11190019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808080"/>
              </a:buClr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ll state health departments are being funded by CDC to prevent </a:t>
            </a: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healthcare-associated </a:t>
            </a: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fections and antibiotic resistance.</a:t>
            </a:r>
          </a:p>
        </p:txBody>
      </p:sp>
    </p:spTree>
    <p:extLst>
      <p:ext uri="{BB962C8B-B14F-4D97-AF65-F5344CB8AC3E}">
        <p14:creationId xmlns:p14="http://schemas.microsoft.com/office/powerpoint/2010/main" val="16702716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722854"/>
          </a:xfrm>
        </p:spPr>
        <p:txBody>
          <a:bodyPr/>
          <a:lstStyle/>
          <a:p>
            <a:r>
              <a:rPr lang="en-US" sz="2800" dirty="0" smtClean="0">
                <a:cs typeface="Calibri" panose="020F0502020204030204" pitchFamily="34" charset="0"/>
              </a:rPr>
              <a:t>Projected Prevalence of CRE Based on Modeling</a:t>
            </a:r>
            <a:endParaRPr lang="en-US" sz="2800" dirty="0">
              <a:cs typeface="Calibri" panose="020F0502020204030204" pitchFamily="34" charset="0"/>
            </a:endParaRPr>
          </a:p>
        </p:txBody>
      </p:sp>
      <p:pic>
        <p:nvPicPr>
          <p:cNvPr id="5" name="Content Placeholder 4"/>
          <p:cNvPicPr>
            <a:picLocks noGrp="1" noChangeAspect="1"/>
          </p:cNvPicPr>
          <p:nvPr>
            <p:ph idx="4294967295"/>
          </p:nvPr>
        </p:nvPicPr>
        <p:blipFill rotWithShape="1">
          <a:blip r:embed="rId3"/>
          <a:srcRect l="76273" t="24330" r="2083" b="26138"/>
          <a:stretch/>
        </p:blipFill>
        <p:spPr>
          <a:xfrm>
            <a:off x="437765" y="1638985"/>
            <a:ext cx="5283200" cy="2903538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812803" y="4763870"/>
            <a:ext cx="528319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dirty="0">
                <a:solidFill>
                  <a:schemeClr val="bg2"/>
                </a:solidFill>
              </a:rPr>
              <a:t>Projected </a:t>
            </a:r>
            <a:r>
              <a:rPr lang="en-US" sz="1600" b="1" u="sng" dirty="0">
                <a:solidFill>
                  <a:schemeClr val="bg2"/>
                </a:solidFill>
              </a:rPr>
              <a:t>regional</a:t>
            </a:r>
            <a:r>
              <a:rPr lang="en-US" sz="1600" b="1" dirty="0">
                <a:solidFill>
                  <a:schemeClr val="bg2"/>
                </a:solidFill>
              </a:rPr>
              <a:t> prevalence of CRE over a </a:t>
            </a:r>
          </a:p>
          <a:p>
            <a:r>
              <a:rPr lang="en-US" sz="1600" b="1" u="sng" dirty="0">
                <a:solidFill>
                  <a:schemeClr val="bg2"/>
                </a:solidFill>
              </a:rPr>
              <a:t>5-year period</a:t>
            </a:r>
            <a:r>
              <a:rPr lang="en-US" sz="1600" b="1" dirty="0">
                <a:solidFill>
                  <a:schemeClr val="bg2"/>
                </a:solidFill>
              </a:rPr>
              <a:t>  under three different intervention scenarios 10 facility model, United States</a:t>
            </a:r>
          </a:p>
        </p:txBody>
      </p:sp>
      <p:pic>
        <p:nvPicPr>
          <p:cNvPr id="9" name="Content Placeholder 4"/>
          <p:cNvPicPr>
            <a:picLocks noChangeAspect="1"/>
          </p:cNvPicPr>
          <p:nvPr/>
        </p:nvPicPr>
        <p:blipFill rotWithShape="1">
          <a:blip r:embed="rId4"/>
          <a:srcRect l="54166" t="26121" r="20024" b="17099"/>
          <a:stretch/>
        </p:blipFill>
        <p:spPr>
          <a:xfrm>
            <a:off x="6066276" y="1585125"/>
            <a:ext cx="5482193" cy="2895600"/>
          </a:xfrm>
          <a:prstGeom prst="rect">
            <a:avLst/>
          </a:prstGeom>
        </p:spPr>
      </p:pic>
      <p:sp>
        <p:nvSpPr>
          <p:cNvPr id="10" name="TextBox 9"/>
          <p:cNvSpPr txBox="1"/>
          <p:nvPr/>
        </p:nvSpPr>
        <p:spPr>
          <a:xfrm>
            <a:off x="6613238" y="4757174"/>
            <a:ext cx="4753649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dirty="0">
                <a:solidFill>
                  <a:schemeClr val="bg2"/>
                </a:solidFill>
              </a:rPr>
              <a:t>Projected </a:t>
            </a:r>
            <a:r>
              <a:rPr lang="en-US" sz="1600" b="1" u="sng" dirty="0">
                <a:solidFill>
                  <a:schemeClr val="bg2"/>
                </a:solidFill>
              </a:rPr>
              <a:t>countywide</a:t>
            </a:r>
            <a:r>
              <a:rPr lang="en-US" sz="1600" b="1" dirty="0">
                <a:solidFill>
                  <a:schemeClr val="bg2"/>
                </a:solidFill>
              </a:rPr>
              <a:t> prevalence of CRE over a </a:t>
            </a:r>
            <a:r>
              <a:rPr lang="en-US" sz="1600" b="1" u="sng" dirty="0">
                <a:solidFill>
                  <a:schemeClr val="bg2"/>
                </a:solidFill>
              </a:rPr>
              <a:t>15-year period</a:t>
            </a:r>
            <a:r>
              <a:rPr lang="en-US" sz="1600" b="1" dirty="0">
                <a:solidFill>
                  <a:schemeClr val="bg2"/>
                </a:solidFill>
              </a:rPr>
              <a:t> under three different intervention scenarios — 102 facility model, Orange County, California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1032477" y="5040076"/>
            <a:ext cx="9376976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b="1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onclusion:</a:t>
            </a:r>
            <a:r>
              <a:rPr lang="en-US" sz="20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Coordinated prevention approaches assisted by public health agencies</a:t>
            </a:r>
          </a:p>
          <a:p>
            <a:pPr algn="ctr"/>
            <a:r>
              <a:rPr lang="en-US" sz="2000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have </a:t>
            </a:r>
            <a:r>
              <a:rPr lang="en-US" sz="20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he potential to more completely address emergence and dissemination of </a:t>
            </a:r>
          </a:p>
          <a:p>
            <a:pPr algn="ctr"/>
            <a:r>
              <a:rPr lang="en-US" sz="20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DROS and in comparison to independent facility based </a:t>
            </a:r>
            <a:r>
              <a:rPr lang="en-US" sz="2000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fforts.</a:t>
            </a:r>
            <a:endParaRPr lang="en-US" sz="2000" dirty="0">
              <a:solidFill>
                <a:schemeClr val="accent4">
                  <a:lumMod val="75000"/>
                </a:schemeClr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871920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50108" y="297925"/>
            <a:ext cx="10972800" cy="602691"/>
          </a:xfrm>
        </p:spPr>
        <p:txBody>
          <a:bodyPr>
            <a:normAutofit/>
          </a:bodyPr>
          <a:lstStyle/>
          <a:p>
            <a:r>
              <a:rPr lang="en-US" sz="3600" dirty="0">
                <a:solidFill>
                  <a:srgbClr val="0039A6"/>
                </a:solidFill>
              </a:rPr>
              <a:t>Thinking Holistically to Protect Patients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2552699"/>
            <a:ext cx="2100181" cy="4178300"/>
          </a:xfrm>
          <a:prstGeom prst="rect">
            <a:avLst/>
          </a:prstGeom>
        </p:spPr>
      </p:pic>
      <p:sp>
        <p:nvSpPr>
          <p:cNvPr id="5" name="Right Arrow 4"/>
          <p:cNvSpPr/>
          <p:nvPr/>
        </p:nvSpPr>
        <p:spPr>
          <a:xfrm>
            <a:off x="2273302" y="5076811"/>
            <a:ext cx="9309100" cy="12827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21917" tIns="60959" rIns="121917" bIns="60959" rtlCol="0" anchor="ctr"/>
          <a:lstStyle/>
          <a:p>
            <a:pPr algn="ctr"/>
            <a:r>
              <a:rPr lang="en-US" sz="2667" dirty="0">
                <a:solidFill>
                  <a:schemeClr val="bg1"/>
                </a:solidFill>
                <a:latin typeface="Calibri" panose="020F0502020204030204" pitchFamily="34" charset="0"/>
              </a:rPr>
              <a:t>Protecting Across the Patient Care Spectrum</a:t>
            </a:r>
          </a:p>
        </p:txBody>
      </p:sp>
      <p:sp>
        <p:nvSpPr>
          <p:cNvPr id="6" name="AutoShape 4"/>
          <p:cNvSpPr>
            <a:spLocks noChangeArrowheads="1"/>
          </p:cNvSpPr>
          <p:nvPr/>
        </p:nvSpPr>
        <p:spPr bwMode="gray">
          <a:xfrm>
            <a:off x="5443315" y="2021359"/>
            <a:ext cx="2629559" cy="1638604"/>
          </a:xfrm>
          <a:prstGeom prst="chevron">
            <a:avLst>
              <a:gd name="adj" fmla="val 9894"/>
            </a:avLst>
          </a:prstGeom>
          <a:ln>
            <a:headEnd/>
            <a:tailEnd/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lIns="91439" tIns="91439" rIns="91439" bIns="91439"/>
          <a:lstStyle/>
          <a:p>
            <a:pPr marL="112713" indent="-112713">
              <a:spcBef>
                <a:spcPts val="600"/>
              </a:spcBef>
              <a:buSzPct val="100000"/>
              <a:buFont typeface="Arial" panose="020B0604020202020204" pitchFamily="34" charset="0"/>
              <a:buChar char="•"/>
            </a:pPr>
            <a:r>
              <a:rPr lang="en-US" sz="1867" dirty="0">
                <a:solidFill>
                  <a:srgbClr val="002060"/>
                </a:solidFill>
                <a:latin typeface="Calibri" panose="020F0502020204030204" pitchFamily="34" charset="0"/>
              </a:rPr>
              <a:t>Diagnostic stewardship</a:t>
            </a:r>
          </a:p>
          <a:p>
            <a:pPr marL="114294" lvl="1" indent="-114294">
              <a:spcBef>
                <a:spcPts val="600"/>
              </a:spcBef>
              <a:buSzPct val="100000"/>
              <a:buFont typeface="Arial"/>
              <a:buChar char="•"/>
            </a:pPr>
            <a:r>
              <a:rPr lang="en-US" sz="1867" dirty="0">
                <a:solidFill>
                  <a:srgbClr val="002060"/>
                </a:solidFill>
                <a:latin typeface="Calibri" panose="020F0502020204030204" pitchFamily="34" charset="0"/>
              </a:rPr>
              <a:t>Faster diagnostic tools</a:t>
            </a:r>
          </a:p>
          <a:p>
            <a:pPr marL="114294" lvl="1" indent="-114294">
              <a:spcBef>
                <a:spcPts val="600"/>
              </a:spcBef>
              <a:buSzPct val="100000"/>
              <a:buFont typeface="Arial"/>
              <a:buChar char="•"/>
            </a:pPr>
            <a:r>
              <a:rPr lang="en-US" sz="1867" dirty="0">
                <a:solidFill>
                  <a:srgbClr val="002060"/>
                </a:solidFill>
                <a:latin typeface="Calibri" panose="020F0502020204030204" pitchFamily="34" charset="0"/>
              </a:rPr>
              <a:t>Sepsis</a:t>
            </a:r>
          </a:p>
        </p:txBody>
      </p:sp>
      <p:sp>
        <p:nvSpPr>
          <p:cNvPr id="7" name="AutoShape 5"/>
          <p:cNvSpPr>
            <a:spLocks noChangeArrowheads="1"/>
          </p:cNvSpPr>
          <p:nvPr/>
        </p:nvSpPr>
        <p:spPr bwMode="gray">
          <a:xfrm>
            <a:off x="2831935" y="2019593"/>
            <a:ext cx="2611380" cy="1640368"/>
          </a:xfrm>
          <a:prstGeom prst="homePlate">
            <a:avLst>
              <a:gd name="adj" fmla="val 9671"/>
            </a:avLst>
          </a:prstGeom>
          <a:ln>
            <a:headEnd/>
            <a:tailEnd/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lIns="91439" tIns="91439" rIns="91439" bIns="91439"/>
          <a:lstStyle/>
          <a:p>
            <a:pPr marL="114294" lvl="1" indent="-114294">
              <a:spcBef>
                <a:spcPts val="600"/>
              </a:spcBef>
              <a:buSzPct val="100000"/>
              <a:buFont typeface="Arial"/>
              <a:buChar char="•"/>
            </a:pPr>
            <a:r>
              <a:rPr lang="en-US" sz="1867" dirty="0">
                <a:solidFill>
                  <a:srgbClr val="002060"/>
                </a:solidFill>
                <a:latin typeface="Calibri" panose="020F0502020204030204" pitchFamily="34" charset="0"/>
              </a:rPr>
              <a:t>Implement current recommendations</a:t>
            </a:r>
          </a:p>
          <a:p>
            <a:pPr marL="114294" lvl="1" indent="-114294">
              <a:spcBef>
                <a:spcPts val="600"/>
              </a:spcBef>
              <a:buSzPct val="100000"/>
              <a:buFont typeface="Arial"/>
              <a:buChar char="•"/>
            </a:pPr>
            <a:r>
              <a:rPr lang="en-US" sz="1867" dirty="0">
                <a:solidFill>
                  <a:srgbClr val="002060"/>
                </a:solidFill>
                <a:latin typeface="Calibri" panose="020F0502020204030204" pitchFamily="34" charset="0"/>
              </a:rPr>
              <a:t>Innovation </a:t>
            </a:r>
          </a:p>
          <a:p>
            <a:pPr marL="114294" lvl="1" indent="-114294">
              <a:spcBef>
                <a:spcPts val="600"/>
              </a:spcBef>
              <a:buSzPct val="100000"/>
              <a:buFont typeface="Arial"/>
              <a:buChar char="•"/>
            </a:pPr>
            <a:endParaRPr lang="en-US" sz="1867" dirty="0">
              <a:solidFill>
                <a:srgbClr val="002060"/>
              </a:solidFill>
              <a:latin typeface="Calibri" panose="020F0502020204030204" pitchFamily="34" charset="0"/>
            </a:endParaRPr>
          </a:p>
        </p:txBody>
      </p:sp>
      <p:sp>
        <p:nvSpPr>
          <p:cNvPr id="8" name="AutoShape 7"/>
          <p:cNvSpPr>
            <a:spLocks noChangeArrowheads="1"/>
          </p:cNvSpPr>
          <p:nvPr/>
        </p:nvSpPr>
        <p:spPr bwMode="gray">
          <a:xfrm>
            <a:off x="8087563" y="2016121"/>
            <a:ext cx="2611380" cy="1643843"/>
          </a:xfrm>
          <a:prstGeom prst="chevron">
            <a:avLst>
              <a:gd name="adj" fmla="val 9894"/>
            </a:avLst>
          </a:prstGeom>
          <a:ln>
            <a:headEnd/>
            <a:tailEnd/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lIns="91439" tIns="91439" rIns="91439" bIns="91439"/>
          <a:lstStyle/>
          <a:p>
            <a:pPr marL="114294" lvl="1" indent="-114294">
              <a:spcBef>
                <a:spcPts val="600"/>
              </a:spcBef>
              <a:buSzPct val="100000"/>
              <a:buFont typeface="Arial"/>
              <a:buChar char="•"/>
            </a:pPr>
            <a:r>
              <a:rPr lang="en-US" sz="1867" dirty="0">
                <a:solidFill>
                  <a:srgbClr val="002060"/>
                </a:solidFill>
                <a:latin typeface="Calibri" panose="020F0502020204030204" pitchFamily="34" charset="0"/>
              </a:rPr>
              <a:t>Antibiotic Stewardship</a:t>
            </a:r>
          </a:p>
        </p:txBody>
      </p:sp>
      <p:sp>
        <p:nvSpPr>
          <p:cNvPr id="9" name="AutoShape 8"/>
          <p:cNvSpPr>
            <a:spLocks noChangeArrowheads="1"/>
          </p:cNvSpPr>
          <p:nvPr/>
        </p:nvSpPr>
        <p:spPr bwMode="gray">
          <a:xfrm flipH="1">
            <a:off x="7979335" y="1292647"/>
            <a:ext cx="2558316" cy="619367"/>
          </a:xfrm>
          <a:prstGeom prst="parallelogram">
            <a:avLst>
              <a:gd name="adj" fmla="val 16715"/>
            </a:avLst>
          </a:prstGeom>
          <a:solidFill>
            <a:srgbClr val="E25423"/>
          </a:solidFill>
          <a:ln w="9525" algn="ctr">
            <a:noFill/>
            <a:miter lim="800000"/>
            <a:headEnd/>
            <a:tailEnd/>
          </a:ln>
          <a:effectLst/>
        </p:spPr>
        <p:txBody>
          <a:bodyPr wrap="square" lIns="91439" tIns="91439" rIns="91439" bIns="91439" anchor="ctr">
            <a:noAutofit/>
          </a:bodyPr>
          <a:lstStyle/>
          <a:p>
            <a:pPr algn="ctr">
              <a:defRPr/>
            </a:pPr>
            <a:r>
              <a:rPr lang="en-US" sz="2133" dirty="0">
                <a:solidFill>
                  <a:schemeClr val="bg1"/>
                </a:solidFill>
                <a:latin typeface="Calibri" panose="020F0502020204030204" pitchFamily="34" charset="0"/>
              </a:rPr>
              <a:t>Appropriate Treatment </a:t>
            </a:r>
          </a:p>
        </p:txBody>
      </p:sp>
      <p:sp>
        <p:nvSpPr>
          <p:cNvPr id="10" name="AutoShape 9"/>
          <p:cNvSpPr>
            <a:spLocks noChangeArrowheads="1"/>
          </p:cNvSpPr>
          <p:nvPr/>
        </p:nvSpPr>
        <p:spPr bwMode="gray">
          <a:xfrm flipH="1">
            <a:off x="5359700" y="1292647"/>
            <a:ext cx="2561531" cy="619367"/>
          </a:xfrm>
          <a:prstGeom prst="parallelogram">
            <a:avLst>
              <a:gd name="adj" fmla="val 16715"/>
            </a:avLst>
          </a:prstGeom>
          <a:solidFill>
            <a:srgbClr val="E25423"/>
          </a:solidFill>
          <a:ln w="9525" algn="ctr">
            <a:noFill/>
            <a:miter lim="800000"/>
            <a:headEnd/>
            <a:tailEnd/>
          </a:ln>
          <a:effectLst/>
        </p:spPr>
        <p:txBody>
          <a:bodyPr wrap="square" lIns="91439" tIns="91439" rIns="91439" bIns="91439" anchor="ctr">
            <a:noAutofit/>
          </a:bodyPr>
          <a:lstStyle/>
          <a:p>
            <a:pPr algn="ctr">
              <a:defRPr/>
            </a:pPr>
            <a:r>
              <a:rPr lang="en-US" sz="2133" dirty="0">
                <a:solidFill>
                  <a:schemeClr val="bg1"/>
                </a:solidFill>
                <a:latin typeface="Calibri" panose="020F0502020204030204" pitchFamily="34" charset="0"/>
              </a:rPr>
              <a:t>Early Detection</a:t>
            </a:r>
          </a:p>
        </p:txBody>
      </p:sp>
      <p:sp>
        <p:nvSpPr>
          <p:cNvPr id="11" name="Freeform 6"/>
          <p:cNvSpPr>
            <a:spLocks/>
          </p:cNvSpPr>
          <p:nvPr/>
        </p:nvSpPr>
        <p:spPr bwMode="gray">
          <a:xfrm>
            <a:off x="2844799" y="1293275"/>
            <a:ext cx="2465052" cy="616975"/>
          </a:xfrm>
          <a:custGeom>
            <a:avLst/>
            <a:gdLst/>
            <a:ahLst/>
            <a:cxnLst>
              <a:cxn ang="0">
                <a:pos x="0" y="0"/>
              </a:cxn>
              <a:cxn ang="0">
                <a:pos x="1491" y="0"/>
              </a:cxn>
              <a:cxn ang="0">
                <a:pos x="1533" y="258"/>
              </a:cxn>
              <a:cxn ang="0">
                <a:pos x="0" y="258"/>
              </a:cxn>
              <a:cxn ang="0">
                <a:pos x="0" y="0"/>
              </a:cxn>
            </a:cxnLst>
            <a:rect l="0" t="0" r="r" b="b"/>
            <a:pathLst>
              <a:path w="1533" h="258">
                <a:moveTo>
                  <a:pt x="0" y="0"/>
                </a:moveTo>
                <a:lnTo>
                  <a:pt x="1491" y="0"/>
                </a:lnTo>
                <a:lnTo>
                  <a:pt x="1533" y="258"/>
                </a:lnTo>
                <a:lnTo>
                  <a:pt x="0" y="258"/>
                </a:lnTo>
                <a:lnTo>
                  <a:pt x="0" y="0"/>
                </a:lnTo>
                <a:close/>
              </a:path>
            </a:pathLst>
          </a:custGeom>
          <a:solidFill>
            <a:srgbClr val="E25423"/>
          </a:solidFill>
          <a:ln w="9525" cap="flat" cmpd="sng">
            <a:noFill/>
            <a:prstDash val="solid"/>
            <a:round/>
            <a:headEnd/>
            <a:tailEnd/>
          </a:ln>
          <a:effectLst/>
        </p:spPr>
        <p:txBody>
          <a:bodyPr wrap="square" lIns="91439" tIns="91439" rIns="91439" bIns="91439" anchor="ctr">
            <a:noAutofit/>
          </a:bodyPr>
          <a:lstStyle/>
          <a:p>
            <a:pPr algn="ctr"/>
            <a:r>
              <a:rPr lang="en-US" altLang="de-DE" sz="2133" dirty="0">
                <a:solidFill>
                  <a:schemeClr val="bg1"/>
                </a:solidFill>
                <a:latin typeface="Calibri" panose="020F0502020204030204" pitchFamily="34" charset="0"/>
              </a:rPr>
              <a:t>Prevent Infections</a:t>
            </a:r>
          </a:p>
        </p:txBody>
      </p:sp>
      <p:sp>
        <p:nvSpPr>
          <p:cNvPr id="12" name="AutoShape 7"/>
          <p:cNvSpPr>
            <a:spLocks noChangeArrowheads="1"/>
          </p:cNvSpPr>
          <p:nvPr/>
        </p:nvSpPr>
        <p:spPr bwMode="gray">
          <a:xfrm>
            <a:off x="4695234" y="3910408"/>
            <a:ext cx="4125719" cy="898201"/>
          </a:xfrm>
          <a:prstGeom prst="chevron">
            <a:avLst>
              <a:gd name="adj" fmla="val 9894"/>
            </a:avLst>
          </a:prstGeom>
          <a:ln>
            <a:headEnd/>
            <a:tailEnd/>
          </a:ln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lIns="91439" tIns="91439" rIns="91439" bIns="91439"/>
          <a:lstStyle/>
          <a:p>
            <a:pPr marL="114294" lvl="1" indent="-114294">
              <a:spcBef>
                <a:spcPts val="600"/>
              </a:spcBef>
              <a:buSzPct val="100000"/>
              <a:buFont typeface="Arial"/>
              <a:buChar char="•"/>
            </a:pPr>
            <a:r>
              <a:rPr lang="en-US" sz="1867" dirty="0">
                <a:solidFill>
                  <a:srgbClr val="002060"/>
                </a:solidFill>
                <a:latin typeface="Calibri" panose="020F0502020204030204" pitchFamily="34" charset="0"/>
              </a:rPr>
              <a:t>Emerging Resistant Bacteria</a:t>
            </a:r>
          </a:p>
          <a:p>
            <a:pPr marL="114294" lvl="1" indent="-114294">
              <a:spcBef>
                <a:spcPts val="600"/>
              </a:spcBef>
              <a:buSzPct val="100000"/>
              <a:buFont typeface="Arial"/>
              <a:buChar char="•"/>
            </a:pPr>
            <a:r>
              <a:rPr lang="en-US" sz="1867" dirty="0">
                <a:solidFill>
                  <a:srgbClr val="002060"/>
                </a:solidFill>
                <a:latin typeface="Calibri" panose="020F0502020204030204" pitchFamily="34" charset="0"/>
              </a:rPr>
              <a:t>Inter-facility Transmission</a:t>
            </a:r>
          </a:p>
        </p:txBody>
      </p:sp>
    </p:spTree>
    <p:extLst>
      <p:ext uri="{BB962C8B-B14F-4D97-AF65-F5344CB8AC3E}">
        <p14:creationId xmlns:p14="http://schemas.microsoft.com/office/powerpoint/2010/main" val="1834924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2"/>
          <p:cNvSpPr txBox="1">
            <a:spLocks/>
          </p:cNvSpPr>
          <p:nvPr/>
        </p:nvSpPr>
        <p:spPr bwMode="auto">
          <a:xfrm>
            <a:off x="562193" y="2267910"/>
            <a:ext cx="7178988" cy="416059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121920" tIns="60960" rIns="121920" bIns="6096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5DAA"/>
              </a:buClr>
              <a:buFont typeface="Wingdings" panose="05000000000000000000" pitchFamily="2" charset="2"/>
              <a:buChar char="§"/>
              <a:defRPr sz="2000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532E63"/>
              </a:buClr>
              <a:buFont typeface="Arial" panose="020B0604020202020204" pitchFamily="34" charset="0"/>
              <a:buChar char="–"/>
              <a:defRPr sz="2000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9A3B26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000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189" indent="-457189" defTabSz="1219170">
              <a:defRPr/>
            </a:pPr>
            <a:r>
              <a:rPr lang="en-US" sz="2400" dirty="0">
                <a:solidFill>
                  <a:srgbClr val="7F7F7F">
                    <a:lumMod val="75000"/>
                  </a:srgbClr>
                </a:solidFill>
              </a:rPr>
              <a:t>Every state now has capacity to implement the Containment </a:t>
            </a:r>
            <a:r>
              <a:rPr lang="en-US" sz="2400" dirty="0" smtClean="0">
                <a:solidFill>
                  <a:srgbClr val="7F7F7F">
                    <a:lumMod val="75000"/>
                  </a:srgbClr>
                </a:solidFill>
              </a:rPr>
              <a:t>Strategy</a:t>
            </a:r>
            <a:endParaRPr lang="en-US" sz="2400" dirty="0">
              <a:solidFill>
                <a:srgbClr val="7F7F7F">
                  <a:lumMod val="75000"/>
                </a:srgbClr>
              </a:solidFill>
            </a:endParaRPr>
          </a:p>
          <a:p>
            <a:pPr marL="457189" indent="-457189" defTabSz="1219170">
              <a:defRPr/>
            </a:pPr>
            <a:r>
              <a:rPr lang="en-US" sz="2400" dirty="0">
                <a:solidFill>
                  <a:srgbClr val="7F7F7F">
                    <a:lumMod val="75000"/>
                  </a:srgbClr>
                </a:solidFill>
              </a:rPr>
              <a:t>CDC works with local experts to take early, aggressive action to keep unusual threats from becoming </a:t>
            </a:r>
            <a:r>
              <a:rPr lang="en-US" sz="2400" dirty="0" smtClean="0">
                <a:solidFill>
                  <a:srgbClr val="7F7F7F">
                    <a:lumMod val="75000"/>
                  </a:srgbClr>
                </a:solidFill>
              </a:rPr>
              <a:t>common </a:t>
            </a:r>
            <a:endParaRPr lang="en-US" sz="2400" dirty="0">
              <a:solidFill>
                <a:srgbClr val="7F7F7F">
                  <a:lumMod val="75000"/>
                </a:srgbClr>
              </a:solidFill>
            </a:endParaRPr>
          </a:p>
          <a:p>
            <a:pPr marL="990575" lvl="1" indent="-380990" defTabSz="1219170">
              <a:defRPr/>
            </a:pPr>
            <a:r>
              <a:rPr lang="en-US" sz="2400" dirty="0">
                <a:solidFill>
                  <a:srgbClr val="7F7F7F">
                    <a:lumMod val="75000"/>
                  </a:srgbClr>
                </a:solidFill>
              </a:rPr>
              <a:t>More </a:t>
            </a:r>
            <a:r>
              <a:rPr lang="en-US" sz="2400" dirty="0" smtClean="0">
                <a:solidFill>
                  <a:srgbClr val="7F7F7F">
                    <a:lumMod val="75000"/>
                  </a:srgbClr>
                </a:solidFill>
              </a:rPr>
              <a:t>awareness of </a:t>
            </a:r>
            <a:r>
              <a:rPr lang="en-US" sz="2400" dirty="0">
                <a:solidFill>
                  <a:srgbClr val="7F7F7F">
                    <a:lumMod val="75000"/>
                  </a:srgbClr>
                </a:solidFill>
              </a:rPr>
              <a:t>unusual threats </a:t>
            </a:r>
          </a:p>
          <a:p>
            <a:pPr marL="990575" lvl="1" indent="-380990" defTabSz="1219170">
              <a:defRPr/>
            </a:pPr>
            <a:r>
              <a:rPr lang="en-US" sz="2400" dirty="0">
                <a:solidFill>
                  <a:srgbClr val="7F7F7F">
                    <a:lumMod val="75000"/>
                  </a:srgbClr>
                </a:solidFill>
              </a:rPr>
              <a:t>Improving response times</a:t>
            </a:r>
          </a:p>
          <a:p>
            <a:pPr marL="990575" lvl="1" indent="-380990" defTabSz="1219170">
              <a:defRPr/>
            </a:pPr>
            <a:r>
              <a:rPr lang="en-US" sz="2400" dirty="0">
                <a:solidFill>
                  <a:srgbClr val="7F7F7F">
                    <a:lumMod val="75000"/>
                  </a:srgbClr>
                </a:solidFill>
              </a:rPr>
              <a:t>Stopping silent spread </a:t>
            </a:r>
          </a:p>
          <a:p>
            <a:pPr marL="0" indent="0" defTabSz="1219170">
              <a:buNone/>
              <a:defRPr/>
            </a:pPr>
            <a:endParaRPr lang="en-US" sz="2400" dirty="0">
              <a:solidFill>
                <a:srgbClr val="7F7F7F">
                  <a:lumMod val="75000"/>
                </a:srgbClr>
              </a:solidFill>
            </a:endParaRPr>
          </a:p>
          <a:p>
            <a:pPr marL="457189" indent="-457189" defTabSz="1219170">
              <a:defRPr/>
            </a:pPr>
            <a:endParaRPr lang="en-US" sz="2400" dirty="0">
              <a:solidFill>
                <a:srgbClr val="000000"/>
              </a:solidFill>
            </a:endParaRPr>
          </a:p>
        </p:txBody>
      </p:sp>
      <p:grpSp>
        <p:nvGrpSpPr>
          <p:cNvPr id="5" name="Group 4"/>
          <p:cNvGrpSpPr/>
          <p:nvPr/>
        </p:nvGrpSpPr>
        <p:grpSpPr>
          <a:xfrm>
            <a:off x="5753635" y="4782385"/>
            <a:ext cx="2307173" cy="769059"/>
            <a:chOff x="3323770" y="5341255"/>
            <a:chExt cx="2307774" cy="769259"/>
          </a:xfrm>
          <a:solidFill>
            <a:srgbClr val="EC7F33"/>
          </a:solidFill>
          <a:effectLst>
            <a:outerShdw blurRad="279400" dist="38100" dir="5400000" sx="103000" sy="103000" algn="tl" rotWithShape="0">
              <a:prstClr val="black">
                <a:alpha val="32000"/>
              </a:prstClr>
            </a:outerShdw>
          </a:effectLst>
        </p:grpSpPr>
        <p:sp>
          <p:nvSpPr>
            <p:cNvPr id="6" name="Rectangle 5"/>
            <p:cNvSpPr/>
            <p:nvPr/>
          </p:nvSpPr>
          <p:spPr>
            <a:xfrm rot="5400000">
              <a:off x="3708399" y="4956628"/>
              <a:ext cx="769257" cy="1538515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04">
                <a:defRPr/>
              </a:pPr>
              <a:endParaRPr lang="en-US" sz="179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7" name="Right Triangle 6"/>
            <p:cNvSpPr/>
            <p:nvPr/>
          </p:nvSpPr>
          <p:spPr>
            <a:xfrm flipV="1">
              <a:off x="4862285" y="5341255"/>
              <a:ext cx="769259" cy="769257"/>
            </a:xfrm>
            <a:prstGeom prst="rt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04">
                <a:defRPr/>
              </a:pPr>
              <a:endParaRPr lang="en-US" sz="1799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grpSp>
        <p:nvGrpSpPr>
          <p:cNvPr id="8" name="Group 7"/>
          <p:cNvGrpSpPr/>
          <p:nvPr/>
        </p:nvGrpSpPr>
        <p:grpSpPr>
          <a:xfrm>
            <a:off x="8060808" y="2475209"/>
            <a:ext cx="2307173" cy="769059"/>
            <a:chOff x="5631544" y="3033478"/>
            <a:chExt cx="2307774" cy="769259"/>
          </a:xfrm>
          <a:solidFill>
            <a:schemeClr val="accent2"/>
          </a:solidFill>
          <a:effectLst>
            <a:outerShdw blurRad="279400" dist="38100" dir="5400000" sx="103000" sy="103000" algn="tl" rotWithShape="0">
              <a:prstClr val="black">
                <a:alpha val="32000"/>
              </a:prstClr>
            </a:outerShdw>
          </a:effectLst>
        </p:grpSpPr>
        <p:sp>
          <p:nvSpPr>
            <p:cNvPr id="9" name="Rectangle 8"/>
            <p:cNvSpPr/>
            <p:nvPr/>
          </p:nvSpPr>
          <p:spPr>
            <a:xfrm rot="5400000">
              <a:off x="6016173" y="2648851"/>
              <a:ext cx="769257" cy="1538515"/>
            </a:xfrm>
            <a:prstGeom prst="rect">
              <a:avLst/>
            </a:prstGeom>
            <a:solidFill>
              <a:srgbClr val="5B9BC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04">
                <a:defRPr/>
              </a:pPr>
              <a:endParaRPr lang="en-US" sz="179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0" name="Right Triangle 9"/>
            <p:cNvSpPr/>
            <p:nvPr/>
          </p:nvSpPr>
          <p:spPr>
            <a:xfrm flipV="1">
              <a:off x="7170059" y="3033478"/>
              <a:ext cx="769259" cy="769257"/>
            </a:xfrm>
            <a:prstGeom prst="rtTriangle">
              <a:avLst/>
            </a:prstGeom>
            <a:solidFill>
              <a:srgbClr val="5B9BC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04">
                <a:defRPr/>
              </a:pPr>
              <a:endParaRPr lang="en-US" sz="1799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grpSp>
        <p:nvGrpSpPr>
          <p:cNvPr id="11" name="Group 10"/>
          <p:cNvGrpSpPr/>
          <p:nvPr/>
        </p:nvGrpSpPr>
        <p:grpSpPr>
          <a:xfrm>
            <a:off x="10367980" y="168033"/>
            <a:ext cx="2307173" cy="769059"/>
            <a:chOff x="7939318" y="725700"/>
            <a:chExt cx="2307774" cy="769259"/>
          </a:xfrm>
          <a:solidFill>
            <a:srgbClr val="FFC000"/>
          </a:solidFill>
          <a:effectLst>
            <a:outerShdw blurRad="279400" dist="38100" dir="5400000" sx="103000" sy="103000" algn="tl" rotWithShape="0">
              <a:prstClr val="black">
                <a:alpha val="32000"/>
              </a:prstClr>
            </a:outerShdw>
          </a:effectLst>
        </p:grpSpPr>
        <p:sp>
          <p:nvSpPr>
            <p:cNvPr id="12" name="Rectangle 11"/>
            <p:cNvSpPr/>
            <p:nvPr/>
          </p:nvSpPr>
          <p:spPr>
            <a:xfrm rot="5400000">
              <a:off x="8323947" y="341073"/>
              <a:ext cx="769257" cy="1538515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04">
                <a:defRPr/>
              </a:pPr>
              <a:endParaRPr lang="en-US" sz="179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3" name="Right Triangle 12"/>
            <p:cNvSpPr/>
            <p:nvPr/>
          </p:nvSpPr>
          <p:spPr>
            <a:xfrm flipV="1">
              <a:off x="9477833" y="725700"/>
              <a:ext cx="769259" cy="769257"/>
            </a:xfrm>
            <a:prstGeom prst="rt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04">
                <a:defRPr/>
              </a:pPr>
              <a:endParaRPr lang="en-US" sz="1799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sp>
        <p:nvSpPr>
          <p:cNvPr id="14" name="Rectangle 13"/>
          <p:cNvSpPr/>
          <p:nvPr/>
        </p:nvSpPr>
        <p:spPr>
          <a:xfrm>
            <a:off x="5836204" y="4851675"/>
            <a:ext cx="2736681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104">
              <a:defRPr/>
            </a:pPr>
            <a:r>
              <a:rPr lang="en-US" sz="1600" b="1" dirty="0">
                <a:solidFill>
                  <a:prstClr val="white"/>
                </a:solidFill>
                <a:latin typeface="Calibri" panose="020F0502020204030204"/>
                <a:cs typeface="Arial" panose="020B0604020202020204" pitchFamily="34" charset="0"/>
              </a:rPr>
              <a:t>1. Rapidly detect</a:t>
            </a:r>
          </a:p>
          <a:p>
            <a:pPr defTabSz="914104">
              <a:defRPr/>
            </a:pPr>
            <a:r>
              <a:rPr lang="en-US" sz="1600" b="1" dirty="0">
                <a:solidFill>
                  <a:prstClr val="white"/>
                </a:solidFill>
                <a:latin typeface="Calibri" panose="020F0502020204030204"/>
                <a:cs typeface="Arial" panose="020B0604020202020204" pitchFamily="34" charset="0"/>
              </a:rPr>
              <a:t>single cases.</a:t>
            </a:r>
          </a:p>
        </p:txBody>
      </p:sp>
      <p:sp>
        <p:nvSpPr>
          <p:cNvPr id="15" name="Rectangle 14"/>
          <p:cNvSpPr/>
          <p:nvPr/>
        </p:nvSpPr>
        <p:spPr>
          <a:xfrm>
            <a:off x="10301682" y="191315"/>
            <a:ext cx="2045649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104">
              <a:defRPr/>
            </a:pPr>
            <a:r>
              <a:rPr lang="en-US" sz="1600" b="1" dirty="0">
                <a:solidFill>
                  <a:prstClr val="black">
                    <a:lumMod val="75000"/>
                    <a:lumOff val="25000"/>
                  </a:prstClr>
                </a:solidFill>
                <a:latin typeface="Calibri" panose="020F0502020204030204"/>
                <a:cs typeface="Arial" panose="020B0604020202020204" pitchFamily="34" charset="0"/>
              </a:rPr>
              <a:t>3. Screen contacts to stop silent spread.</a:t>
            </a:r>
          </a:p>
        </p:txBody>
      </p:sp>
      <p:sp>
        <p:nvSpPr>
          <p:cNvPr id="16" name="Rectangle 15"/>
          <p:cNvSpPr/>
          <p:nvPr/>
        </p:nvSpPr>
        <p:spPr>
          <a:xfrm>
            <a:off x="8026864" y="2533794"/>
            <a:ext cx="2736681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104">
              <a:defRPr/>
            </a:pPr>
            <a:r>
              <a:rPr lang="en-US" sz="1600" b="1" dirty="0">
                <a:solidFill>
                  <a:prstClr val="white"/>
                </a:solidFill>
                <a:latin typeface="Calibri" panose="020F0502020204030204"/>
                <a:cs typeface="Arial" panose="020B0604020202020204" pitchFamily="34" charset="0"/>
              </a:rPr>
              <a:t>2. Assess and improve </a:t>
            </a:r>
          </a:p>
          <a:p>
            <a:pPr defTabSz="914104">
              <a:defRPr/>
            </a:pPr>
            <a:r>
              <a:rPr lang="en-US" sz="1600" b="1" dirty="0">
                <a:solidFill>
                  <a:prstClr val="white"/>
                </a:solidFill>
                <a:latin typeface="Calibri" panose="020F0502020204030204"/>
                <a:cs typeface="Arial" panose="020B0604020202020204" pitchFamily="34" charset="0"/>
              </a:rPr>
              <a:t>infection control.</a:t>
            </a:r>
          </a:p>
        </p:txBody>
      </p:sp>
      <p:grpSp>
        <p:nvGrpSpPr>
          <p:cNvPr id="17" name="Group 16"/>
          <p:cNvGrpSpPr/>
          <p:nvPr/>
        </p:nvGrpSpPr>
        <p:grpSpPr>
          <a:xfrm>
            <a:off x="4984577" y="4782386"/>
            <a:ext cx="769059" cy="2075612"/>
            <a:chOff x="2554511" y="5341256"/>
            <a:chExt cx="769259" cy="2076153"/>
          </a:xfrm>
          <a:solidFill>
            <a:srgbClr val="C55A11"/>
          </a:solidFill>
        </p:grpSpPr>
        <p:sp>
          <p:nvSpPr>
            <p:cNvPr id="18" name="Right Triangle 17"/>
            <p:cNvSpPr/>
            <p:nvPr/>
          </p:nvSpPr>
          <p:spPr>
            <a:xfrm flipH="1">
              <a:off x="2554511" y="5341256"/>
              <a:ext cx="769259" cy="769257"/>
            </a:xfrm>
            <a:prstGeom prst="rt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04">
                <a:defRPr/>
              </a:pPr>
              <a:endParaRPr lang="en-US" sz="179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9" name="Rectangle 18"/>
            <p:cNvSpPr/>
            <p:nvPr/>
          </p:nvSpPr>
          <p:spPr>
            <a:xfrm>
              <a:off x="2554512" y="6110512"/>
              <a:ext cx="769257" cy="1306897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04">
                <a:defRPr/>
              </a:pPr>
              <a:endParaRPr lang="en-US" sz="1799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grpSp>
        <p:nvGrpSpPr>
          <p:cNvPr id="20" name="Group 19"/>
          <p:cNvGrpSpPr/>
          <p:nvPr/>
        </p:nvGrpSpPr>
        <p:grpSpPr>
          <a:xfrm>
            <a:off x="7291749" y="2475210"/>
            <a:ext cx="769059" cy="2307175"/>
            <a:chOff x="4862285" y="3033479"/>
            <a:chExt cx="769259" cy="2307775"/>
          </a:xfrm>
          <a:solidFill>
            <a:srgbClr val="2E75B6"/>
          </a:solidFill>
        </p:grpSpPr>
        <p:sp>
          <p:nvSpPr>
            <p:cNvPr id="21" name="Rectangle 20"/>
            <p:cNvSpPr/>
            <p:nvPr/>
          </p:nvSpPr>
          <p:spPr>
            <a:xfrm>
              <a:off x="4862286" y="3802739"/>
              <a:ext cx="769257" cy="1538515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04">
                <a:defRPr/>
              </a:pPr>
              <a:endParaRPr lang="en-US" sz="179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22" name="Right Triangle 21"/>
            <p:cNvSpPr/>
            <p:nvPr/>
          </p:nvSpPr>
          <p:spPr>
            <a:xfrm flipH="1">
              <a:off x="4862285" y="3033479"/>
              <a:ext cx="769259" cy="769257"/>
            </a:xfrm>
            <a:prstGeom prst="rt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04">
                <a:defRPr/>
              </a:pPr>
              <a:endParaRPr lang="en-US" sz="1799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grpSp>
        <p:nvGrpSpPr>
          <p:cNvPr id="23" name="Group 22"/>
          <p:cNvGrpSpPr/>
          <p:nvPr/>
        </p:nvGrpSpPr>
        <p:grpSpPr>
          <a:xfrm>
            <a:off x="9598923" y="168033"/>
            <a:ext cx="769059" cy="2307175"/>
            <a:chOff x="7170059" y="725701"/>
            <a:chExt cx="769259" cy="2307775"/>
          </a:xfrm>
          <a:solidFill>
            <a:schemeClr val="bg1">
              <a:lumMod val="75000"/>
            </a:schemeClr>
          </a:solidFill>
        </p:grpSpPr>
        <p:sp>
          <p:nvSpPr>
            <p:cNvPr id="24" name="Rectangle 23"/>
            <p:cNvSpPr/>
            <p:nvPr/>
          </p:nvSpPr>
          <p:spPr>
            <a:xfrm>
              <a:off x="7170061" y="1494961"/>
              <a:ext cx="769257" cy="1538515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04">
                <a:defRPr/>
              </a:pPr>
              <a:endParaRPr lang="en-US" sz="179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25" name="Right Triangle 24"/>
            <p:cNvSpPr/>
            <p:nvPr/>
          </p:nvSpPr>
          <p:spPr>
            <a:xfrm flipH="1">
              <a:off x="7170059" y="725701"/>
              <a:ext cx="769259" cy="769257"/>
            </a:xfrm>
            <a:prstGeom prst="rt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04">
                <a:defRPr/>
              </a:pPr>
              <a:endParaRPr lang="en-US" sz="1799">
                <a:solidFill>
                  <a:prstClr val="white"/>
                </a:solidFill>
                <a:latin typeface="Calibri" panose="020F0502020204030204"/>
              </a:endParaRPr>
            </a:p>
          </p:txBody>
        </p:sp>
      </p:grpSp>
      <p:cxnSp>
        <p:nvCxnSpPr>
          <p:cNvPr id="26" name="Elbow Connector 25"/>
          <p:cNvCxnSpPr/>
          <p:nvPr/>
        </p:nvCxnSpPr>
        <p:spPr>
          <a:xfrm rot="5400000">
            <a:off x="9264991" y="2453091"/>
            <a:ext cx="1562324" cy="1028736"/>
          </a:xfrm>
          <a:prstGeom prst="bentConnector3">
            <a:avLst>
              <a:gd name="adj1" fmla="val 99638"/>
            </a:avLst>
          </a:prstGeom>
          <a:ln>
            <a:solidFill>
              <a:schemeClr val="tx2">
                <a:lumMod val="65000"/>
              </a:schemeClr>
            </a:solidFill>
            <a:prstDash val="sysDot"/>
            <a:headEnd type="oval"/>
            <a:tailEnd type="triangle" w="lg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Rectangle 26"/>
          <p:cNvSpPr/>
          <p:nvPr/>
        </p:nvSpPr>
        <p:spPr>
          <a:xfrm>
            <a:off x="10575699" y="2998521"/>
            <a:ext cx="1389404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914104">
              <a:defRPr/>
            </a:pPr>
            <a:r>
              <a:rPr lang="en-US" sz="1600" b="1" dirty="0">
                <a:solidFill>
                  <a:prstClr val="black">
                    <a:lumMod val="75000"/>
                    <a:lumOff val="25000"/>
                  </a:prstClr>
                </a:solidFill>
                <a:latin typeface="Calibri" panose="020F0502020204030204"/>
                <a:cs typeface="Arial" panose="020B0604020202020204" pitchFamily="34" charset="0"/>
              </a:rPr>
              <a:t>4. Continue until spread is controlled.</a:t>
            </a:r>
          </a:p>
        </p:txBody>
      </p:sp>
      <p:pic>
        <p:nvPicPr>
          <p:cNvPr id="28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18586" y="5676201"/>
            <a:ext cx="1067583" cy="105703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5B9BD5"/>
                </a:solidFill>
              </a14:hiddenFill>
            </a:ext>
            <a:ext uri="{91240B29-F687-4F45-9708-019B960494DF}">
              <a14:hiddenLine xmlns:a14="http://schemas.microsoft.com/office/drawing/2010/main" w="254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000000"/>
                  </a:outerShdw>
                </a:effectLst>
              </a14:hiddenEffects>
            </a:ext>
          </a:extLst>
        </p:spPr>
      </p:pic>
      <p:grpSp>
        <p:nvGrpSpPr>
          <p:cNvPr id="29" name="Group 28"/>
          <p:cNvGrpSpPr/>
          <p:nvPr/>
        </p:nvGrpSpPr>
        <p:grpSpPr>
          <a:xfrm>
            <a:off x="8234095" y="3401440"/>
            <a:ext cx="1566699" cy="1450232"/>
            <a:chOff x="7849586" y="3910373"/>
            <a:chExt cx="1566699" cy="1450232"/>
          </a:xfrm>
        </p:grpSpPr>
        <p:grpSp>
          <p:nvGrpSpPr>
            <p:cNvPr id="30" name="Group 29"/>
            <p:cNvGrpSpPr/>
            <p:nvPr/>
          </p:nvGrpSpPr>
          <p:grpSpPr>
            <a:xfrm>
              <a:off x="8210625" y="3910373"/>
              <a:ext cx="763929" cy="740780"/>
              <a:chOff x="1579944" y="959667"/>
              <a:chExt cx="763929" cy="740780"/>
            </a:xfrm>
          </p:grpSpPr>
          <p:sp>
            <p:nvSpPr>
              <p:cNvPr id="39" name="Oval 38"/>
              <p:cNvSpPr/>
              <p:nvPr/>
            </p:nvSpPr>
            <p:spPr>
              <a:xfrm>
                <a:off x="1579944" y="959667"/>
                <a:ext cx="763929" cy="740780"/>
              </a:xfrm>
              <a:prstGeom prst="ellipse">
                <a:avLst/>
              </a:prstGeom>
              <a:noFill/>
              <a:ln w="19050">
                <a:solidFill>
                  <a:srgbClr val="6684BA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 defTabSz="914377">
                  <a:defRPr/>
                </a:pPr>
                <a:endParaRPr lang="en-US">
                  <a:solidFill>
                    <a:prstClr val="white"/>
                  </a:solidFill>
                  <a:latin typeface="Calibri" panose="020F0502020204030204"/>
                </a:endParaRPr>
              </a:p>
            </p:txBody>
          </p:sp>
          <p:pic>
            <p:nvPicPr>
              <p:cNvPr id="40" name="Picture 39"/>
              <p:cNvPicPr>
                <a:picLocks noChangeAspect="1"/>
              </p:cNvPicPr>
              <p:nvPr/>
            </p:nvPicPr>
            <p:blipFill rotWithShape="1">
              <a:blip r:embed="rId4">
                <a:clrChange>
                  <a:clrFrom>
                    <a:srgbClr val="EAE9CF"/>
                  </a:clrFrom>
                  <a:clrTo>
                    <a:srgbClr val="EAE9CF">
                      <a:alpha val="0"/>
                    </a:srgbClr>
                  </a:clrTo>
                </a:clrChange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</a:blip>
              <a:srcRect l="2187" t="3786" r="3707" b="11360"/>
              <a:stretch/>
            </p:blipFill>
            <p:spPr>
              <a:xfrm>
                <a:off x="1579944" y="982697"/>
                <a:ext cx="734995" cy="648298"/>
              </a:xfrm>
              <a:prstGeom prst="rect">
                <a:avLst/>
              </a:prstGeom>
            </p:spPr>
          </p:pic>
        </p:grpSp>
        <p:grpSp>
          <p:nvGrpSpPr>
            <p:cNvPr id="31" name="Group 30"/>
            <p:cNvGrpSpPr/>
            <p:nvPr/>
          </p:nvGrpSpPr>
          <p:grpSpPr>
            <a:xfrm>
              <a:off x="8652356" y="4619825"/>
              <a:ext cx="763929" cy="740780"/>
              <a:chOff x="1972624" y="593949"/>
              <a:chExt cx="763929" cy="740780"/>
            </a:xfrm>
          </p:grpSpPr>
          <p:pic>
            <p:nvPicPr>
              <p:cNvPr id="37" name="Picture 36"/>
              <p:cNvPicPr>
                <a:picLocks noChangeAspect="1"/>
              </p:cNvPicPr>
              <p:nvPr/>
            </p:nvPicPr>
            <p:blipFill rotWithShape="1">
              <a:blip r:embed="rId5">
                <a:clrChange>
                  <a:clrFrom>
                    <a:srgbClr val="EAE9CF"/>
                  </a:clrFrom>
                  <a:clrTo>
                    <a:srgbClr val="EAE9CF">
                      <a:alpha val="0"/>
                    </a:srgbClr>
                  </a:clrTo>
                </a:clrChange>
                <a:duotone>
                  <a:schemeClr val="accent1">
                    <a:shade val="45000"/>
                    <a:satMod val="135000"/>
                  </a:schemeClr>
                  <a:prstClr val="white"/>
                </a:duotone>
              </a:blip>
              <a:srcRect l="16092" r="17553" b="12723"/>
              <a:stretch/>
            </p:blipFill>
            <p:spPr>
              <a:xfrm>
                <a:off x="2011467" y="656676"/>
                <a:ext cx="686245" cy="615327"/>
              </a:xfrm>
              <a:prstGeom prst="rect">
                <a:avLst/>
              </a:prstGeom>
            </p:spPr>
          </p:pic>
          <p:sp>
            <p:nvSpPr>
              <p:cNvPr id="38" name="Oval 37"/>
              <p:cNvSpPr/>
              <p:nvPr/>
            </p:nvSpPr>
            <p:spPr>
              <a:xfrm>
                <a:off x="1972624" y="593949"/>
                <a:ext cx="763929" cy="740780"/>
              </a:xfrm>
              <a:prstGeom prst="ellipse">
                <a:avLst/>
              </a:prstGeom>
              <a:noFill/>
              <a:ln w="19050">
                <a:solidFill>
                  <a:srgbClr val="6684BA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 defTabSz="914377">
                  <a:defRPr/>
                </a:pPr>
                <a:endParaRPr lang="en-US">
                  <a:solidFill>
                    <a:prstClr val="white"/>
                  </a:solidFill>
                  <a:latin typeface="Calibri" panose="020F0502020204030204"/>
                </a:endParaRPr>
              </a:p>
            </p:txBody>
          </p:sp>
        </p:grpSp>
        <p:grpSp>
          <p:nvGrpSpPr>
            <p:cNvPr id="32" name="Group 31"/>
            <p:cNvGrpSpPr/>
            <p:nvPr/>
          </p:nvGrpSpPr>
          <p:grpSpPr>
            <a:xfrm>
              <a:off x="7849586" y="4619825"/>
              <a:ext cx="763929" cy="740780"/>
              <a:chOff x="1264758" y="1456037"/>
              <a:chExt cx="763929" cy="740780"/>
            </a:xfrm>
          </p:grpSpPr>
          <p:grpSp>
            <p:nvGrpSpPr>
              <p:cNvPr id="33" name="Group 32"/>
              <p:cNvGrpSpPr/>
              <p:nvPr/>
            </p:nvGrpSpPr>
            <p:grpSpPr>
              <a:xfrm>
                <a:off x="1366992" y="1496354"/>
                <a:ext cx="538726" cy="597768"/>
                <a:chOff x="1240528" y="1410131"/>
                <a:chExt cx="709359" cy="787102"/>
              </a:xfrm>
            </p:grpSpPr>
            <p:pic>
              <p:nvPicPr>
                <p:cNvPr id="35" name="Picture 34"/>
                <p:cNvPicPr>
                  <a:picLocks noChangeAspect="1"/>
                </p:cNvPicPr>
                <p:nvPr/>
              </p:nvPicPr>
              <p:blipFill rotWithShape="1">
                <a:blip r:embed="rId6">
                  <a:clrChange>
                    <a:clrFrom>
                      <a:srgbClr val="EAE9CF"/>
                    </a:clrFrom>
                    <a:clrTo>
                      <a:srgbClr val="EAE9CF">
                        <a:alpha val="0"/>
                      </a:srgbClr>
                    </a:clrTo>
                  </a:clrChange>
                  <a:duotone>
                    <a:schemeClr val="accent1">
                      <a:shade val="45000"/>
                      <a:satMod val="135000"/>
                    </a:schemeClr>
                    <a:prstClr val="white"/>
                  </a:duotone>
                </a:blip>
                <a:srcRect l="48327" t="17746" r="21798" b="20909"/>
                <a:stretch/>
              </p:blipFill>
              <p:spPr>
                <a:xfrm rot="9537457">
                  <a:off x="1240528" y="1583664"/>
                  <a:ext cx="422911" cy="613569"/>
                </a:xfrm>
                <a:prstGeom prst="rect">
                  <a:avLst/>
                </a:prstGeom>
              </p:spPr>
            </p:pic>
            <p:pic>
              <p:nvPicPr>
                <p:cNvPr id="36" name="Picture 35"/>
                <p:cNvPicPr>
                  <a:picLocks noChangeAspect="1"/>
                </p:cNvPicPr>
                <p:nvPr/>
              </p:nvPicPr>
              <p:blipFill rotWithShape="1">
                <a:blip r:embed="rId6">
                  <a:clrChange>
                    <a:clrFrom>
                      <a:srgbClr val="EAE9CF"/>
                    </a:clrFrom>
                    <a:clrTo>
                      <a:srgbClr val="EAE9CF">
                        <a:alpha val="0"/>
                      </a:srgbClr>
                    </a:clrTo>
                  </a:clrChange>
                  <a:duotone>
                    <a:schemeClr val="accent1">
                      <a:shade val="45000"/>
                      <a:satMod val="135000"/>
                    </a:schemeClr>
                    <a:prstClr val="white"/>
                  </a:duotone>
                </a:blip>
                <a:srcRect l="19347" t="17746" r="51316" b="20909"/>
                <a:stretch/>
              </p:blipFill>
              <p:spPr>
                <a:xfrm rot="11793229">
                  <a:off x="1534596" y="1410131"/>
                  <a:ext cx="415291" cy="613569"/>
                </a:xfrm>
                <a:prstGeom prst="rect">
                  <a:avLst/>
                </a:prstGeom>
              </p:spPr>
            </p:pic>
          </p:grpSp>
          <p:sp>
            <p:nvSpPr>
              <p:cNvPr id="34" name="Oval 33"/>
              <p:cNvSpPr/>
              <p:nvPr/>
            </p:nvSpPr>
            <p:spPr>
              <a:xfrm>
                <a:off x="1264758" y="1456037"/>
                <a:ext cx="763929" cy="740780"/>
              </a:xfrm>
              <a:prstGeom prst="ellipse">
                <a:avLst/>
              </a:prstGeom>
              <a:noFill/>
              <a:ln w="19050">
                <a:solidFill>
                  <a:srgbClr val="6684BA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 defTabSz="914377">
                  <a:defRPr/>
                </a:pPr>
                <a:endParaRPr lang="en-US">
                  <a:solidFill>
                    <a:prstClr val="white"/>
                  </a:solidFill>
                  <a:latin typeface="Calibri" panose="020F0502020204030204"/>
                </a:endParaRPr>
              </a:p>
            </p:txBody>
          </p:sp>
        </p:grpSp>
      </p:grpSp>
      <p:grpSp>
        <p:nvGrpSpPr>
          <p:cNvPr id="41" name="Group 40"/>
          <p:cNvGrpSpPr/>
          <p:nvPr/>
        </p:nvGrpSpPr>
        <p:grpSpPr>
          <a:xfrm>
            <a:off x="10558360" y="1130017"/>
            <a:ext cx="1169739" cy="1251721"/>
            <a:chOff x="565790" y="83222"/>
            <a:chExt cx="3054283" cy="3268345"/>
          </a:xfrm>
          <a:solidFill>
            <a:schemeClr val="bg1"/>
          </a:solidFill>
        </p:grpSpPr>
        <p:grpSp>
          <p:nvGrpSpPr>
            <p:cNvPr id="42" name="Group 41"/>
            <p:cNvGrpSpPr/>
            <p:nvPr/>
          </p:nvGrpSpPr>
          <p:grpSpPr>
            <a:xfrm>
              <a:off x="1352464" y="83222"/>
              <a:ext cx="2267609" cy="2254355"/>
              <a:chOff x="1248738" y="809404"/>
              <a:chExt cx="2267609" cy="2254355"/>
            </a:xfrm>
            <a:grpFill/>
          </p:grpSpPr>
          <p:sp>
            <p:nvSpPr>
              <p:cNvPr id="49" name="Block Arc 48"/>
              <p:cNvSpPr/>
              <p:nvPr/>
            </p:nvSpPr>
            <p:spPr>
              <a:xfrm rot="12508073">
                <a:off x="1261992" y="809404"/>
                <a:ext cx="2254355" cy="2254355"/>
              </a:xfrm>
              <a:prstGeom prst="blockArc">
                <a:avLst>
                  <a:gd name="adj1" fmla="val 15728115"/>
                  <a:gd name="adj2" fmla="val 18570267"/>
                  <a:gd name="adj3" fmla="val 3190"/>
                </a:avLst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377">
                  <a:defRPr/>
                </a:pPr>
                <a:endParaRPr lang="en-US">
                  <a:solidFill>
                    <a:prstClr val="black"/>
                  </a:solidFill>
                  <a:latin typeface="Calibri" panose="020F0502020204030204"/>
                </a:endParaRPr>
              </a:p>
            </p:txBody>
          </p:sp>
          <p:sp>
            <p:nvSpPr>
              <p:cNvPr id="50" name="Isosceles Triangle 49"/>
              <p:cNvSpPr/>
              <p:nvPr/>
            </p:nvSpPr>
            <p:spPr>
              <a:xfrm rot="20786463">
                <a:off x="1248738" y="2196481"/>
                <a:ext cx="231294" cy="170015"/>
              </a:xfrm>
              <a:prstGeom prst="triangle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377">
                  <a:defRPr/>
                </a:pPr>
                <a:endParaRPr lang="en-US">
                  <a:solidFill>
                    <a:prstClr val="white"/>
                  </a:solidFill>
                  <a:latin typeface="Calibri" panose="020F0502020204030204"/>
                </a:endParaRPr>
              </a:p>
            </p:txBody>
          </p:sp>
        </p:grpSp>
        <p:grpSp>
          <p:nvGrpSpPr>
            <p:cNvPr id="43" name="Group 42"/>
            <p:cNvGrpSpPr/>
            <p:nvPr/>
          </p:nvGrpSpPr>
          <p:grpSpPr>
            <a:xfrm rot="1129561">
              <a:off x="1048075" y="1028904"/>
              <a:ext cx="2254355" cy="2322663"/>
              <a:chOff x="1261992" y="741098"/>
              <a:chExt cx="2254355" cy="2322663"/>
            </a:xfrm>
            <a:grpFill/>
          </p:grpSpPr>
          <p:sp>
            <p:nvSpPr>
              <p:cNvPr id="47" name="Block Arc 46"/>
              <p:cNvSpPr/>
              <p:nvPr/>
            </p:nvSpPr>
            <p:spPr>
              <a:xfrm rot="12508073">
                <a:off x="1261992" y="809406"/>
                <a:ext cx="2254355" cy="2254355"/>
              </a:xfrm>
              <a:prstGeom prst="blockArc">
                <a:avLst>
                  <a:gd name="adj1" fmla="val 629135"/>
                  <a:gd name="adj2" fmla="val 4003770"/>
                  <a:gd name="adj3" fmla="val 3049"/>
                </a:avLst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377">
                  <a:defRPr/>
                </a:pPr>
                <a:endParaRPr lang="en-US">
                  <a:solidFill>
                    <a:prstClr val="black"/>
                  </a:solidFill>
                  <a:latin typeface="Calibri" panose="020F0502020204030204"/>
                </a:endParaRPr>
              </a:p>
            </p:txBody>
          </p:sp>
          <p:sp>
            <p:nvSpPr>
              <p:cNvPr id="48" name="Isosceles Triangle 47"/>
              <p:cNvSpPr/>
              <p:nvPr/>
            </p:nvSpPr>
            <p:spPr>
              <a:xfrm rot="5913542">
                <a:off x="2370622" y="771737"/>
                <a:ext cx="231294" cy="170015"/>
              </a:xfrm>
              <a:prstGeom prst="triangle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377">
                  <a:defRPr/>
                </a:pPr>
                <a:endParaRPr lang="en-US">
                  <a:solidFill>
                    <a:prstClr val="white"/>
                  </a:solidFill>
                  <a:latin typeface="Calibri" panose="020F0502020204030204"/>
                </a:endParaRPr>
              </a:p>
            </p:txBody>
          </p:sp>
        </p:grpSp>
        <p:grpSp>
          <p:nvGrpSpPr>
            <p:cNvPr id="44" name="Group 43"/>
            <p:cNvGrpSpPr/>
            <p:nvPr/>
          </p:nvGrpSpPr>
          <p:grpSpPr>
            <a:xfrm rot="3104938">
              <a:off x="528621" y="201611"/>
              <a:ext cx="2328693" cy="2254355"/>
              <a:chOff x="1261992" y="809404"/>
              <a:chExt cx="2328693" cy="2254355"/>
            </a:xfrm>
            <a:grpFill/>
          </p:grpSpPr>
          <p:sp>
            <p:nvSpPr>
              <p:cNvPr id="45" name="Block Arc 44"/>
              <p:cNvSpPr/>
              <p:nvPr/>
            </p:nvSpPr>
            <p:spPr>
              <a:xfrm rot="12508073">
                <a:off x="1261992" y="809404"/>
                <a:ext cx="2254355" cy="2254355"/>
              </a:xfrm>
              <a:prstGeom prst="blockArc">
                <a:avLst>
                  <a:gd name="adj1" fmla="val 6427474"/>
                  <a:gd name="adj2" fmla="val 8801588"/>
                  <a:gd name="adj3" fmla="val 2990"/>
                </a:avLst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377">
                  <a:defRPr/>
                </a:pPr>
                <a:endParaRPr lang="en-US">
                  <a:solidFill>
                    <a:prstClr val="black"/>
                  </a:solidFill>
                  <a:latin typeface="Calibri" panose="020F0502020204030204"/>
                </a:endParaRPr>
              </a:p>
            </p:txBody>
          </p:sp>
          <p:sp>
            <p:nvSpPr>
              <p:cNvPr id="46" name="Isosceles Triangle 45"/>
              <p:cNvSpPr/>
              <p:nvPr/>
            </p:nvSpPr>
            <p:spPr>
              <a:xfrm rot="10619835">
                <a:off x="3359391" y="1763051"/>
                <a:ext cx="231294" cy="170015"/>
              </a:xfrm>
              <a:prstGeom prst="triangle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377">
                  <a:defRPr/>
                </a:pPr>
                <a:endParaRPr lang="en-US">
                  <a:solidFill>
                    <a:prstClr val="white"/>
                  </a:solidFill>
                  <a:latin typeface="Calibri" panose="020F0502020204030204"/>
                </a:endParaRPr>
              </a:p>
            </p:txBody>
          </p:sp>
        </p:grpSp>
      </p:grpSp>
      <p:grpSp>
        <p:nvGrpSpPr>
          <p:cNvPr id="51" name="Group 50"/>
          <p:cNvGrpSpPr/>
          <p:nvPr/>
        </p:nvGrpSpPr>
        <p:grpSpPr>
          <a:xfrm>
            <a:off x="10629401" y="1123285"/>
            <a:ext cx="1082267" cy="1082267"/>
            <a:chOff x="736374" y="1700766"/>
            <a:chExt cx="1082266" cy="1082266"/>
          </a:xfrm>
        </p:grpSpPr>
        <p:sp>
          <p:nvSpPr>
            <p:cNvPr id="52" name="Oval 51"/>
            <p:cNvSpPr/>
            <p:nvPr/>
          </p:nvSpPr>
          <p:spPr>
            <a:xfrm>
              <a:off x="736374" y="1700766"/>
              <a:ext cx="1082266" cy="1082266"/>
            </a:xfrm>
            <a:prstGeom prst="ellipse">
              <a:avLst/>
            </a:prstGeom>
            <a:solidFill>
              <a:srgbClr val="FFC000"/>
            </a:solidFill>
            <a:ln w="57150">
              <a:solidFill>
                <a:schemeClr val="bg2"/>
              </a:solidFill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104">
                <a:defRPr/>
              </a:pPr>
              <a:endParaRPr lang="en-US" sz="1799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pic>
          <p:nvPicPr>
            <p:cNvPr id="53" name="Picture 52"/>
            <p:cNvPicPr>
              <a:picLocks noChangeAspect="1"/>
            </p:cNvPicPr>
            <p:nvPr/>
          </p:nvPicPr>
          <p:blipFill rotWithShape="1">
            <a:blip r:embed="rId7" cstate="print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2642" t="62559" r="59460" b="20119"/>
            <a:stretch/>
          </p:blipFill>
          <p:spPr>
            <a:xfrm>
              <a:off x="892870" y="1846697"/>
              <a:ext cx="789593" cy="764122"/>
            </a:xfrm>
            <a:prstGeom prst="rect">
              <a:avLst/>
            </a:prstGeom>
            <a:ln>
              <a:solidFill>
                <a:schemeClr val="bg2"/>
              </a:solidFill>
            </a:ln>
          </p:spPr>
        </p:pic>
      </p:grpSp>
      <p:sp>
        <p:nvSpPr>
          <p:cNvPr id="54" name="Title 15"/>
          <p:cNvSpPr txBox="1">
            <a:spLocks/>
          </p:cNvSpPr>
          <p:nvPr/>
        </p:nvSpPr>
        <p:spPr>
          <a:xfrm>
            <a:off x="609600" y="106859"/>
            <a:ext cx="10972800" cy="1143000"/>
          </a:xfrm>
          <a:prstGeom prst="rect">
            <a:avLst/>
          </a:prstGeom>
        </p:spPr>
        <p:txBody>
          <a:bodyPr anchor="ctr" anchorCtr="0"/>
          <a:lstStyle>
            <a:lvl1pPr algn="l" rtl="0" eaLnBrk="0" fontAlgn="base" hangingPunct="0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800" b="1" kern="1200" baseline="0">
                <a:solidFill>
                  <a:srgbClr val="0039A6"/>
                </a:solidFill>
                <a:effectLst/>
                <a:latin typeface="Calibri" pitchFamily="34" charset="0"/>
                <a:ea typeface="+mj-ea"/>
                <a:cs typeface="+mj-cs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Myriad Web Pro" panose="020B0503030403020204" pitchFamily="34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Myriad Web Pro" panose="020B0503030403020204" pitchFamily="34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Myriad Web Pro" panose="020B0503030403020204" pitchFamily="34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Myriad Web Pro" panose="020B0503030403020204" pitchFamily="34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Myriad Web Pro" panose="020B0503030403020204" pitchFamily="34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Myriad Web Pro" panose="020B0503030403020204" pitchFamily="34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Myriad Web Pro" panose="020B0503030403020204" pitchFamily="34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Myriad Web Pro" panose="020B0503030403020204" pitchFamily="34" charset="0"/>
              </a:defRPr>
            </a:lvl9pPr>
          </a:lstStyle>
          <a:p>
            <a:pPr defTabSz="1219170">
              <a:lnSpc>
                <a:spcPts val="4000"/>
              </a:lnSpc>
              <a:defRPr/>
            </a:pPr>
            <a:r>
              <a:rPr lang="en-US" sz="3733" dirty="0">
                <a:solidFill>
                  <a:srgbClr val="335FB2"/>
                </a:solidFill>
              </a:rPr>
              <a:t>Getting Ahead of Unusual Resistance</a:t>
            </a:r>
          </a:p>
        </p:txBody>
      </p:sp>
      <p:sp>
        <p:nvSpPr>
          <p:cNvPr id="55" name="TextBox 54"/>
          <p:cNvSpPr txBox="1"/>
          <p:nvPr/>
        </p:nvSpPr>
        <p:spPr>
          <a:xfrm>
            <a:off x="591128" y="1045473"/>
            <a:ext cx="7374313" cy="1200521"/>
          </a:xfrm>
          <a:prstGeom prst="rect">
            <a:avLst/>
          </a:prstGeom>
          <a:noFill/>
          <a:ln w="57150">
            <a:noFill/>
          </a:ln>
        </p:spPr>
        <p:txBody>
          <a:bodyPr wrap="square" rtlCol="0">
            <a:spAutoFit/>
          </a:bodyPr>
          <a:lstStyle/>
          <a:p>
            <a:pPr defTabSz="457189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/>
            </a:pPr>
            <a:r>
              <a:rPr lang="en-US" sz="2667" b="1" dirty="0">
                <a:solidFill>
                  <a:srgbClr val="7F7F7F">
                    <a:lumMod val="75000"/>
                  </a:srgbClr>
                </a:solidFill>
                <a:latin typeface="Calibri" panose="020F0502020204030204" pitchFamily="34" charset="0"/>
              </a:rPr>
              <a:t>CDC’s Containment Strategy slows spread of genes and germs that are new or rare in a community—even at a single case.</a:t>
            </a:r>
          </a:p>
        </p:txBody>
      </p:sp>
      <p:sp>
        <p:nvSpPr>
          <p:cNvPr id="57" name="Rectangle 56"/>
          <p:cNvSpPr/>
          <p:nvPr/>
        </p:nvSpPr>
        <p:spPr>
          <a:xfrm>
            <a:off x="7887955" y="5467229"/>
            <a:ext cx="6096000" cy="748795"/>
          </a:xfrm>
          <a:prstGeom prst="rect">
            <a:avLst/>
          </a:prstGeom>
          <a:solidFill>
            <a:srgbClr val="4472C4"/>
          </a:solidFill>
        </p:spPr>
        <p:txBody>
          <a:bodyPr>
            <a:spAutoFit/>
          </a:bodyPr>
          <a:lstStyle/>
          <a:p>
            <a:pPr defTabSz="121917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5DAA"/>
              </a:buClr>
              <a:defRPr/>
            </a:pPr>
            <a:r>
              <a:rPr lang="en-US" sz="2133" dirty="0">
                <a:solidFill>
                  <a:prstClr val="white"/>
                </a:solidFill>
                <a:latin typeface="Calibri" panose="020F0502020204030204" pitchFamily="34" charset="0"/>
              </a:rPr>
              <a:t>Targeting threats in healthcare,                                             like </a:t>
            </a:r>
            <a:r>
              <a:rPr lang="en-US" sz="2133" i="1" dirty="0">
                <a:solidFill>
                  <a:prstClr val="white"/>
                </a:solidFill>
                <a:latin typeface="Calibri" panose="020F0502020204030204" pitchFamily="34" charset="0"/>
              </a:rPr>
              <a:t>Candida </a:t>
            </a:r>
            <a:r>
              <a:rPr lang="en-US" sz="2133" i="1" dirty="0" err="1">
                <a:solidFill>
                  <a:prstClr val="white"/>
                </a:solidFill>
                <a:latin typeface="Calibri" panose="020F0502020204030204" pitchFamily="34" charset="0"/>
              </a:rPr>
              <a:t>auris</a:t>
            </a:r>
            <a:r>
              <a:rPr lang="en-US" sz="2133" dirty="0">
                <a:solidFill>
                  <a:prstClr val="white"/>
                </a:solidFill>
                <a:latin typeface="Calibri" panose="020F0502020204030204" pitchFamily="34" charset="0"/>
              </a:rPr>
              <a:t>, </a:t>
            </a:r>
            <a:r>
              <a:rPr lang="en-US" sz="2133" i="1" dirty="0" err="1">
                <a:solidFill>
                  <a:prstClr val="white"/>
                </a:solidFill>
                <a:latin typeface="Calibri" panose="020F0502020204030204" pitchFamily="34" charset="0"/>
              </a:rPr>
              <a:t>mcr</a:t>
            </a:r>
            <a:r>
              <a:rPr lang="en-US" sz="2133" dirty="0">
                <a:solidFill>
                  <a:prstClr val="white"/>
                </a:solidFill>
                <a:latin typeface="Calibri" panose="020F0502020204030204" pitchFamily="34" charset="0"/>
              </a:rPr>
              <a:t>, and CRE</a:t>
            </a:r>
          </a:p>
        </p:txBody>
      </p:sp>
      <p:sp>
        <p:nvSpPr>
          <p:cNvPr id="58" name="Rectangle 57"/>
          <p:cNvSpPr/>
          <p:nvPr/>
        </p:nvSpPr>
        <p:spPr>
          <a:xfrm>
            <a:off x="11630536" y="-782354"/>
            <a:ext cx="1025409" cy="967345"/>
          </a:xfrm>
          <a:prstGeom prst="rect">
            <a:avLst/>
          </a:prstGeom>
          <a:solidFill>
            <a:srgbClr val="4472C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8804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en-US" sz="2399">
              <a:solidFill>
                <a:prstClr val="white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15354105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5"/>
          <p:cNvSpPr>
            <a:spLocks noGrp="1"/>
          </p:cNvSpPr>
          <p:nvPr>
            <p:ph type="title"/>
          </p:nvPr>
        </p:nvSpPr>
        <p:spPr>
          <a:xfrm>
            <a:off x="1752600" y="152400"/>
            <a:ext cx="8229600" cy="1096961"/>
          </a:xfrm>
        </p:spPr>
        <p:txBody>
          <a:bodyPr anchor="ctr">
            <a:normAutofit fontScale="90000"/>
          </a:bodyPr>
          <a:lstStyle/>
          <a:p>
            <a:pPr algn="ctr"/>
            <a:r>
              <a:rPr lang="en-US" sz="3600" dirty="0" smtClean="0"/>
              <a:t>Antimicrobial Resistance: A Growing Threat</a:t>
            </a:r>
            <a:endParaRPr lang="en-US" sz="3600" dirty="0"/>
          </a:p>
        </p:txBody>
      </p:sp>
      <p:sp>
        <p:nvSpPr>
          <p:cNvPr id="7" name="Content Placeholder 2"/>
          <p:cNvSpPr txBox="1">
            <a:spLocks/>
          </p:cNvSpPr>
          <p:nvPr/>
        </p:nvSpPr>
        <p:spPr>
          <a:xfrm>
            <a:off x="685800" y="1447800"/>
            <a:ext cx="6019800" cy="4689348"/>
          </a:xfrm>
          <a:prstGeom prst="rect">
            <a:avLst/>
          </a:prstGeom>
          <a:noFill/>
        </p:spPr>
        <p:txBody>
          <a:bodyPr>
            <a:noAutofit/>
          </a:bodyPr>
          <a:lstStyle>
            <a:lvl1pPr marL="171450" indent="-171450" algn="l" defTabSz="6858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572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01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30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7663" indent="-347663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2"/>
              </a:buClr>
              <a:buFont typeface="Wingdings" panose="05000000000000000000" pitchFamily="2" charset="2"/>
              <a:buChar char="§"/>
            </a:pPr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Sickens 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</a:rPr>
              <a:t>&gt;2 million </a:t>
            </a:r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people and kills at least </a:t>
            </a: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</a:rPr>
              <a:t>23,000</a:t>
            </a:r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 people each </a:t>
            </a:r>
            <a:r>
              <a:rPr lang="en-US" sz="2400" dirty="0" smtClean="0">
                <a:solidFill>
                  <a:schemeClr val="accent5">
                    <a:lumMod val="75000"/>
                  </a:schemeClr>
                </a:solidFill>
              </a:rPr>
              <a:t>year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  <a:p>
            <a:pPr marL="347663" indent="-347663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2"/>
              </a:buClr>
              <a:buFont typeface="Wingdings" panose="05000000000000000000" pitchFamily="2" charset="2"/>
              <a:buChar char="§"/>
            </a:pPr>
            <a:r>
              <a:rPr lang="en-US" sz="2400" b="1" dirty="0">
                <a:solidFill>
                  <a:schemeClr val="accent5">
                    <a:lumMod val="75000"/>
                  </a:schemeClr>
                </a:solidFill>
              </a:rPr>
              <a:t>&gt;$20 billion </a:t>
            </a:r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each year in healthcare </a:t>
            </a:r>
            <a:r>
              <a:rPr lang="en-US" sz="2400" dirty="0" smtClean="0">
                <a:solidFill>
                  <a:schemeClr val="accent5">
                    <a:lumMod val="75000"/>
                  </a:schemeClr>
                </a:solidFill>
              </a:rPr>
              <a:t>costs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  <a:p>
            <a:pPr marL="347663" indent="-347663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2"/>
              </a:buClr>
              <a:buFont typeface="Wingdings" panose="05000000000000000000" pitchFamily="2" charset="2"/>
              <a:buChar char="§"/>
            </a:pPr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Threatens modern medicine – if we lose antibiotics, we lose the ability to treat patients with sepsis and cancer, provide organ transplants and save victims of burns and </a:t>
            </a:r>
            <a:r>
              <a:rPr lang="en-US" sz="2400" dirty="0" smtClean="0">
                <a:solidFill>
                  <a:schemeClr val="accent5">
                    <a:lumMod val="75000"/>
                  </a:schemeClr>
                </a:solidFill>
              </a:rPr>
              <a:t>trauma</a:t>
            </a:r>
            <a:endParaRPr lang="en-US" sz="2400" dirty="0">
              <a:solidFill>
                <a:schemeClr val="accent5">
                  <a:lumMod val="75000"/>
                </a:schemeClr>
              </a:solidFill>
            </a:endParaRPr>
          </a:p>
          <a:p>
            <a:pPr marL="347663" indent="-347663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2"/>
              </a:buClr>
              <a:buFont typeface="Wingdings" panose="05000000000000000000" pitchFamily="2" charset="2"/>
              <a:buChar char="§"/>
            </a:pPr>
            <a:r>
              <a:rPr lang="en-US" sz="2400" dirty="0">
                <a:solidFill>
                  <a:schemeClr val="accent5">
                    <a:lumMod val="75000"/>
                  </a:schemeClr>
                </a:solidFill>
              </a:rPr>
              <a:t>Need to act now or even drugs of last resort will soon be ineffective</a:t>
            </a:r>
          </a:p>
          <a:p>
            <a:pPr lvl="2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</a:pPr>
            <a:endParaRPr lang="en-US" sz="1600" dirty="0">
              <a:solidFill>
                <a:schemeClr val="accent5">
                  <a:lumMod val="75000"/>
                </a:schemeClr>
              </a:solidFill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086600" y="1426029"/>
            <a:ext cx="3626066" cy="39079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801113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" y="2444293"/>
            <a:ext cx="7879492" cy="3654114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ntibiotic Resistance Laboratory Network</a:t>
            </a:r>
            <a:endParaRPr lang="en-US" dirty="0"/>
          </a:p>
        </p:txBody>
      </p:sp>
      <p:sp>
        <p:nvSpPr>
          <p:cNvPr id="4" name="TextBox 3"/>
          <p:cNvSpPr txBox="1"/>
          <p:nvPr/>
        </p:nvSpPr>
        <p:spPr>
          <a:xfrm>
            <a:off x="609600" y="1427980"/>
            <a:ext cx="11154032" cy="831125"/>
          </a:xfrm>
          <a:prstGeom prst="rect">
            <a:avLst/>
          </a:prstGeom>
          <a:noFill/>
          <a:ln w="57150">
            <a:noFill/>
          </a:ln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667" b="1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ational laboratory </a:t>
            </a:r>
            <a:r>
              <a:rPr kumimoji="0" lang="en-US" sz="2667" b="1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apacity to detect AR in healthcare, food, and </a:t>
            </a:r>
            <a:r>
              <a:rPr kumimoji="0" lang="en-US" sz="2667" b="1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mmunity </a:t>
            </a:r>
            <a:r>
              <a:rPr kumimoji="0" lang="en-US" sz="2667" b="1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cks </a:t>
            </a:r>
            <a:r>
              <a:rPr kumimoji="0" lang="en-US" sz="2667" b="1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sistance to identify outbreaks faster, </a:t>
            </a:r>
            <a:r>
              <a:rPr kumimoji="0" lang="en-US" sz="2667" b="1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op </a:t>
            </a:r>
            <a:r>
              <a:rPr kumimoji="0" lang="en-US" sz="2667" b="1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pread, </a:t>
            </a:r>
            <a:r>
              <a:rPr kumimoji="0" lang="en-US" sz="2667" b="1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nd protect </a:t>
            </a:r>
            <a:r>
              <a:rPr kumimoji="0" lang="en-US" sz="2667" b="1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eople</a:t>
            </a:r>
            <a:endParaRPr kumimoji="0" lang="en-US" sz="2667" b="1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" name="Content Placeholder 2"/>
          <p:cNvSpPr>
            <a:spLocks noGrp="1"/>
          </p:cNvSpPr>
          <p:nvPr>
            <p:ph type="body" sz="quarter" idx="10"/>
          </p:nvPr>
        </p:nvSpPr>
        <p:spPr>
          <a:xfrm>
            <a:off x="8806250" y="2984936"/>
            <a:ext cx="3218110" cy="2572828"/>
          </a:xfrm>
          <a:prstGeom prst="roundRect">
            <a:avLst>
              <a:gd name="adj" fmla="val 5621"/>
            </a:avLst>
          </a:prstGeom>
          <a:solidFill>
            <a:srgbClr val="2E74B5"/>
          </a:solidFill>
          <a:ln>
            <a:noFill/>
          </a:ln>
        </p:spPr>
        <p:txBody>
          <a:bodyPr>
            <a:normAutofit fontScale="92500"/>
          </a:bodyPr>
          <a:lstStyle/>
          <a:p>
            <a:pPr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bg2"/>
              </a:buClr>
            </a:pPr>
            <a:r>
              <a:rPr lang="en-US" sz="1800" dirty="0" smtClean="0">
                <a:solidFill>
                  <a:schemeClr val="tx2"/>
                </a:solidFill>
              </a:rPr>
              <a:t>CDC headquarters expertise and coordination</a:t>
            </a:r>
          </a:p>
          <a:p>
            <a:pPr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bg2"/>
              </a:buClr>
            </a:pPr>
            <a:endParaRPr lang="en-US" sz="1000" dirty="0">
              <a:solidFill>
                <a:schemeClr val="tx2"/>
              </a:solidFill>
            </a:endParaRPr>
          </a:p>
          <a:p>
            <a:pPr marL="0" marR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bg2"/>
              </a:buClr>
            </a:pPr>
            <a:r>
              <a:rPr lang="en-US" sz="1800" dirty="0" smtClean="0">
                <a:solidFill>
                  <a:schemeClr val="tx2"/>
                </a:solidFill>
              </a:rPr>
              <a:t>7 </a:t>
            </a:r>
            <a:r>
              <a:rPr lang="en-US" sz="1800" dirty="0">
                <a:solidFill>
                  <a:schemeClr val="tx2"/>
                </a:solidFill>
              </a:rPr>
              <a:t>regional </a:t>
            </a:r>
            <a:r>
              <a:rPr lang="en-US" sz="1800" dirty="0" smtClean="0">
                <a:solidFill>
                  <a:schemeClr val="tx2"/>
                </a:solidFill>
              </a:rPr>
              <a:t>labs</a:t>
            </a:r>
          </a:p>
          <a:p>
            <a:pPr marR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bg2"/>
              </a:buClr>
            </a:pPr>
            <a:endParaRPr lang="en-US" sz="800" dirty="0">
              <a:solidFill>
                <a:schemeClr val="tx2"/>
              </a:solidFill>
            </a:endParaRPr>
          </a:p>
          <a:p>
            <a:pPr marL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bg2"/>
              </a:buClr>
            </a:pPr>
            <a:r>
              <a:rPr lang="en-US" sz="1800" dirty="0">
                <a:solidFill>
                  <a:schemeClr val="tx2"/>
                </a:solidFill>
              </a:rPr>
              <a:t>1 National TB Molecular  </a:t>
            </a:r>
          </a:p>
          <a:p>
            <a:pPr marL="0" indent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bg2"/>
              </a:buClr>
              <a:buNone/>
            </a:pPr>
            <a:r>
              <a:rPr lang="en-US" sz="1800" dirty="0">
                <a:solidFill>
                  <a:schemeClr val="tx2"/>
                </a:solidFill>
              </a:rPr>
              <a:t>         Surveillance Center</a:t>
            </a:r>
          </a:p>
          <a:p>
            <a:pPr marL="0" marR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bg2"/>
              </a:buClr>
            </a:pPr>
            <a:endParaRPr lang="en-US" sz="1000" dirty="0">
              <a:solidFill>
                <a:schemeClr val="tx2"/>
              </a:solidFill>
            </a:endParaRPr>
          </a:p>
          <a:p>
            <a:pPr marL="0" marR="0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>
                <a:schemeClr val="bg2"/>
              </a:buClr>
            </a:pPr>
            <a:r>
              <a:rPr lang="en-US" sz="1800" dirty="0" smtClean="0">
                <a:solidFill>
                  <a:schemeClr val="tx2"/>
                </a:solidFill>
              </a:rPr>
              <a:t>57 </a:t>
            </a:r>
            <a:r>
              <a:rPr lang="en-US" sz="1800" dirty="0">
                <a:solidFill>
                  <a:schemeClr val="tx2"/>
                </a:solidFill>
              </a:rPr>
              <a:t>state </a:t>
            </a:r>
            <a:r>
              <a:rPr lang="en-US" sz="1800" dirty="0" smtClean="0">
                <a:solidFill>
                  <a:schemeClr val="tx2"/>
                </a:solidFill>
              </a:rPr>
              <a:t>and </a:t>
            </a:r>
            <a:r>
              <a:rPr lang="en-US" sz="1800" dirty="0">
                <a:solidFill>
                  <a:schemeClr val="tx2"/>
                </a:solidFill>
              </a:rPr>
              <a:t>local </a:t>
            </a:r>
            <a:r>
              <a:rPr lang="en-US" sz="1800" dirty="0" smtClean="0">
                <a:solidFill>
                  <a:schemeClr val="tx2"/>
                </a:solidFill>
              </a:rPr>
              <a:t>labs</a:t>
            </a:r>
            <a:endParaRPr lang="en-US" sz="1800" dirty="0">
              <a:solidFill>
                <a:schemeClr val="tx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485631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own Arrow 4"/>
          <p:cNvSpPr/>
          <p:nvPr/>
        </p:nvSpPr>
        <p:spPr>
          <a:xfrm>
            <a:off x="1106676" y="3636805"/>
            <a:ext cx="165127" cy="1263142"/>
          </a:xfrm>
          <a:prstGeom prst="downArrow">
            <a:avLst/>
          </a:prstGeom>
          <a:solidFill>
            <a:schemeClr val="accent6">
              <a:lumMod val="25000"/>
              <a:lumOff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Myriad Web Pro"/>
              <a:ea typeface="+mn-ea"/>
              <a:cs typeface="+mn-cs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DC &amp; FDA Antibiotic Resistance Isolate Bank</a:t>
            </a:r>
            <a:endParaRPr lang="en-US" dirty="0"/>
          </a:p>
        </p:txBody>
      </p:sp>
      <p:sp>
        <p:nvSpPr>
          <p:cNvPr id="17" name="Text Box 20"/>
          <p:cNvSpPr txBox="1">
            <a:spLocks noChangeArrowheads="1"/>
          </p:cNvSpPr>
          <p:nvPr/>
        </p:nvSpPr>
        <p:spPr bwMode="auto">
          <a:xfrm>
            <a:off x="1956971" y="2409173"/>
            <a:ext cx="6663198" cy="435560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rot="0" vert="horz" wrap="square" lIns="91440" tIns="45720" rIns="91440" bIns="45720" anchor="t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1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DC uses bacteria samples (isolates) from health departments, labs, and outbreak and surveillance activities. </a:t>
            </a:r>
            <a:endParaRPr kumimoji="0" lang="en-US" sz="2100" b="0" i="0" u="none" strike="noStrike" kern="1200" cap="none" spc="0" normalizeH="0" baseline="0" noProof="0" dirty="0" smtClean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1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DC analyzes and sequences the bacteria’s resistance and makes the data and sample available.  </a:t>
            </a:r>
          </a:p>
          <a:p>
            <a:pPr marL="0" marR="0" lvl="0" indent="0" algn="l" defTabSz="914400" rtl="0" eaLnBrk="1" fontAlgn="auto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100" b="1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searchers </a:t>
            </a:r>
            <a:r>
              <a:rPr kumimoji="0" lang="en-US" sz="21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an use the bacteria and data to </a:t>
            </a:r>
            <a:r>
              <a:rPr kumimoji="0" lang="en-US" sz="21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hallenge, </a:t>
            </a:r>
            <a:r>
              <a:rPr kumimoji="0" lang="en-US" sz="21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 new diagnostic tests and </a:t>
            </a:r>
            <a:r>
              <a:rPr kumimoji="0" lang="en-US" sz="21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ntibiotics. </a:t>
            </a:r>
          </a:p>
          <a:p>
            <a:pPr marL="0" marR="0" lvl="0" indent="0" algn="l" defTabSz="914400" rtl="0" eaLnBrk="1" fontAlgn="auto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800" b="1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1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100" b="1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aboratorians </a:t>
            </a:r>
            <a:r>
              <a:rPr kumimoji="0" lang="en-US" sz="21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an </a:t>
            </a:r>
            <a:r>
              <a:rPr kumimoji="0" lang="en-US" sz="21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alidate lab tests to improve </a:t>
            </a:r>
            <a:r>
              <a:rPr kumimoji="0" lang="en-US" sz="21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          patient </a:t>
            </a:r>
            <a:r>
              <a:rPr kumimoji="0" lang="en-US" sz="21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are. </a:t>
            </a:r>
          </a:p>
        </p:txBody>
      </p:sp>
      <p:sp>
        <p:nvSpPr>
          <p:cNvPr id="27" name="TextBox 26"/>
          <p:cNvSpPr txBox="1"/>
          <p:nvPr/>
        </p:nvSpPr>
        <p:spPr>
          <a:xfrm>
            <a:off x="609599" y="1427980"/>
            <a:ext cx="11009745" cy="831125"/>
          </a:xfrm>
          <a:prstGeom prst="rect">
            <a:avLst/>
          </a:prstGeom>
          <a:noFill/>
          <a:ln w="57150">
            <a:noFill/>
          </a:ln>
        </p:spPr>
        <p:txBody>
          <a:bodyPr wrap="square" rtlCol="0">
            <a:spAutoFit/>
          </a:bodyPr>
          <a:lstStyle/>
          <a:p>
            <a:pPr marL="0" marR="0" lvl="0" indent="0" algn="l" defTabSz="457200" rtl="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667" b="1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ew innovations can support earlier diagnoses and more effective treatment options that can slow </a:t>
            </a:r>
            <a:r>
              <a:rPr kumimoji="0" lang="en-US" sz="2667" b="1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ntibiotic resistance. </a:t>
            </a:r>
            <a:endParaRPr kumimoji="0" lang="en-US" sz="2667" b="1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8620169" y="2269446"/>
            <a:ext cx="3061271" cy="4212193"/>
          </a:xfrm>
          <a:prstGeom prst="roundRect">
            <a:avLst>
              <a:gd name="adj" fmla="val 7097"/>
            </a:avLst>
          </a:prstGeom>
          <a:solidFill>
            <a:srgbClr val="0070C0"/>
          </a:solidFill>
          <a:ln>
            <a:noFill/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Y THE </a:t>
            </a:r>
            <a:r>
              <a:rPr kumimoji="0" lang="en-US" sz="2000" b="1" i="0" u="none" strike="noStrike" kern="120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UMBERS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s of </a:t>
            </a:r>
            <a:r>
              <a:rPr lang="en-US" sz="1600" dirty="0" smtClean="0">
                <a:solidFill>
                  <a:srgbClr val="FFFFFF"/>
                </a:solidFill>
                <a:latin typeface="Calibri" panose="020F0502020204030204" pitchFamily="34" charset="0"/>
              </a:rPr>
              <a:t>Nov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. 1, 2017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DC </a:t>
            </a:r>
            <a:r>
              <a:rPr kumimoji="0" lang="en-US" sz="2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urated 15 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nels </a:t>
            </a:r>
            <a:r>
              <a:rPr kumimoji="0" lang="en-US" sz="2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rom its 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50,000+ isolate collecti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5,300 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solates shared since July 2015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70+ 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nique customers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43 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rders </a:t>
            </a:r>
            <a:r>
              <a:rPr kumimoji="0" lang="en-US" sz="2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cessed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grpSp>
        <p:nvGrpSpPr>
          <p:cNvPr id="7" name="Group 6"/>
          <p:cNvGrpSpPr/>
          <p:nvPr/>
        </p:nvGrpSpPr>
        <p:grpSpPr>
          <a:xfrm>
            <a:off x="506692" y="2102476"/>
            <a:ext cx="1642091" cy="4255338"/>
            <a:chOff x="506692" y="2102476"/>
            <a:chExt cx="1642091" cy="4255338"/>
          </a:xfrm>
        </p:grpSpPr>
        <p:grpSp>
          <p:nvGrpSpPr>
            <p:cNvPr id="3" name="Group 2"/>
            <p:cNvGrpSpPr/>
            <p:nvPr/>
          </p:nvGrpSpPr>
          <p:grpSpPr>
            <a:xfrm>
              <a:off x="506692" y="2102476"/>
              <a:ext cx="1490275" cy="4255338"/>
              <a:chOff x="661850" y="2318859"/>
              <a:chExt cx="1339690" cy="3825358"/>
            </a:xfrm>
          </p:grpSpPr>
          <p:grpSp>
            <p:nvGrpSpPr>
              <p:cNvPr id="16" name="Group 15"/>
              <p:cNvGrpSpPr/>
              <p:nvPr/>
            </p:nvGrpSpPr>
            <p:grpSpPr>
              <a:xfrm>
                <a:off x="661850" y="2318859"/>
                <a:ext cx="1339690" cy="3825358"/>
                <a:chOff x="513535" y="-1372125"/>
                <a:chExt cx="2882449" cy="8225196"/>
              </a:xfrm>
            </p:grpSpPr>
            <p:grpSp>
              <p:nvGrpSpPr>
                <p:cNvPr id="18" name="Group 17"/>
                <p:cNvGrpSpPr/>
                <p:nvPr/>
              </p:nvGrpSpPr>
              <p:grpSpPr>
                <a:xfrm rot="5400000">
                  <a:off x="-620313" y="-238277"/>
                  <a:ext cx="5150146" cy="2882449"/>
                  <a:chOff x="-1372135" y="-590551"/>
                  <a:chExt cx="5150146" cy="2882449"/>
                </a:xfrm>
              </p:grpSpPr>
              <p:grpSp>
                <p:nvGrpSpPr>
                  <p:cNvPr id="22" name="Group 21"/>
                  <p:cNvGrpSpPr/>
                  <p:nvPr/>
                </p:nvGrpSpPr>
                <p:grpSpPr>
                  <a:xfrm>
                    <a:off x="-534126" y="-590551"/>
                    <a:ext cx="4312137" cy="2882449"/>
                    <a:chOff x="-534126" y="-590551"/>
                    <a:chExt cx="4312137" cy="2882449"/>
                  </a:xfrm>
                </p:grpSpPr>
                <p:pic>
                  <p:nvPicPr>
                    <p:cNvPr id="25" name="Picture 24"/>
                    <p:cNvPicPr>
                      <a:picLocks noChangeAspect="1"/>
                    </p:cNvPicPr>
                    <p:nvPr/>
                  </p:nvPicPr>
                  <p:blipFill rotWithShape="1">
                    <a:blip r:embed="rId3" cstate="print">
                      <a:extLst>
                        <a:ext uri="{28A0092B-C50C-407E-A947-70E740481C1C}">
                          <a14:useLocalDpi xmlns:a14="http://schemas.microsoft.com/office/drawing/2010/main" val="0"/>
                        </a:ext>
                      </a:extLst>
                    </a:blip>
                    <a:srcRect l="35013" t="31892" r="34447" b="26440"/>
                    <a:stretch/>
                  </p:blipFill>
                  <p:spPr>
                    <a:xfrm rot="16200000">
                      <a:off x="-549449" y="70204"/>
                      <a:ext cx="1716287" cy="1685642"/>
                    </a:xfrm>
                    <a:prstGeom prst="ellipse">
                      <a:avLst/>
                    </a:prstGeom>
                    <a:ln>
                      <a:solidFill>
                        <a:srgbClr val="FFFFFF"/>
                      </a:solidFill>
                    </a:ln>
                  </p:spPr>
                </p:pic>
                <p:pic>
                  <p:nvPicPr>
                    <p:cNvPr id="26" name="Picture 25"/>
                    <p:cNvPicPr>
                      <a:picLocks noChangeAspect="1"/>
                    </p:cNvPicPr>
                    <p:nvPr/>
                  </p:nvPicPr>
                  <p:blipFill rotWithShape="1">
                    <a:blip r:embed="rId4">
                      <a:duotone>
                        <a:prstClr val="black"/>
                        <a:srgbClr val="FFC000">
                          <a:tint val="45000"/>
                          <a:satMod val="400000"/>
                        </a:srgbClr>
                      </a:duotone>
                      <a:extLst>
                        <a:ext uri="{28A0092B-C50C-407E-A947-70E740481C1C}">
                          <a14:useLocalDpi xmlns:a14="http://schemas.microsoft.com/office/drawing/2010/main" val="0"/>
                        </a:ext>
                      </a:extLst>
                    </a:blip>
                    <a:srcRect r="12108" b="32224"/>
                    <a:stretch/>
                  </p:blipFill>
                  <p:spPr>
                    <a:xfrm rot="4195419">
                      <a:off x="261621" y="-414822"/>
                      <a:ext cx="1535612" cy="1184153"/>
                    </a:xfrm>
                    <a:prstGeom prst="ellipse">
                      <a:avLst/>
                    </a:prstGeom>
                  </p:spPr>
                </p:pic>
                <p:pic>
                  <p:nvPicPr>
                    <p:cNvPr id="24" name="Picture 23"/>
                    <p:cNvPicPr>
                      <a:picLocks noChangeAspect="1"/>
                    </p:cNvPicPr>
                    <p:nvPr/>
                  </p:nvPicPr>
                  <p:blipFill>
                    <a:blip r:embed="rId5" cstate="print">
                      <a:extLst>
                        <a:ext uri="{28A0092B-C50C-407E-A947-70E740481C1C}">
                          <a14:useLocalDpi xmlns:a14="http://schemas.microsoft.com/office/drawing/2010/main" val="0"/>
                        </a:ext>
                      </a:extLst>
                    </a:blip>
                    <a:stretch>
                      <a:fillRect/>
                    </a:stretch>
                  </p:blipFill>
                  <p:spPr>
                    <a:xfrm rot="16200000">
                      <a:off x="1533358" y="47245"/>
                      <a:ext cx="2703349" cy="1785957"/>
                    </a:xfrm>
                    <a:prstGeom prst="rect">
                      <a:avLst/>
                    </a:prstGeom>
                  </p:spPr>
                </p:pic>
              </p:grpSp>
              <p:pic>
                <p:nvPicPr>
                  <p:cNvPr id="23" name="Picture 22"/>
                  <p:cNvPicPr>
                    <a:picLocks noChangeAspect="1"/>
                  </p:cNvPicPr>
                  <p:nvPr/>
                </p:nvPicPr>
                <p:blipFill rotWithShape="1">
                  <a:blip r:embed="rId4">
                    <a:duotone>
                      <a:prstClr val="black"/>
                      <a:srgbClr val="FFC000">
                        <a:tint val="45000"/>
                        <a:satMod val="400000"/>
                      </a:srgbClr>
                    </a:duotone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srcRect r="12108" b="32224"/>
                  <a:stretch/>
                </p:blipFill>
                <p:spPr>
                  <a:xfrm rot="18257511">
                    <a:off x="-1547864" y="568461"/>
                    <a:ext cx="1535612" cy="1184153"/>
                  </a:xfrm>
                  <a:prstGeom prst="ellipse">
                    <a:avLst/>
                  </a:prstGeom>
                </p:spPr>
              </p:pic>
            </p:grpSp>
            <p:pic>
              <p:nvPicPr>
                <p:cNvPr id="19" name="Picture 18"/>
                <p:cNvPicPr>
                  <a:picLocks noChangeAspect="1"/>
                </p:cNvPicPr>
                <p:nvPr/>
              </p:nvPicPr>
              <p:blipFill rotWithShape="1">
                <a:blip r:embed="rId6"/>
                <a:srcRect l="9933" t="8666" r="8393" b="11001"/>
                <a:stretch/>
              </p:blipFill>
              <p:spPr>
                <a:xfrm>
                  <a:off x="1798050" y="5136662"/>
                  <a:ext cx="1235074" cy="1229999"/>
                </a:xfrm>
                <a:prstGeom prst="ellipse">
                  <a:avLst/>
                </a:prstGeom>
                <a:ln>
                  <a:solidFill>
                    <a:srgbClr val="44546A"/>
                  </a:solidFill>
                </a:ln>
              </p:spPr>
            </p:pic>
            <p:pic>
              <p:nvPicPr>
                <p:cNvPr id="21" name="Picture 20"/>
                <p:cNvPicPr>
                  <a:picLocks noChangeAspect="1"/>
                </p:cNvPicPr>
                <p:nvPr/>
              </p:nvPicPr>
              <p:blipFill rotWithShape="1">
                <a:blip r:embed="rId7"/>
                <a:srcRect l="8928" t="7861" r="14768" b="17100"/>
                <a:stretch/>
              </p:blipFill>
              <p:spPr>
                <a:xfrm>
                  <a:off x="731247" y="5624344"/>
                  <a:ext cx="1238246" cy="1228727"/>
                </a:xfrm>
                <a:prstGeom prst="ellipse">
                  <a:avLst/>
                </a:prstGeom>
                <a:ln>
                  <a:solidFill>
                    <a:srgbClr val="E7E6E6"/>
                  </a:solidFill>
                </a:ln>
              </p:spPr>
            </p:pic>
          </p:grpSp>
          <p:pic>
            <p:nvPicPr>
              <p:cNvPr id="29" name="Picture 28"/>
              <p:cNvPicPr>
                <a:picLocks noChangeAspect="1"/>
              </p:cNvPicPr>
              <p:nvPr/>
            </p:nvPicPr>
            <p:blipFill>
              <a:blip r:embed="rId8"/>
              <a:stretch>
                <a:fillRect/>
              </a:stretch>
            </p:blipFill>
            <p:spPr>
              <a:xfrm rot="21021227">
                <a:off x="686569" y="4926816"/>
                <a:ext cx="1063096" cy="743226"/>
              </a:xfrm>
              <a:prstGeom prst="rect">
                <a:avLst/>
              </a:prstGeom>
            </p:spPr>
          </p:pic>
        </p:grpSp>
        <p:sp>
          <p:nvSpPr>
            <p:cNvPr id="6" name="TextBox 5"/>
            <p:cNvSpPr txBox="1"/>
            <p:nvPr/>
          </p:nvSpPr>
          <p:spPr>
            <a:xfrm rot="19781657">
              <a:off x="662051" y="5026256"/>
              <a:ext cx="1486732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1200" cap="none" spc="0" normalizeH="0" baseline="0" noProof="0" dirty="0" smtClean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New!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4514971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6442"/>
            <a:ext cx="10972800" cy="1143000"/>
          </a:xfrm>
        </p:spPr>
        <p:txBody>
          <a:bodyPr/>
          <a:lstStyle/>
          <a:p>
            <a:r>
              <a:rPr lang="en-US" dirty="0" smtClean="0"/>
              <a:t>CDC’s Containment Strategy in Action</a:t>
            </a:r>
            <a:endParaRPr lang="en-US" dirty="0"/>
          </a:p>
        </p:txBody>
      </p:sp>
      <p:grpSp>
        <p:nvGrpSpPr>
          <p:cNvPr id="10" name="Group 9"/>
          <p:cNvGrpSpPr/>
          <p:nvPr/>
        </p:nvGrpSpPr>
        <p:grpSpPr>
          <a:xfrm>
            <a:off x="554896" y="3337625"/>
            <a:ext cx="2466975" cy="2024945"/>
            <a:chOff x="542459" y="3125891"/>
            <a:chExt cx="2632097" cy="2160483"/>
          </a:xfrm>
        </p:grpSpPr>
        <p:grpSp>
          <p:nvGrpSpPr>
            <p:cNvPr id="12" name="Group 5" descr="Map of the US showing the three Public Reporting States in 2004. "/>
            <p:cNvGrpSpPr>
              <a:grpSpLocks noChangeAspect="1"/>
            </p:cNvGrpSpPr>
            <p:nvPr/>
          </p:nvGrpSpPr>
          <p:grpSpPr bwMode="auto">
            <a:xfrm>
              <a:off x="542459" y="3514819"/>
              <a:ext cx="2632097" cy="1771555"/>
              <a:chOff x="192" y="850"/>
              <a:chExt cx="4988" cy="3134"/>
            </a:xfrm>
          </p:grpSpPr>
          <p:sp>
            <p:nvSpPr>
              <p:cNvPr id="16" name="Freeform 9"/>
              <p:cNvSpPr>
                <a:spLocks/>
              </p:cNvSpPr>
              <p:nvPr/>
            </p:nvSpPr>
            <p:spPr bwMode="auto">
              <a:xfrm>
                <a:off x="4479" y="2181"/>
                <a:ext cx="22" cy="24"/>
              </a:xfrm>
              <a:custGeom>
                <a:avLst/>
                <a:gdLst>
                  <a:gd name="T0" fmla="*/ 0 w 22"/>
                  <a:gd name="T1" fmla="*/ 7 h 25"/>
                  <a:gd name="T2" fmla="*/ 9 w 22"/>
                  <a:gd name="T3" fmla="*/ 0 h 25"/>
                  <a:gd name="T4" fmla="*/ 22 w 22"/>
                  <a:gd name="T5" fmla="*/ 10 h 25"/>
                  <a:gd name="T6" fmla="*/ 12 w 22"/>
                  <a:gd name="T7" fmla="*/ 12 h 25"/>
                  <a:gd name="T8" fmla="*/ 12 w 22"/>
                  <a:gd name="T9" fmla="*/ 12 h 25"/>
                  <a:gd name="T10" fmla="*/ 12 w 22"/>
                  <a:gd name="T11" fmla="*/ 12 h 25"/>
                  <a:gd name="T12" fmla="*/ 12 w 22"/>
                  <a:gd name="T13" fmla="*/ 12 h 25"/>
                  <a:gd name="T14" fmla="*/ 12 w 22"/>
                  <a:gd name="T15" fmla="*/ 12 h 25"/>
                  <a:gd name="T16" fmla="*/ 11 w 22"/>
                  <a:gd name="T17" fmla="*/ 12 h 25"/>
                  <a:gd name="T18" fmla="*/ 9 w 22"/>
                  <a:gd name="T19" fmla="*/ 12 h 25"/>
                  <a:gd name="T20" fmla="*/ 7 w 22"/>
                  <a:gd name="T21" fmla="*/ 12 h 25"/>
                  <a:gd name="T22" fmla="*/ 2 w 22"/>
                  <a:gd name="T23" fmla="*/ 8 h 25"/>
                  <a:gd name="T24" fmla="*/ 2 w 22"/>
                  <a:gd name="T25" fmla="*/ 8 h 25"/>
                  <a:gd name="T26" fmla="*/ 0 w 22"/>
                  <a:gd name="T27" fmla="*/ 8 h 25"/>
                  <a:gd name="T28" fmla="*/ 0 w 22"/>
                  <a:gd name="T29" fmla="*/ 7 h 25"/>
                  <a:gd name="T30" fmla="*/ 0 w 22"/>
                  <a:gd name="T31" fmla="*/ 7 h 25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w 22"/>
                  <a:gd name="T49" fmla="*/ 0 h 25"/>
                  <a:gd name="T50" fmla="*/ 22 w 22"/>
                  <a:gd name="T51" fmla="*/ 25 h 25"/>
                </a:gdLst>
                <a:ahLst/>
                <a:cxnLst>
                  <a:cxn ang="T32">
                    <a:pos x="T0" y="T1"/>
                  </a:cxn>
                  <a:cxn ang="T33">
                    <a:pos x="T2" y="T3"/>
                  </a:cxn>
                  <a:cxn ang="T34">
                    <a:pos x="T4" y="T5"/>
                  </a:cxn>
                  <a:cxn ang="T35">
                    <a:pos x="T6" y="T7"/>
                  </a:cxn>
                  <a:cxn ang="T36">
                    <a:pos x="T8" y="T9"/>
                  </a:cxn>
                  <a:cxn ang="T37">
                    <a:pos x="T10" y="T11"/>
                  </a:cxn>
                  <a:cxn ang="T38">
                    <a:pos x="T12" y="T13"/>
                  </a:cxn>
                  <a:cxn ang="T39">
                    <a:pos x="T14" y="T15"/>
                  </a:cxn>
                  <a:cxn ang="T40">
                    <a:pos x="T16" y="T17"/>
                  </a:cxn>
                  <a:cxn ang="T41">
                    <a:pos x="T18" y="T19"/>
                  </a:cxn>
                  <a:cxn ang="T42">
                    <a:pos x="T20" y="T21"/>
                  </a:cxn>
                  <a:cxn ang="T43">
                    <a:pos x="T22" y="T23"/>
                  </a:cxn>
                  <a:cxn ang="T44">
                    <a:pos x="T24" y="T25"/>
                  </a:cxn>
                  <a:cxn ang="T45">
                    <a:pos x="T26" y="T27"/>
                  </a:cxn>
                  <a:cxn ang="T46">
                    <a:pos x="T28" y="T29"/>
                  </a:cxn>
                  <a:cxn ang="T47">
                    <a:pos x="T30" y="T31"/>
                  </a:cxn>
                </a:cxnLst>
                <a:rect l="T48" t="T49" r="T50" b="T51"/>
                <a:pathLst>
                  <a:path w="22" h="25">
                    <a:moveTo>
                      <a:pt x="0" y="7"/>
                    </a:moveTo>
                    <a:lnTo>
                      <a:pt x="9" y="0"/>
                    </a:lnTo>
                    <a:lnTo>
                      <a:pt x="22" y="10"/>
                    </a:lnTo>
                    <a:lnTo>
                      <a:pt x="12" y="25"/>
                    </a:lnTo>
                    <a:lnTo>
                      <a:pt x="12" y="23"/>
                    </a:lnTo>
                    <a:lnTo>
                      <a:pt x="12" y="22"/>
                    </a:lnTo>
                    <a:lnTo>
                      <a:pt x="12" y="20"/>
                    </a:lnTo>
                    <a:lnTo>
                      <a:pt x="12" y="18"/>
                    </a:lnTo>
                    <a:lnTo>
                      <a:pt x="11" y="17"/>
                    </a:lnTo>
                    <a:lnTo>
                      <a:pt x="9" y="13"/>
                    </a:lnTo>
                    <a:lnTo>
                      <a:pt x="7" y="12"/>
                    </a:lnTo>
                    <a:lnTo>
                      <a:pt x="2" y="8"/>
                    </a:lnTo>
                    <a:lnTo>
                      <a:pt x="0" y="8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ysClr val="windowText" lastClr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17" name="Group 10"/>
              <p:cNvGrpSpPr>
                <a:grpSpLocks/>
              </p:cNvGrpSpPr>
              <p:nvPr/>
            </p:nvGrpSpPr>
            <p:grpSpPr bwMode="auto">
              <a:xfrm>
                <a:off x="4431" y="2166"/>
                <a:ext cx="169" cy="106"/>
                <a:chOff x="4655" y="1801"/>
                <a:chExt cx="172" cy="109"/>
              </a:xfrm>
            </p:grpSpPr>
            <p:sp>
              <p:nvSpPr>
                <p:cNvPr id="196" name="Freeform 11"/>
                <p:cNvSpPr>
                  <a:spLocks/>
                </p:cNvSpPr>
                <p:nvPr/>
              </p:nvSpPr>
              <p:spPr bwMode="auto">
                <a:xfrm>
                  <a:off x="4725" y="1801"/>
                  <a:ext cx="22" cy="25"/>
                </a:xfrm>
                <a:custGeom>
                  <a:avLst/>
                  <a:gdLst>
                    <a:gd name="T0" fmla="*/ 0 w 22"/>
                    <a:gd name="T1" fmla="*/ 7 h 25"/>
                    <a:gd name="T2" fmla="*/ 9 w 22"/>
                    <a:gd name="T3" fmla="*/ 0 h 25"/>
                    <a:gd name="T4" fmla="*/ 22 w 22"/>
                    <a:gd name="T5" fmla="*/ 10 h 25"/>
                    <a:gd name="T6" fmla="*/ 12 w 22"/>
                    <a:gd name="T7" fmla="*/ 25 h 25"/>
                    <a:gd name="T8" fmla="*/ 12 w 22"/>
                    <a:gd name="T9" fmla="*/ 25 h 25"/>
                    <a:gd name="T10" fmla="*/ 12 w 22"/>
                    <a:gd name="T11" fmla="*/ 23 h 25"/>
                    <a:gd name="T12" fmla="*/ 12 w 22"/>
                    <a:gd name="T13" fmla="*/ 22 h 25"/>
                    <a:gd name="T14" fmla="*/ 12 w 22"/>
                    <a:gd name="T15" fmla="*/ 20 h 25"/>
                    <a:gd name="T16" fmla="*/ 12 w 22"/>
                    <a:gd name="T17" fmla="*/ 18 h 25"/>
                    <a:gd name="T18" fmla="*/ 11 w 22"/>
                    <a:gd name="T19" fmla="*/ 17 h 25"/>
                    <a:gd name="T20" fmla="*/ 9 w 22"/>
                    <a:gd name="T21" fmla="*/ 13 h 25"/>
                    <a:gd name="T22" fmla="*/ 7 w 22"/>
                    <a:gd name="T23" fmla="*/ 12 h 25"/>
                    <a:gd name="T24" fmla="*/ 2 w 22"/>
                    <a:gd name="T25" fmla="*/ 8 h 25"/>
                    <a:gd name="T26" fmla="*/ 2 w 22"/>
                    <a:gd name="T27" fmla="*/ 8 h 25"/>
                    <a:gd name="T28" fmla="*/ 2 w 22"/>
                    <a:gd name="T29" fmla="*/ 8 h 25"/>
                    <a:gd name="T30" fmla="*/ 0 w 22"/>
                    <a:gd name="T31" fmla="*/ 8 h 25"/>
                    <a:gd name="T32" fmla="*/ 0 w 22"/>
                    <a:gd name="T33" fmla="*/ 7 h 25"/>
                    <a:gd name="T34" fmla="*/ 0 w 22"/>
                    <a:gd name="T35" fmla="*/ 7 h 25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w 22"/>
                    <a:gd name="T55" fmla="*/ 0 h 25"/>
                    <a:gd name="T56" fmla="*/ 22 w 22"/>
                    <a:gd name="T57" fmla="*/ 25 h 25"/>
                  </a:gdLst>
                  <a:ahLst/>
                  <a:cxnLst>
                    <a:cxn ang="T36">
                      <a:pos x="T0" y="T1"/>
                    </a:cxn>
                    <a:cxn ang="T37">
                      <a:pos x="T2" y="T3"/>
                    </a:cxn>
                    <a:cxn ang="T38">
                      <a:pos x="T4" y="T5"/>
                    </a:cxn>
                    <a:cxn ang="T39">
                      <a:pos x="T6" y="T7"/>
                    </a:cxn>
                    <a:cxn ang="T40">
                      <a:pos x="T8" y="T9"/>
                    </a:cxn>
                    <a:cxn ang="T41">
                      <a:pos x="T10" y="T11"/>
                    </a:cxn>
                    <a:cxn ang="T42">
                      <a:pos x="T12" y="T13"/>
                    </a:cxn>
                    <a:cxn ang="T43">
                      <a:pos x="T14" y="T15"/>
                    </a:cxn>
                    <a:cxn ang="T44">
                      <a:pos x="T16" y="T17"/>
                    </a:cxn>
                    <a:cxn ang="T45">
                      <a:pos x="T18" y="T19"/>
                    </a:cxn>
                    <a:cxn ang="T46">
                      <a:pos x="T20" y="T21"/>
                    </a:cxn>
                    <a:cxn ang="T47">
                      <a:pos x="T22" y="T23"/>
                    </a:cxn>
                    <a:cxn ang="T48">
                      <a:pos x="T24" y="T25"/>
                    </a:cxn>
                    <a:cxn ang="T49">
                      <a:pos x="T26" y="T27"/>
                    </a:cxn>
                    <a:cxn ang="T50">
                      <a:pos x="T28" y="T29"/>
                    </a:cxn>
                    <a:cxn ang="T51">
                      <a:pos x="T30" y="T31"/>
                    </a:cxn>
                    <a:cxn ang="T52">
                      <a:pos x="T32" y="T33"/>
                    </a:cxn>
                    <a:cxn ang="T53">
                      <a:pos x="T34" y="T35"/>
                    </a:cxn>
                  </a:cxnLst>
                  <a:rect l="T54" t="T55" r="T56" b="T57"/>
                  <a:pathLst>
                    <a:path w="22" h="25">
                      <a:moveTo>
                        <a:pt x="0" y="7"/>
                      </a:moveTo>
                      <a:lnTo>
                        <a:pt x="9" y="0"/>
                      </a:lnTo>
                      <a:lnTo>
                        <a:pt x="22" y="10"/>
                      </a:lnTo>
                      <a:lnTo>
                        <a:pt x="12" y="25"/>
                      </a:lnTo>
                      <a:lnTo>
                        <a:pt x="12" y="23"/>
                      </a:lnTo>
                      <a:lnTo>
                        <a:pt x="12" y="22"/>
                      </a:lnTo>
                      <a:lnTo>
                        <a:pt x="12" y="20"/>
                      </a:lnTo>
                      <a:lnTo>
                        <a:pt x="12" y="18"/>
                      </a:lnTo>
                      <a:lnTo>
                        <a:pt x="11" y="17"/>
                      </a:lnTo>
                      <a:lnTo>
                        <a:pt x="9" y="13"/>
                      </a:lnTo>
                      <a:lnTo>
                        <a:pt x="7" y="12"/>
                      </a:lnTo>
                      <a:lnTo>
                        <a:pt x="2" y="8"/>
                      </a:lnTo>
                      <a:lnTo>
                        <a:pt x="0" y="8"/>
                      </a:lnTo>
                      <a:lnTo>
                        <a:pt x="0" y="7"/>
                      </a:lnTo>
                    </a:path>
                  </a:pathLst>
                </a:custGeom>
                <a:solidFill>
                  <a:sysClr val="windowText" lastClr="000000"/>
                </a:solidFill>
                <a:ln w="3175">
                  <a:solidFill>
                    <a:srgbClr val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97" name="Rectangle 12"/>
                <p:cNvSpPr>
                  <a:spLocks noChangeArrowheads="1"/>
                </p:cNvSpPr>
                <p:nvPr/>
              </p:nvSpPr>
              <p:spPr bwMode="auto">
                <a:xfrm>
                  <a:off x="4655" y="1804"/>
                  <a:ext cx="172" cy="106"/>
                </a:xfrm>
                <a:prstGeom prst="rect">
                  <a:avLst/>
                </a:prstGeom>
                <a:noFill/>
                <a:ln w="9525">
                  <a:noFill/>
                  <a:miter lim="800000"/>
                  <a:headEnd/>
                  <a:tailEnd/>
                </a:ln>
              </p:spPr>
              <p:txBody>
                <a:bodyPr wrap="none" lIns="0" tIns="0" rIns="0" bIns="0">
                  <a:spAutoFit/>
                </a:bodyPr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313" b="1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Helvetica" pitchFamily="34" charset="0"/>
                      <a:ea typeface="+mn-ea"/>
                      <a:cs typeface="+mn-cs"/>
                    </a:rPr>
                    <a:t>DC*</a:t>
                  </a:r>
                  <a:endParaRPr kumimoji="0" lang="en-US" sz="313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Times New Roman" pitchFamily="18" charset="0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18" name="Freeform 13"/>
              <p:cNvSpPr>
                <a:spLocks/>
              </p:cNvSpPr>
              <p:nvPr/>
            </p:nvSpPr>
            <p:spPr bwMode="auto">
              <a:xfrm>
                <a:off x="3980" y="2710"/>
                <a:ext cx="478" cy="363"/>
              </a:xfrm>
              <a:custGeom>
                <a:avLst/>
                <a:gdLst>
                  <a:gd name="T0" fmla="*/ 178 w 492"/>
                  <a:gd name="T1" fmla="*/ 243 h 374"/>
                  <a:gd name="T2" fmla="*/ 178 w 492"/>
                  <a:gd name="T3" fmla="*/ 240 h 374"/>
                  <a:gd name="T4" fmla="*/ 178 w 492"/>
                  <a:gd name="T5" fmla="*/ 239 h 374"/>
                  <a:gd name="T6" fmla="*/ 171 w 492"/>
                  <a:gd name="T7" fmla="*/ 217 h 374"/>
                  <a:gd name="T8" fmla="*/ 157 w 492"/>
                  <a:gd name="T9" fmla="*/ 207 h 374"/>
                  <a:gd name="T10" fmla="*/ 153 w 492"/>
                  <a:gd name="T11" fmla="*/ 192 h 374"/>
                  <a:gd name="T12" fmla="*/ 142 w 492"/>
                  <a:gd name="T13" fmla="*/ 177 h 374"/>
                  <a:gd name="T14" fmla="*/ 130 w 492"/>
                  <a:gd name="T15" fmla="*/ 173 h 374"/>
                  <a:gd name="T16" fmla="*/ 126 w 492"/>
                  <a:gd name="T17" fmla="*/ 171 h 374"/>
                  <a:gd name="T18" fmla="*/ 116 w 492"/>
                  <a:gd name="T19" fmla="*/ 162 h 374"/>
                  <a:gd name="T20" fmla="*/ 111 w 492"/>
                  <a:gd name="T21" fmla="*/ 153 h 374"/>
                  <a:gd name="T22" fmla="*/ 104 w 492"/>
                  <a:gd name="T23" fmla="*/ 141 h 374"/>
                  <a:gd name="T24" fmla="*/ 95 w 492"/>
                  <a:gd name="T25" fmla="*/ 139 h 374"/>
                  <a:gd name="T26" fmla="*/ 91 w 492"/>
                  <a:gd name="T27" fmla="*/ 137 h 374"/>
                  <a:gd name="T28" fmla="*/ 86 w 492"/>
                  <a:gd name="T29" fmla="*/ 132 h 374"/>
                  <a:gd name="T30" fmla="*/ 81 w 492"/>
                  <a:gd name="T31" fmla="*/ 121 h 374"/>
                  <a:gd name="T32" fmla="*/ 75 w 492"/>
                  <a:gd name="T33" fmla="*/ 120 h 374"/>
                  <a:gd name="T34" fmla="*/ 68 w 492"/>
                  <a:gd name="T35" fmla="*/ 119 h 374"/>
                  <a:gd name="T36" fmla="*/ 61 w 492"/>
                  <a:gd name="T37" fmla="*/ 111 h 374"/>
                  <a:gd name="T38" fmla="*/ 55 w 492"/>
                  <a:gd name="T39" fmla="*/ 104 h 374"/>
                  <a:gd name="T40" fmla="*/ 47 w 492"/>
                  <a:gd name="T41" fmla="*/ 96 h 374"/>
                  <a:gd name="T42" fmla="*/ 40 w 492"/>
                  <a:gd name="T43" fmla="*/ 82 h 374"/>
                  <a:gd name="T44" fmla="*/ 38 w 492"/>
                  <a:gd name="T45" fmla="*/ 75 h 374"/>
                  <a:gd name="T46" fmla="*/ 33 w 492"/>
                  <a:gd name="T47" fmla="*/ 74 h 374"/>
                  <a:gd name="T48" fmla="*/ 18 w 492"/>
                  <a:gd name="T49" fmla="*/ 72 h 374"/>
                  <a:gd name="T50" fmla="*/ 17 w 492"/>
                  <a:gd name="T51" fmla="*/ 69 h 374"/>
                  <a:gd name="T52" fmla="*/ 17 w 492"/>
                  <a:gd name="T53" fmla="*/ 67 h 374"/>
                  <a:gd name="T54" fmla="*/ 0 w 492"/>
                  <a:gd name="T55" fmla="*/ 56 h 374"/>
                  <a:gd name="T56" fmla="*/ 13 w 492"/>
                  <a:gd name="T57" fmla="*/ 39 h 374"/>
                  <a:gd name="T58" fmla="*/ 17 w 492"/>
                  <a:gd name="T59" fmla="*/ 37 h 374"/>
                  <a:gd name="T60" fmla="*/ 17 w 492"/>
                  <a:gd name="T61" fmla="*/ 35 h 374"/>
                  <a:gd name="T62" fmla="*/ 21 w 492"/>
                  <a:gd name="T63" fmla="*/ 25 h 374"/>
                  <a:gd name="T64" fmla="*/ 38 w 492"/>
                  <a:gd name="T65" fmla="*/ 17 h 374"/>
                  <a:gd name="T66" fmla="*/ 50 w 492"/>
                  <a:gd name="T67" fmla="*/ 17 h 374"/>
                  <a:gd name="T68" fmla="*/ 71 w 492"/>
                  <a:gd name="T69" fmla="*/ 10 h 374"/>
                  <a:gd name="T70" fmla="*/ 139 w 492"/>
                  <a:gd name="T71" fmla="*/ 1 h 374"/>
                  <a:gd name="T72" fmla="*/ 149 w 492"/>
                  <a:gd name="T73" fmla="*/ 0 h 374"/>
                  <a:gd name="T74" fmla="*/ 162 w 492"/>
                  <a:gd name="T75" fmla="*/ 12 h 374"/>
                  <a:gd name="T76" fmla="*/ 242 w 492"/>
                  <a:gd name="T77" fmla="*/ 17 h 374"/>
                  <a:gd name="T78" fmla="*/ 328 w 492"/>
                  <a:gd name="T79" fmla="*/ 77 h 374"/>
                  <a:gd name="T80" fmla="*/ 323 w 492"/>
                  <a:gd name="T81" fmla="*/ 81 h 374"/>
                  <a:gd name="T82" fmla="*/ 315 w 492"/>
                  <a:gd name="T83" fmla="*/ 87 h 374"/>
                  <a:gd name="T84" fmla="*/ 306 w 492"/>
                  <a:gd name="T85" fmla="*/ 100 h 374"/>
                  <a:gd name="T86" fmla="*/ 298 w 492"/>
                  <a:gd name="T87" fmla="*/ 114 h 374"/>
                  <a:gd name="T88" fmla="*/ 293 w 492"/>
                  <a:gd name="T89" fmla="*/ 126 h 374"/>
                  <a:gd name="T90" fmla="*/ 290 w 492"/>
                  <a:gd name="T91" fmla="*/ 123 h 374"/>
                  <a:gd name="T92" fmla="*/ 288 w 492"/>
                  <a:gd name="T93" fmla="*/ 126 h 374"/>
                  <a:gd name="T94" fmla="*/ 289 w 492"/>
                  <a:gd name="T95" fmla="*/ 132 h 374"/>
                  <a:gd name="T96" fmla="*/ 294 w 492"/>
                  <a:gd name="T97" fmla="*/ 134 h 374"/>
                  <a:gd name="T98" fmla="*/ 295 w 492"/>
                  <a:gd name="T99" fmla="*/ 139 h 374"/>
                  <a:gd name="T100" fmla="*/ 292 w 492"/>
                  <a:gd name="T101" fmla="*/ 145 h 374"/>
                  <a:gd name="T102" fmla="*/ 286 w 492"/>
                  <a:gd name="T103" fmla="*/ 148 h 374"/>
                  <a:gd name="T104" fmla="*/ 276 w 492"/>
                  <a:gd name="T105" fmla="*/ 154 h 374"/>
                  <a:gd name="T106" fmla="*/ 266 w 492"/>
                  <a:gd name="T107" fmla="*/ 171 h 374"/>
                  <a:gd name="T108" fmla="*/ 263 w 492"/>
                  <a:gd name="T109" fmla="*/ 173 h 374"/>
                  <a:gd name="T110" fmla="*/ 259 w 492"/>
                  <a:gd name="T111" fmla="*/ 177 h 374"/>
                  <a:gd name="T112" fmla="*/ 251 w 492"/>
                  <a:gd name="T113" fmla="*/ 179 h 374"/>
                  <a:gd name="T114" fmla="*/ 240 w 492"/>
                  <a:gd name="T115" fmla="*/ 196 h 374"/>
                  <a:gd name="T116" fmla="*/ 236 w 492"/>
                  <a:gd name="T117" fmla="*/ 201 h 374"/>
                  <a:gd name="T118" fmla="*/ 214 w 492"/>
                  <a:gd name="T119" fmla="*/ 207 h 374"/>
                  <a:gd name="T120" fmla="*/ 194 w 492"/>
                  <a:gd name="T121" fmla="*/ 221 h 374"/>
                  <a:gd name="T122" fmla="*/ 187 w 492"/>
                  <a:gd name="T123" fmla="*/ 245 h 374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w 492"/>
                  <a:gd name="T187" fmla="*/ 0 h 374"/>
                  <a:gd name="T188" fmla="*/ 492 w 492"/>
                  <a:gd name="T189" fmla="*/ 374 h 374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T186" t="T187" r="T188" b="T189"/>
                <a:pathLst>
                  <a:path w="492" h="374">
                    <a:moveTo>
                      <a:pt x="269" y="374"/>
                    </a:moveTo>
                    <a:lnTo>
                      <a:pt x="269" y="372"/>
                    </a:lnTo>
                    <a:lnTo>
                      <a:pt x="267" y="370"/>
                    </a:lnTo>
                    <a:lnTo>
                      <a:pt x="267" y="369"/>
                    </a:lnTo>
                    <a:lnTo>
                      <a:pt x="267" y="367"/>
                    </a:lnTo>
                    <a:lnTo>
                      <a:pt x="267" y="365"/>
                    </a:lnTo>
                    <a:lnTo>
                      <a:pt x="267" y="364"/>
                    </a:lnTo>
                    <a:lnTo>
                      <a:pt x="267" y="362"/>
                    </a:lnTo>
                    <a:lnTo>
                      <a:pt x="266" y="348"/>
                    </a:lnTo>
                    <a:lnTo>
                      <a:pt x="261" y="338"/>
                    </a:lnTo>
                    <a:lnTo>
                      <a:pt x="255" y="330"/>
                    </a:lnTo>
                    <a:lnTo>
                      <a:pt x="249" y="321"/>
                    </a:lnTo>
                    <a:lnTo>
                      <a:pt x="242" y="316"/>
                    </a:lnTo>
                    <a:lnTo>
                      <a:pt x="235" y="313"/>
                    </a:lnTo>
                    <a:lnTo>
                      <a:pt x="232" y="309"/>
                    </a:lnTo>
                    <a:lnTo>
                      <a:pt x="230" y="308"/>
                    </a:lnTo>
                    <a:lnTo>
                      <a:pt x="228" y="292"/>
                    </a:lnTo>
                    <a:lnTo>
                      <a:pt x="225" y="282"/>
                    </a:lnTo>
                    <a:lnTo>
                      <a:pt x="218" y="274"/>
                    </a:lnTo>
                    <a:lnTo>
                      <a:pt x="211" y="269"/>
                    </a:lnTo>
                    <a:lnTo>
                      <a:pt x="205" y="265"/>
                    </a:lnTo>
                    <a:lnTo>
                      <a:pt x="200" y="264"/>
                    </a:lnTo>
                    <a:lnTo>
                      <a:pt x="195" y="262"/>
                    </a:lnTo>
                    <a:lnTo>
                      <a:pt x="193" y="262"/>
                    </a:lnTo>
                    <a:lnTo>
                      <a:pt x="193" y="260"/>
                    </a:lnTo>
                    <a:lnTo>
                      <a:pt x="189" y="259"/>
                    </a:lnTo>
                    <a:lnTo>
                      <a:pt x="184" y="254"/>
                    </a:lnTo>
                    <a:lnTo>
                      <a:pt x="179" y="250"/>
                    </a:lnTo>
                    <a:lnTo>
                      <a:pt x="174" y="245"/>
                    </a:lnTo>
                    <a:lnTo>
                      <a:pt x="171" y="240"/>
                    </a:lnTo>
                    <a:lnTo>
                      <a:pt x="167" y="237"/>
                    </a:lnTo>
                    <a:lnTo>
                      <a:pt x="166" y="233"/>
                    </a:lnTo>
                    <a:lnTo>
                      <a:pt x="162" y="225"/>
                    </a:lnTo>
                    <a:lnTo>
                      <a:pt x="157" y="218"/>
                    </a:lnTo>
                    <a:lnTo>
                      <a:pt x="154" y="213"/>
                    </a:lnTo>
                    <a:lnTo>
                      <a:pt x="149" y="211"/>
                    </a:lnTo>
                    <a:lnTo>
                      <a:pt x="145" y="210"/>
                    </a:lnTo>
                    <a:lnTo>
                      <a:pt x="142" y="210"/>
                    </a:lnTo>
                    <a:lnTo>
                      <a:pt x="139" y="210"/>
                    </a:lnTo>
                    <a:lnTo>
                      <a:pt x="137" y="208"/>
                    </a:lnTo>
                    <a:lnTo>
                      <a:pt x="135" y="204"/>
                    </a:lnTo>
                    <a:lnTo>
                      <a:pt x="132" y="203"/>
                    </a:lnTo>
                    <a:lnTo>
                      <a:pt x="130" y="199"/>
                    </a:lnTo>
                    <a:lnTo>
                      <a:pt x="127" y="193"/>
                    </a:lnTo>
                    <a:lnTo>
                      <a:pt x="123" y="188"/>
                    </a:lnTo>
                    <a:lnTo>
                      <a:pt x="120" y="184"/>
                    </a:lnTo>
                    <a:lnTo>
                      <a:pt x="117" y="182"/>
                    </a:lnTo>
                    <a:lnTo>
                      <a:pt x="113" y="181"/>
                    </a:lnTo>
                    <a:lnTo>
                      <a:pt x="112" y="182"/>
                    </a:lnTo>
                    <a:lnTo>
                      <a:pt x="108" y="182"/>
                    </a:lnTo>
                    <a:lnTo>
                      <a:pt x="101" y="181"/>
                    </a:lnTo>
                    <a:lnTo>
                      <a:pt x="96" y="179"/>
                    </a:lnTo>
                    <a:lnTo>
                      <a:pt x="93" y="174"/>
                    </a:lnTo>
                    <a:lnTo>
                      <a:pt x="90" y="169"/>
                    </a:lnTo>
                    <a:lnTo>
                      <a:pt x="86" y="164"/>
                    </a:lnTo>
                    <a:lnTo>
                      <a:pt x="85" y="160"/>
                    </a:lnTo>
                    <a:lnTo>
                      <a:pt x="83" y="157"/>
                    </a:lnTo>
                    <a:lnTo>
                      <a:pt x="83" y="155"/>
                    </a:lnTo>
                    <a:lnTo>
                      <a:pt x="78" y="152"/>
                    </a:lnTo>
                    <a:lnTo>
                      <a:pt x="71" y="145"/>
                    </a:lnTo>
                    <a:lnTo>
                      <a:pt x="66" y="138"/>
                    </a:lnTo>
                    <a:lnTo>
                      <a:pt x="61" y="132"/>
                    </a:lnTo>
                    <a:lnTo>
                      <a:pt x="57" y="125"/>
                    </a:lnTo>
                    <a:lnTo>
                      <a:pt x="56" y="118"/>
                    </a:lnTo>
                    <a:lnTo>
                      <a:pt x="52" y="115"/>
                    </a:lnTo>
                    <a:lnTo>
                      <a:pt x="52" y="113"/>
                    </a:lnTo>
                    <a:lnTo>
                      <a:pt x="52" y="111"/>
                    </a:lnTo>
                    <a:lnTo>
                      <a:pt x="49" y="111"/>
                    </a:lnTo>
                    <a:lnTo>
                      <a:pt x="47" y="111"/>
                    </a:lnTo>
                    <a:lnTo>
                      <a:pt x="46" y="110"/>
                    </a:lnTo>
                    <a:lnTo>
                      <a:pt x="39" y="110"/>
                    </a:lnTo>
                    <a:lnTo>
                      <a:pt x="32" y="108"/>
                    </a:lnTo>
                    <a:lnTo>
                      <a:pt x="27" y="106"/>
                    </a:lnTo>
                    <a:lnTo>
                      <a:pt x="24" y="105"/>
                    </a:lnTo>
                    <a:lnTo>
                      <a:pt x="20" y="103"/>
                    </a:lnTo>
                    <a:lnTo>
                      <a:pt x="19" y="101"/>
                    </a:lnTo>
                    <a:lnTo>
                      <a:pt x="17" y="100"/>
                    </a:lnTo>
                    <a:lnTo>
                      <a:pt x="5" y="98"/>
                    </a:lnTo>
                    <a:lnTo>
                      <a:pt x="0" y="93"/>
                    </a:lnTo>
                    <a:lnTo>
                      <a:pt x="0" y="84"/>
                    </a:lnTo>
                    <a:lnTo>
                      <a:pt x="2" y="74"/>
                    </a:lnTo>
                    <a:lnTo>
                      <a:pt x="7" y="66"/>
                    </a:lnTo>
                    <a:lnTo>
                      <a:pt x="13" y="57"/>
                    </a:lnTo>
                    <a:lnTo>
                      <a:pt x="17" y="52"/>
                    </a:lnTo>
                    <a:lnTo>
                      <a:pt x="19" y="50"/>
                    </a:lnTo>
                    <a:lnTo>
                      <a:pt x="20" y="52"/>
                    </a:lnTo>
                    <a:lnTo>
                      <a:pt x="22" y="50"/>
                    </a:lnTo>
                    <a:lnTo>
                      <a:pt x="24" y="49"/>
                    </a:lnTo>
                    <a:lnTo>
                      <a:pt x="27" y="45"/>
                    </a:lnTo>
                    <a:lnTo>
                      <a:pt x="30" y="42"/>
                    </a:lnTo>
                    <a:lnTo>
                      <a:pt x="35" y="39"/>
                    </a:lnTo>
                    <a:lnTo>
                      <a:pt x="41" y="35"/>
                    </a:lnTo>
                    <a:lnTo>
                      <a:pt x="47" y="32"/>
                    </a:lnTo>
                    <a:lnTo>
                      <a:pt x="52" y="28"/>
                    </a:lnTo>
                    <a:lnTo>
                      <a:pt x="61" y="23"/>
                    </a:lnTo>
                    <a:lnTo>
                      <a:pt x="68" y="20"/>
                    </a:lnTo>
                    <a:lnTo>
                      <a:pt x="76" y="17"/>
                    </a:lnTo>
                    <a:lnTo>
                      <a:pt x="85" y="15"/>
                    </a:lnTo>
                    <a:lnTo>
                      <a:pt x="95" y="13"/>
                    </a:lnTo>
                    <a:lnTo>
                      <a:pt x="105" y="10"/>
                    </a:lnTo>
                    <a:lnTo>
                      <a:pt x="113" y="10"/>
                    </a:lnTo>
                    <a:lnTo>
                      <a:pt x="206" y="1"/>
                    </a:lnTo>
                    <a:lnTo>
                      <a:pt x="208" y="1"/>
                    </a:lnTo>
                    <a:lnTo>
                      <a:pt x="210" y="0"/>
                    </a:lnTo>
                    <a:lnTo>
                      <a:pt x="215" y="0"/>
                    </a:lnTo>
                    <a:lnTo>
                      <a:pt x="222" y="0"/>
                    </a:lnTo>
                    <a:lnTo>
                      <a:pt x="228" y="1"/>
                    </a:lnTo>
                    <a:lnTo>
                      <a:pt x="235" y="5"/>
                    </a:lnTo>
                    <a:lnTo>
                      <a:pt x="242" y="12"/>
                    </a:lnTo>
                    <a:lnTo>
                      <a:pt x="250" y="23"/>
                    </a:lnTo>
                    <a:lnTo>
                      <a:pt x="254" y="37"/>
                    </a:lnTo>
                    <a:lnTo>
                      <a:pt x="362" y="20"/>
                    </a:lnTo>
                    <a:lnTo>
                      <a:pt x="492" y="115"/>
                    </a:lnTo>
                    <a:lnTo>
                      <a:pt x="491" y="115"/>
                    </a:lnTo>
                    <a:lnTo>
                      <a:pt x="489" y="118"/>
                    </a:lnTo>
                    <a:lnTo>
                      <a:pt x="486" y="120"/>
                    </a:lnTo>
                    <a:lnTo>
                      <a:pt x="484" y="122"/>
                    </a:lnTo>
                    <a:lnTo>
                      <a:pt x="481" y="125"/>
                    </a:lnTo>
                    <a:lnTo>
                      <a:pt x="475" y="130"/>
                    </a:lnTo>
                    <a:lnTo>
                      <a:pt x="472" y="133"/>
                    </a:lnTo>
                    <a:lnTo>
                      <a:pt x="467" y="140"/>
                    </a:lnTo>
                    <a:lnTo>
                      <a:pt x="464" y="145"/>
                    </a:lnTo>
                    <a:lnTo>
                      <a:pt x="459" y="150"/>
                    </a:lnTo>
                    <a:lnTo>
                      <a:pt x="455" y="159"/>
                    </a:lnTo>
                    <a:lnTo>
                      <a:pt x="450" y="166"/>
                    </a:lnTo>
                    <a:lnTo>
                      <a:pt x="447" y="174"/>
                    </a:lnTo>
                    <a:lnTo>
                      <a:pt x="443" y="182"/>
                    </a:lnTo>
                    <a:lnTo>
                      <a:pt x="440" y="191"/>
                    </a:lnTo>
                    <a:lnTo>
                      <a:pt x="437" y="189"/>
                    </a:lnTo>
                    <a:lnTo>
                      <a:pt x="435" y="188"/>
                    </a:lnTo>
                    <a:lnTo>
                      <a:pt x="435" y="186"/>
                    </a:lnTo>
                    <a:lnTo>
                      <a:pt x="433" y="186"/>
                    </a:lnTo>
                    <a:lnTo>
                      <a:pt x="433" y="188"/>
                    </a:lnTo>
                    <a:lnTo>
                      <a:pt x="431" y="191"/>
                    </a:lnTo>
                    <a:lnTo>
                      <a:pt x="431" y="194"/>
                    </a:lnTo>
                    <a:lnTo>
                      <a:pt x="431" y="198"/>
                    </a:lnTo>
                    <a:lnTo>
                      <a:pt x="433" y="199"/>
                    </a:lnTo>
                    <a:lnTo>
                      <a:pt x="435" y="201"/>
                    </a:lnTo>
                    <a:lnTo>
                      <a:pt x="440" y="203"/>
                    </a:lnTo>
                    <a:lnTo>
                      <a:pt x="442" y="203"/>
                    </a:lnTo>
                    <a:lnTo>
                      <a:pt x="442" y="204"/>
                    </a:lnTo>
                    <a:lnTo>
                      <a:pt x="443" y="206"/>
                    </a:lnTo>
                    <a:lnTo>
                      <a:pt x="443" y="210"/>
                    </a:lnTo>
                    <a:lnTo>
                      <a:pt x="443" y="213"/>
                    </a:lnTo>
                    <a:lnTo>
                      <a:pt x="440" y="216"/>
                    </a:lnTo>
                    <a:lnTo>
                      <a:pt x="437" y="221"/>
                    </a:lnTo>
                    <a:lnTo>
                      <a:pt x="431" y="225"/>
                    </a:lnTo>
                    <a:lnTo>
                      <a:pt x="430" y="225"/>
                    </a:lnTo>
                    <a:lnTo>
                      <a:pt x="428" y="225"/>
                    </a:lnTo>
                    <a:lnTo>
                      <a:pt x="423" y="228"/>
                    </a:lnTo>
                    <a:lnTo>
                      <a:pt x="418" y="230"/>
                    </a:lnTo>
                    <a:lnTo>
                      <a:pt x="413" y="235"/>
                    </a:lnTo>
                    <a:lnTo>
                      <a:pt x="408" y="240"/>
                    </a:lnTo>
                    <a:lnTo>
                      <a:pt x="403" y="248"/>
                    </a:lnTo>
                    <a:lnTo>
                      <a:pt x="398" y="259"/>
                    </a:lnTo>
                    <a:lnTo>
                      <a:pt x="396" y="260"/>
                    </a:lnTo>
                    <a:lnTo>
                      <a:pt x="394" y="262"/>
                    </a:lnTo>
                    <a:lnTo>
                      <a:pt x="393" y="265"/>
                    </a:lnTo>
                    <a:lnTo>
                      <a:pt x="391" y="267"/>
                    </a:lnTo>
                    <a:lnTo>
                      <a:pt x="389" y="269"/>
                    </a:lnTo>
                    <a:lnTo>
                      <a:pt x="387" y="270"/>
                    </a:lnTo>
                    <a:lnTo>
                      <a:pt x="376" y="272"/>
                    </a:lnTo>
                    <a:lnTo>
                      <a:pt x="376" y="277"/>
                    </a:lnTo>
                    <a:lnTo>
                      <a:pt x="384" y="279"/>
                    </a:lnTo>
                    <a:lnTo>
                      <a:pt x="359" y="299"/>
                    </a:lnTo>
                    <a:lnTo>
                      <a:pt x="354" y="291"/>
                    </a:lnTo>
                    <a:lnTo>
                      <a:pt x="349" y="299"/>
                    </a:lnTo>
                    <a:lnTo>
                      <a:pt x="354" y="304"/>
                    </a:lnTo>
                    <a:lnTo>
                      <a:pt x="343" y="316"/>
                    </a:lnTo>
                    <a:lnTo>
                      <a:pt x="335" y="314"/>
                    </a:lnTo>
                    <a:lnTo>
                      <a:pt x="320" y="314"/>
                    </a:lnTo>
                    <a:lnTo>
                      <a:pt x="305" y="316"/>
                    </a:lnTo>
                    <a:lnTo>
                      <a:pt x="296" y="320"/>
                    </a:lnTo>
                    <a:lnTo>
                      <a:pt x="291" y="336"/>
                    </a:lnTo>
                    <a:lnTo>
                      <a:pt x="303" y="348"/>
                    </a:lnTo>
                    <a:lnTo>
                      <a:pt x="289" y="374"/>
                    </a:lnTo>
                    <a:lnTo>
                      <a:pt x="281" y="372"/>
                    </a:lnTo>
                    <a:lnTo>
                      <a:pt x="269" y="374"/>
                    </a:lnTo>
                    <a:close/>
                  </a:path>
                </a:pathLst>
              </a:custGeom>
              <a:solidFill>
                <a:srgbClr val="0033CC"/>
              </a:solidFill>
              <a:ln w="9525">
                <a:solidFill>
                  <a:sysClr val="window" lastClr="FFFFFF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19" name="Freeform 14"/>
              <p:cNvSpPr>
                <a:spLocks/>
              </p:cNvSpPr>
              <p:nvPr/>
            </p:nvSpPr>
            <p:spPr bwMode="auto">
              <a:xfrm>
                <a:off x="4869" y="1704"/>
                <a:ext cx="76" cy="93"/>
              </a:xfrm>
              <a:custGeom>
                <a:avLst/>
                <a:gdLst>
                  <a:gd name="T0" fmla="*/ 19 w 78"/>
                  <a:gd name="T1" fmla="*/ 61 h 95"/>
                  <a:gd name="T2" fmla="*/ 16 w 78"/>
                  <a:gd name="T3" fmla="*/ 63 h 95"/>
                  <a:gd name="T4" fmla="*/ 16 w 78"/>
                  <a:gd name="T5" fmla="*/ 63 h 95"/>
                  <a:gd name="T6" fmla="*/ 16 w 78"/>
                  <a:gd name="T7" fmla="*/ 64 h 95"/>
                  <a:gd name="T8" fmla="*/ 16 w 78"/>
                  <a:gd name="T9" fmla="*/ 64 h 95"/>
                  <a:gd name="T10" fmla="*/ 16 w 78"/>
                  <a:gd name="T11" fmla="*/ 65 h 95"/>
                  <a:gd name="T12" fmla="*/ 16 w 78"/>
                  <a:gd name="T13" fmla="*/ 66 h 95"/>
                  <a:gd name="T14" fmla="*/ 16 w 78"/>
                  <a:gd name="T15" fmla="*/ 68 h 95"/>
                  <a:gd name="T16" fmla="*/ 16 w 78"/>
                  <a:gd name="T17" fmla="*/ 68 h 95"/>
                  <a:gd name="T18" fmla="*/ 17 w 78"/>
                  <a:gd name="T19" fmla="*/ 69 h 95"/>
                  <a:gd name="T20" fmla="*/ 19 w 78"/>
                  <a:gd name="T21" fmla="*/ 69 h 95"/>
                  <a:gd name="T22" fmla="*/ 19 w 78"/>
                  <a:gd name="T23" fmla="*/ 68 h 95"/>
                  <a:gd name="T24" fmla="*/ 19 w 78"/>
                  <a:gd name="T25" fmla="*/ 66 h 95"/>
                  <a:gd name="T26" fmla="*/ 22 w 78"/>
                  <a:gd name="T27" fmla="*/ 64 h 95"/>
                  <a:gd name="T28" fmla="*/ 25 w 78"/>
                  <a:gd name="T29" fmla="*/ 63 h 95"/>
                  <a:gd name="T30" fmla="*/ 27 w 78"/>
                  <a:gd name="T31" fmla="*/ 61 h 95"/>
                  <a:gd name="T32" fmla="*/ 29 w 78"/>
                  <a:gd name="T33" fmla="*/ 60 h 95"/>
                  <a:gd name="T34" fmla="*/ 30 w 78"/>
                  <a:gd name="T35" fmla="*/ 59 h 95"/>
                  <a:gd name="T36" fmla="*/ 36 w 78"/>
                  <a:gd name="T37" fmla="*/ 59 h 95"/>
                  <a:gd name="T38" fmla="*/ 36 w 78"/>
                  <a:gd name="T39" fmla="*/ 50 h 95"/>
                  <a:gd name="T40" fmla="*/ 25 w 78"/>
                  <a:gd name="T41" fmla="*/ 23 h 95"/>
                  <a:gd name="T42" fmla="*/ 34 w 78"/>
                  <a:gd name="T43" fmla="*/ 23 h 95"/>
                  <a:gd name="T44" fmla="*/ 41 w 78"/>
                  <a:gd name="T45" fmla="*/ 23 h 95"/>
                  <a:gd name="T46" fmla="*/ 44 w 78"/>
                  <a:gd name="T47" fmla="*/ 23 h 95"/>
                  <a:gd name="T48" fmla="*/ 45 w 78"/>
                  <a:gd name="T49" fmla="*/ 23 h 95"/>
                  <a:gd name="T50" fmla="*/ 45 w 78"/>
                  <a:gd name="T51" fmla="*/ 23 h 95"/>
                  <a:gd name="T52" fmla="*/ 47 w 78"/>
                  <a:gd name="T53" fmla="*/ 25 h 95"/>
                  <a:gd name="T54" fmla="*/ 48 w 78"/>
                  <a:gd name="T55" fmla="*/ 28 h 95"/>
                  <a:gd name="T56" fmla="*/ 49 w 78"/>
                  <a:gd name="T57" fmla="*/ 38 h 95"/>
                  <a:gd name="T58" fmla="*/ 51 w 78"/>
                  <a:gd name="T59" fmla="*/ 44 h 95"/>
                  <a:gd name="T60" fmla="*/ 51 w 78"/>
                  <a:gd name="T61" fmla="*/ 47 h 95"/>
                  <a:gd name="T62" fmla="*/ 52 w 78"/>
                  <a:gd name="T63" fmla="*/ 45 h 95"/>
                  <a:gd name="T64" fmla="*/ 53 w 78"/>
                  <a:gd name="T65" fmla="*/ 44 h 95"/>
                  <a:gd name="T66" fmla="*/ 53 w 78"/>
                  <a:gd name="T67" fmla="*/ 40 h 95"/>
                  <a:gd name="T68" fmla="*/ 54 w 78"/>
                  <a:gd name="T69" fmla="*/ 38 h 95"/>
                  <a:gd name="T70" fmla="*/ 54 w 78"/>
                  <a:gd name="T71" fmla="*/ 37 h 95"/>
                  <a:gd name="T72" fmla="*/ 54 w 78"/>
                  <a:gd name="T73" fmla="*/ 38 h 95"/>
                  <a:gd name="T74" fmla="*/ 53 w 78"/>
                  <a:gd name="T75" fmla="*/ 38 h 95"/>
                  <a:gd name="T76" fmla="*/ 53 w 78"/>
                  <a:gd name="T77" fmla="*/ 37 h 95"/>
                  <a:gd name="T78" fmla="*/ 53 w 78"/>
                  <a:gd name="T79" fmla="*/ 35 h 95"/>
                  <a:gd name="T80" fmla="*/ 52 w 78"/>
                  <a:gd name="T81" fmla="*/ 32 h 95"/>
                  <a:gd name="T82" fmla="*/ 51 w 78"/>
                  <a:gd name="T83" fmla="*/ 30 h 95"/>
                  <a:gd name="T84" fmla="*/ 51 w 78"/>
                  <a:gd name="T85" fmla="*/ 28 h 95"/>
                  <a:gd name="T86" fmla="*/ 51 w 78"/>
                  <a:gd name="T87" fmla="*/ 27 h 95"/>
                  <a:gd name="T88" fmla="*/ 51 w 78"/>
                  <a:gd name="T89" fmla="*/ 27 h 95"/>
                  <a:gd name="T90" fmla="*/ 48 w 78"/>
                  <a:gd name="T91" fmla="*/ 23 h 95"/>
                  <a:gd name="T92" fmla="*/ 44 w 78"/>
                  <a:gd name="T93" fmla="*/ 23 h 95"/>
                  <a:gd name="T94" fmla="*/ 37 w 78"/>
                  <a:gd name="T95" fmla="*/ 23 h 95"/>
                  <a:gd name="T96" fmla="*/ 32 w 78"/>
                  <a:gd name="T97" fmla="*/ 14 h 95"/>
                  <a:gd name="T98" fmla="*/ 25 w 78"/>
                  <a:gd name="T99" fmla="*/ 14 h 95"/>
                  <a:gd name="T100" fmla="*/ 20 w 78"/>
                  <a:gd name="T101" fmla="*/ 0 h 95"/>
                  <a:gd name="T102" fmla="*/ 0 w 78"/>
                  <a:gd name="T103" fmla="*/ 8 h 95"/>
                  <a:gd name="T104" fmla="*/ 19 w 78"/>
                  <a:gd name="T105" fmla="*/ 61 h 95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w 78"/>
                  <a:gd name="T160" fmla="*/ 0 h 95"/>
                  <a:gd name="T161" fmla="*/ 78 w 78"/>
                  <a:gd name="T162" fmla="*/ 95 h 95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T159" t="T160" r="T161" b="T162"/>
                <a:pathLst>
                  <a:path w="78" h="95">
                    <a:moveTo>
                      <a:pt x="21" y="80"/>
                    </a:moveTo>
                    <a:lnTo>
                      <a:pt x="16" y="83"/>
                    </a:lnTo>
                    <a:lnTo>
                      <a:pt x="16" y="85"/>
                    </a:lnTo>
                    <a:lnTo>
                      <a:pt x="16" y="86"/>
                    </a:lnTo>
                    <a:lnTo>
                      <a:pt x="16" y="88"/>
                    </a:lnTo>
                    <a:lnTo>
                      <a:pt x="16" y="90"/>
                    </a:lnTo>
                    <a:lnTo>
                      <a:pt x="16" y="93"/>
                    </a:lnTo>
                    <a:lnTo>
                      <a:pt x="17" y="95"/>
                    </a:lnTo>
                    <a:lnTo>
                      <a:pt x="22" y="95"/>
                    </a:lnTo>
                    <a:lnTo>
                      <a:pt x="28" y="93"/>
                    </a:lnTo>
                    <a:lnTo>
                      <a:pt x="31" y="90"/>
                    </a:lnTo>
                    <a:lnTo>
                      <a:pt x="36" y="86"/>
                    </a:lnTo>
                    <a:lnTo>
                      <a:pt x="39" y="83"/>
                    </a:lnTo>
                    <a:lnTo>
                      <a:pt x="41" y="80"/>
                    </a:lnTo>
                    <a:lnTo>
                      <a:pt x="43" y="78"/>
                    </a:lnTo>
                    <a:lnTo>
                      <a:pt x="44" y="76"/>
                    </a:lnTo>
                    <a:lnTo>
                      <a:pt x="50" y="76"/>
                    </a:lnTo>
                    <a:lnTo>
                      <a:pt x="50" y="64"/>
                    </a:lnTo>
                    <a:lnTo>
                      <a:pt x="39" y="30"/>
                    </a:lnTo>
                    <a:lnTo>
                      <a:pt x="48" y="29"/>
                    </a:lnTo>
                    <a:lnTo>
                      <a:pt x="55" y="36"/>
                    </a:lnTo>
                    <a:lnTo>
                      <a:pt x="58" y="36"/>
                    </a:lnTo>
                    <a:lnTo>
                      <a:pt x="60" y="36"/>
                    </a:lnTo>
                    <a:lnTo>
                      <a:pt x="61" y="37"/>
                    </a:lnTo>
                    <a:lnTo>
                      <a:pt x="65" y="39"/>
                    </a:lnTo>
                    <a:lnTo>
                      <a:pt x="66" y="42"/>
                    </a:lnTo>
                    <a:lnTo>
                      <a:pt x="68" y="52"/>
                    </a:lnTo>
                    <a:lnTo>
                      <a:pt x="72" y="58"/>
                    </a:lnTo>
                    <a:lnTo>
                      <a:pt x="73" y="61"/>
                    </a:lnTo>
                    <a:lnTo>
                      <a:pt x="75" y="59"/>
                    </a:lnTo>
                    <a:lnTo>
                      <a:pt x="77" y="58"/>
                    </a:lnTo>
                    <a:lnTo>
                      <a:pt x="77" y="54"/>
                    </a:lnTo>
                    <a:lnTo>
                      <a:pt x="78" y="52"/>
                    </a:lnTo>
                    <a:lnTo>
                      <a:pt x="78" y="51"/>
                    </a:lnTo>
                    <a:lnTo>
                      <a:pt x="78" y="52"/>
                    </a:lnTo>
                    <a:lnTo>
                      <a:pt x="77" y="52"/>
                    </a:lnTo>
                    <a:lnTo>
                      <a:pt x="77" y="51"/>
                    </a:lnTo>
                    <a:lnTo>
                      <a:pt x="77" y="49"/>
                    </a:lnTo>
                    <a:lnTo>
                      <a:pt x="75" y="46"/>
                    </a:lnTo>
                    <a:lnTo>
                      <a:pt x="73" y="44"/>
                    </a:lnTo>
                    <a:lnTo>
                      <a:pt x="73" y="42"/>
                    </a:lnTo>
                    <a:lnTo>
                      <a:pt x="73" y="41"/>
                    </a:lnTo>
                    <a:lnTo>
                      <a:pt x="66" y="36"/>
                    </a:lnTo>
                    <a:lnTo>
                      <a:pt x="58" y="30"/>
                    </a:lnTo>
                    <a:lnTo>
                      <a:pt x="51" y="29"/>
                    </a:lnTo>
                    <a:lnTo>
                      <a:pt x="46" y="14"/>
                    </a:lnTo>
                    <a:lnTo>
                      <a:pt x="39" y="14"/>
                    </a:lnTo>
                    <a:lnTo>
                      <a:pt x="34" y="0"/>
                    </a:lnTo>
                    <a:lnTo>
                      <a:pt x="0" y="8"/>
                    </a:lnTo>
                    <a:lnTo>
                      <a:pt x="21" y="80"/>
                    </a:lnTo>
                    <a:close/>
                  </a:path>
                </a:pathLst>
              </a:custGeom>
              <a:solidFill>
                <a:srgbClr val="00FF00"/>
              </a:solidFill>
              <a:ln w="9525">
                <a:solidFill>
                  <a:sysClr val="window" lastClr="FFFFFF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20" name="Group 15"/>
              <p:cNvGrpSpPr>
                <a:grpSpLocks/>
              </p:cNvGrpSpPr>
              <p:nvPr/>
            </p:nvGrpSpPr>
            <p:grpSpPr bwMode="auto">
              <a:xfrm>
                <a:off x="2752" y="1791"/>
                <a:ext cx="1909" cy="2193"/>
                <a:chOff x="2691" y="1840"/>
                <a:chExt cx="1909" cy="2193"/>
              </a:xfrm>
            </p:grpSpPr>
            <p:grpSp>
              <p:nvGrpSpPr>
                <p:cNvPr id="162" name="Group 16"/>
                <p:cNvGrpSpPr>
                  <a:grpSpLocks/>
                </p:cNvGrpSpPr>
                <p:nvPr/>
              </p:nvGrpSpPr>
              <p:grpSpPr bwMode="auto">
                <a:xfrm>
                  <a:off x="3537" y="3290"/>
                  <a:ext cx="873" cy="743"/>
                  <a:chOff x="3822" y="2894"/>
                  <a:chExt cx="897" cy="765"/>
                </a:xfrm>
              </p:grpSpPr>
              <p:sp>
                <p:nvSpPr>
                  <p:cNvPr id="168" name="Freeform 17"/>
                  <p:cNvSpPr>
                    <a:spLocks/>
                  </p:cNvSpPr>
                  <p:nvPr/>
                </p:nvSpPr>
                <p:spPr bwMode="auto">
                  <a:xfrm>
                    <a:off x="3822" y="2894"/>
                    <a:ext cx="890" cy="684"/>
                  </a:xfrm>
                  <a:custGeom>
                    <a:avLst/>
                    <a:gdLst>
                      <a:gd name="T0" fmla="*/ 641 w 890"/>
                      <a:gd name="T1" fmla="*/ 49 h 684"/>
                      <a:gd name="T2" fmla="*/ 641 w 890"/>
                      <a:gd name="T3" fmla="*/ 69 h 684"/>
                      <a:gd name="T4" fmla="*/ 682 w 890"/>
                      <a:gd name="T5" fmla="*/ 112 h 684"/>
                      <a:gd name="T6" fmla="*/ 717 w 890"/>
                      <a:gd name="T7" fmla="*/ 161 h 684"/>
                      <a:gd name="T8" fmla="*/ 732 w 890"/>
                      <a:gd name="T9" fmla="*/ 190 h 684"/>
                      <a:gd name="T10" fmla="*/ 721 w 890"/>
                      <a:gd name="T11" fmla="*/ 183 h 684"/>
                      <a:gd name="T12" fmla="*/ 758 w 890"/>
                      <a:gd name="T13" fmla="*/ 235 h 684"/>
                      <a:gd name="T14" fmla="*/ 773 w 890"/>
                      <a:gd name="T15" fmla="*/ 279 h 684"/>
                      <a:gd name="T16" fmla="*/ 832 w 890"/>
                      <a:gd name="T17" fmla="*/ 381 h 684"/>
                      <a:gd name="T18" fmla="*/ 856 w 890"/>
                      <a:gd name="T19" fmla="*/ 420 h 684"/>
                      <a:gd name="T20" fmla="*/ 875 w 890"/>
                      <a:gd name="T21" fmla="*/ 450 h 684"/>
                      <a:gd name="T22" fmla="*/ 888 w 890"/>
                      <a:gd name="T23" fmla="*/ 479 h 684"/>
                      <a:gd name="T24" fmla="*/ 890 w 890"/>
                      <a:gd name="T25" fmla="*/ 564 h 684"/>
                      <a:gd name="T26" fmla="*/ 876 w 890"/>
                      <a:gd name="T27" fmla="*/ 609 h 684"/>
                      <a:gd name="T28" fmla="*/ 878 w 890"/>
                      <a:gd name="T29" fmla="*/ 641 h 684"/>
                      <a:gd name="T30" fmla="*/ 842 w 890"/>
                      <a:gd name="T31" fmla="*/ 674 h 684"/>
                      <a:gd name="T32" fmla="*/ 800 w 890"/>
                      <a:gd name="T33" fmla="*/ 684 h 684"/>
                      <a:gd name="T34" fmla="*/ 798 w 890"/>
                      <a:gd name="T35" fmla="*/ 668 h 684"/>
                      <a:gd name="T36" fmla="*/ 807 w 890"/>
                      <a:gd name="T37" fmla="*/ 635 h 684"/>
                      <a:gd name="T38" fmla="*/ 797 w 890"/>
                      <a:gd name="T39" fmla="*/ 653 h 684"/>
                      <a:gd name="T40" fmla="*/ 749 w 890"/>
                      <a:gd name="T41" fmla="*/ 606 h 684"/>
                      <a:gd name="T42" fmla="*/ 714 w 890"/>
                      <a:gd name="T43" fmla="*/ 597 h 684"/>
                      <a:gd name="T44" fmla="*/ 697 w 890"/>
                      <a:gd name="T45" fmla="*/ 564 h 684"/>
                      <a:gd name="T46" fmla="*/ 661 w 890"/>
                      <a:gd name="T47" fmla="*/ 498 h 684"/>
                      <a:gd name="T48" fmla="*/ 633 w 890"/>
                      <a:gd name="T49" fmla="*/ 472 h 684"/>
                      <a:gd name="T50" fmla="*/ 631 w 890"/>
                      <a:gd name="T51" fmla="*/ 491 h 684"/>
                      <a:gd name="T52" fmla="*/ 584 w 890"/>
                      <a:gd name="T53" fmla="*/ 425 h 684"/>
                      <a:gd name="T54" fmla="*/ 587 w 890"/>
                      <a:gd name="T55" fmla="*/ 408 h 684"/>
                      <a:gd name="T56" fmla="*/ 578 w 890"/>
                      <a:gd name="T57" fmla="*/ 359 h 684"/>
                      <a:gd name="T58" fmla="*/ 575 w 890"/>
                      <a:gd name="T59" fmla="*/ 399 h 684"/>
                      <a:gd name="T60" fmla="*/ 556 w 890"/>
                      <a:gd name="T61" fmla="*/ 374 h 684"/>
                      <a:gd name="T62" fmla="*/ 562 w 890"/>
                      <a:gd name="T63" fmla="*/ 316 h 684"/>
                      <a:gd name="T64" fmla="*/ 560 w 890"/>
                      <a:gd name="T65" fmla="*/ 267 h 684"/>
                      <a:gd name="T66" fmla="*/ 555 w 890"/>
                      <a:gd name="T67" fmla="*/ 247 h 684"/>
                      <a:gd name="T68" fmla="*/ 521 w 890"/>
                      <a:gd name="T69" fmla="*/ 222 h 684"/>
                      <a:gd name="T70" fmla="*/ 467 w 890"/>
                      <a:gd name="T71" fmla="*/ 179 h 684"/>
                      <a:gd name="T72" fmla="*/ 424 w 890"/>
                      <a:gd name="T73" fmla="*/ 139 h 684"/>
                      <a:gd name="T74" fmla="*/ 355 w 890"/>
                      <a:gd name="T75" fmla="*/ 132 h 684"/>
                      <a:gd name="T76" fmla="*/ 320 w 890"/>
                      <a:gd name="T77" fmla="*/ 164 h 684"/>
                      <a:gd name="T78" fmla="*/ 308 w 890"/>
                      <a:gd name="T79" fmla="*/ 168 h 684"/>
                      <a:gd name="T80" fmla="*/ 277 w 890"/>
                      <a:gd name="T81" fmla="*/ 181 h 684"/>
                      <a:gd name="T82" fmla="*/ 245 w 890"/>
                      <a:gd name="T83" fmla="*/ 179 h 684"/>
                      <a:gd name="T84" fmla="*/ 238 w 890"/>
                      <a:gd name="T85" fmla="*/ 142 h 684"/>
                      <a:gd name="T86" fmla="*/ 206 w 890"/>
                      <a:gd name="T87" fmla="*/ 125 h 684"/>
                      <a:gd name="T88" fmla="*/ 172 w 890"/>
                      <a:gd name="T89" fmla="*/ 118 h 684"/>
                      <a:gd name="T90" fmla="*/ 127 w 890"/>
                      <a:gd name="T91" fmla="*/ 113 h 684"/>
                      <a:gd name="T92" fmla="*/ 157 w 890"/>
                      <a:gd name="T93" fmla="*/ 110 h 684"/>
                      <a:gd name="T94" fmla="*/ 101 w 890"/>
                      <a:gd name="T95" fmla="*/ 113 h 684"/>
                      <a:gd name="T96" fmla="*/ 52 w 890"/>
                      <a:gd name="T97" fmla="*/ 125 h 684"/>
                      <a:gd name="T98" fmla="*/ 67 w 890"/>
                      <a:gd name="T99" fmla="*/ 105 h 684"/>
                      <a:gd name="T100" fmla="*/ 51 w 890"/>
                      <a:gd name="T101" fmla="*/ 113 h 684"/>
                      <a:gd name="T102" fmla="*/ 22 w 890"/>
                      <a:gd name="T103" fmla="*/ 137 h 684"/>
                      <a:gd name="T104" fmla="*/ 23 w 890"/>
                      <a:gd name="T105" fmla="*/ 117 h 684"/>
                      <a:gd name="T106" fmla="*/ 25 w 890"/>
                      <a:gd name="T107" fmla="*/ 93 h 684"/>
                      <a:gd name="T108" fmla="*/ 572 w 890"/>
                      <a:gd name="T109" fmla="*/ 37 h 684"/>
                      <a:gd name="T110" fmla="*/ 594 w 890"/>
                      <a:gd name="T111" fmla="*/ 30 h 684"/>
                      <a:gd name="T112" fmla="*/ 616 w 890"/>
                      <a:gd name="T113" fmla="*/ 5 h 684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60000 65536"/>
                      <a:gd name="T169" fmla="*/ 0 60000 65536"/>
                      <a:gd name="T170" fmla="*/ 0 60000 65536"/>
                      <a:gd name="T171" fmla="*/ 0 w 890"/>
                      <a:gd name="T172" fmla="*/ 0 h 684"/>
                      <a:gd name="T173" fmla="*/ 890 w 890"/>
                      <a:gd name="T174" fmla="*/ 684 h 684"/>
                    </a:gdLst>
                    <a:ahLst/>
                    <a:cxnLst>
                      <a:cxn ang="T114">
                        <a:pos x="T0" y="T1"/>
                      </a:cxn>
                      <a:cxn ang="T115">
                        <a:pos x="T2" y="T3"/>
                      </a:cxn>
                      <a:cxn ang="T116">
                        <a:pos x="T4" y="T5"/>
                      </a:cxn>
                      <a:cxn ang="T117">
                        <a:pos x="T6" y="T7"/>
                      </a:cxn>
                      <a:cxn ang="T118">
                        <a:pos x="T8" y="T9"/>
                      </a:cxn>
                      <a:cxn ang="T119">
                        <a:pos x="T10" y="T11"/>
                      </a:cxn>
                      <a:cxn ang="T120">
                        <a:pos x="T12" y="T13"/>
                      </a:cxn>
                      <a:cxn ang="T121">
                        <a:pos x="T14" y="T15"/>
                      </a:cxn>
                      <a:cxn ang="T122">
                        <a:pos x="T16" y="T17"/>
                      </a:cxn>
                      <a:cxn ang="T123">
                        <a:pos x="T18" y="T19"/>
                      </a:cxn>
                      <a:cxn ang="T124">
                        <a:pos x="T20" y="T21"/>
                      </a:cxn>
                      <a:cxn ang="T125">
                        <a:pos x="T22" y="T23"/>
                      </a:cxn>
                      <a:cxn ang="T126">
                        <a:pos x="T24" y="T25"/>
                      </a:cxn>
                      <a:cxn ang="T127">
                        <a:pos x="T26" y="T27"/>
                      </a:cxn>
                      <a:cxn ang="T128">
                        <a:pos x="T28" y="T29"/>
                      </a:cxn>
                      <a:cxn ang="T129">
                        <a:pos x="T30" y="T31"/>
                      </a:cxn>
                      <a:cxn ang="T130">
                        <a:pos x="T32" y="T33"/>
                      </a:cxn>
                      <a:cxn ang="T131">
                        <a:pos x="T34" y="T35"/>
                      </a:cxn>
                      <a:cxn ang="T132">
                        <a:pos x="T36" y="T37"/>
                      </a:cxn>
                      <a:cxn ang="T133">
                        <a:pos x="T38" y="T39"/>
                      </a:cxn>
                      <a:cxn ang="T134">
                        <a:pos x="T40" y="T41"/>
                      </a:cxn>
                      <a:cxn ang="T135">
                        <a:pos x="T42" y="T43"/>
                      </a:cxn>
                      <a:cxn ang="T136">
                        <a:pos x="T44" y="T45"/>
                      </a:cxn>
                      <a:cxn ang="T137">
                        <a:pos x="T46" y="T47"/>
                      </a:cxn>
                      <a:cxn ang="T138">
                        <a:pos x="T48" y="T49"/>
                      </a:cxn>
                      <a:cxn ang="T139">
                        <a:pos x="T50" y="T51"/>
                      </a:cxn>
                      <a:cxn ang="T140">
                        <a:pos x="T52" y="T53"/>
                      </a:cxn>
                      <a:cxn ang="T141">
                        <a:pos x="T54" y="T55"/>
                      </a:cxn>
                      <a:cxn ang="T142">
                        <a:pos x="T56" y="T57"/>
                      </a:cxn>
                      <a:cxn ang="T143">
                        <a:pos x="T58" y="T59"/>
                      </a:cxn>
                      <a:cxn ang="T144">
                        <a:pos x="T60" y="T61"/>
                      </a:cxn>
                      <a:cxn ang="T145">
                        <a:pos x="T62" y="T63"/>
                      </a:cxn>
                      <a:cxn ang="T146">
                        <a:pos x="T64" y="T65"/>
                      </a:cxn>
                      <a:cxn ang="T147">
                        <a:pos x="T66" y="T67"/>
                      </a:cxn>
                      <a:cxn ang="T148">
                        <a:pos x="T68" y="T69"/>
                      </a:cxn>
                      <a:cxn ang="T149">
                        <a:pos x="T70" y="T71"/>
                      </a:cxn>
                      <a:cxn ang="T150">
                        <a:pos x="T72" y="T73"/>
                      </a:cxn>
                      <a:cxn ang="T151">
                        <a:pos x="T74" y="T75"/>
                      </a:cxn>
                      <a:cxn ang="T152">
                        <a:pos x="T76" y="T77"/>
                      </a:cxn>
                      <a:cxn ang="T153">
                        <a:pos x="T78" y="T79"/>
                      </a:cxn>
                      <a:cxn ang="T154">
                        <a:pos x="T80" y="T81"/>
                      </a:cxn>
                      <a:cxn ang="T155">
                        <a:pos x="T82" y="T83"/>
                      </a:cxn>
                      <a:cxn ang="T156">
                        <a:pos x="T84" y="T85"/>
                      </a:cxn>
                      <a:cxn ang="T157">
                        <a:pos x="T86" y="T87"/>
                      </a:cxn>
                      <a:cxn ang="T158">
                        <a:pos x="T88" y="T89"/>
                      </a:cxn>
                      <a:cxn ang="T159">
                        <a:pos x="T90" y="T91"/>
                      </a:cxn>
                      <a:cxn ang="T160">
                        <a:pos x="T92" y="T93"/>
                      </a:cxn>
                      <a:cxn ang="T161">
                        <a:pos x="T94" y="T95"/>
                      </a:cxn>
                      <a:cxn ang="T162">
                        <a:pos x="T96" y="T97"/>
                      </a:cxn>
                      <a:cxn ang="T163">
                        <a:pos x="T98" y="T99"/>
                      </a:cxn>
                      <a:cxn ang="T164">
                        <a:pos x="T100" y="T101"/>
                      </a:cxn>
                      <a:cxn ang="T165">
                        <a:pos x="T102" y="T103"/>
                      </a:cxn>
                      <a:cxn ang="T166">
                        <a:pos x="T104" y="T105"/>
                      </a:cxn>
                      <a:cxn ang="T167">
                        <a:pos x="T106" y="T107"/>
                      </a:cxn>
                      <a:cxn ang="T168">
                        <a:pos x="T108" y="T109"/>
                      </a:cxn>
                      <a:cxn ang="T169">
                        <a:pos x="T110" y="T111"/>
                      </a:cxn>
                      <a:cxn ang="T170">
                        <a:pos x="T112" y="T113"/>
                      </a:cxn>
                    </a:cxnLst>
                    <a:rect l="T171" t="T172" r="T173" b="T174"/>
                    <a:pathLst>
                      <a:path w="890" h="684">
                        <a:moveTo>
                          <a:pt x="650" y="14"/>
                        </a:moveTo>
                        <a:lnTo>
                          <a:pt x="650" y="32"/>
                        </a:lnTo>
                        <a:lnTo>
                          <a:pt x="655" y="32"/>
                        </a:lnTo>
                        <a:lnTo>
                          <a:pt x="656" y="42"/>
                        </a:lnTo>
                        <a:lnTo>
                          <a:pt x="655" y="42"/>
                        </a:lnTo>
                        <a:lnTo>
                          <a:pt x="653" y="44"/>
                        </a:lnTo>
                        <a:lnTo>
                          <a:pt x="651" y="44"/>
                        </a:lnTo>
                        <a:lnTo>
                          <a:pt x="648" y="46"/>
                        </a:lnTo>
                        <a:lnTo>
                          <a:pt x="643" y="46"/>
                        </a:lnTo>
                        <a:lnTo>
                          <a:pt x="641" y="49"/>
                        </a:lnTo>
                        <a:lnTo>
                          <a:pt x="638" y="52"/>
                        </a:lnTo>
                        <a:lnTo>
                          <a:pt x="636" y="58"/>
                        </a:lnTo>
                        <a:lnTo>
                          <a:pt x="636" y="63"/>
                        </a:lnTo>
                        <a:lnTo>
                          <a:pt x="636" y="68"/>
                        </a:lnTo>
                        <a:lnTo>
                          <a:pt x="636" y="69"/>
                        </a:lnTo>
                        <a:lnTo>
                          <a:pt x="636" y="71"/>
                        </a:lnTo>
                        <a:lnTo>
                          <a:pt x="638" y="71"/>
                        </a:lnTo>
                        <a:lnTo>
                          <a:pt x="641" y="71"/>
                        </a:lnTo>
                        <a:lnTo>
                          <a:pt x="641" y="69"/>
                        </a:lnTo>
                        <a:lnTo>
                          <a:pt x="643" y="61"/>
                        </a:lnTo>
                        <a:lnTo>
                          <a:pt x="644" y="54"/>
                        </a:lnTo>
                        <a:lnTo>
                          <a:pt x="648" y="51"/>
                        </a:lnTo>
                        <a:lnTo>
                          <a:pt x="651" y="47"/>
                        </a:lnTo>
                        <a:lnTo>
                          <a:pt x="656" y="47"/>
                        </a:lnTo>
                        <a:lnTo>
                          <a:pt x="660" y="47"/>
                        </a:lnTo>
                        <a:lnTo>
                          <a:pt x="661" y="47"/>
                        </a:lnTo>
                        <a:lnTo>
                          <a:pt x="663" y="49"/>
                        </a:lnTo>
                        <a:lnTo>
                          <a:pt x="683" y="95"/>
                        </a:lnTo>
                        <a:lnTo>
                          <a:pt x="682" y="112"/>
                        </a:lnTo>
                        <a:lnTo>
                          <a:pt x="692" y="132"/>
                        </a:lnTo>
                        <a:lnTo>
                          <a:pt x="697" y="127"/>
                        </a:lnTo>
                        <a:lnTo>
                          <a:pt x="699" y="129"/>
                        </a:lnTo>
                        <a:lnTo>
                          <a:pt x="700" y="132"/>
                        </a:lnTo>
                        <a:lnTo>
                          <a:pt x="704" y="137"/>
                        </a:lnTo>
                        <a:lnTo>
                          <a:pt x="707" y="144"/>
                        </a:lnTo>
                        <a:lnTo>
                          <a:pt x="710" y="149"/>
                        </a:lnTo>
                        <a:lnTo>
                          <a:pt x="714" y="154"/>
                        </a:lnTo>
                        <a:lnTo>
                          <a:pt x="716" y="159"/>
                        </a:lnTo>
                        <a:lnTo>
                          <a:pt x="717" y="161"/>
                        </a:lnTo>
                        <a:lnTo>
                          <a:pt x="726" y="174"/>
                        </a:lnTo>
                        <a:lnTo>
                          <a:pt x="732" y="184"/>
                        </a:lnTo>
                        <a:lnTo>
                          <a:pt x="738" y="191"/>
                        </a:lnTo>
                        <a:lnTo>
                          <a:pt x="741" y="196"/>
                        </a:lnTo>
                        <a:lnTo>
                          <a:pt x="741" y="200"/>
                        </a:lnTo>
                        <a:lnTo>
                          <a:pt x="738" y="196"/>
                        </a:lnTo>
                        <a:lnTo>
                          <a:pt x="736" y="193"/>
                        </a:lnTo>
                        <a:lnTo>
                          <a:pt x="732" y="190"/>
                        </a:lnTo>
                        <a:lnTo>
                          <a:pt x="729" y="186"/>
                        </a:lnTo>
                        <a:lnTo>
                          <a:pt x="726" y="181"/>
                        </a:lnTo>
                        <a:lnTo>
                          <a:pt x="722" y="178"/>
                        </a:lnTo>
                        <a:lnTo>
                          <a:pt x="721" y="174"/>
                        </a:lnTo>
                        <a:lnTo>
                          <a:pt x="719" y="173"/>
                        </a:lnTo>
                        <a:lnTo>
                          <a:pt x="714" y="174"/>
                        </a:lnTo>
                        <a:lnTo>
                          <a:pt x="716" y="174"/>
                        </a:lnTo>
                        <a:lnTo>
                          <a:pt x="717" y="178"/>
                        </a:lnTo>
                        <a:lnTo>
                          <a:pt x="721" y="183"/>
                        </a:lnTo>
                        <a:lnTo>
                          <a:pt x="724" y="188"/>
                        </a:lnTo>
                        <a:lnTo>
                          <a:pt x="729" y="195"/>
                        </a:lnTo>
                        <a:lnTo>
                          <a:pt x="732" y="200"/>
                        </a:lnTo>
                        <a:lnTo>
                          <a:pt x="734" y="203"/>
                        </a:lnTo>
                        <a:lnTo>
                          <a:pt x="736" y="205"/>
                        </a:lnTo>
                        <a:lnTo>
                          <a:pt x="748" y="217"/>
                        </a:lnTo>
                        <a:lnTo>
                          <a:pt x="754" y="225"/>
                        </a:lnTo>
                        <a:lnTo>
                          <a:pt x="760" y="232"/>
                        </a:lnTo>
                        <a:lnTo>
                          <a:pt x="760" y="235"/>
                        </a:lnTo>
                        <a:lnTo>
                          <a:pt x="758" y="235"/>
                        </a:lnTo>
                        <a:lnTo>
                          <a:pt x="756" y="235"/>
                        </a:lnTo>
                        <a:lnTo>
                          <a:pt x="754" y="235"/>
                        </a:lnTo>
                        <a:lnTo>
                          <a:pt x="753" y="235"/>
                        </a:lnTo>
                        <a:lnTo>
                          <a:pt x="754" y="235"/>
                        </a:lnTo>
                        <a:lnTo>
                          <a:pt x="760" y="250"/>
                        </a:lnTo>
                        <a:lnTo>
                          <a:pt x="766" y="266"/>
                        </a:lnTo>
                        <a:lnTo>
                          <a:pt x="773" y="279"/>
                        </a:lnTo>
                        <a:lnTo>
                          <a:pt x="780" y="293"/>
                        </a:lnTo>
                        <a:lnTo>
                          <a:pt x="787" y="305"/>
                        </a:lnTo>
                        <a:lnTo>
                          <a:pt x="793" y="318"/>
                        </a:lnTo>
                        <a:lnTo>
                          <a:pt x="800" y="328"/>
                        </a:lnTo>
                        <a:lnTo>
                          <a:pt x="805" y="338"/>
                        </a:lnTo>
                        <a:lnTo>
                          <a:pt x="812" y="349"/>
                        </a:lnTo>
                        <a:lnTo>
                          <a:pt x="817" y="357"/>
                        </a:lnTo>
                        <a:lnTo>
                          <a:pt x="822" y="366"/>
                        </a:lnTo>
                        <a:lnTo>
                          <a:pt x="827" y="374"/>
                        </a:lnTo>
                        <a:lnTo>
                          <a:pt x="832" y="381"/>
                        </a:lnTo>
                        <a:lnTo>
                          <a:pt x="836" y="386"/>
                        </a:lnTo>
                        <a:lnTo>
                          <a:pt x="837" y="391"/>
                        </a:lnTo>
                        <a:lnTo>
                          <a:pt x="839" y="394"/>
                        </a:lnTo>
                        <a:lnTo>
                          <a:pt x="842" y="398"/>
                        </a:lnTo>
                        <a:lnTo>
                          <a:pt x="846" y="403"/>
                        </a:lnTo>
                        <a:lnTo>
                          <a:pt x="849" y="406"/>
                        </a:lnTo>
                        <a:lnTo>
                          <a:pt x="851" y="411"/>
                        </a:lnTo>
                        <a:lnTo>
                          <a:pt x="853" y="415"/>
                        </a:lnTo>
                        <a:lnTo>
                          <a:pt x="854" y="418"/>
                        </a:lnTo>
                        <a:lnTo>
                          <a:pt x="856" y="420"/>
                        </a:lnTo>
                        <a:lnTo>
                          <a:pt x="858" y="420"/>
                        </a:lnTo>
                        <a:lnTo>
                          <a:pt x="863" y="425"/>
                        </a:lnTo>
                        <a:lnTo>
                          <a:pt x="868" y="428"/>
                        </a:lnTo>
                        <a:lnTo>
                          <a:pt x="870" y="432"/>
                        </a:lnTo>
                        <a:lnTo>
                          <a:pt x="871" y="435"/>
                        </a:lnTo>
                        <a:lnTo>
                          <a:pt x="871" y="438"/>
                        </a:lnTo>
                        <a:lnTo>
                          <a:pt x="870" y="442"/>
                        </a:lnTo>
                        <a:lnTo>
                          <a:pt x="870" y="443"/>
                        </a:lnTo>
                        <a:lnTo>
                          <a:pt x="870" y="445"/>
                        </a:lnTo>
                        <a:lnTo>
                          <a:pt x="875" y="450"/>
                        </a:lnTo>
                        <a:lnTo>
                          <a:pt x="878" y="454"/>
                        </a:lnTo>
                        <a:lnTo>
                          <a:pt x="880" y="457"/>
                        </a:lnTo>
                        <a:lnTo>
                          <a:pt x="880" y="460"/>
                        </a:lnTo>
                        <a:lnTo>
                          <a:pt x="880" y="462"/>
                        </a:lnTo>
                        <a:lnTo>
                          <a:pt x="880" y="464"/>
                        </a:lnTo>
                        <a:lnTo>
                          <a:pt x="878" y="464"/>
                        </a:lnTo>
                        <a:lnTo>
                          <a:pt x="888" y="474"/>
                        </a:lnTo>
                        <a:lnTo>
                          <a:pt x="888" y="476"/>
                        </a:lnTo>
                        <a:lnTo>
                          <a:pt x="888" y="479"/>
                        </a:lnTo>
                        <a:lnTo>
                          <a:pt x="890" y="484"/>
                        </a:lnTo>
                        <a:lnTo>
                          <a:pt x="890" y="491"/>
                        </a:lnTo>
                        <a:lnTo>
                          <a:pt x="890" y="498"/>
                        </a:lnTo>
                        <a:lnTo>
                          <a:pt x="890" y="508"/>
                        </a:lnTo>
                        <a:lnTo>
                          <a:pt x="890" y="518"/>
                        </a:lnTo>
                        <a:lnTo>
                          <a:pt x="890" y="526"/>
                        </a:lnTo>
                        <a:lnTo>
                          <a:pt x="890" y="536"/>
                        </a:lnTo>
                        <a:lnTo>
                          <a:pt x="890" y="547"/>
                        </a:lnTo>
                        <a:lnTo>
                          <a:pt x="890" y="555"/>
                        </a:lnTo>
                        <a:lnTo>
                          <a:pt x="890" y="564"/>
                        </a:lnTo>
                        <a:lnTo>
                          <a:pt x="890" y="570"/>
                        </a:lnTo>
                        <a:lnTo>
                          <a:pt x="890" y="575"/>
                        </a:lnTo>
                        <a:lnTo>
                          <a:pt x="890" y="580"/>
                        </a:lnTo>
                        <a:lnTo>
                          <a:pt x="886" y="586"/>
                        </a:lnTo>
                        <a:lnTo>
                          <a:pt x="883" y="589"/>
                        </a:lnTo>
                        <a:lnTo>
                          <a:pt x="881" y="594"/>
                        </a:lnTo>
                        <a:lnTo>
                          <a:pt x="880" y="599"/>
                        </a:lnTo>
                        <a:lnTo>
                          <a:pt x="878" y="604"/>
                        </a:lnTo>
                        <a:lnTo>
                          <a:pt x="876" y="609"/>
                        </a:lnTo>
                        <a:lnTo>
                          <a:pt x="876" y="614"/>
                        </a:lnTo>
                        <a:lnTo>
                          <a:pt x="876" y="619"/>
                        </a:lnTo>
                        <a:lnTo>
                          <a:pt x="876" y="623"/>
                        </a:lnTo>
                        <a:lnTo>
                          <a:pt x="876" y="628"/>
                        </a:lnTo>
                        <a:lnTo>
                          <a:pt x="876" y="631"/>
                        </a:lnTo>
                        <a:lnTo>
                          <a:pt x="876" y="635"/>
                        </a:lnTo>
                        <a:lnTo>
                          <a:pt x="876" y="638"/>
                        </a:lnTo>
                        <a:lnTo>
                          <a:pt x="876" y="640"/>
                        </a:lnTo>
                        <a:lnTo>
                          <a:pt x="878" y="641"/>
                        </a:lnTo>
                        <a:lnTo>
                          <a:pt x="876" y="650"/>
                        </a:lnTo>
                        <a:lnTo>
                          <a:pt x="875" y="657"/>
                        </a:lnTo>
                        <a:lnTo>
                          <a:pt x="871" y="660"/>
                        </a:lnTo>
                        <a:lnTo>
                          <a:pt x="868" y="662"/>
                        </a:lnTo>
                        <a:lnTo>
                          <a:pt x="864" y="663"/>
                        </a:lnTo>
                        <a:lnTo>
                          <a:pt x="861" y="663"/>
                        </a:lnTo>
                        <a:lnTo>
                          <a:pt x="858" y="663"/>
                        </a:lnTo>
                        <a:lnTo>
                          <a:pt x="856" y="663"/>
                        </a:lnTo>
                        <a:lnTo>
                          <a:pt x="849" y="668"/>
                        </a:lnTo>
                        <a:lnTo>
                          <a:pt x="842" y="674"/>
                        </a:lnTo>
                        <a:lnTo>
                          <a:pt x="837" y="675"/>
                        </a:lnTo>
                        <a:lnTo>
                          <a:pt x="834" y="675"/>
                        </a:lnTo>
                        <a:lnTo>
                          <a:pt x="831" y="675"/>
                        </a:lnTo>
                        <a:lnTo>
                          <a:pt x="827" y="674"/>
                        </a:lnTo>
                        <a:lnTo>
                          <a:pt x="826" y="674"/>
                        </a:lnTo>
                        <a:lnTo>
                          <a:pt x="817" y="680"/>
                        </a:lnTo>
                        <a:lnTo>
                          <a:pt x="810" y="684"/>
                        </a:lnTo>
                        <a:lnTo>
                          <a:pt x="805" y="684"/>
                        </a:lnTo>
                        <a:lnTo>
                          <a:pt x="800" y="684"/>
                        </a:lnTo>
                        <a:lnTo>
                          <a:pt x="797" y="684"/>
                        </a:lnTo>
                        <a:lnTo>
                          <a:pt x="793" y="680"/>
                        </a:lnTo>
                        <a:lnTo>
                          <a:pt x="792" y="680"/>
                        </a:lnTo>
                        <a:lnTo>
                          <a:pt x="792" y="679"/>
                        </a:lnTo>
                        <a:lnTo>
                          <a:pt x="787" y="670"/>
                        </a:lnTo>
                        <a:lnTo>
                          <a:pt x="787" y="667"/>
                        </a:lnTo>
                        <a:lnTo>
                          <a:pt x="788" y="663"/>
                        </a:lnTo>
                        <a:lnTo>
                          <a:pt x="790" y="665"/>
                        </a:lnTo>
                        <a:lnTo>
                          <a:pt x="795" y="667"/>
                        </a:lnTo>
                        <a:lnTo>
                          <a:pt x="798" y="668"/>
                        </a:lnTo>
                        <a:lnTo>
                          <a:pt x="802" y="670"/>
                        </a:lnTo>
                        <a:lnTo>
                          <a:pt x="802" y="672"/>
                        </a:lnTo>
                        <a:lnTo>
                          <a:pt x="820" y="665"/>
                        </a:lnTo>
                        <a:lnTo>
                          <a:pt x="810" y="653"/>
                        </a:lnTo>
                        <a:lnTo>
                          <a:pt x="812" y="652"/>
                        </a:lnTo>
                        <a:lnTo>
                          <a:pt x="814" y="650"/>
                        </a:lnTo>
                        <a:lnTo>
                          <a:pt x="815" y="648"/>
                        </a:lnTo>
                        <a:lnTo>
                          <a:pt x="810" y="640"/>
                        </a:lnTo>
                        <a:lnTo>
                          <a:pt x="807" y="635"/>
                        </a:lnTo>
                        <a:lnTo>
                          <a:pt x="804" y="633"/>
                        </a:lnTo>
                        <a:lnTo>
                          <a:pt x="802" y="631"/>
                        </a:lnTo>
                        <a:lnTo>
                          <a:pt x="800" y="633"/>
                        </a:lnTo>
                        <a:lnTo>
                          <a:pt x="798" y="635"/>
                        </a:lnTo>
                        <a:lnTo>
                          <a:pt x="798" y="636"/>
                        </a:lnTo>
                        <a:lnTo>
                          <a:pt x="798" y="638"/>
                        </a:lnTo>
                        <a:lnTo>
                          <a:pt x="802" y="645"/>
                        </a:lnTo>
                        <a:lnTo>
                          <a:pt x="802" y="650"/>
                        </a:lnTo>
                        <a:lnTo>
                          <a:pt x="800" y="652"/>
                        </a:lnTo>
                        <a:lnTo>
                          <a:pt x="797" y="653"/>
                        </a:lnTo>
                        <a:lnTo>
                          <a:pt x="793" y="653"/>
                        </a:lnTo>
                        <a:lnTo>
                          <a:pt x="790" y="653"/>
                        </a:lnTo>
                        <a:lnTo>
                          <a:pt x="788" y="652"/>
                        </a:lnTo>
                        <a:lnTo>
                          <a:pt x="787" y="652"/>
                        </a:lnTo>
                        <a:lnTo>
                          <a:pt x="780" y="640"/>
                        </a:lnTo>
                        <a:lnTo>
                          <a:pt x="775" y="630"/>
                        </a:lnTo>
                        <a:lnTo>
                          <a:pt x="768" y="621"/>
                        </a:lnTo>
                        <a:lnTo>
                          <a:pt x="763" y="614"/>
                        </a:lnTo>
                        <a:lnTo>
                          <a:pt x="756" y="609"/>
                        </a:lnTo>
                        <a:lnTo>
                          <a:pt x="749" y="606"/>
                        </a:lnTo>
                        <a:lnTo>
                          <a:pt x="744" y="602"/>
                        </a:lnTo>
                        <a:lnTo>
                          <a:pt x="739" y="599"/>
                        </a:lnTo>
                        <a:lnTo>
                          <a:pt x="734" y="597"/>
                        </a:lnTo>
                        <a:lnTo>
                          <a:pt x="729" y="597"/>
                        </a:lnTo>
                        <a:lnTo>
                          <a:pt x="724" y="597"/>
                        </a:lnTo>
                        <a:lnTo>
                          <a:pt x="721" y="597"/>
                        </a:lnTo>
                        <a:lnTo>
                          <a:pt x="719" y="597"/>
                        </a:lnTo>
                        <a:lnTo>
                          <a:pt x="716" y="597"/>
                        </a:lnTo>
                        <a:lnTo>
                          <a:pt x="714" y="597"/>
                        </a:lnTo>
                        <a:lnTo>
                          <a:pt x="714" y="599"/>
                        </a:lnTo>
                        <a:lnTo>
                          <a:pt x="712" y="597"/>
                        </a:lnTo>
                        <a:lnTo>
                          <a:pt x="710" y="594"/>
                        </a:lnTo>
                        <a:lnTo>
                          <a:pt x="707" y="592"/>
                        </a:lnTo>
                        <a:lnTo>
                          <a:pt x="705" y="589"/>
                        </a:lnTo>
                        <a:lnTo>
                          <a:pt x="704" y="586"/>
                        </a:lnTo>
                        <a:lnTo>
                          <a:pt x="702" y="584"/>
                        </a:lnTo>
                        <a:lnTo>
                          <a:pt x="700" y="580"/>
                        </a:lnTo>
                        <a:lnTo>
                          <a:pt x="697" y="564"/>
                        </a:lnTo>
                        <a:lnTo>
                          <a:pt x="692" y="550"/>
                        </a:lnTo>
                        <a:lnTo>
                          <a:pt x="687" y="542"/>
                        </a:lnTo>
                        <a:lnTo>
                          <a:pt x="683" y="536"/>
                        </a:lnTo>
                        <a:lnTo>
                          <a:pt x="680" y="535"/>
                        </a:lnTo>
                        <a:lnTo>
                          <a:pt x="677" y="535"/>
                        </a:lnTo>
                        <a:lnTo>
                          <a:pt x="675" y="535"/>
                        </a:lnTo>
                        <a:lnTo>
                          <a:pt x="666" y="526"/>
                        </a:lnTo>
                        <a:lnTo>
                          <a:pt x="661" y="514"/>
                        </a:lnTo>
                        <a:lnTo>
                          <a:pt x="661" y="498"/>
                        </a:lnTo>
                        <a:lnTo>
                          <a:pt x="653" y="486"/>
                        </a:lnTo>
                        <a:lnTo>
                          <a:pt x="661" y="472"/>
                        </a:lnTo>
                        <a:lnTo>
                          <a:pt x="646" y="481"/>
                        </a:lnTo>
                        <a:lnTo>
                          <a:pt x="646" y="479"/>
                        </a:lnTo>
                        <a:lnTo>
                          <a:pt x="644" y="479"/>
                        </a:lnTo>
                        <a:lnTo>
                          <a:pt x="641" y="477"/>
                        </a:lnTo>
                        <a:lnTo>
                          <a:pt x="639" y="476"/>
                        </a:lnTo>
                        <a:lnTo>
                          <a:pt x="636" y="474"/>
                        </a:lnTo>
                        <a:lnTo>
                          <a:pt x="634" y="474"/>
                        </a:lnTo>
                        <a:lnTo>
                          <a:pt x="633" y="472"/>
                        </a:lnTo>
                        <a:lnTo>
                          <a:pt x="633" y="474"/>
                        </a:lnTo>
                        <a:lnTo>
                          <a:pt x="638" y="482"/>
                        </a:lnTo>
                        <a:lnTo>
                          <a:pt x="643" y="489"/>
                        </a:lnTo>
                        <a:lnTo>
                          <a:pt x="644" y="494"/>
                        </a:lnTo>
                        <a:lnTo>
                          <a:pt x="644" y="498"/>
                        </a:lnTo>
                        <a:lnTo>
                          <a:pt x="643" y="498"/>
                        </a:lnTo>
                        <a:lnTo>
                          <a:pt x="641" y="498"/>
                        </a:lnTo>
                        <a:lnTo>
                          <a:pt x="638" y="496"/>
                        </a:lnTo>
                        <a:lnTo>
                          <a:pt x="636" y="494"/>
                        </a:lnTo>
                        <a:lnTo>
                          <a:pt x="631" y="491"/>
                        </a:lnTo>
                        <a:lnTo>
                          <a:pt x="628" y="487"/>
                        </a:lnTo>
                        <a:lnTo>
                          <a:pt x="622" y="484"/>
                        </a:lnTo>
                        <a:lnTo>
                          <a:pt x="619" y="481"/>
                        </a:lnTo>
                        <a:lnTo>
                          <a:pt x="616" y="477"/>
                        </a:lnTo>
                        <a:lnTo>
                          <a:pt x="612" y="474"/>
                        </a:lnTo>
                        <a:lnTo>
                          <a:pt x="611" y="472"/>
                        </a:lnTo>
                        <a:lnTo>
                          <a:pt x="607" y="457"/>
                        </a:lnTo>
                        <a:lnTo>
                          <a:pt x="582" y="425"/>
                        </a:lnTo>
                        <a:lnTo>
                          <a:pt x="584" y="425"/>
                        </a:lnTo>
                        <a:lnTo>
                          <a:pt x="585" y="423"/>
                        </a:lnTo>
                        <a:lnTo>
                          <a:pt x="587" y="423"/>
                        </a:lnTo>
                        <a:lnTo>
                          <a:pt x="589" y="421"/>
                        </a:lnTo>
                        <a:lnTo>
                          <a:pt x="590" y="421"/>
                        </a:lnTo>
                        <a:lnTo>
                          <a:pt x="592" y="420"/>
                        </a:lnTo>
                        <a:lnTo>
                          <a:pt x="594" y="420"/>
                        </a:lnTo>
                        <a:lnTo>
                          <a:pt x="589" y="418"/>
                        </a:lnTo>
                        <a:lnTo>
                          <a:pt x="587" y="413"/>
                        </a:lnTo>
                        <a:lnTo>
                          <a:pt x="587" y="408"/>
                        </a:lnTo>
                        <a:lnTo>
                          <a:pt x="587" y="401"/>
                        </a:lnTo>
                        <a:lnTo>
                          <a:pt x="589" y="394"/>
                        </a:lnTo>
                        <a:lnTo>
                          <a:pt x="590" y="388"/>
                        </a:lnTo>
                        <a:lnTo>
                          <a:pt x="590" y="382"/>
                        </a:lnTo>
                        <a:lnTo>
                          <a:pt x="590" y="379"/>
                        </a:lnTo>
                        <a:lnTo>
                          <a:pt x="587" y="371"/>
                        </a:lnTo>
                        <a:lnTo>
                          <a:pt x="585" y="364"/>
                        </a:lnTo>
                        <a:lnTo>
                          <a:pt x="582" y="360"/>
                        </a:lnTo>
                        <a:lnTo>
                          <a:pt x="580" y="359"/>
                        </a:lnTo>
                        <a:lnTo>
                          <a:pt x="578" y="359"/>
                        </a:lnTo>
                        <a:lnTo>
                          <a:pt x="577" y="360"/>
                        </a:lnTo>
                        <a:lnTo>
                          <a:pt x="577" y="364"/>
                        </a:lnTo>
                        <a:lnTo>
                          <a:pt x="575" y="367"/>
                        </a:lnTo>
                        <a:lnTo>
                          <a:pt x="575" y="372"/>
                        </a:lnTo>
                        <a:lnTo>
                          <a:pt x="575" y="377"/>
                        </a:lnTo>
                        <a:lnTo>
                          <a:pt x="575" y="382"/>
                        </a:lnTo>
                        <a:lnTo>
                          <a:pt x="575" y="388"/>
                        </a:lnTo>
                        <a:lnTo>
                          <a:pt x="575" y="393"/>
                        </a:lnTo>
                        <a:lnTo>
                          <a:pt x="575" y="396"/>
                        </a:lnTo>
                        <a:lnTo>
                          <a:pt x="575" y="399"/>
                        </a:lnTo>
                        <a:lnTo>
                          <a:pt x="572" y="398"/>
                        </a:lnTo>
                        <a:lnTo>
                          <a:pt x="568" y="394"/>
                        </a:lnTo>
                        <a:lnTo>
                          <a:pt x="565" y="391"/>
                        </a:lnTo>
                        <a:lnTo>
                          <a:pt x="560" y="388"/>
                        </a:lnTo>
                        <a:lnTo>
                          <a:pt x="558" y="384"/>
                        </a:lnTo>
                        <a:lnTo>
                          <a:pt x="555" y="382"/>
                        </a:lnTo>
                        <a:lnTo>
                          <a:pt x="555" y="381"/>
                        </a:lnTo>
                        <a:lnTo>
                          <a:pt x="556" y="374"/>
                        </a:lnTo>
                        <a:lnTo>
                          <a:pt x="558" y="366"/>
                        </a:lnTo>
                        <a:lnTo>
                          <a:pt x="558" y="359"/>
                        </a:lnTo>
                        <a:lnTo>
                          <a:pt x="558" y="352"/>
                        </a:lnTo>
                        <a:lnTo>
                          <a:pt x="556" y="345"/>
                        </a:lnTo>
                        <a:lnTo>
                          <a:pt x="556" y="340"/>
                        </a:lnTo>
                        <a:lnTo>
                          <a:pt x="555" y="337"/>
                        </a:lnTo>
                        <a:lnTo>
                          <a:pt x="555" y="335"/>
                        </a:lnTo>
                        <a:lnTo>
                          <a:pt x="558" y="328"/>
                        </a:lnTo>
                        <a:lnTo>
                          <a:pt x="560" y="323"/>
                        </a:lnTo>
                        <a:lnTo>
                          <a:pt x="562" y="316"/>
                        </a:lnTo>
                        <a:lnTo>
                          <a:pt x="562" y="311"/>
                        </a:lnTo>
                        <a:lnTo>
                          <a:pt x="563" y="305"/>
                        </a:lnTo>
                        <a:lnTo>
                          <a:pt x="563" y="300"/>
                        </a:lnTo>
                        <a:lnTo>
                          <a:pt x="563" y="293"/>
                        </a:lnTo>
                        <a:lnTo>
                          <a:pt x="563" y="288"/>
                        </a:lnTo>
                        <a:lnTo>
                          <a:pt x="562" y="283"/>
                        </a:lnTo>
                        <a:lnTo>
                          <a:pt x="562" y="278"/>
                        </a:lnTo>
                        <a:lnTo>
                          <a:pt x="560" y="274"/>
                        </a:lnTo>
                        <a:lnTo>
                          <a:pt x="560" y="269"/>
                        </a:lnTo>
                        <a:lnTo>
                          <a:pt x="560" y="267"/>
                        </a:lnTo>
                        <a:lnTo>
                          <a:pt x="558" y="264"/>
                        </a:lnTo>
                        <a:lnTo>
                          <a:pt x="558" y="262"/>
                        </a:lnTo>
                        <a:lnTo>
                          <a:pt x="558" y="261"/>
                        </a:lnTo>
                        <a:lnTo>
                          <a:pt x="558" y="257"/>
                        </a:lnTo>
                        <a:lnTo>
                          <a:pt x="558" y="256"/>
                        </a:lnTo>
                        <a:lnTo>
                          <a:pt x="556" y="252"/>
                        </a:lnTo>
                        <a:lnTo>
                          <a:pt x="556" y="249"/>
                        </a:lnTo>
                        <a:lnTo>
                          <a:pt x="555" y="247"/>
                        </a:lnTo>
                        <a:lnTo>
                          <a:pt x="551" y="245"/>
                        </a:lnTo>
                        <a:lnTo>
                          <a:pt x="548" y="242"/>
                        </a:lnTo>
                        <a:lnTo>
                          <a:pt x="545" y="239"/>
                        </a:lnTo>
                        <a:lnTo>
                          <a:pt x="541" y="232"/>
                        </a:lnTo>
                        <a:lnTo>
                          <a:pt x="538" y="227"/>
                        </a:lnTo>
                        <a:lnTo>
                          <a:pt x="534" y="223"/>
                        </a:lnTo>
                        <a:lnTo>
                          <a:pt x="533" y="220"/>
                        </a:lnTo>
                        <a:lnTo>
                          <a:pt x="533" y="218"/>
                        </a:lnTo>
                        <a:lnTo>
                          <a:pt x="521" y="222"/>
                        </a:lnTo>
                        <a:lnTo>
                          <a:pt x="514" y="222"/>
                        </a:lnTo>
                        <a:lnTo>
                          <a:pt x="509" y="222"/>
                        </a:lnTo>
                        <a:lnTo>
                          <a:pt x="507" y="220"/>
                        </a:lnTo>
                        <a:lnTo>
                          <a:pt x="506" y="217"/>
                        </a:lnTo>
                        <a:lnTo>
                          <a:pt x="506" y="215"/>
                        </a:lnTo>
                        <a:lnTo>
                          <a:pt x="507" y="215"/>
                        </a:lnTo>
                        <a:lnTo>
                          <a:pt x="507" y="213"/>
                        </a:lnTo>
                        <a:lnTo>
                          <a:pt x="497" y="206"/>
                        </a:lnTo>
                        <a:lnTo>
                          <a:pt x="484" y="191"/>
                        </a:lnTo>
                        <a:lnTo>
                          <a:pt x="467" y="179"/>
                        </a:lnTo>
                        <a:lnTo>
                          <a:pt x="465" y="179"/>
                        </a:lnTo>
                        <a:lnTo>
                          <a:pt x="463" y="176"/>
                        </a:lnTo>
                        <a:lnTo>
                          <a:pt x="458" y="173"/>
                        </a:lnTo>
                        <a:lnTo>
                          <a:pt x="455" y="168"/>
                        </a:lnTo>
                        <a:lnTo>
                          <a:pt x="450" y="162"/>
                        </a:lnTo>
                        <a:lnTo>
                          <a:pt x="446" y="157"/>
                        </a:lnTo>
                        <a:lnTo>
                          <a:pt x="445" y="154"/>
                        </a:lnTo>
                        <a:lnTo>
                          <a:pt x="443" y="152"/>
                        </a:lnTo>
                        <a:lnTo>
                          <a:pt x="433" y="144"/>
                        </a:lnTo>
                        <a:lnTo>
                          <a:pt x="424" y="139"/>
                        </a:lnTo>
                        <a:lnTo>
                          <a:pt x="418" y="132"/>
                        </a:lnTo>
                        <a:lnTo>
                          <a:pt x="411" y="129"/>
                        </a:lnTo>
                        <a:lnTo>
                          <a:pt x="404" y="125"/>
                        </a:lnTo>
                        <a:lnTo>
                          <a:pt x="399" y="124"/>
                        </a:lnTo>
                        <a:lnTo>
                          <a:pt x="396" y="124"/>
                        </a:lnTo>
                        <a:lnTo>
                          <a:pt x="394" y="122"/>
                        </a:lnTo>
                        <a:lnTo>
                          <a:pt x="377" y="122"/>
                        </a:lnTo>
                        <a:lnTo>
                          <a:pt x="367" y="122"/>
                        </a:lnTo>
                        <a:lnTo>
                          <a:pt x="360" y="127"/>
                        </a:lnTo>
                        <a:lnTo>
                          <a:pt x="355" y="132"/>
                        </a:lnTo>
                        <a:lnTo>
                          <a:pt x="355" y="139"/>
                        </a:lnTo>
                        <a:lnTo>
                          <a:pt x="355" y="144"/>
                        </a:lnTo>
                        <a:lnTo>
                          <a:pt x="357" y="147"/>
                        </a:lnTo>
                        <a:lnTo>
                          <a:pt x="357" y="149"/>
                        </a:lnTo>
                        <a:lnTo>
                          <a:pt x="350" y="147"/>
                        </a:lnTo>
                        <a:lnTo>
                          <a:pt x="342" y="149"/>
                        </a:lnTo>
                        <a:lnTo>
                          <a:pt x="335" y="152"/>
                        </a:lnTo>
                        <a:lnTo>
                          <a:pt x="330" y="156"/>
                        </a:lnTo>
                        <a:lnTo>
                          <a:pt x="325" y="161"/>
                        </a:lnTo>
                        <a:lnTo>
                          <a:pt x="320" y="164"/>
                        </a:lnTo>
                        <a:lnTo>
                          <a:pt x="316" y="168"/>
                        </a:lnTo>
                        <a:lnTo>
                          <a:pt x="316" y="169"/>
                        </a:lnTo>
                        <a:lnTo>
                          <a:pt x="309" y="176"/>
                        </a:lnTo>
                        <a:lnTo>
                          <a:pt x="306" y="178"/>
                        </a:lnTo>
                        <a:lnTo>
                          <a:pt x="304" y="178"/>
                        </a:lnTo>
                        <a:lnTo>
                          <a:pt x="304" y="176"/>
                        </a:lnTo>
                        <a:lnTo>
                          <a:pt x="304" y="174"/>
                        </a:lnTo>
                        <a:lnTo>
                          <a:pt x="306" y="171"/>
                        </a:lnTo>
                        <a:lnTo>
                          <a:pt x="308" y="169"/>
                        </a:lnTo>
                        <a:lnTo>
                          <a:pt x="308" y="168"/>
                        </a:lnTo>
                        <a:lnTo>
                          <a:pt x="306" y="168"/>
                        </a:lnTo>
                        <a:lnTo>
                          <a:pt x="306" y="169"/>
                        </a:lnTo>
                        <a:lnTo>
                          <a:pt x="303" y="173"/>
                        </a:lnTo>
                        <a:lnTo>
                          <a:pt x="299" y="174"/>
                        </a:lnTo>
                        <a:lnTo>
                          <a:pt x="298" y="178"/>
                        </a:lnTo>
                        <a:lnTo>
                          <a:pt x="294" y="179"/>
                        </a:lnTo>
                        <a:lnTo>
                          <a:pt x="293" y="181"/>
                        </a:lnTo>
                        <a:lnTo>
                          <a:pt x="291" y="183"/>
                        </a:lnTo>
                        <a:lnTo>
                          <a:pt x="284" y="181"/>
                        </a:lnTo>
                        <a:lnTo>
                          <a:pt x="277" y="181"/>
                        </a:lnTo>
                        <a:lnTo>
                          <a:pt x="271" y="183"/>
                        </a:lnTo>
                        <a:lnTo>
                          <a:pt x="265" y="186"/>
                        </a:lnTo>
                        <a:lnTo>
                          <a:pt x="260" y="188"/>
                        </a:lnTo>
                        <a:lnTo>
                          <a:pt x="257" y="190"/>
                        </a:lnTo>
                        <a:lnTo>
                          <a:pt x="254" y="191"/>
                        </a:lnTo>
                        <a:lnTo>
                          <a:pt x="247" y="184"/>
                        </a:lnTo>
                        <a:lnTo>
                          <a:pt x="243" y="179"/>
                        </a:lnTo>
                        <a:lnTo>
                          <a:pt x="245" y="179"/>
                        </a:lnTo>
                        <a:lnTo>
                          <a:pt x="249" y="181"/>
                        </a:lnTo>
                        <a:lnTo>
                          <a:pt x="252" y="184"/>
                        </a:lnTo>
                        <a:lnTo>
                          <a:pt x="255" y="186"/>
                        </a:lnTo>
                        <a:lnTo>
                          <a:pt x="257" y="186"/>
                        </a:lnTo>
                        <a:lnTo>
                          <a:pt x="257" y="176"/>
                        </a:lnTo>
                        <a:lnTo>
                          <a:pt x="247" y="162"/>
                        </a:lnTo>
                        <a:lnTo>
                          <a:pt x="218" y="140"/>
                        </a:lnTo>
                        <a:lnTo>
                          <a:pt x="232" y="142"/>
                        </a:lnTo>
                        <a:lnTo>
                          <a:pt x="238" y="144"/>
                        </a:lnTo>
                        <a:lnTo>
                          <a:pt x="238" y="142"/>
                        </a:lnTo>
                        <a:lnTo>
                          <a:pt x="235" y="140"/>
                        </a:lnTo>
                        <a:lnTo>
                          <a:pt x="230" y="137"/>
                        </a:lnTo>
                        <a:lnTo>
                          <a:pt x="223" y="135"/>
                        </a:lnTo>
                        <a:lnTo>
                          <a:pt x="218" y="132"/>
                        </a:lnTo>
                        <a:lnTo>
                          <a:pt x="216" y="132"/>
                        </a:lnTo>
                        <a:lnTo>
                          <a:pt x="223" y="117"/>
                        </a:lnTo>
                        <a:lnTo>
                          <a:pt x="205" y="120"/>
                        </a:lnTo>
                        <a:lnTo>
                          <a:pt x="205" y="122"/>
                        </a:lnTo>
                        <a:lnTo>
                          <a:pt x="206" y="125"/>
                        </a:lnTo>
                        <a:lnTo>
                          <a:pt x="206" y="127"/>
                        </a:lnTo>
                        <a:lnTo>
                          <a:pt x="206" y="130"/>
                        </a:lnTo>
                        <a:lnTo>
                          <a:pt x="208" y="134"/>
                        </a:lnTo>
                        <a:lnTo>
                          <a:pt x="208" y="135"/>
                        </a:lnTo>
                        <a:lnTo>
                          <a:pt x="201" y="130"/>
                        </a:lnTo>
                        <a:lnTo>
                          <a:pt x="193" y="127"/>
                        </a:lnTo>
                        <a:lnTo>
                          <a:pt x="186" y="124"/>
                        </a:lnTo>
                        <a:lnTo>
                          <a:pt x="179" y="122"/>
                        </a:lnTo>
                        <a:lnTo>
                          <a:pt x="172" y="118"/>
                        </a:lnTo>
                        <a:lnTo>
                          <a:pt x="164" y="117"/>
                        </a:lnTo>
                        <a:lnTo>
                          <a:pt x="159" y="115"/>
                        </a:lnTo>
                        <a:lnTo>
                          <a:pt x="152" y="115"/>
                        </a:lnTo>
                        <a:lnTo>
                          <a:pt x="147" y="113"/>
                        </a:lnTo>
                        <a:lnTo>
                          <a:pt x="142" y="113"/>
                        </a:lnTo>
                        <a:lnTo>
                          <a:pt x="137" y="113"/>
                        </a:lnTo>
                        <a:lnTo>
                          <a:pt x="133" y="113"/>
                        </a:lnTo>
                        <a:lnTo>
                          <a:pt x="130" y="113"/>
                        </a:lnTo>
                        <a:lnTo>
                          <a:pt x="128" y="113"/>
                        </a:lnTo>
                        <a:lnTo>
                          <a:pt x="127" y="113"/>
                        </a:lnTo>
                        <a:lnTo>
                          <a:pt x="128" y="113"/>
                        </a:lnTo>
                        <a:lnTo>
                          <a:pt x="130" y="112"/>
                        </a:lnTo>
                        <a:lnTo>
                          <a:pt x="133" y="112"/>
                        </a:lnTo>
                        <a:lnTo>
                          <a:pt x="137" y="112"/>
                        </a:lnTo>
                        <a:lnTo>
                          <a:pt x="140" y="110"/>
                        </a:lnTo>
                        <a:lnTo>
                          <a:pt x="142" y="110"/>
                        </a:lnTo>
                        <a:lnTo>
                          <a:pt x="144" y="110"/>
                        </a:lnTo>
                        <a:lnTo>
                          <a:pt x="157" y="110"/>
                        </a:lnTo>
                        <a:lnTo>
                          <a:pt x="164" y="108"/>
                        </a:lnTo>
                        <a:lnTo>
                          <a:pt x="162" y="105"/>
                        </a:lnTo>
                        <a:lnTo>
                          <a:pt x="155" y="105"/>
                        </a:lnTo>
                        <a:lnTo>
                          <a:pt x="149" y="103"/>
                        </a:lnTo>
                        <a:lnTo>
                          <a:pt x="145" y="102"/>
                        </a:lnTo>
                        <a:lnTo>
                          <a:pt x="142" y="102"/>
                        </a:lnTo>
                        <a:lnTo>
                          <a:pt x="111" y="108"/>
                        </a:lnTo>
                        <a:lnTo>
                          <a:pt x="101" y="113"/>
                        </a:lnTo>
                        <a:lnTo>
                          <a:pt x="98" y="115"/>
                        </a:lnTo>
                        <a:lnTo>
                          <a:pt x="95" y="115"/>
                        </a:lnTo>
                        <a:lnTo>
                          <a:pt x="89" y="115"/>
                        </a:lnTo>
                        <a:lnTo>
                          <a:pt x="86" y="115"/>
                        </a:lnTo>
                        <a:lnTo>
                          <a:pt x="81" y="115"/>
                        </a:lnTo>
                        <a:lnTo>
                          <a:pt x="79" y="117"/>
                        </a:lnTo>
                        <a:lnTo>
                          <a:pt x="78" y="117"/>
                        </a:lnTo>
                        <a:lnTo>
                          <a:pt x="64" y="122"/>
                        </a:lnTo>
                        <a:lnTo>
                          <a:pt x="56" y="125"/>
                        </a:lnTo>
                        <a:lnTo>
                          <a:pt x="52" y="125"/>
                        </a:lnTo>
                        <a:lnTo>
                          <a:pt x="54" y="124"/>
                        </a:lnTo>
                        <a:lnTo>
                          <a:pt x="57" y="122"/>
                        </a:lnTo>
                        <a:lnTo>
                          <a:pt x="62" y="118"/>
                        </a:lnTo>
                        <a:lnTo>
                          <a:pt x="66" y="117"/>
                        </a:lnTo>
                        <a:lnTo>
                          <a:pt x="67" y="115"/>
                        </a:lnTo>
                        <a:lnTo>
                          <a:pt x="73" y="110"/>
                        </a:lnTo>
                        <a:lnTo>
                          <a:pt x="74" y="107"/>
                        </a:lnTo>
                        <a:lnTo>
                          <a:pt x="74" y="105"/>
                        </a:lnTo>
                        <a:lnTo>
                          <a:pt x="71" y="105"/>
                        </a:lnTo>
                        <a:lnTo>
                          <a:pt x="67" y="105"/>
                        </a:lnTo>
                        <a:lnTo>
                          <a:pt x="64" y="107"/>
                        </a:lnTo>
                        <a:lnTo>
                          <a:pt x="61" y="107"/>
                        </a:lnTo>
                        <a:lnTo>
                          <a:pt x="59" y="107"/>
                        </a:lnTo>
                        <a:lnTo>
                          <a:pt x="51" y="100"/>
                        </a:lnTo>
                        <a:lnTo>
                          <a:pt x="45" y="96"/>
                        </a:lnTo>
                        <a:lnTo>
                          <a:pt x="44" y="98"/>
                        </a:lnTo>
                        <a:lnTo>
                          <a:pt x="44" y="102"/>
                        </a:lnTo>
                        <a:lnTo>
                          <a:pt x="45" y="105"/>
                        </a:lnTo>
                        <a:lnTo>
                          <a:pt x="49" y="110"/>
                        </a:lnTo>
                        <a:lnTo>
                          <a:pt x="51" y="113"/>
                        </a:lnTo>
                        <a:lnTo>
                          <a:pt x="51" y="115"/>
                        </a:lnTo>
                        <a:lnTo>
                          <a:pt x="44" y="122"/>
                        </a:lnTo>
                        <a:lnTo>
                          <a:pt x="37" y="130"/>
                        </a:lnTo>
                        <a:lnTo>
                          <a:pt x="35" y="132"/>
                        </a:lnTo>
                        <a:lnTo>
                          <a:pt x="32" y="132"/>
                        </a:lnTo>
                        <a:lnTo>
                          <a:pt x="29" y="134"/>
                        </a:lnTo>
                        <a:lnTo>
                          <a:pt x="27" y="135"/>
                        </a:lnTo>
                        <a:lnTo>
                          <a:pt x="23" y="137"/>
                        </a:lnTo>
                        <a:lnTo>
                          <a:pt x="22" y="137"/>
                        </a:lnTo>
                        <a:lnTo>
                          <a:pt x="27" y="130"/>
                        </a:lnTo>
                        <a:lnTo>
                          <a:pt x="29" y="127"/>
                        </a:lnTo>
                        <a:lnTo>
                          <a:pt x="30" y="122"/>
                        </a:lnTo>
                        <a:lnTo>
                          <a:pt x="29" y="120"/>
                        </a:lnTo>
                        <a:lnTo>
                          <a:pt x="27" y="117"/>
                        </a:lnTo>
                        <a:lnTo>
                          <a:pt x="25" y="117"/>
                        </a:lnTo>
                        <a:lnTo>
                          <a:pt x="23" y="115"/>
                        </a:lnTo>
                        <a:lnTo>
                          <a:pt x="23" y="117"/>
                        </a:lnTo>
                        <a:lnTo>
                          <a:pt x="23" y="115"/>
                        </a:lnTo>
                        <a:lnTo>
                          <a:pt x="23" y="113"/>
                        </a:lnTo>
                        <a:lnTo>
                          <a:pt x="23" y="112"/>
                        </a:lnTo>
                        <a:lnTo>
                          <a:pt x="22" y="108"/>
                        </a:lnTo>
                        <a:lnTo>
                          <a:pt x="22" y="107"/>
                        </a:lnTo>
                        <a:lnTo>
                          <a:pt x="22" y="105"/>
                        </a:lnTo>
                        <a:lnTo>
                          <a:pt x="25" y="100"/>
                        </a:lnTo>
                        <a:lnTo>
                          <a:pt x="25" y="93"/>
                        </a:lnTo>
                        <a:lnTo>
                          <a:pt x="22" y="88"/>
                        </a:lnTo>
                        <a:lnTo>
                          <a:pt x="17" y="83"/>
                        </a:lnTo>
                        <a:lnTo>
                          <a:pt x="12" y="80"/>
                        </a:lnTo>
                        <a:lnTo>
                          <a:pt x="7" y="74"/>
                        </a:lnTo>
                        <a:lnTo>
                          <a:pt x="3" y="73"/>
                        </a:lnTo>
                        <a:lnTo>
                          <a:pt x="1" y="73"/>
                        </a:lnTo>
                        <a:lnTo>
                          <a:pt x="0" y="51"/>
                        </a:lnTo>
                        <a:lnTo>
                          <a:pt x="276" y="24"/>
                        </a:lnTo>
                        <a:lnTo>
                          <a:pt x="293" y="56"/>
                        </a:lnTo>
                        <a:lnTo>
                          <a:pt x="572" y="37"/>
                        </a:lnTo>
                        <a:lnTo>
                          <a:pt x="582" y="59"/>
                        </a:lnTo>
                        <a:lnTo>
                          <a:pt x="597" y="59"/>
                        </a:lnTo>
                        <a:lnTo>
                          <a:pt x="597" y="58"/>
                        </a:lnTo>
                        <a:lnTo>
                          <a:pt x="595" y="54"/>
                        </a:lnTo>
                        <a:lnTo>
                          <a:pt x="595" y="51"/>
                        </a:lnTo>
                        <a:lnTo>
                          <a:pt x="595" y="46"/>
                        </a:lnTo>
                        <a:lnTo>
                          <a:pt x="594" y="41"/>
                        </a:lnTo>
                        <a:lnTo>
                          <a:pt x="594" y="36"/>
                        </a:lnTo>
                        <a:lnTo>
                          <a:pt x="594" y="32"/>
                        </a:lnTo>
                        <a:lnTo>
                          <a:pt x="594" y="30"/>
                        </a:lnTo>
                        <a:lnTo>
                          <a:pt x="589" y="22"/>
                        </a:lnTo>
                        <a:lnTo>
                          <a:pt x="589" y="14"/>
                        </a:lnTo>
                        <a:lnTo>
                          <a:pt x="589" y="8"/>
                        </a:lnTo>
                        <a:lnTo>
                          <a:pt x="592" y="5"/>
                        </a:lnTo>
                        <a:lnTo>
                          <a:pt x="595" y="2"/>
                        </a:lnTo>
                        <a:lnTo>
                          <a:pt x="597" y="0"/>
                        </a:lnTo>
                        <a:lnTo>
                          <a:pt x="600" y="0"/>
                        </a:lnTo>
                        <a:lnTo>
                          <a:pt x="602" y="0"/>
                        </a:lnTo>
                        <a:lnTo>
                          <a:pt x="607" y="3"/>
                        </a:lnTo>
                        <a:lnTo>
                          <a:pt x="616" y="5"/>
                        </a:lnTo>
                        <a:lnTo>
                          <a:pt x="622" y="7"/>
                        </a:lnTo>
                        <a:lnTo>
                          <a:pt x="629" y="8"/>
                        </a:lnTo>
                        <a:lnTo>
                          <a:pt x="636" y="8"/>
                        </a:lnTo>
                        <a:lnTo>
                          <a:pt x="639" y="8"/>
                        </a:lnTo>
                        <a:lnTo>
                          <a:pt x="643" y="8"/>
                        </a:lnTo>
                        <a:lnTo>
                          <a:pt x="644" y="8"/>
                        </a:lnTo>
                        <a:lnTo>
                          <a:pt x="650" y="14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69" name="Freeform 18"/>
                  <p:cNvSpPr>
                    <a:spLocks/>
                  </p:cNvSpPr>
                  <p:nvPr/>
                </p:nvSpPr>
                <p:spPr bwMode="auto">
                  <a:xfrm>
                    <a:off x="3822" y="2894"/>
                    <a:ext cx="890" cy="684"/>
                  </a:xfrm>
                  <a:custGeom>
                    <a:avLst/>
                    <a:gdLst>
                      <a:gd name="T0" fmla="*/ 648 w 890"/>
                      <a:gd name="T1" fmla="*/ 46 h 684"/>
                      <a:gd name="T2" fmla="*/ 636 w 890"/>
                      <a:gd name="T3" fmla="*/ 71 h 684"/>
                      <a:gd name="T4" fmla="*/ 660 w 890"/>
                      <a:gd name="T5" fmla="*/ 47 h 684"/>
                      <a:gd name="T6" fmla="*/ 704 w 890"/>
                      <a:gd name="T7" fmla="*/ 137 h 684"/>
                      <a:gd name="T8" fmla="*/ 741 w 890"/>
                      <a:gd name="T9" fmla="*/ 196 h 684"/>
                      <a:gd name="T10" fmla="*/ 721 w 890"/>
                      <a:gd name="T11" fmla="*/ 174 h 684"/>
                      <a:gd name="T12" fmla="*/ 732 w 890"/>
                      <a:gd name="T13" fmla="*/ 200 h 684"/>
                      <a:gd name="T14" fmla="*/ 754 w 890"/>
                      <a:gd name="T15" fmla="*/ 235 h 684"/>
                      <a:gd name="T16" fmla="*/ 773 w 890"/>
                      <a:gd name="T17" fmla="*/ 279 h 684"/>
                      <a:gd name="T18" fmla="*/ 832 w 890"/>
                      <a:gd name="T19" fmla="*/ 381 h 684"/>
                      <a:gd name="T20" fmla="*/ 854 w 890"/>
                      <a:gd name="T21" fmla="*/ 418 h 684"/>
                      <a:gd name="T22" fmla="*/ 870 w 890"/>
                      <a:gd name="T23" fmla="*/ 443 h 684"/>
                      <a:gd name="T24" fmla="*/ 878 w 890"/>
                      <a:gd name="T25" fmla="*/ 464 h 684"/>
                      <a:gd name="T26" fmla="*/ 890 w 890"/>
                      <a:gd name="T27" fmla="*/ 526 h 684"/>
                      <a:gd name="T28" fmla="*/ 886 w 890"/>
                      <a:gd name="T29" fmla="*/ 586 h 684"/>
                      <a:gd name="T30" fmla="*/ 876 w 890"/>
                      <a:gd name="T31" fmla="*/ 631 h 684"/>
                      <a:gd name="T32" fmla="*/ 868 w 890"/>
                      <a:gd name="T33" fmla="*/ 662 h 684"/>
                      <a:gd name="T34" fmla="*/ 831 w 890"/>
                      <a:gd name="T35" fmla="*/ 675 h 684"/>
                      <a:gd name="T36" fmla="*/ 793 w 890"/>
                      <a:gd name="T37" fmla="*/ 680 h 684"/>
                      <a:gd name="T38" fmla="*/ 802 w 890"/>
                      <a:gd name="T39" fmla="*/ 670 h 684"/>
                      <a:gd name="T40" fmla="*/ 810 w 890"/>
                      <a:gd name="T41" fmla="*/ 640 h 684"/>
                      <a:gd name="T42" fmla="*/ 802 w 890"/>
                      <a:gd name="T43" fmla="*/ 650 h 684"/>
                      <a:gd name="T44" fmla="*/ 768 w 890"/>
                      <a:gd name="T45" fmla="*/ 621 h 684"/>
                      <a:gd name="T46" fmla="*/ 719 w 890"/>
                      <a:gd name="T47" fmla="*/ 597 h 684"/>
                      <a:gd name="T48" fmla="*/ 705 w 890"/>
                      <a:gd name="T49" fmla="*/ 589 h 684"/>
                      <a:gd name="T50" fmla="*/ 677 w 890"/>
                      <a:gd name="T51" fmla="*/ 535 h 684"/>
                      <a:gd name="T52" fmla="*/ 646 w 890"/>
                      <a:gd name="T53" fmla="*/ 479 h 684"/>
                      <a:gd name="T54" fmla="*/ 643 w 890"/>
                      <a:gd name="T55" fmla="*/ 489 h 684"/>
                      <a:gd name="T56" fmla="*/ 619 w 890"/>
                      <a:gd name="T57" fmla="*/ 481 h 684"/>
                      <a:gd name="T58" fmla="*/ 587 w 890"/>
                      <a:gd name="T59" fmla="*/ 423 h 684"/>
                      <a:gd name="T60" fmla="*/ 587 w 890"/>
                      <a:gd name="T61" fmla="*/ 401 h 684"/>
                      <a:gd name="T62" fmla="*/ 578 w 890"/>
                      <a:gd name="T63" fmla="*/ 359 h 684"/>
                      <a:gd name="T64" fmla="*/ 575 w 890"/>
                      <a:gd name="T65" fmla="*/ 399 h 684"/>
                      <a:gd name="T66" fmla="*/ 555 w 890"/>
                      <a:gd name="T67" fmla="*/ 381 h 684"/>
                      <a:gd name="T68" fmla="*/ 555 w 890"/>
                      <a:gd name="T69" fmla="*/ 335 h 684"/>
                      <a:gd name="T70" fmla="*/ 562 w 890"/>
                      <a:gd name="T71" fmla="*/ 278 h 684"/>
                      <a:gd name="T72" fmla="*/ 558 w 890"/>
                      <a:gd name="T73" fmla="*/ 257 h 684"/>
                      <a:gd name="T74" fmla="*/ 541 w 890"/>
                      <a:gd name="T75" fmla="*/ 232 h 684"/>
                      <a:gd name="T76" fmla="*/ 506 w 890"/>
                      <a:gd name="T77" fmla="*/ 217 h 684"/>
                      <a:gd name="T78" fmla="*/ 458 w 890"/>
                      <a:gd name="T79" fmla="*/ 173 h 684"/>
                      <a:gd name="T80" fmla="*/ 411 w 890"/>
                      <a:gd name="T81" fmla="*/ 129 h 684"/>
                      <a:gd name="T82" fmla="*/ 355 w 890"/>
                      <a:gd name="T83" fmla="*/ 139 h 684"/>
                      <a:gd name="T84" fmla="*/ 320 w 890"/>
                      <a:gd name="T85" fmla="*/ 164 h 684"/>
                      <a:gd name="T86" fmla="*/ 308 w 890"/>
                      <a:gd name="T87" fmla="*/ 169 h 684"/>
                      <a:gd name="T88" fmla="*/ 291 w 890"/>
                      <a:gd name="T89" fmla="*/ 183 h 684"/>
                      <a:gd name="T90" fmla="*/ 254 w 890"/>
                      <a:gd name="T91" fmla="*/ 191 h 684"/>
                      <a:gd name="T92" fmla="*/ 247 w 890"/>
                      <a:gd name="T93" fmla="*/ 162 h 684"/>
                      <a:gd name="T94" fmla="*/ 216 w 890"/>
                      <a:gd name="T95" fmla="*/ 132 h 684"/>
                      <a:gd name="T96" fmla="*/ 208 w 890"/>
                      <a:gd name="T97" fmla="*/ 135 h 684"/>
                      <a:gd name="T98" fmla="*/ 152 w 890"/>
                      <a:gd name="T99" fmla="*/ 115 h 684"/>
                      <a:gd name="T100" fmla="*/ 127 w 890"/>
                      <a:gd name="T101" fmla="*/ 113 h 684"/>
                      <a:gd name="T102" fmla="*/ 164 w 890"/>
                      <a:gd name="T103" fmla="*/ 108 h 684"/>
                      <a:gd name="T104" fmla="*/ 101 w 890"/>
                      <a:gd name="T105" fmla="*/ 113 h 684"/>
                      <a:gd name="T106" fmla="*/ 56 w 890"/>
                      <a:gd name="T107" fmla="*/ 125 h 684"/>
                      <a:gd name="T108" fmla="*/ 74 w 890"/>
                      <a:gd name="T109" fmla="*/ 105 h 684"/>
                      <a:gd name="T110" fmla="*/ 44 w 890"/>
                      <a:gd name="T111" fmla="*/ 102 h 684"/>
                      <a:gd name="T112" fmla="*/ 32 w 890"/>
                      <a:gd name="T113" fmla="*/ 132 h 684"/>
                      <a:gd name="T114" fmla="*/ 29 w 890"/>
                      <a:gd name="T115" fmla="*/ 120 h 684"/>
                      <a:gd name="T116" fmla="*/ 23 w 890"/>
                      <a:gd name="T117" fmla="*/ 112 h 684"/>
                      <a:gd name="T118" fmla="*/ 12 w 890"/>
                      <a:gd name="T119" fmla="*/ 80 h 684"/>
                      <a:gd name="T120" fmla="*/ 597 w 890"/>
                      <a:gd name="T121" fmla="*/ 59 h 684"/>
                      <a:gd name="T122" fmla="*/ 589 w 890"/>
                      <a:gd name="T123" fmla="*/ 22 h 684"/>
                      <a:gd name="T124" fmla="*/ 616 w 890"/>
                      <a:gd name="T125" fmla="*/ 5 h 684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60000 65536"/>
                      <a:gd name="T169" fmla="*/ 0 60000 65536"/>
                      <a:gd name="T170" fmla="*/ 0 60000 65536"/>
                      <a:gd name="T171" fmla="*/ 0 60000 65536"/>
                      <a:gd name="T172" fmla="*/ 0 60000 65536"/>
                      <a:gd name="T173" fmla="*/ 0 60000 65536"/>
                      <a:gd name="T174" fmla="*/ 0 60000 65536"/>
                      <a:gd name="T175" fmla="*/ 0 60000 65536"/>
                      <a:gd name="T176" fmla="*/ 0 60000 65536"/>
                      <a:gd name="T177" fmla="*/ 0 60000 65536"/>
                      <a:gd name="T178" fmla="*/ 0 60000 65536"/>
                      <a:gd name="T179" fmla="*/ 0 60000 65536"/>
                      <a:gd name="T180" fmla="*/ 0 60000 65536"/>
                      <a:gd name="T181" fmla="*/ 0 60000 65536"/>
                      <a:gd name="T182" fmla="*/ 0 60000 65536"/>
                      <a:gd name="T183" fmla="*/ 0 60000 65536"/>
                      <a:gd name="T184" fmla="*/ 0 60000 65536"/>
                      <a:gd name="T185" fmla="*/ 0 60000 65536"/>
                      <a:gd name="T186" fmla="*/ 0 60000 65536"/>
                      <a:gd name="T187" fmla="*/ 0 60000 65536"/>
                      <a:gd name="T188" fmla="*/ 0 60000 65536"/>
                      <a:gd name="T189" fmla="*/ 0 w 890"/>
                      <a:gd name="T190" fmla="*/ 0 h 684"/>
                      <a:gd name="T191" fmla="*/ 890 w 890"/>
                      <a:gd name="T192" fmla="*/ 684 h 684"/>
                    </a:gdLst>
                    <a:ahLst/>
                    <a:cxnLst>
                      <a:cxn ang="T126">
                        <a:pos x="T0" y="T1"/>
                      </a:cxn>
                      <a:cxn ang="T127">
                        <a:pos x="T2" y="T3"/>
                      </a:cxn>
                      <a:cxn ang="T128">
                        <a:pos x="T4" y="T5"/>
                      </a:cxn>
                      <a:cxn ang="T129">
                        <a:pos x="T6" y="T7"/>
                      </a:cxn>
                      <a:cxn ang="T130">
                        <a:pos x="T8" y="T9"/>
                      </a:cxn>
                      <a:cxn ang="T131">
                        <a:pos x="T10" y="T11"/>
                      </a:cxn>
                      <a:cxn ang="T132">
                        <a:pos x="T12" y="T13"/>
                      </a:cxn>
                      <a:cxn ang="T133">
                        <a:pos x="T14" y="T15"/>
                      </a:cxn>
                      <a:cxn ang="T134">
                        <a:pos x="T16" y="T17"/>
                      </a:cxn>
                      <a:cxn ang="T135">
                        <a:pos x="T18" y="T19"/>
                      </a:cxn>
                      <a:cxn ang="T136">
                        <a:pos x="T20" y="T21"/>
                      </a:cxn>
                      <a:cxn ang="T137">
                        <a:pos x="T22" y="T23"/>
                      </a:cxn>
                      <a:cxn ang="T138">
                        <a:pos x="T24" y="T25"/>
                      </a:cxn>
                      <a:cxn ang="T139">
                        <a:pos x="T26" y="T27"/>
                      </a:cxn>
                      <a:cxn ang="T140">
                        <a:pos x="T28" y="T29"/>
                      </a:cxn>
                      <a:cxn ang="T141">
                        <a:pos x="T30" y="T31"/>
                      </a:cxn>
                      <a:cxn ang="T142">
                        <a:pos x="T32" y="T33"/>
                      </a:cxn>
                      <a:cxn ang="T143">
                        <a:pos x="T34" y="T35"/>
                      </a:cxn>
                      <a:cxn ang="T144">
                        <a:pos x="T36" y="T37"/>
                      </a:cxn>
                      <a:cxn ang="T145">
                        <a:pos x="T38" y="T39"/>
                      </a:cxn>
                      <a:cxn ang="T146">
                        <a:pos x="T40" y="T41"/>
                      </a:cxn>
                      <a:cxn ang="T147">
                        <a:pos x="T42" y="T43"/>
                      </a:cxn>
                      <a:cxn ang="T148">
                        <a:pos x="T44" y="T45"/>
                      </a:cxn>
                      <a:cxn ang="T149">
                        <a:pos x="T46" y="T47"/>
                      </a:cxn>
                      <a:cxn ang="T150">
                        <a:pos x="T48" y="T49"/>
                      </a:cxn>
                      <a:cxn ang="T151">
                        <a:pos x="T50" y="T51"/>
                      </a:cxn>
                      <a:cxn ang="T152">
                        <a:pos x="T52" y="T53"/>
                      </a:cxn>
                      <a:cxn ang="T153">
                        <a:pos x="T54" y="T55"/>
                      </a:cxn>
                      <a:cxn ang="T154">
                        <a:pos x="T56" y="T57"/>
                      </a:cxn>
                      <a:cxn ang="T155">
                        <a:pos x="T58" y="T59"/>
                      </a:cxn>
                      <a:cxn ang="T156">
                        <a:pos x="T60" y="T61"/>
                      </a:cxn>
                      <a:cxn ang="T157">
                        <a:pos x="T62" y="T63"/>
                      </a:cxn>
                      <a:cxn ang="T158">
                        <a:pos x="T64" y="T65"/>
                      </a:cxn>
                      <a:cxn ang="T159">
                        <a:pos x="T66" y="T67"/>
                      </a:cxn>
                      <a:cxn ang="T160">
                        <a:pos x="T68" y="T69"/>
                      </a:cxn>
                      <a:cxn ang="T161">
                        <a:pos x="T70" y="T71"/>
                      </a:cxn>
                      <a:cxn ang="T162">
                        <a:pos x="T72" y="T73"/>
                      </a:cxn>
                      <a:cxn ang="T163">
                        <a:pos x="T74" y="T75"/>
                      </a:cxn>
                      <a:cxn ang="T164">
                        <a:pos x="T76" y="T77"/>
                      </a:cxn>
                      <a:cxn ang="T165">
                        <a:pos x="T78" y="T79"/>
                      </a:cxn>
                      <a:cxn ang="T166">
                        <a:pos x="T80" y="T81"/>
                      </a:cxn>
                      <a:cxn ang="T167">
                        <a:pos x="T82" y="T83"/>
                      </a:cxn>
                      <a:cxn ang="T168">
                        <a:pos x="T84" y="T85"/>
                      </a:cxn>
                      <a:cxn ang="T169">
                        <a:pos x="T86" y="T87"/>
                      </a:cxn>
                      <a:cxn ang="T170">
                        <a:pos x="T88" y="T89"/>
                      </a:cxn>
                      <a:cxn ang="T171">
                        <a:pos x="T90" y="T91"/>
                      </a:cxn>
                      <a:cxn ang="T172">
                        <a:pos x="T92" y="T93"/>
                      </a:cxn>
                      <a:cxn ang="T173">
                        <a:pos x="T94" y="T95"/>
                      </a:cxn>
                      <a:cxn ang="T174">
                        <a:pos x="T96" y="T97"/>
                      </a:cxn>
                      <a:cxn ang="T175">
                        <a:pos x="T98" y="T99"/>
                      </a:cxn>
                      <a:cxn ang="T176">
                        <a:pos x="T100" y="T101"/>
                      </a:cxn>
                      <a:cxn ang="T177">
                        <a:pos x="T102" y="T103"/>
                      </a:cxn>
                      <a:cxn ang="T178">
                        <a:pos x="T104" y="T105"/>
                      </a:cxn>
                      <a:cxn ang="T179">
                        <a:pos x="T106" y="T107"/>
                      </a:cxn>
                      <a:cxn ang="T180">
                        <a:pos x="T108" y="T109"/>
                      </a:cxn>
                      <a:cxn ang="T181">
                        <a:pos x="T110" y="T111"/>
                      </a:cxn>
                      <a:cxn ang="T182">
                        <a:pos x="T112" y="T113"/>
                      </a:cxn>
                      <a:cxn ang="T183">
                        <a:pos x="T114" y="T115"/>
                      </a:cxn>
                      <a:cxn ang="T184">
                        <a:pos x="T116" y="T117"/>
                      </a:cxn>
                      <a:cxn ang="T185">
                        <a:pos x="T118" y="T119"/>
                      </a:cxn>
                      <a:cxn ang="T186">
                        <a:pos x="T120" y="T121"/>
                      </a:cxn>
                      <a:cxn ang="T187">
                        <a:pos x="T122" y="T123"/>
                      </a:cxn>
                      <a:cxn ang="T188">
                        <a:pos x="T124" y="T125"/>
                      </a:cxn>
                    </a:cxnLst>
                    <a:rect l="T189" t="T190" r="T191" b="T192"/>
                    <a:pathLst>
                      <a:path w="890" h="684">
                        <a:moveTo>
                          <a:pt x="650" y="14"/>
                        </a:moveTo>
                        <a:lnTo>
                          <a:pt x="650" y="32"/>
                        </a:lnTo>
                        <a:lnTo>
                          <a:pt x="655" y="32"/>
                        </a:lnTo>
                        <a:lnTo>
                          <a:pt x="656" y="42"/>
                        </a:lnTo>
                        <a:lnTo>
                          <a:pt x="655" y="42"/>
                        </a:lnTo>
                        <a:lnTo>
                          <a:pt x="653" y="44"/>
                        </a:lnTo>
                        <a:lnTo>
                          <a:pt x="651" y="44"/>
                        </a:lnTo>
                        <a:lnTo>
                          <a:pt x="648" y="46"/>
                        </a:lnTo>
                        <a:lnTo>
                          <a:pt x="643" y="46"/>
                        </a:lnTo>
                        <a:lnTo>
                          <a:pt x="641" y="49"/>
                        </a:lnTo>
                        <a:lnTo>
                          <a:pt x="638" y="52"/>
                        </a:lnTo>
                        <a:lnTo>
                          <a:pt x="636" y="58"/>
                        </a:lnTo>
                        <a:lnTo>
                          <a:pt x="636" y="63"/>
                        </a:lnTo>
                        <a:lnTo>
                          <a:pt x="636" y="68"/>
                        </a:lnTo>
                        <a:lnTo>
                          <a:pt x="636" y="69"/>
                        </a:lnTo>
                        <a:lnTo>
                          <a:pt x="636" y="71"/>
                        </a:lnTo>
                        <a:lnTo>
                          <a:pt x="638" y="71"/>
                        </a:lnTo>
                        <a:lnTo>
                          <a:pt x="641" y="71"/>
                        </a:lnTo>
                        <a:lnTo>
                          <a:pt x="641" y="69"/>
                        </a:lnTo>
                        <a:lnTo>
                          <a:pt x="643" y="61"/>
                        </a:lnTo>
                        <a:lnTo>
                          <a:pt x="644" y="54"/>
                        </a:lnTo>
                        <a:lnTo>
                          <a:pt x="648" y="51"/>
                        </a:lnTo>
                        <a:lnTo>
                          <a:pt x="651" y="47"/>
                        </a:lnTo>
                        <a:lnTo>
                          <a:pt x="656" y="47"/>
                        </a:lnTo>
                        <a:lnTo>
                          <a:pt x="660" y="47"/>
                        </a:lnTo>
                        <a:lnTo>
                          <a:pt x="661" y="47"/>
                        </a:lnTo>
                        <a:lnTo>
                          <a:pt x="663" y="49"/>
                        </a:lnTo>
                        <a:lnTo>
                          <a:pt x="683" y="95"/>
                        </a:lnTo>
                        <a:lnTo>
                          <a:pt x="682" y="112"/>
                        </a:lnTo>
                        <a:lnTo>
                          <a:pt x="692" y="132"/>
                        </a:lnTo>
                        <a:lnTo>
                          <a:pt x="697" y="127"/>
                        </a:lnTo>
                        <a:lnTo>
                          <a:pt x="699" y="129"/>
                        </a:lnTo>
                        <a:lnTo>
                          <a:pt x="700" y="132"/>
                        </a:lnTo>
                        <a:lnTo>
                          <a:pt x="704" y="137"/>
                        </a:lnTo>
                        <a:lnTo>
                          <a:pt x="707" y="144"/>
                        </a:lnTo>
                        <a:lnTo>
                          <a:pt x="710" y="149"/>
                        </a:lnTo>
                        <a:lnTo>
                          <a:pt x="714" y="154"/>
                        </a:lnTo>
                        <a:lnTo>
                          <a:pt x="716" y="159"/>
                        </a:lnTo>
                        <a:lnTo>
                          <a:pt x="717" y="161"/>
                        </a:lnTo>
                        <a:lnTo>
                          <a:pt x="726" y="174"/>
                        </a:lnTo>
                        <a:lnTo>
                          <a:pt x="732" y="184"/>
                        </a:lnTo>
                        <a:lnTo>
                          <a:pt x="738" y="191"/>
                        </a:lnTo>
                        <a:lnTo>
                          <a:pt x="741" y="196"/>
                        </a:lnTo>
                        <a:lnTo>
                          <a:pt x="741" y="200"/>
                        </a:lnTo>
                        <a:lnTo>
                          <a:pt x="738" y="196"/>
                        </a:lnTo>
                        <a:lnTo>
                          <a:pt x="736" y="193"/>
                        </a:lnTo>
                        <a:lnTo>
                          <a:pt x="732" y="190"/>
                        </a:lnTo>
                        <a:lnTo>
                          <a:pt x="729" y="186"/>
                        </a:lnTo>
                        <a:lnTo>
                          <a:pt x="726" y="181"/>
                        </a:lnTo>
                        <a:lnTo>
                          <a:pt x="722" y="178"/>
                        </a:lnTo>
                        <a:lnTo>
                          <a:pt x="721" y="174"/>
                        </a:lnTo>
                        <a:lnTo>
                          <a:pt x="719" y="173"/>
                        </a:lnTo>
                        <a:lnTo>
                          <a:pt x="714" y="174"/>
                        </a:lnTo>
                        <a:lnTo>
                          <a:pt x="716" y="174"/>
                        </a:lnTo>
                        <a:lnTo>
                          <a:pt x="717" y="178"/>
                        </a:lnTo>
                        <a:lnTo>
                          <a:pt x="721" y="183"/>
                        </a:lnTo>
                        <a:lnTo>
                          <a:pt x="724" y="188"/>
                        </a:lnTo>
                        <a:lnTo>
                          <a:pt x="729" y="195"/>
                        </a:lnTo>
                        <a:lnTo>
                          <a:pt x="732" y="200"/>
                        </a:lnTo>
                        <a:lnTo>
                          <a:pt x="734" y="203"/>
                        </a:lnTo>
                        <a:lnTo>
                          <a:pt x="736" y="205"/>
                        </a:lnTo>
                        <a:lnTo>
                          <a:pt x="748" y="217"/>
                        </a:lnTo>
                        <a:lnTo>
                          <a:pt x="754" y="225"/>
                        </a:lnTo>
                        <a:lnTo>
                          <a:pt x="760" y="232"/>
                        </a:lnTo>
                        <a:lnTo>
                          <a:pt x="760" y="235"/>
                        </a:lnTo>
                        <a:lnTo>
                          <a:pt x="758" y="235"/>
                        </a:lnTo>
                        <a:lnTo>
                          <a:pt x="756" y="235"/>
                        </a:lnTo>
                        <a:lnTo>
                          <a:pt x="754" y="235"/>
                        </a:lnTo>
                        <a:lnTo>
                          <a:pt x="753" y="235"/>
                        </a:lnTo>
                        <a:lnTo>
                          <a:pt x="754" y="235"/>
                        </a:lnTo>
                        <a:lnTo>
                          <a:pt x="760" y="250"/>
                        </a:lnTo>
                        <a:lnTo>
                          <a:pt x="766" y="266"/>
                        </a:lnTo>
                        <a:lnTo>
                          <a:pt x="773" y="279"/>
                        </a:lnTo>
                        <a:lnTo>
                          <a:pt x="780" y="293"/>
                        </a:lnTo>
                        <a:lnTo>
                          <a:pt x="787" y="305"/>
                        </a:lnTo>
                        <a:lnTo>
                          <a:pt x="793" y="318"/>
                        </a:lnTo>
                        <a:lnTo>
                          <a:pt x="800" y="328"/>
                        </a:lnTo>
                        <a:lnTo>
                          <a:pt x="805" y="338"/>
                        </a:lnTo>
                        <a:lnTo>
                          <a:pt x="812" y="349"/>
                        </a:lnTo>
                        <a:lnTo>
                          <a:pt x="817" y="357"/>
                        </a:lnTo>
                        <a:lnTo>
                          <a:pt x="822" y="366"/>
                        </a:lnTo>
                        <a:lnTo>
                          <a:pt x="827" y="374"/>
                        </a:lnTo>
                        <a:lnTo>
                          <a:pt x="832" y="381"/>
                        </a:lnTo>
                        <a:lnTo>
                          <a:pt x="836" y="386"/>
                        </a:lnTo>
                        <a:lnTo>
                          <a:pt x="837" y="391"/>
                        </a:lnTo>
                        <a:lnTo>
                          <a:pt x="839" y="394"/>
                        </a:lnTo>
                        <a:lnTo>
                          <a:pt x="842" y="398"/>
                        </a:lnTo>
                        <a:lnTo>
                          <a:pt x="846" y="403"/>
                        </a:lnTo>
                        <a:lnTo>
                          <a:pt x="849" y="406"/>
                        </a:lnTo>
                        <a:lnTo>
                          <a:pt x="851" y="411"/>
                        </a:lnTo>
                        <a:lnTo>
                          <a:pt x="853" y="415"/>
                        </a:lnTo>
                        <a:lnTo>
                          <a:pt x="854" y="418"/>
                        </a:lnTo>
                        <a:lnTo>
                          <a:pt x="856" y="420"/>
                        </a:lnTo>
                        <a:lnTo>
                          <a:pt x="858" y="420"/>
                        </a:lnTo>
                        <a:lnTo>
                          <a:pt x="863" y="425"/>
                        </a:lnTo>
                        <a:lnTo>
                          <a:pt x="868" y="428"/>
                        </a:lnTo>
                        <a:lnTo>
                          <a:pt x="870" y="432"/>
                        </a:lnTo>
                        <a:lnTo>
                          <a:pt x="871" y="435"/>
                        </a:lnTo>
                        <a:lnTo>
                          <a:pt x="871" y="438"/>
                        </a:lnTo>
                        <a:lnTo>
                          <a:pt x="870" y="442"/>
                        </a:lnTo>
                        <a:lnTo>
                          <a:pt x="870" y="443"/>
                        </a:lnTo>
                        <a:lnTo>
                          <a:pt x="870" y="445"/>
                        </a:lnTo>
                        <a:lnTo>
                          <a:pt x="875" y="450"/>
                        </a:lnTo>
                        <a:lnTo>
                          <a:pt x="878" y="454"/>
                        </a:lnTo>
                        <a:lnTo>
                          <a:pt x="880" y="457"/>
                        </a:lnTo>
                        <a:lnTo>
                          <a:pt x="880" y="460"/>
                        </a:lnTo>
                        <a:lnTo>
                          <a:pt x="880" y="462"/>
                        </a:lnTo>
                        <a:lnTo>
                          <a:pt x="880" y="464"/>
                        </a:lnTo>
                        <a:lnTo>
                          <a:pt x="878" y="464"/>
                        </a:lnTo>
                        <a:lnTo>
                          <a:pt x="888" y="474"/>
                        </a:lnTo>
                        <a:lnTo>
                          <a:pt x="888" y="476"/>
                        </a:lnTo>
                        <a:lnTo>
                          <a:pt x="888" y="479"/>
                        </a:lnTo>
                        <a:lnTo>
                          <a:pt x="890" y="484"/>
                        </a:lnTo>
                        <a:lnTo>
                          <a:pt x="890" y="491"/>
                        </a:lnTo>
                        <a:lnTo>
                          <a:pt x="890" y="498"/>
                        </a:lnTo>
                        <a:lnTo>
                          <a:pt x="890" y="508"/>
                        </a:lnTo>
                        <a:lnTo>
                          <a:pt x="890" y="518"/>
                        </a:lnTo>
                        <a:lnTo>
                          <a:pt x="890" y="526"/>
                        </a:lnTo>
                        <a:lnTo>
                          <a:pt x="890" y="536"/>
                        </a:lnTo>
                        <a:lnTo>
                          <a:pt x="890" y="547"/>
                        </a:lnTo>
                        <a:lnTo>
                          <a:pt x="890" y="555"/>
                        </a:lnTo>
                        <a:lnTo>
                          <a:pt x="890" y="564"/>
                        </a:lnTo>
                        <a:lnTo>
                          <a:pt x="890" y="570"/>
                        </a:lnTo>
                        <a:lnTo>
                          <a:pt x="890" y="575"/>
                        </a:lnTo>
                        <a:lnTo>
                          <a:pt x="890" y="580"/>
                        </a:lnTo>
                        <a:lnTo>
                          <a:pt x="886" y="586"/>
                        </a:lnTo>
                        <a:lnTo>
                          <a:pt x="883" y="589"/>
                        </a:lnTo>
                        <a:lnTo>
                          <a:pt x="881" y="594"/>
                        </a:lnTo>
                        <a:lnTo>
                          <a:pt x="880" y="599"/>
                        </a:lnTo>
                        <a:lnTo>
                          <a:pt x="878" y="604"/>
                        </a:lnTo>
                        <a:lnTo>
                          <a:pt x="876" y="609"/>
                        </a:lnTo>
                        <a:lnTo>
                          <a:pt x="876" y="614"/>
                        </a:lnTo>
                        <a:lnTo>
                          <a:pt x="876" y="619"/>
                        </a:lnTo>
                        <a:lnTo>
                          <a:pt x="876" y="623"/>
                        </a:lnTo>
                        <a:lnTo>
                          <a:pt x="876" y="628"/>
                        </a:lnTo>
                        <a:lnTo>
                          <a:pt x="876" y="631"/>
                        </a:lnTo>
                        <a:lnTo>
                          <a:pt x="876" y="635"/>
                        </a:lnTo>
                        <a:lnTo>
                          <a:pt x="876" y="638"/>
                        </a:lnTo>
                        <a:lnTo>
                          <a:pt x="876" y="640"/>
                        </a:lnTo>
                        <a:lnTo>
                          <a:pt x="878" y="641"/>
                        </a:lnTo>
                        <a:lnTo>
                          <a:pt x="876" y="650"/>
                        </a:lnTo>
                        <a:lnTo>
                          <a:pt x="875" y="657"/>
                        </a:lnTo>
                        <a:lnTo>
                          <a:pt x="871" y="660"/>
                        </a:lnTo>
                        <a:lnTo>
                          <a:pt x="868" y="662"/>
                        </a:lnTo>
                        <a:lnTo>
                          <a:pt x="864" y="663"/>
                        </a:lnTo>
                        <a:lnTo>
                          <a:pt x="861" y="663"/>
                        </a:lnTo>
                        <a:lnTo>
                          <a:pt x="858" y="663"/>
                        </a:lnTo>
                        <a:lnTo>
                          <a:pt x="856" y="663"/>
                        </a:lnTo>
                        <a:lnTo>
                          <a:pt x="849" y="668"/>
                        </a:lnTo>
                        <a:lnTo>
                          <a:pt x="842" y="674"/>
                        </a:lnTo>
                        <a:lnTo>
                          <a:pt x="837" y="675"/>
                        </a:lnTo>
                        <a:lnTo>
                          <a:pt x="834" y="675"/>
                        </a:lnTo>
                        <a:lnTo>
                          <a:pt x="831" y="675"/>
                        </a:lnTo>
                        <a:lnTo>
                          <a:pt x="827" y="674"/>
                        </a:lnTo>
                        <a:lnTo>
                          <a:pt x="826" y="674"/>
                        </a:lnTo>
                        <a:lnTo>
                          <a:pt x="817" y="680"/>
                        </a:lnTo>
                        <a:lnTo>
                          <a:pt x="810" y="684"/>
                        </a:lnTo>
                        <a:lnTo>
                          <a:pt x="805" y="684"/>
                        </a:lnTo>
                        <a:lnTo>
                          <a:pt x="800" y="684"/>
                        </a:lnTo>
                        <a:lnTo>
                          <a:pt x="797" y="684"/>
                        </a:lnTo>
                        <a:lnTo>
                          <a:pt x="793" y="680"/>
                        </a:lnTo>
                        <a:lnTo>
                          <a:pt x="792" y="680"/>
                        </a:lnTo>
                        <a:lnTo>
                          <a:pt x="792" y="679"/>
                        </a:lnTo>
                        <a:lnTo>
                          <a:pt x="787" y="670"/>
                        </a:lnTo>
                        <a:lnTo>
                          <a:pt x="787" y="667"/>
                        </a:lnTo>
                        <a:lnTo>
                          <a:pt x="788" y="663"/>
                        </a:lnTo>
                        <a:lnTo>
                          <a:pt x="790" y="665"/>
                        </a:lnTo>
                        <a:lnTo>
                          <a:pt x="795" y="667"/>
                        </a:lnTo>
                        <a:lnTo>
                          <a:pt x="798" y="668"/>
                        </a:lnTo>
                        <a:lnTo>
                          <a:pt x="802" y="670"/>
                        </a:lnTo>
                        <a:lnTo>
                          <a:pt x="802" y="672"/>
                        </a:lnTo>
                        <a:lnTo>
                          <a:pt x="820" y="665"/>
                        </a:lnTo>
                        <a:lnTo>
                          <a:pt x="810" y="653"/>
                        </a:lnTo>
                        <a:lnTo>
                          <a:pt x="812" y="652"/>
                        </a:lnTo>
                        <a:lnTo>
                          <a:pt x="814" y="650"/>
                        </a:lnTo>
                        <a:lnTo>
                          <a:pt x="815" y="648"/>
                        </a:lnTo>
                        <a:lnTo>
                          <a:pt x="810" y="640"/>
                        </a:lnTo>
                        <a:lnTo>
                          <a:pt x="807" y="635"/>
                        </a:lnTo>
                        <a:lnTo>
                          <a:pt x="804" y="633"/>
                        </a:lnTo>
                        <a:lnTo>
                          <a:pt x="802" y="631"/>
                        </a:lnTo>
                        <a:lnTo>
                          <a:pt x="800" y="633"/>
                        </a:lnTo>
                        <a:lnTo>
                          <a:pt x="798" y="635"/>
                        </a:lnTo>
                        <a:lnTo>
                          <a:pt x="798" y="636"/>
                        </a:lnTo>
                        <a:lnTo>
                          <a:pt x="798" y="638"/>
                        </a:lnTo>
                        <a:lnTo>
                          <a:pt x="802" y="645"/>
                        </a:lnTo>
                        <a:lnTo>
                          <a:pt x="802" y="650"/>
                        </a:lnTo>
                        <a:lnTo>
                          <a:pt x="800" y="652"/>
                        </a:lnTo>
                        <a:lnTo>
                          <a:pt x="797" y="653"/>
                        </a:lnTo>
                        <a:lnTo>
                          <a:pt x="793" y="653"/>
                        </a:lnTo>
                        <a:lnTo>
                          <a:pt x="790" y="653"/>
                        </a:lnTo>
                        <a:lnTo>
                          <a:pt x="788" y="652"/>
                        </a:lnTo>
                        <a:lnTo>
                          <a:pt x="787" y="652"/>
                        </a:lnTo>
                        <a:lnTo>
                          <a:pt x="780" y="640"/>
                        </a:lnTo>
                        <a:lnTo>
                          <a:pt x="775" y="630"/>
                        </a:lnTo>
                        <a:lnTo>
                          <a:pt x="768" y="621"/>
                        </a:lnTo>
                        <a:lnTo>
                          <a:pt x="763" y="614"/>
                        </a:lnTo>
                        <a:lnTo>
                          <a:pt x="756" y="609"/>
                        </a:lnTo>
                        <a:lnTo>
                          <a:pt x="749" y="606"/>
                        </a:lnTo>
                        <a:lnTo>
                          <a:pt x="744" y="602"/>
                        </a:lnTo>
                        <a:lnTo>
                          <a:pt x="739" y="599"/>
                        </a:lnTo>
                        <a:lnTo>
                          <a:pt x="734" y="597"/>
                        </a:lnTo>
                        <a:lnTo>
                          <a:pt x="729" y="597"/>
                        </a:lnTo>
                        <a:lnTo>
                          <a:pt x="724" y="597"/>
                        </a:lnTo>
                        <a:lnTo>
                          <a:pt x="721" y="597"/>
                        </a:lnTo>
                        <a:lnTo>
                          <a:pt x="719" y="597"/>
                        </a:lnTo>
                        <a:lnTo>
                          <a:pt x="716" y="597"/>
                        </a:lnTo>
                        <a:lnTo>
                          <a:pt x="714" y="597"/>
                        </a:lnTo>
                        <a:lnTo>
                          <a:pt x="714" y="599"/>
                        </a:lnTo>
                        <a:lnTo>
                          <a:pt x="712" y="597"/>
                        </a:lnTo>
                        <a:lnTo>
                          <a:pt x="710" y="594"/>
                        </a:lnTo>
                        <a:lnTo>
                          <a:pt x="707" y="592"/>
                        </a:lnTo>
                        <a:lnTo>
                          <a:pt x="705" y="589"/>
                        </a:lnTo>
                        <a:lnTo>
                          <a:pt x="704" y="586"/>
                        </a:lnTo>
                        <a:lnTo>
                          <a:pt x="702" y="584"/>
                        </a:lnTo>
                        <a:lnTo>
                          <a:pt x="700" y="580"/>
                        </a:lnTo>
                        <a:lnTo>
                          <a:pt x="697" y="564"/>
                        </a:lnTo>
                        <a:lnTo>
                          <a:pt x="692" y="550"/>
                        </a:lnTo>
                        <a:lnTo>
                          <a:pt x="687" y="542"/>
                        </a:lnTo>
                        <a:lnTo>
                          <a:pt x="683" y="536"/>
                        </a:lnTo>
                        <a:lnTo>
                          <a:pt x="680" y="535"/>
                        </a:lnTo>
                        <a:lnTo>
                          <a:pt x="677" y="535"/>
                        </a:lnTo>
                        <a:lnTo>
                          <a:pt x="675" y="535"/>
                        </a:lnTo>
                        <a:lnTo>
                          <a:pt x="666" y="526"/>
                        </a:lnTo>
                        <a:lnTo>
                          <a:pt x="661" y="514"/>
                        </a:lnTo>
                        <a:lnTo>
                          <a:pt x="661" y="498"/>
                        </a:lnTo>
                        <a:lnTo>
                          <a:pt x="653" y="486"/>
                        </a:lnTo>
                        <a:lnTo>
                          <a:pt x="661" y="472"/>
                        </a:lnTo>
                        <a:lnTo>
                          <a:pt x="646" y="481"/>
                        </a:lnTo>
                        <a:lnTo>
                          <a:pt x="646" y="479"/>
                        </a:lnTo>
                        <a:lnTo>
                          <a:pt x="644" y="479"/>
                        </a:lnTo>
                        <a:lnTo>
                          <a:pt x="641" y="477"/>
                        </a:lnTo>
                        <a:lnTo>
                          <a:pt x="639" y="476"/>
                        </a:lnTo>
                        <a:lnTo>
                          <a:pt x="636" y="474"/>
                        </a:lnTo>
                        <a:lnTo>
                          <a:pt x="634" y="474"/>
                        </a:lnTo>
                        <a:lnTo>
                          <a:pt x="633" y="472"/>
                        </a:lnTo>
                        <a:lnTo>
                          <a:pt x="633" y="474"/>
                        </a:lnTo>
                        <a:lnTo>
                          <a:pt x="638" y="482"/>
                        </a:lnTo>
                        <a:lnTo>
                          <a:pt x="643" y="489"/>
                        </a:lnTo>
                        <a:lnTo>
                          <a:pt x="644" y="494"/>
                        </a:lnTo>
                        <a:lnTo>
                          <a:pt x="644" y="498"/>
                        </a:lnTo>
                        <a:lnTo>
                          <a:pt x="643" y="498"/>
                        </a:lnTo>
                        <a:lnTo>
                          <a:pt x="641" y="498"/>
                        </a:lnTo>
                        <a:lnTo>
                          <a:pt x="638" y="496"/>
                        </a:lnTo>
                        <a:lnTo>
                          <a:pt x="636" y="494"/>
                        </a:lnTo>
                        <a:lnTo>
                          <a:pt x="631" y="491"/>
                        </a:lnTo>
                        <a:lnTo>
                          <a:pt x="628" y="487"/>
                        </a:lnTo>
                        <a:lnTo>
                          <a:pt x="622" y="484"/>
                        </a:lnTo>
                        <a:lnTo>
                          <a:pt x="619" y="481"/>
                        </a:lnTo>
                        <a:lnTo>
                          <a:pt x="616" y="477"/>
                        </a:lnTo>
                        <a:lnTo>
                          <a:pt x="612" y="474"/>
                        </a:lnTo>
                        <a:lnTo>
                          <a:pt x="611" y="472"/>
                        </a:lnTo>
                        <a:lnTo>
                          <a:pt x="607" y="457"/>
                        </a:lnTo>
                        <a:lnTo>
                          <a:pt x="582" y="425"/>
                        </a:lnTo>
                        <a:lnTo>
                          <a:pt x="584" y="425"/>
                        </a:lnTo>
                        <a:lnTo>
                          <a:pt x="585" y="423"/>
                        </a:lnTo>
                        <a:lnTo>
                          <a:pt x="587" y="423"/>
                        </a:lnTo>
                        <a:lnTo>
                          <a:pt x="589" y="421"/>
                        </a:lnTo>
                        <a:lnTo>
                          <a:pt x="590" y="421"/>
                        </a:lnTo>
                        <a:lnTo>
                          <a:pt x="592" y="420"/>
                        </a:lnTo>
                        <a:lnTo>
                          <a:pt x="594" y="420"/>
                        </a:lnTo>
                        <a:lnTo>
                          <a:pt x="589" y="418"/>
                        </a:lnTo>
                        <a:lnTo>
                          <a:pt x="587" y="413"/>
                        </a:lnTo>
                        <a:lnTo>
                          <a:pt x="587" y="408"/>
                        </a:lnTo>
                        <a:lnTo>
                          <a:pt x="587" y="401"/>
                        </a:lnTo>
                        <a:lnTo>
                          <a:pt x="589" y="394"/>
                        </a:lnTo>
                        <a:lnTo>
                          <a:pt x="590" y="388"/>
                        </a:lnTo>
                        <a:lnTo>
                          <a:pt x="590" y="382"/>
                        </a:lnTo>
                        <a:lnTo>
                          <a:pt x="590" y="379"/>
                        </a:lnTo>
                        <a:lnTo>
                          <a:pt x="587" y="371"/>
                        </a:lnTo>
                        <a:lnTo>
                          <a:pt x="585" y="364"/>
                        </a:lnTo>
                        <a:lnTo>
                          <a:pt x="582" y="360"/>
                        </a:lnTo>
                        <a:lnTo>
                          <a:pt x="580" y="359"/>
                        </a:lnTo>
                        <a:lnTo>
                          <a:pt x="578" y="359"/>
                        </a:lnTo>
                        <a:lnTo>
                          <a:pt x="577" y="360"/>
                        </a:lnTo>
                        <a:lnTo>
                          <a:pt x="577" y="364"/>
                        </a:lnTo>
                        <a:lnTo>
                          <a:pt x="575" y="367"/>
                        </a:lnTo>
                        <a:lnTo>
                          <a:pt x="575" y="372"/>
                        </a:lnTo>
                        <a:lnTo>
                          <a:pt x="575" y="377"/>
                        </a:lnTo>
                        <a:lnTo>
                          <a:pt x="575" y="382"/>
                        </a:lnTo>
                        <a:lnTo>
                          <a:pt x="575" y="388"/>
                        </a:lnTo>
                        <a:lnTo>
                          <a:pt x="575" y="393"/>
                        </a:lnTo>
                        <a:lnTo>
                          <a:pt x="575" y="396"/>
                        </a:lnTo>
                        <a:lnTo>
                          <a:pt x="575" y="399"/>
                        </a:lnTo>
                        <a:lnTo>
                          <a:pt x="572" y="398"/>
                        </a:lnTo>
                        <a:lnTo>
                          <a:pt x="568" y="394"/>
                        </a:lnTo>
                        <a:lnTo>
                          <a:pt x="565" y="391"/>
                        </a:lnTo>
                        <a:lnTo>
                          <a:pt x="560" y="388"/>
                        </a:lnTo>
                        <a:lnTo>
                          <a:pt x="558" y="384"/>
                        </a:lnTo>
                        <a:lnTo>
                          <a:pt x="555" y="382"/>
                        </a:lnTo>
                        <a:lnTo>
                          <a:pt x="555" y="381"/>
                        </a:lnTo>
                        <a:lnTo>
                          <a:pt x="556" y="374"/>
                        </a:lnTo>
                        <a:lnTo>
                          <a:pt x="558" y="366"/>
                        </a:lnTo>
                        <a:lnTo>
                          <a:pt x="558" y="359"/>
                        </a:lnTo>
                        <a:lnTo>
                          <a:pt x="558" y="352"/>
                        </a:lnTo>
                        <a:lnTo>
                          <a:pt x="556" y="345"/>
                        </a:lnTo>
                        <a:lnTo>
                          <a:pt x="556" y="340"/>
                        </a:lnTo>
                        <a:lnTo>
                          <a:pt x="555" y="337"/>
                        </a:lnTo>
                        <a:lnTo>
                          <a:pt x="555" y="335"/>
                        </a:lnTo>
                        <a:lnTo>
                          <a:pt x="558" y="328"/>
                        </a:lnTo>
                        <a:lnTo>
                          <a:pt x="560" y="323"/>
                        </a:lnTo>
                        <a:lnTo>
                          <a:pt x="562" y="316"/>
                        </a:lnTo>
                        <a:lnTo>
                          <a:pt x="562" y="311"/>
                        </a:lnTo>
                        <a:lnTo>
                          <a:pt x="563" y="305"/>
                        </a:lnTo>
                        <a:lnTo>
                          <a:pt x="563" y="300"/>
                        </a:lnTo>
                        <a:lnTo>
                          <a:pt x="563" y="293"/>
                        </a:lnTo>
                        <a:lnTo>
                          <a:pt x="563" y="288"/>
                        </a:lnTo>
                        <a:lnTo>
                          <a:pt x="562" y="283"/>
                        </a:lnTo>
                        <a:lnTo>
                          <a:pt x="562" y="278"/>
                        </a:lnTo>
                        <a:lnTo>
                          <a:pt x="560" y="274"/>
                        </a:lnTo>
                        <a:lnTo>
                          <a:pt x="560" y="269"/>
                        </a:lnTo>
                        <a:lnTo>
                          <a:pt x="560" y="267"/>
                        </a:lnTo>
                        <a:lnTo>
                          <a:pt x="558" y="264"/>
                        </a:lnTo>
                        <a:lnTo>
                          <a:pt x="558" y="262"/>
                        </a:lnTo>
                        <a:lnTo>
                          <a:pt x="558" y="261"/>
                        </a:lnTo>
                        <a:lnTo>
                          <a:pt x="558" y="257"/>
                        </a:lnTo>
                        <a:lnTo>
                          <a:pt x="558" y="256"/>
                        </a:lnTo>
                        <a:lnTo>
                          <a:pt x="556" y="252"/>
                        </a:lnTo>
                        <a:lnTo>
                          <a:pt x="556" y="249"/>
                        </a:lnTo>
                        <a:lnTo>
                          <a:pt x="555" y="247"/>
                        </a:lnTo>
                        <a:lnTo>
                          <a:pt x="551" y="245"/>
                        </a:lnTo>
                        <a:lnTo>
                          <a:pt x="548" y="242"/>
                        </a:lnTo>
                        <a:lnTo>
                          <a:pt x="545" y="239"/>
                        </a:lnTo>
                        <a:lnTo>
                          <a:pt x="541" y="232"/>
                        </a:lnTo>
                        <a:lnTo>
                          <a:pt x="538" y="227"/>
                        </a:lnTo>
                        <a:lnTo>
                          <a:pt x="534" y="223"/>
                        </a:lnTo>
                        <a:lnTo>
                          <a:pt x="533" y="220"/>
                        </a:lnTo>
                        <a:lnTo>
                          <a:pt x="533" y="218"/>
                        </a:lnTo>
                        <a:lnTo>
                          <a:pt x="521" y="222"/>
                        </a:lnTo>
                        <a:lnTo>
                          <a:pt x="514" y="222"/>
                        </a:lnTo>
                        <a:lnTo>
                          <a:pt x="509" y="222"/>
                        </a:lnTo>
                        <a:lnTo>
                          <a:pt x="507" y="220"/>
                        </a:lnTo>
                        <a:lnTo>
                          <a:pt x="506" y="217"/>
                        </a:lnTo>
                        <a:lnTo>
                          <a:pt x="506" y="215"/>
                        </a:lnTo>
                        <a:lnTo>
                          <a:pt x="507" y="215"/>
                        </a:lnTo>
                        <a:lnTo>
                          <a:pt x="507" y="213"/>
                        </a:lnTo>
                        <a:lnTo>
                          <a:pt x="497" y="206"/>
                        </a:lnTo>
                        <a:lnTo>
                          <a:pt x="484" y="191"/>
                        </a:lnTo>
                        <a:lnTo>
                          <a:pt x="467" y="179"/>
                        </a:lnTo>
                        <a:lnTo>
                          <a:pt x="465" y="179"/>
                        </a:lnTo>
                        <a:lnTo>
                          <a:pt x="463" y="176"/>
                        </a:lnTo>
                        <a:lnTo>
                          <a:pt x="458" y="173"/>
                        </a:lnTo>
                        <a:lnTo>
                          <a:pt x="455" y="168"/>
                        </a:lnTo>
                        <a:lnTo>
                          <a:pt x="450" y="162"/>
                        </a:lnTo>
                        <a:lnTo>
                          <a:pt x="446" y="157"/>
                        </a:lnTo>
                        <a:lnTo>
                          <a:pt x="445" y="154"/>
                        </a:lnTo>
                        <a:lnTo>
                          <a:pt x="443" y="152"/>
                        </a:lnTo>
                        <a:lnTo>
                          <a:pt x="433" y="144"/>
                        </a:lnTo>
                        <a:lnTo>
                          <a:pt x="424" y="139"/>
                        </a:lnTo>
                        <a:lnTo>
                          <a:pt x="418" y="132"/>
                        </a:lnTo>
                        <a:lnTo>
                          <a:pt x="411" y="129"/>
                        </a:lnTo>
                        <a:lnTo>
                          <a:pt x="404" y="125"/>
                        </a:lnTo>
                        <a:lnTo>
                          <a:pt x="399" y="124"/>
                        </a:lnTo>
                        <a:lnTo>
                          <a:pt x="396" y="124"/>
                        </a:lnTo>
                        <a:lnTo>
                          <a:pt x="394" y="122"/>
                        </a:lnTo>
                        <a:lnTo>
                          <a:pt x="377" y="122"/>
                        </a:lnTo>
                        <a:lnTo>
                          <a:pt x="367" y="122"/>
                        </a:lnTo>
                        <a:lnTo>
                          <a:pt x="360" y="127"/>
                        </a:lnTo>
                        <a:lnTo>
                          <a:pt x="355" y="132"/>
                        </a:lnTo>
                        <a:lnTo>
                          <a:pt x="355" y="139"/>
                        </a:lnTo>
                        <a:lnTo>
                          <a:pt x="355" y="144"/>
                        </a:lnTo>
                        <a:lnTo>
                          <a:pt x="357" y="147"/>
                        </a:lnTo>
                        <a:lnTo>
                          <a:pt x="357" y="149"/>
                        </a:lnTo>
                        <a:lnTo>
                          <a:pt x="350" y="147"/>
                        </a:lnTo>
                        <a:lnTo>
                          <a:pt x="342" y="149"/>
                        </a:lnTo>
                        <a:lnTo>
                          <a:pt x="335" y="152"/>
                        </a:lnTo>
                        <a:lnTo>
                          <a:pt x="330" y="156"/>
                        </a:lnTo>
                        <a:lnTo>
                          <a:pt x="325" y="161"/>
                        </a:lnTo>
                        <a:lnTo>
                          <a:pt x="320" y="164"/>
                        </a:lnTo>
                        <a:lnTo>
                          <a:pt x="316" y="168"/>
                        </a:lnTo>
                        <a:lnTo>
                          <a:pt x="316" y="169"/>
                        </a:lnTo>
                        <a:lnTo>
                          <a:pt x="309" y="176"/>
                        </a:lnTo>
                        <a:lnTo>
                          <a:pt x="306" y="178"/>
                        </a:lnTo>
                        <a:lnTo>
                          <a:pt x="304" y="178"/>
                        </a:lnTo>
                        <a:lnTo>
                          <a:pt x="304" y="176"/>
                        </a:lnTo>
                        <a:lnTo>
                          <a:pt x="304" y="174"/>
                        </a:lnTo>
                        <a:lnTo>
                          <a:pt x="306" y="171"/>
                        </a:lnTo>
                        <a:lnTo>
                          <a:pt x="308" y="169"/>
                        </a:lnTo>
                        <a:lnTo>
                          <a:pt x="308" y="168"/>
                        </a:lnTo>
                        <a:lnTo>
                          <a:pt x="306" y="168"/>
                        </a:lnTo>
                        <a:lnTo>
                          <a:pt x="306" y="169"/>
                        </a:lnTo>
                        <a:lnTo>
                          <a:pt x="303" y="173"/>
                        </a:lnTo>
                        <a:lnTo>
                          <a:pt x="299" y="174"/>
                        </a:lnTo>
                        <a:lnTo>
                          <a:pt x="298" y="178"/>
                        </a:lnTo>
                        <a:lnTo>
                          <a:pt x="294" y="179"/>
                        </a:lnTo>
                        <a:lnTo>
                          <a:pt x="293" y="181"/>
                        </a:lnTo>
                        <a:lnTo>
                          <a:pt x="291" y="183"/>
                        </a:lnTo>
                        <a:lnTo>
                          <a:pt x="284" y="181"/>
                        </a:lnTo>
                        <a:lnTo>
                          <a:pt x="277" y="181"/>
                        </a:lnTo>
                        <a:lnTo>
                          <a:pt x="271" y="183"/>
                        </a:lnTo>
                        <a:lnTo>
                          <a:pt x="265" y="186"/>
                        </a:lnTo>
                        <a:lnTo>
                          <a:pt x="260" y="188"/>
                        </a:lnTo>
                        <a:lnTo>
                          <a:pt x="257" y="190"/>
                        </a:lnTo>
                        <a:lnTo>
                          <a:pt x="254" y="191"/>
                        </a:lnTo>
                        <a:lnTo>
                          <a:pt x="247" y="184"/>
                        </a:lnTo>
                        <a:lnTo>
                          <a:pt x="243" y="179"/>
                        </a:lnTo>
                        <a:lnTo>
                          <a:pt x="245" y="179"/>
                        </a:lnTo>
                        <a:lnTo>
                          <a:pt x="249" y="181"/>
                        </a:lnTo>
                        <a:lnTo>
                          <a:pt x="252" y="184"/>
                        </a:lnTo>
                        <a:lnTo>
                          <a:pt x="255" y="186"/>
                        </a:lnTo>
                        <a:lnTo>
                          <a:pt x="257" y="186"/>
                        </a:lnTo>
                        <a:lnTo>
                          <a:pt x="257" y="176"/>
                        </a:lnTo>
                        <a:lnTo>
                          <a:pt x="247" y="162"/>
                        </a:lnTo>
                        <a:lnTo>
                          <a:pt x="218" y="140"/>
                        </a:lnTo>
                        <a:lnTo>
                          <a:pt x="232" y="142"/>
                        </a:lnTo>
                        <a:lnTo>
                          <a:pt x="238" y="144"/>
                        </a:lnTo>
                        <a:lnTo>
                          <a:pt x="238" y="142"/>
                        </a:lnTo>
                        <a:lnTo>
                          <a:pt x="235" y="140"/>
                        </a:lnTo>
                        <a:lnTo>
                          <a:pt x="230" y="137"/>
                        </a:lnTo>
                        <a:lnTo>
                          <a:pt x="223" y="135"/>
                        </a:lnTo>
                        <a:lnTo>
                          <a:pt x="218" y="132"/>
                        </a:lnTo>
                        <a:lnTo>
                          <a:pt x="216" y="132"/>
                        </a:lnTo>
                        <a:lnTo>
                          <a:pt x="223" y="117"/>
                        </a:lnTo>
                        <a:lnTo>
                          <a:pt x="205" y="120"/>
                        </a:lnTo>
                        <a:lnTo>
                          <a:pt x="205" y="122"/>
                        </a:lnTo>
                        <a:lnTo>
                          <a:pt x="206" y="125"/>
                        </a:lnTo>
                        <a:lnTo>
                          <a:pt x="206" y="127"/>
                        </a:lnTo>
                        <a:lnTo>
                          <a:pt x="206" y="130"/>
                        </a:lnTo>
                        <a:lnTo>
                          <a:pt x="208" y="134"/>
                        </a:lnTo>
                        <a:lnTo>
                          <a:pt x="208" y="135"/>
                        </a:lnTo>
                        <a:lnTo>
                          <a:pt x="201" y="130"/>
                        </a:lnTo>
                        <a:lnTo>
                          <a:pt x="193" y="127"/>
                        </a:lnTo>
                        <a:lnTo>
                          <a:pt x="186" y="124"/>
                        </a:lnTo>
                        <a:lnTo>
                          <a:pt x="179" y="122"/>
                        </a:lnTo>
                        <a:lnTo>
                          <a:pt x="172" y="118"/>
                        </a:lnTo>
                        <a:lnTo>
                          <a:pt x="164" y="117"/>
                        </a:lnTo>
                        <a:lnTo>
                          <a:pt x="159" y="115"/>
                        </a:lnTo>
                        <a:lnTo>
                          <a:pt x="152" y="115"/>
                        </a:lnTo>
                        <a:lnTo>
                          <a:pt x="147" y="113"/>
                        </a:lnTo>
                        <a:lnTo>
                          <a:pt x="142" y="113"/>
                        </a:lnTo>
                        <a:lnTo>
                          <a:pt x="137" y="113"/>
                        </a:lnTo>
                        <a:lnTo>
                          <a:pt x="133" y="113"/>
                        </a:lnTo>
                        <a:lnTo>
                          <a:pt x="130" y="113"/>
                        </a:lnTo>
                        <a:lnTo>
                          <a:pt x="128" y="113"/>
                        </a:lnTo>
                        <a:lnTo>
                          <a:pt x="127" y="113"/>
                        </a:lnTo>
                        <a:lnTo>
                          <a:pt x="128" y="113"/>
                        </a:lnTo>
                        <a:lnTo>
                          <a:pt x="130" y="112"/>
                        </a:lnTo>
                        <a:lnTo>
                          <a:pt x="133" y="112"/>
                        </a:lnTo>
                        <a:lnTo>
                          <a:pt x="137" y="112"/>
                        </a:lnTo>
                        <a:lnTo>
                          <a:pt x="140" y="110"/>
                        </a:lnTo>
                        <a:lnTo>
                          <a:pt x="142" y="110"/>
                        </a:lnTo>
                        <a:lnTo>
                          <a:pt x="144" y="110"/>
                        </a:lnTo>
                        <a:lnTo>
                          <a:pt x="157" y="110"/>
                        </a:lnTo>
                        <a:lnTo>
                          <a:pt x="164" y="108"/>
                        </a:lnTo>
                        <a:lnTo>
                          <a:pt x="162" y="105"/>
                        </a:lnTo>
                        <a:lnTo>
                          <a:pt x="155" y="105"/>
                        </a:lnTo>
                        <a:lnTo>
                          <a:pt x="149" y="103"/>
                        </a:lnTo>
                        <a:lnTo>
                          <a:pt x="145" y="102"/>
                        </a:lnTo>
                        <a:lnTo>
                          <a:pt x="142" y="102"/>
                        </a:lnTo>
                        <a:lnTo>
                          <a:pt x="111" y="108"/>
                        </a:lnTo>
                        <a:lnTo>
                          <a:pt x="101" y="113"/>
                        </a:lnTo>
                        <a:lnTo>
                          <a:pt x="98" y="115"/>
                        </a:lnTo>
                        <a:lnTo>
                          <a:pt x="95" y="115"/>
                        </a:lnTo>
                        <a:lnTo>
                          <a:pt x="89" y="115"/>
                        </a:lnTo>
                        <a:lnTo>
                          <a:pt x="86" y="115"/>
                        </a:lnTo>
                        <a:lnTo>
                          <a:pt x="81" y="115"/>
                        </a:lnTo>
                        <a:lnTo>
                          <a:pt x="79" y="117"/>
                        </a:lnTo>
                        <a:lnTo>
                          <a:pt x="78" y="117"/>
                        </a:lnTo>
                        <a:lnTo>
                          <a:pt x="64" y="122"/>
                        </a:lnTo>
                        <a:lnTo>
                          <a:pt x="56" y="125"/>
                        </a:lnTo>
                        <a:lnTo>
                          <a:pt x="52" y="125"/>
                        </a:lnTo>
                        <a:lnTo>
                          <a:pt x="54" y="124"/>
                        </a:lnTo>
                        <a:lnTo>
                          <a:pt x="57" y="122"/>
                        </a:lnTo>
                        <a:lnTo>
                          <a:pt x="62" y="118"/>
                        </a:lnTo>
                        <a:lnTo>
                          <a:pt x="66" y="117"/>
                        </a:lnTo>
                        <a:lnTo>
                          <a:pt x="67" y="115"/>
                        </a:lnTo>
                        <a:lnTo>
                          <a:pt x="73" y="110"/>
                        </a:lnTo>
                        <a:lnTo>
                          <a:pt x="74" y="107"/>
                        </a:lnTo>
                        <a:lnTo>
                          <a:pt x="74" y="105"/>
                        </a:lnTo>
                        <a:lnTo>
                          <a:pt x="71" y="105"/>
                        </a:lnTo>
                        <a:lnTo>
                          <a:pt x="67" y="105"/>
                        </a:lnTo>
                        <a:lnTo>
                          <a:pt x="64" y="107"/>
                        </a:lnTo>
                        <a:lnTo>
                          <a:pt x="61" y="107"/>
                        </a:lnTo>
                        <a:lnTo>
                          <a:pt x="59" y="107"/>
                        </a:lnTo>
                        <a:lnTo>
                          <a:pt x="51" y="100"/>
                        </a:lnTo>
                        <a:lnTo>
                          <a:pt x="45" y="96"/>
                        </a:lnTo>
                        <a:lnTo>
                          <a:pt x="44" y="98"/>
                        </a:lnTo>
                        <a:lnTo>
                          <a:pt x="44" y="102"/>
                        </a:lnTo>
                        <a:lnTo>
                          <a:pt x="45" y="105"/>
                        </a:lnTo>
                        <a:lnTo>
                          <a:pt x="49" y="110"/>
                        </a:lnTo>
                        <a:lnTo>
                          <a:pt x="51" y="113"/>
                        </a:lnTo>
                        <a:lnTo>
                          <a:pt x="51" y="115"/>
                        </a:lnTo>
                        <a:lnTo>
                          <a:pt x="44" y="122"/>
                        </a:lnTo>
                        <a:lnTo>
                          <a:pt x="37" y="130"/>
                        </a:lnTo>
                        <a:lnTo>
                          <a:pt x="35" y="132"/>
                        </a:lnTo>
                        <a:lnTo>
                          <a:pt x="32" y="132"/>
                        </a:lnTo>
                        <a:lnTo>
                          <a:pt x="29" y="134"/>
                        </a:lnTo>
                        <a:lnTo>
                          <a:pt x="27" y="135"/>
                        </a:lnTo>
                        <a:lnTo>
                          <a:pt x="23" y="137"/>
                        </a:lnTo>
                        <a:lnTo>
                          <a:pt x="22" y="137"/>
                        </a:lnTo>
                        <a:lnTo>
                          <a:pt x="27" y="130"/>
                        </a:lnTo>
                        <a:lnTo>
                          <a:pt x="29" y="127"/>
                        </a:lnTo>
                        <a:lnTo>
                          <a:pt x="30" y="122"/>
                        </a:lnTo>
                        <a:lnTo>
                          <a:pt x="29" y="120"/>
                        </a:lnTo>
                        <a:lnTo>
                          <a:pt x="27" y="117"/>
                        </a:lnTo>
                        <a:lnTo>
                          <a:pt x="25" y="117"/>
                        </a:lnTo>
                        <a:lnTo>
                          <a:pt x="23" y="115"/>
                        </a:lnTo>
                        <a:lnTo>
                          <a:pt x="23" y="117"/>
                        </a:lnTo>
                        <a:lnTo>
                          <a:pt x="23" y="115"/>
                        </a:lnTo>
                        <a:lnTo>
                          <a:pt x="23" y="113"/>
                        </a:lnTo>
                        <a:lnTo>
                          <a:pt x="23" y="112"/>
                        </a:lnTo>
                        <a:lnTo>
                          <a:pt x="22" y="108"/>
                        </a:lnTo>
                        <a:lnTo>
                          <a:pt x="22" y="107"/>
                        </a:lnTo>
                        <a:lnTo>
                          <a:pt x="22" y="105"/>
                        </a:lnTo>
                        <a:lnTo>
                          <a:pt x="25" y="100"/>
                        </a:lnTo>
                        <a:lnTo>
                          <a:pt x="25" y="93"/>
                        </a:lnTo>
                        <a:lnTo>
                          <a:pt x="22" y="88"/>
                        </a:lnTo>
                        <a:lnTo>
                          <a:pt x="17" y="83"/>
                        </a:lnTo>
                        <a:lnTo>
                          <a:pt x="12" y="80"/>
                        </a:lnTo>
                        <a:lnTo>
                          <a:pt x="7" y="74"/>
                        </a:lnTo>
                        <a:lnTo>
                          <a:pt x="3" y="73"/>
                        </a:lnTo>
                        <a:lnTo>
                          <a:pt x="1" y="73"/>
                        </a:lnTo>
                        <a:lnTo>
                          <a:pt x="0" y="51"/>
                        </a:lnTo>
                        <a:lnTo>
                          <a:pt x="276" y="24"/>
                        </a:lnTo>
                        <a:lnTo>
                          <a:pt x="293" y="56"/>
                        </a:lnTo>
                        <a:lnTo>
                          <a:pt x="572" y="37"/>
                        </a:lnTo>
                        <a:lnTo>
                          <a:pt x="582" y="59"/>
                        </a:lnTo>
                        <a:lnTo>
                          <a:pt x="597" y="59"/>
                        </a:lnTo>
                        <a:lnTo>
                          <a:pt x="597" y="58"/>
                        </a:lnTo>
                        <a:lnTo>
                          <a:pt x="595" y="54"/>
                        </a:lnTo>
                        <a:lnTo>
                          <a:pt x="595" y="51"/>
                        </a:lnTo>
                        <a:lnTo>
                          <a:pt x="595" y="46"/>
                        </a:lnTo>
                        <a:lnTo>
                          <a:pt x="594" y="41"/>
                        </a:lnTo>
                        <a:lnTo>
                          <a:pt x="594" y="36"/>
                        </a:lnTo>
                        <a:lnTo>
                          <a:pt x="594" y="32"/>
                        </a:lnTo>
                        <a:lnTo>
                          <a:pt x="594" y="30"/>
                        </a:lnTo>
                        <a:lnTo>
                          <a:pt x="589" y="22"/>
                        </a:lnTo>
                        <a:lnTo>
                          <a:pt x="589" y="14"/>
                        </a:lnTo>
                        <a:lnTo>
                          <a:pt x="589" y="8"/>
                        </a:lnTo>
                        <a:lnTo>
                          <a:pt x="592" y="5"/>
                        </a:lnTo>
                        <a:lnTo>
                          <a:pt x="595" y="2"/>
                        </a:lnTo>
                        <a:lnTo>
                          <a:pt x="597" y="0"/>
                        </a:lnTo>
                        <a:lnTo>
                          <a:pt x="600" y="0"/>
                        </a:lnTo>
                        <a:lnTo>
                          <a:pt x="602" y="0"/>
                        </a:lnTo>
                        <a:lnTo>
                          <a:pt x="607" y="3"/>
                        </a:lnTo>
                        <a:lnTo>
                          <a:pt x="616" y="5"/>
                        </a:lnTo>
                        <a:lnTo>
                          <a:pt x="622" y="7"/>
                        </a:lnTo>
                        <a:lnTo>
                          <a:pt x="629" y="8"/>
                        </a:lnTo>
                        <a:lnTo>
                          <a:pt x="636" y="8"/>
                        </a:lnTo>
                        <a:lnTo>
                          <a:pt x="639" y="8"/>
                        </a:lnTo>
                        <a:lnTo>
                          <a:pt x="643" y="8"/>
                        </a:lnTo>
                        <a:lnTo>
                          <a:pt x="644" y="8"/>
                        </a:lnTo>
                        <a:lnTo>
                          <a:pt x="650" y="14"/>
                        </a:lnTo>
                      </a:path>
                    </a:pathLst>
                  </a:custGeom>
                  <a:solidFill>
                    <a:srgbClr val="002060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70" name="Freeform 19"/>
                  <p:cNvSpPr>
                    <a:spLocks/>
                  </p:cNvSpPr>
                  <p:nvPr/>
                </p:nvSpPr>
                <p:spPr bwMode="auto">
                  <a:xfrm>
                    <a:off x="4568" y="3099"/>
                    <a:ext cx="95" cy="174"/>
                  </a:xfrm>
                  <a:custGeom>
                    <a:avLst/>
                    <a:gdLst>
                      <a:gd name="T0" fmla="*/ 34 w 95"/>
                      <a:gd name="T1" fmla="*/ 32 h 174"/>
                      <a:gd name="T2" fmla="*/ 0 w 95"/>
                      <a:gd name="T3" fmla="*/ 0 h 174"/>
                      <a:gd name="T4" fmla="*/ 2 w 95"/>
                      <a:gd name="T5" fmla="*/ 7 h 174"/>
                      <a:gd name="T6" fmla="*/ 29 w 95"/>
                      <a:gd name="T7" fmla="*/ 37 h 174"/>
                      <a:gd name="T8" fmla="*/ 27 w 95"/>
                      <a:gd name="T9" fmla="*/ 40 h 174"/>
                      <a:gd name="T10" fmla="*/ 25 w 95"/>
                      <a:gd name="T11" fmla="*/ 40 h 174"/>
                      <a:gd name="T12" fmla="*/ 24 w 95"/>
                      <a:gd name="T13" fmla="*/ 39 h 174"/>
                      <a:gd name="T14" fmla="*/ 20 w 95"/>
                      <a:gd name="T15" fmla="*/ 39 h 174"/>
                      <a:gd name="T16" fmla="*/ 17 w 95"/>
                      <a:gd name="T17" fmla="*/ 37 h 174"/>
                      <a:gd name="T18" fmla="*/ 15 w 95"/>
                      <a:gd name="T19" fmla="*/ 37 h 174"/>
                      <a:gd name="T20" fmla="*/ 15 w 95"/>
                      <a:gd name="T21" fmla="*/ 39 h 174"/>
                      <a:gd name="T22" fmla="*/ 17 w 95"/>
                      <a:gd name="T23" fmla="*/ 42 h 174"/>
                      <a:gd name="T24" fmla="*/ 24 w 95"/>
                      <a:gd name="T25" fmla="*/ 49 h 174"/>
                      <a:gd name="T26" fmla="*/ 25 w 95"/>
                      <a:gd name="T27" fmla="*/ 49 h 174"/>
                      <a:gd name="T28" fmla="*/ 29 w 95"/>
                      <a:gd name="T29" fmla="*/ 49 h 174"/>
                      <a:gd name="T30" fmla="*/ 32 w 95"/>
                      <a:gd name="T31" fmla="*/ 47 h 174"/>
                      <a:gd name="T32" fmla="*/ 34 w 95"/>
                      <a:gd name="T33" fmla="*/ 45 h 174"/>
                      <a:gd name="T34" fmla="*/ 34 w 95"/>
                      <a:gd name="T35" fmla="*/ 45 h 174"/>
                      <a:gd name="T36" fmla="*/ 36 w 95"/>
                      <a:gd name="T37" fmla="*/ 45 h 174"/>
                      <a:gd name="T38" fmla="*/ 37 w 95"/>
                      <a:gd name="T39" fmla="*/ 47 h 174"/>
                      <a:gd name="T40" fmla="*/ 39 w 95"/>
                      <a:gd name="T41" fmla="*/ 49 h 174"/>
                      <a:gd name="T42" fmla="*/ 41 w 95"/>
                      <a:gd name="T43" fmla="*/ 54 h 174"/>
                      <a:gd name="T44" fmla="*/ 41 w 95"/>
                      <a:gd name="T45" fmla="*/ 61 h 174"/>
                      <a:gd name="T46" fmla="*/ 42 w 95"/>
                      <a:gd name="T47" fmla="*/ 73 h 174"/>
                      <a:gd name="T48" fmla="*/ 42 w 95"/>
                      <a:gd name="T49" fmla="*/ 89 h 174"/>
                      <a:gd name="T50" fmla="*/ 42 w 95"/>
                      <a:gd name="T51" fmla="*/ 91 h 174"/>
                      <a:gd name="T52" fmla="*/ 44 w 95"/>
                      <a:gd name="T53" fmla="*/ 93 h 174"/>
                      <a:gd name="T54" fmla="*/ 46 w 95"/>
                      <a:gd name="T55" fmla="*/ 96 h 174"/>
                      <a:gd name="T56" fmla="*/ 47 w 95"/>
                      <a:gd name="T57" fmla="*/ 101 h 174"/>
                      <a:gd name="T58" fmla="*/ 47 w 95"/>
                      <a:gd name="T59" fmla="*/ 105 h 174"/>
                      <a:gd name="T60" fmla="*/ 49 w 95"/>
                      <a:gd name="T61" fmla="*/ 108 h 174"/>
                      <a:gd name="T62" fmla="*/ 51 w 95"/>
                      <a:gd name="T63" fmla="*/ 110 h 174"/>
                      <a:gd name="T64" fmla="*/ 51 w 95"/>
                      <a:gd name="T65" fmla="*/ 111 h 174"/>
                      <a:gd name="T66" fmla="*/ 69 w 95"/>
                      <a:gd name="T67" fmla="*/ 135 h 174"/>
                      <a:gd name="T68" fmla="*/ 88 w 95"/>
                      <a:gd name="T69" fmla="*/ 174 h 174"/>
                      <a:gd name="T70" fmla="*/ 95 w 95"/>
                      <a:gd name="T71" fmla="*/ 171 h 174"/>
                      <a:gd name="T72" fmla="*/ 73 w 95"/>
                      <a:gd name="T73" fmla="*/ 133 h 174"/>
                      <a:gd name="T74" fmla="*/ 73 w 95"/>
                      <a:gd name="T75" fmla="*/ 132 h 174"/>
                      <a:gd name="T76" fmla="*/ 71 w 95"/>
                      <a:gd name="T77" fmla="*/ 132 h 174"/>
                      <a:gd name="T78" fmla="*/ 69 w 95"/>
                      <a:gd name="T79" fmla="*/ 130 h 174"/>
                      <a:gd name="T80" fmla="*/ 68 w 95"/>
                      <a:gd name="T81" fmla="*/ 127 h 174"/>
                      <a:gd name="T82" fmla="*/ 66 w 95"/>
                      <a:gd name="T83" fmla="*/ 123 h 174"/>
                      <a:gd name="T84" fmla="*/ 63 w 95"/>
                      <a:gd name="T85" fmla="*/ 120 h 174"/>
                      <a:gd name="T86" fmla="*/ 61 w 95"/>
                      <a:gd name="T87" fmla="*/ 117 h 174"/>
                      <a:gd name="T88" fmla="*/ 58 w 95"/>
                      <a:gd name="T89" fmla="*/ 111 h 174"/>
                      <a:gd name="T90" fmla="*/ 56 w 95"/>
                      <a:gd name="T91" fmla="*/ 106 h 174"/>
                      <a:gd name="T92" fmla="*/ 52 w 95"/>
                      <a:gd name="T93" fmla="*/ 101 h 174"/>
                      <a:gd name="T94" fmla="*/ 51 w 95"/>
                      <a:gd name="T95" fmla="*/ 96 h 174"/>
                      <a:gd name="T96" fmla="*/ 49 w 95"/>
                      <a:gd name="T97" fmla="*/ 89 h 174"/>
                      <a:gd name="T98" fmla="*/ 47 w 95"/>
                      <a:gd name="T99" fmla="*/ 83 h 174"/>
                      <a:gd name="T100" fmla="*/ 47 w 95"/>
                      <a:gd name="T101" fmla="*/ 78 h 174"/>
                      <a:gd name="T102" fmla="*/ 47 w 95"/>
                      <a:gd name="T103" fmla="*/ 71 h 174"/>
                      <a:gd name="T104" fmla="*/ 49 w 95"/>
                      <a:gd name="T105" fmla="*/ 64 h 174"/>
                      <a:gd name="T106" fmla="*/ 49 w 95"/>
                      <a:gd name="T107" fmla="*/ 62 h 174"/>
                      <a:gd name="T108" fmla="*/ 49 w 95"/>
                      <a:gd name="T109" fmla="*/ 61 h 174"/>
                      <a:gd name="T110" fmla="*/ 47 w 95"/>
                      <a:gd name="T111" fmla="*/ 57 h 174"/>
                      <a:gd name="T112" fmla="*/ 47 w 95"/>
                      <a:gd name="T113" fmla="*/ 54 h 174"/>
                      <a:gd name="T114" fmla="*/ 46 w 95"/>
                      <a:gd name="T115" fmla="*/ 52 h 174"/>
                      <a:gd name="T116" fmla="*/ 46 w 95"/>
                      <a:gd name="T117" fmla="*/ 49 h 174"/>
                      <a:gd name="T118" fmla="*/ 44 w 95"/>
                      <a:gd name="T119" fmla="*/ 47 h 174"/>
                      <a:gd name="T120" fmla="*/ 44 w 95"/>
                      <a:gd name="T121" fmla="*/ 47 h 174"/>
                      <a:gd name="T122" fmla="*/ 39 w 95"/>
                      <a:gd name="T123" fmla="*/ 39 h 174"/>
                      <a:gd name="T124" fmla="*/ 34 w 95"/>
                      <a:gd name="T125" fmla="*/ 32 h 174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60000 65536"/>
                      <a:gd name="T169" fmla="*/ 0 60000 65536"/>
                      <a:gd name="T170" fmla="*/ 0 60000 65536"/>
                      <a:gd name="T171" fmla="*/ 0 60000 65536"/>
                      <a:gd name="T172" fmla="*/ 0 60000 65536"/>
                      <a:gd name="T173" fmla="*/ 0 60000 65536"/>
                      <a:gd name="T174" fmla="*/ 0 60000 65536"/>
                      <a:gd name="T175" fmla="*/ 0 60000 65536"/>
                      <a:gd name="T176" fmla="*/ 0 60000 65536"/>
                      <a:gd name="T177" fmla="*/ 0 60000 65536"/>
                      <a:gd name="T178" fmla="*/ 0 60000 65536"/>
                      <a:gd name="T179" fmla="*/ 0 60000 65536"/>
                      <a:gd name="T180" fmla="*/ 0 60000 65536"/>
                      <a:gd name="T181" fmla="*/ 0 60000 65536"/>
                      <a:gd name="T182" fmla="*/ 0 60000 65536"/>
                      <a:gd name="T183" fmla="*/ 0 60000 65536"/>
                      <a:gd name="T184" fmla="*/ 0 60000 65536"/>
                      <a:gd name="T185" fmla="*/ 0 60000 65536"/>
                      <a:gd name="T186" fmla="*/ 0 60000 65536"/>
                      <a:gd name="T187" fmla="*/ 0 60000 65536"/>
                      <a:gd name="T188" fmla="*/ 0 60000 65536"/>
                      <a:gd name="T189" fmla="*/ 0 w 95"/>
                      <a:gd name="T190" fmla="*/ 0 h 174"/>
                      <a:gd name="T191" fmla="*/ 95 w 95"/>
                      <a:gd name="T192" fmla="*/ 174 h 174"/>
                    </a:gdLst>
                    <a:ahLst/>
                    <a:cxnLst>
                      <a:cxn ang="T126">
                        <a:pos x="T0" y="T1"/>
                      </a:cxn>
                      <a:cxn ang="T127">
                        <a:pos x="T2" y="T3"/>
                      </a:cxn>
                      <a:cxn ang="T128">
                        <a:pos x="T4" y="T5"/>
                      </a:cxn>
                      <a:cxn ang="T129">
                        <a:pos x="T6" y="T7"/>
                      </a:cxn>
                      <a:cxn ang="T130">
                        <a:pos x="T8" y="T9"/>
                      </a:cxn>
                      <a:cxn ang="T131">
                        <a:pos x="T10" y="T11"/>
                      </a:cxn>
                      <a:cxn ang="T132">
                        <a:pos x="T12" y="T13"/>
                      </a:cxn>
                      <a:cxn ang="T133">
                        <a:pos x="T14" y="T15"/>
                      </a:cxn>
                      <a:cxn ang="T134">
                        <a:pos x="T16" y="T17"/>
                      </a:cxn>
                      <a:cxn ang="T135">
                        <a:pos x="T18" y="T19"/>
                      </a:cxn>
                      <a:cxn ang="T136">
                        <a:pos x="T20" y="T21"/>
                      </a:cxn>
                      <a:cxn ang="T137">
                        <a:pos x="T22" y="T23"/>
                      </a:cxn>
                      <a:cxn ang="T138">
                        <a:pos x="T24" y="T25"/>
                      </a:cxn>
                      <a:cxn ang="T139">
                        <a:pos x="T26" y="T27"/>
                      </a:cxn>
                      <a:cxn ang="T140">
                        <a:pos x="T28" y="T29"/>
                      </a:cxn>
                      <a:cxn ang="T141">
                        <a:pos x="T30" y="T31"/>
                      </a:cxn>
                      <a:cxn ang="T142">
                        <a:pos x="T32" y="T33"/>
                      </a:cxn>
                      <a:cxn ang="T143">
                        <a:pos x="T34" y="T35"/>
                      </a:cxn>
                      <a:cxn ang="T144">
                        <a:pos x="T36" y="T37"/>
                      </a:cxn>
                      <a:cxn ang="T145">
                        <a:pos x="T38" y="T39"/>
                      </a:cxn>
                      <a:cxn ang="T146">
                        <a:pos x="T40" y="T41"/>
                      </a:cxn>
                      <a:cxn ang="T147">
                        <a:pos x="T42" y="T43"/>
                      </a:cxn>
                      <a:cxn ang="T148">
                        <a:pos x="T44" y="T45"/>
                      </a:cxn>
                      <a:cxn ang="T149">
                        <a:pos x="T46" y="T47"/>
                      </a:cxn>
                      <a:cxn ang="T150">
                        <a:pos x="T48" y="T49"/>
                      </a:cxn>
                      <a:cxn ang="T151">
                        <a:pos x="T50" y="T51"/>
                      </a:cxn>
                      <a:cxn ang="T152">
                        <a:pos x="T52" y="T53"/>
                      </a:cxn>
                      <a:cxn ang="T153">
                        <a:pos x="T54" y="T55"/>
                      </a:cxn>
                      <a:cxn ang="T154">
                        <a:pos x="T56" y="T57"/>
                      </a:cxn>
                      <a:cxn ang="T155">
                        <a:pos x="T58" y="T59"/>
                      </a:cxn>
                      <a:cxn ang="T156">
                        <a:pos x="T60" y="T61"/>
                      </a:cxn>
                      <a:cxn ang="T157">
                        <a:pos x="T62" y="T63"/>
                      </a:cxn>
                      <a:cxn ang="T158">
                        <a:pos x="T64" y="T65"/>
                      </a:cxn>
                      <a:cxn ang="T159">
                        <a:pos x="T66" y="T67"/>
                      </a:cxn>
                      <a:cxn ang="T160">
                        <a:pos x="T68" y="T69"/>
                      </a:cxn>
                      <a:cxn ang="T161">
                        <a:pos x="T70" y="T71"/>
                      </a:cxn>
                      <a:cxn ang="T162">
                        <a:pos x="T72" y="T73"/>
                      </a:cxn>
                      <a:cxn ang="T163">
                        <a:pos x="T74" y="T75"/>
                      </a:cxn>
                      <a:cxn ang="T164">
                        <a:pos x="T76" y="T77"/>
                      </a:cxn>
                      <a:cxn ang="T165">
                        <a:pos x="T78" y="T79"/>
                      </a:cxn>
                      <a:cxn ang="T166">
                        <a:pos x="T80" y="T81"/>
                      </a:cxn>
                      <a:cxn ang="T167">
                        <a:pos x="T82" y="T83"/>
                      </a:cxn>
                      <a:cxn ang="T168">
                        <a:pos x="T84" y="T85"/>
                      </a:cxn>
                      <a:cxn ang="T169">
                        <a:pos x="T86" y="T87"/>
                      </a:cxn>
                      <a:cxn ang="T170">
                        <a:pos x="T88" y="T89"/>
                      </a:cxn>
                      <a:cxn ang="T171">
                        <a:pos x="T90" y="T91"/>
                      </a:cxn>
                      <a:cxn ang="T172">
                        <a:pos x="T92" y="T93"/>
                      </a:cxn>
                      <a:cxn ang="T173">
                        <a:pos x="T94" y="T95"/>
                      </a:cxn>
                      <a:cxn ang="T174">
                        <a:pos x="T96" y="T97"/>
                      </a:cxn>
                      <a:cxn ang="T175">
                        <a:pos x="T98" y="T99"/>
                      </a:cxn>
                      <a:cxn ang="T176">
                        <a:pos x="T100" y="T101"/>
                      </a:cxn>
                      <a:cxn ang="T177">
                        <a:pos x="T102" y="T103"/>
                      </a:cxn>
                      <a:cxn ang="T178">
                        <a:pos x="T104" y="T105"/>
                      </a:cxn>
                      <a:cxn ang="T179">
                        <a:pos x="T106" y="T107"/>
                      </a:cxn>
                      <a:cxn ang="T180">
                        <a:pos x="T108" y="T109"/>
                      </a:cxn>
                      <a:cxn ang="T181">
                        <a:pos x="T110" y="T111"/>
                      </a:cxn>
                      <a:cxn ang="T182">
                        <a:pos x="T112" y="T113"/>
                      </a:cxn>
                      <a:cxn ang="T183">
                        <a:pos x="T114" y="T115"/>
                      </a:cxn>
                      <a:cxn ang="T184">
                        <a:pos x="T116" y="T117"/>
                      </a:cxn>
                      <a:cxn ang="T185">
                        <a:pos x="T118" y="T119"/>
                      </a:cxn>
                      <a:cxn ang="T186">
                        <a:pos x="T120" y="T121"/>
                      </a:cxn>
                      <a:cxn ang="T187">
                        <a:pos x="T122" y="T123"/>
                      </a:cxn>
                      <a:cxn ang="T188">
                        <a:pos x="T124" y="T125"/>
                      </a:cxn>
                    </a:cxnLst>
                    <a:rect l="T189" t="T190" r="T191" b="T192"/>
                    <a:pathLst>
                      <a:path w="95" h="174">
                        <a:moveTo>
                          <a:pt x="34" y="32"/>
                        </a:moveTo>
                        <a:lnTo>
                          <a:pt x="0" y="0"/>
                        </a:lnTo>
                        <a:lnTo>
                          <a:pt x="2" y="7"/>
                        </a:lnTo>
                        <a:lnTo>
                          <a:pt x="29" y="37"/>
                        </a:lnTo>
                        <a:lnTo>
                          <a:pt x="27" y="40"/>
                        </a:lnTo>
                        <a:lnTo>
                          <a:pt x="25" y="40"/>
                        </a:lnTo>
                        <a:lnTo>
                          <a:pt x="24" y="39"/>
                        </a:lnTo>
                        <a:lnTo>
                          <a:pt x="20" y="39"/>
                        </a:lnTo>
                        <a:lnTo>
                          <a:pt x="17" y="37"/>
                        </a:lnTo>
                        <a:lnTo>
                          <a:pt x="15" y="37"/>
                        </a:lnTo>
                        <a:lnTo>
                          <a:pt x="15" y="39"/>
                        </a:lnTo>
                        <a:lnTo>
                          <a:pt x="17" y="42"/>
                        </a:lnTo>
                        <a:lnTo>
                          <a:pt x="24" y="49"/>
                        </a:lnTo>
                        <a:lnTo>
                          <a:pt x="25" y="49"/>
                        </a:lnTo>
                        <a:lnTo>
                          <a:pt x="29" y="49"/>
                        </a:lnTo>
                        <a:lnTo>
                          <a:pt x="32" y="47"/>
                        </a:lnTo>
                        <a:lnTo>
                          <a:pt x="34" y="45"/>
                        </a:lnTo>
                        <a:lnTo>
                          <a:pt x="36" y="45"/>
                        </a:lnTo>
                        <a:lnTo>
                          <a:pt x="37" y="47"/>
                        </a:lnTo>
                        <a:lnTo>
                          <a:pt x="39" y="49"/>
                        </a:lnTo>
                        <a:lnTo>
                          <a:pt x="41" y="54"/>
                        </a:lnTo>
                        <a:lnTo>
                          <a:pt x="41" y="61"/>
                        </a:lnTo>
                        <a:lnTo>
                          <a:pt x="42" y="73"/>
                        </a:lnTo>
                        <a:lnTo>
                          <a:pt x="42" y="89"/>
                        </a:lnTo>
                        <a:lnTo>
                          <a:pt x="42" y="91"/>
                        </a:lnTo>
                        <a:lnTo>
                          <a:pt x="44" y="93"/>
                        </a:lnTo>
                        <a:lnTo>
                          <a:pt x="46" y="96"/>
                        </a:lnTo>
                        <a:lnTo>
                          <a:pt x="47" y="101"/>
                        </a:lnTo>
                        <a:lnTo>
                          <a:pt x="47" y="105"/>
                        </a:lnTo>
                        <a:lnTo>
                          <a:pt x="49" y="108"/>
                        </a:lnTo>
                        <a:lnTo>
                          <a:pt x="51" y="110"/>
                        </a:lnTo>
                        <a:lnTo>
                          <a:pt x="51" y="111"/>
                        </a:lnTo>
                        <a:lnTo>
                          <a:pt x="69" y="135"/>
                        </a:lnTo>
                        <a:lnTo>
                          <a:pt x="88" y="174"/>
                        </a:lnTo>
                        <a:lnTo>
                          <a:pt x="95" y="171"/>
                        </a:lnTo>
                        <a:lnTo>
                          <a:pt x="73" y="133"/>
                        </a:lnTo>
                        <a:lnTo>
                          <a:pt x="73" y="132"/>
                        </a:lnTo>
                        <a:lnTo>
                          <a:pt x="71" y="132"/>
                        </a:lnTo>
                        <a:lnTo>
                          <a:pt x="69" y="130"/>
                        </a:lnTo>
                        <a:lnTo>
                          <a:pt x="68" y="127"/>
                        </a:lnTo>
                        <a:lnTo>
                          <a:pt x="66" y="123"/>
                        </a:lnTo>
                        <a:lnTo>
                          <a:pt x="63" y="120"/>
                        </a:lnTo>
                        <a:lnTo>
                          <a:pt x="61" y="117"/>
                        </a:lnTo>
                        <a:lnTo>
                          <a:pt x="58" y="111"/>
                        </a:lnTo>
                        <a:lnTo>
                          <a:pt x="56" y="106"/>
                        </a:lnTo>
                        <a:lnTo>
                          <a:pt x="52" y="101"/>
                        </a:lnTo>
                        <a:lnTo>
                          <a:pt x="51" y="96"/>
                        </a:lnTo>
                        <a:lnTo>
                          <a:pt x="49" y="89"/>
                        </a:lnTo>
                        <a:lnTo>
                          <a:pt x="47" y="83"/>
                        </a:lnTo>
                        <a:lnTo>
                          <a:pt x="47" y="78"/>
                        </a:lnTo>
                        <a:lnTo>
                          <a:pt x="47" y="71"/>
                        </a:lnTo>
                        <a:lnTo>
                          <a:pt x="49" y="64"/>
                        </a:lnTo>
                        <a:lnTo>
                          <a:pt x="49" y="62"/>
                        </a:lnTo>
                        <a:lnTo>
                          <a:pt x="49" y="61"/>
                        </a:lnTo>
                        <a:lnTo>
                          <a:pt x="47" y="57"/>
                        </a:lnTo>
                        <a:lnTo>
                          <a:pt x="47" y="54"/>
                        </a:lnTo>
                        <a:lnTo>
                          <a:pt x="46" y="52"/>
                        </a:lnTo>
                        <a:lnTo>
                          <a:pt x="46" y="49"/>
                        </a:lnTo>
                        <a:lnTo>
                          <a:pt x="44" y="47"/>
                        </a:lnTo>
                        <a:lnTo>
                          <a:pt x="39" y="39"/>
                        </a:lnTo>
                        <a:lnTo>
                          <a:pt x="34" y="32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71" name="Freeform 20"/>
                  <p:cNvSpPr>
                    <a:spLocks/>
                  </p:cNvSpPr>
                  <p:nvPr/>
                </p:nvSpPr>
                <p:spPr bwMode="auto">
                  <a:xfrm>
                    <a:off x="4568" y="3099"/>
                    <a:ext cx="95" cy="174"/>
                  </a:xfrm>
                  <a:custGeom>
                    <a:avLst/>
                    <a:gdLst>
                      <a:gd name="T0" fmla="*/ 0 w 95"/>
                      <a:gd name="T1" fmla="*/ 0 h 174"/>
                      <a:gd name="T2" fmla="*/ 29 w 95"/>
                      <a:gd name="T3" fmla="*/ 37 h 174"/>
                      <a:gd name="T4" fmla="*/ 27 w 95"/>
                      <a:gd name="T5" fmla="*/ 40 h 174"/>
                      <a:gd name="T6" fmla="*/ 24 w 95"/>
                      <a:gd name="T7" fmla="*/ 39 h 174"/>
                      <a:gd name="T8" fmla="*/ 17 w 95"/>
                      <a:gd name="T9" fmla="*/ 37 h 174"/>
                      <a:gd name="T10" fmla="*/ 15 w 95"/>
                      <a:gd name="T11" fmla="*/ 39 h 174"/>
                      <a:gd name="T12" fmla="*/ 24 w 95"/>
                      <a:gd name="T13" fmla="*/ 49 h 174"/>
                      <a:gd name="T14" fmla="*/ 25 w 95"/>
                      <a:gd name="T15" fmla="*/ 49 h 174"/>
                      <a:gd name="T16" fmla="*/ 32 w 95"/>
                      <a:gd name="T17" fmla="*/ 47 h 174"/>
                      <a:gd name="T18" fmla="*/ 34 w 95"/>
                      <a:gd name="T19" fmla="*/ 45 h 174"/>
                      <a:gd name="T20" fmla="*/ 36 w 95"/>
                      <a:gd name="T21" fmla="*/ 45 h 174"/>
                      <a:gd name="T22" fmla="*/ 39 w 95"/>
                      <a:gd name="T23" fmla="*/ 49 h 174"/>
                      <a:gd name="T24" fmla="*/ 41 w 95"/>
                      <a:gd name="T25" fmla="*/ 61 h 174"/>
                      <a:gd name="T26" fmla="*/ 42 w 95"/>
                      <a:gd name="T27" fmla="*/ 89 h 174"/>
                      <a:gd name="T28" fmla="*/ 42 w 95"/>
                      <a:gd name="T29" fmla="*/ 91 h 174"/>
                      <a:gd name="T30" fmla="*/ 46 w 95"/>
                      <a:gd name="T31" fmla="*/ 96 h 174"/>
                      <a:gd name="T32" fmla="*/ 47 w 95"/>
                      <a:gd name="T33" fmla="*/ 105 h 174"/>
                      <a:gd name="T34" fmla="*/ 51 w 95"/>
                      <a:gd name="T35" fmla="*/ 110 h 174"/>
                      <a:gd name="T36" fmla="*/ 69 w 95"/>
                      <a:gd name="T37" fmla="*/ 135 h 174"/>
                      <a:gd name="T38" fmla="*/ 95 w 95"/>
                      <a:gd name="T39" fmla="*/ 171 h 174"/>
                      <a:gd name="T40" fmla="*/ 73 w 95"/>
                      <a:gd name="T41" fmla="*/ 133 h 174"/>
                      <a:gd name="T42" fmla="*/ 71 w 95"/>
                      <a:gd name="T43" fmla="*/ 132 h 174"/>
                      <a:gd name="T44" fmla="*/ 68 w 95"/>
                      <a:gd name="T45" fmla="*/ 127 h 174"/>
                      <a:gd name="T46" fmla="*/ 63 w 95"/>
                      <a:gd name="T47" fmla="*/ 120 h 174"/>
                      <a:gd name="T48" fmla="*/ 58 w 95"/>
                      <a:gd name="T49" fmla="*/ 111 h 174"/>
                      <a:gd name="T50" fmla="*/ 52 w 95"/>
                      <a:gd name="T51" fmla="*/ 101 h 174"/>
                      <a:gd name="T52" fmla="*/ 49 w 95"/>
                      <a:gd name="T53" fmla="*/ 89 h 174"/>
                      <a:gd name="T54" fmla="*/ 47 w 95"/>
                      <a:gd name="T55" fmla="*/ 78 h 174"/>
                      <a:gd name="T56" fmla="*/ 49 w 95"/>
                      <a:gd name="T57" fmla="*/ 64 h 174"/>
                      <a:gd name="T58" fmla="*/ 49 w 95"/>
                      <a:gd name="T59" fmla="*/ 62 h 174"/>
                      <a:gd name="T60" fmla="*/ 47 w 95"/>
                      <a:gd name="T61" fmla="*/ 57 h 174"/>
                      <a:gd name="T62" fmla="*/ 46 w 95"/>
                      <a:gd name="T63" fmla="*/ 52 h 174"/>
                      <a:gd name="T64" fmla="*/ 44 w 95"/>
                      <a:gd name="T65" fmla="*/ 47 h 174"/>
                      <a:gd name="T66" fmla="*/ 39 w 95"/>
                      <a:gd name="T67" fmla="*/ 39 h 174"/>
                      <a:gd name="T68" fmla="*/ 0 60000 65536"/>
                      <a:gd name="T69" fmla="*/ 0 60000 65536"/>
                      <a:gd name="T70" fmla="*/ 0 60000 65536"/>
                      <a:gd name="T71" fmla="*/ 0 60000 65536"/>
                      <a:gd name="T72" fmla="*/ 0 60000 65536"/>
                      <a:gd name="T73" fmla="*/ 0 60000 65536"/>
                      <a:gd name="T74" fmla="*/ 0 60000 65536"/>
                      <a:gd name="T75" fmla="*/ 0 60000 65536"/>
                      <a:gd name="T76" fmla="*/ 0 60000 65536"/>
                      <a:gd name="T77" fmla="*/ 0 60000 65536"/>
                      <a:gd name="T78" fmla="*/ 0 60000 65536"/>
                      <a:gd name="T79" fmla="*/ 0 60000 65536"/>
                      <a:gd name="T80" fmla="*/ 0 60000 65536"/>
                      <a:gd name="T81" fmla="*/ 0 60000 65536"/>
                      <a:gd name="T82" fmla="*/ 0 60000 65536"/>
                      <a:gd name="T83" fmla="*/ 0 60000 65536"/>
                      <a:gd name="T84" fmla="*/ 0 60000 65536"/>
                      <a:gd name="T85" fmla="*/ 0 60000 65536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w 95"/>
                      <a:gd name="T103" fmla="*/ 0 h 174"/>
                      <a:gd name="T104" fmla="*/ 95 w 95"/>
                      <a:gd name="T105" fmla="*/ 174 h 174"/>
                    </a:gdLst>
                    <a:ahLst/>
                    <a:cxnLst>
                      <a:cxn ang="T68">
                        <a:pos x="T0" y="T1"/>
                      </a:cxn>
                      <a:cxn ang="T69">
                        <a:pos x="T2" y="T3"/>
                      </a:cxn>
                      <a:cxn ang="T70">
                        <a:pos x="T4" y="T5"/>
                      </a:cxn>
                      <a:cxn ang="T71">
                        <a:pos x="T6" y="T7"/>
                      </a:cxn>
                      <a:cxn ang="T72">
                        <a:pos x="T8" y="T9"/>
                      </a:cxn>
                      <a:cxn ang="T73">
                        <a:pos x="T10" y="T11"/>
                      </a:cxn>
                      <a:cxn ang="T74">
                        <a:pos x="T12" y="T13"/>
                      </a:cxn>
                      <a:cxn ang="T75">
                        <a:pos x="T14" y="T15"/>
                      </a:cxn>
                      <a:cxn ang="T76">
                        <a:pos x="T16" y="T17"/>
                      </a:cxn>
                      <a:cxn ang="T77">
                        <a:pos x="T18" y="T19"/>
                      </a:cxn>
                      <a:cxn ang="T78">
                        <a:pos x="T20" y="T21"/>
                      </a:cxn>
                      <a:cxn ang="T79">
                        <a:pos x="T22" y="T23"/>
                      </a:cxn>
                      <a:cxn ang="T80">
                        <a:pos x="T24" y="T25"/>
                      </a:cxn>
                      <a:cxn ang="T81">
                        <a:pos x="T26" y="T27"/>
                      </a:cxn>
                      <a:cxn ang="T82">
                        <a:pos x="T28" y="T29"/>
                      </a:cxn>
                      <a:cxn ang="T83">
                        <a:pos x="T30" y="T31"/>
                      </a:cxn>
                      <a:cxn ang="T84">
                        <a:pos x="T32" y="T33"/>
                      </a:cxn>
                      <a:cxn ang="T85">
                        <a:pos x="T34" y="T35"/>
                      </a:cxn>
                      <a:cxn ang="T86">
                        <a:pos x="T36" y="T37"/>
                      </a:cxn>
                      <a:cxn ang="T87">
                        <a:pos x="T38" y="T39"/>
                      </a:cxn>
                      <a:cxn ang="T88">
                        <a:pos x="T40" y="T41"/>
                      </a:cxn>
                      <a:cxn ang="T89">
                        <a:pos x="T42" y="T43"/>
                      </a:cxn>
                      <a:cxn ang="T90">
                        <a:pos x="T44" y="T45"/>
                      </a:cxn>
                      <a:cxn ang="T91">
                        <a:pos x="T46" y="T47"/>
                      </a:cxn>
                      <a:cxn ang="T92">
                        <a:pos x="T48" y="T49"/>
                      </a:cxn>
                      <a:cxn ang="T93">
                        <a:pos x="T50" y="T51"/>
                      </a:cxn>
                      <a:cxn ang="T94">
                        <a:pos x="T52" y="T53"/>
                      </a:cxn>
                      <a:cxn ang="T95">
                        <a:pos x="T54" y="T55"/>
                      </a:cxn>
                      <a:cxn ang="T96">
                        <a:pos x="T56" y="T57"/>
                      </a:cxn>
                      <a:cxn ang="T97">
                        <a:pos x="T58" y="T59"/>
                      </a:cxn>
                      <a:cxn ang="T98">
                        <a:pos x="T60" y="T61"/>
                      </a:cxn>
                      <a:cxn ang="T99">
                        <a:pos x="T62" y="T63"/>
                      </a:cxn>
                      <a:cxn ang="T100">
                        <a:pos x="T64" y="T65"/>
                      </a:cxn>
                      <a:cxn ang="T101">
                        <a:pos x="T66" y="T67"/>
                      </a:cxn>
                    </a:cxnLst>
                    <a:rect l="T102" t="T103" r="T104" b="T105"/>
                    <a:pathLst>
                      <a:path w="95" h="174">
                        <a:moveTo>
                          <a:pt x="34" y="32"/>
                        </a:moveTo>
                        <a:lnTo>
                          <a:pt x="0" y="0"/>
                        </a:lnTo>
                        <a:lnTo>
                          <a:pt x="2" y="7"/>
                        </a:lnTo>
                        <a:lnTo>
                          <a:pt x="29" y="37"/>
                        </a:lnTo>
                        <a:lnTo>
                          <a:pt x="27" y="40"/>
                        </a:lnTo>
                        <a:lnTo>
                          <a:pt x="25" y="40"/>
                        </a:lnTo>
                        <a:lnTo>
                          <a:pt x="24" y="39"/>
                        </a:lnTo>
                        <a:lnTo>
                          <a:pt x="20" y="39"/>
                        </a:lnTo>
                        <a:lnTo>
                          <a:pt x="17" y="37"/>
                        </a:lnTo>
                        <a:lnTo>
                          <a:pt x="15" y="37"/>
                        </a:lnTo>
                        <a:lnTo>
                          <a:pt x="15" y="39"/>
                        </a:lnTo>
                        <a:lnTo>
                          <a:pt x="17" y="42"/>
                        </a:lnTo>
                        <a:lnTo>
                          <a:pt x="24" y="49"/>
                        </a:lnTo>
                        <a:lnTo>
                          <a:pt x="25" y="49"/>
                        </a:lnTo>
                        <a:lnTo>
                          <a:pt x="29" y="49"/>
                        </a:lnTo>
                        <a:lnTo>
                          <a:pt x="32" y="47"/>
                        </a:lnTo>
                        <a:lnTo>
                          <a:pt x="34" y="45"/>
                        </a:lnTo>
                        <a:lnTo>
                          <a:pt x="36" y="45"/>
                        </a:lnTo>
                        <a:lnTo>
                          <a:pt x="37" y="47"/>
                        </a:lnTo>
                        <a:lnTo>
                          <a:pt x="39" y="49"/>
                        </a:lnTo>
                        <a:lnTo>
                          <a:pt x="41" y="54"/>
                        </a:lnTo>
                        <a:lnTo>
                          <a:pt x="41" y="61"/>
                        </a:lnTo>
                        <a:lnTo>
                          <a:pt x="42" y="73"/>
                        </a:lnTo>
                        <a:lnTo>
                          <a:pt x="42" y="89"/>
                        </a:lnTo>
                        <a:lnTo>
                          <a:pt x="42" y="91"/>
                        </a:lnTo>
                        <a:lnTo>
                          <a:pt x="44" y="93"/>
                        </a:lnTo>
                        <a:lnTo>
                          <a:pt x="46" y="96"/>
                        </a:lnTo>
                        <a:lnTo>
                          <a:pt x="47" y="101"/>
                        </a:lnTo>
                        <a:lnTo>
                          <a:pt x="47" y="105"/>
                        </a:lnTo>
                        <a:lnTo>
                          <a:pt x="49" y="108"/>
                        </a:lnTo>
                        <a:lnTo>
                          <a:pt x="51" y="110"/>
                        </a:lnTo>
                        <a:lnTo>
                          <a:pt x="51" y="111"/>
                        </a:lnTo>
                        <a:lnTo>
                          <a:pt x="69" y="135"/>
                        </a:lnTo>
                        <a:lnTo>
                          <a:pt x="88" y="174"/>
                        </a:lnTo>
                        <a:lnTo>
                          <a:pt x="95" y="171"/>
                        </a:lnTo>
                        <a:lnTo>
                          <a:pt x="73" y="133"/>
                        </a:lnTo>
                        <a:lnTo>
                          <a:pt x="73" y="132"/>
                        </a:lnTo>
                        <a:lnTo>
                          <a:pt x="71" y="132"/>
                        </a:lnTo>
                        <a:lnTo>
                          <a:pt x="69" y="130"/>
                        </a:lnTo>
                        <a:lnTo>
                          <a:pt x="68" y="127"/>
                        </a:lnTo>
                        <a:lnTo>
                          <a:pt x="66" y="123"/>
                        </a:lnTo>
                        <a:lnTo>
                          <a:pt x="63" y="120"/>
                        </a:lnTo>
                        <a:lnTo>
                          <a:pt x="61" y="117"/>
                        </a:lnTo>
                        <a:lnTo>
                          <a:pt x="58" y="111"/>
                        </a:lnTo>
                        <a:lnTo>
                          <a:pt x="56" y="106"/>
                        </a:lnTo>
                        <a:lnTo>
                          <a:pt x="52" y="101"/>
                        </a:lnTo>
                        <a:lnTo>
                          <a:pt x="51" y="96"/>
                        </a:lnTo>
                        <a:lnTo>
                          <a:pt x="49" y="89"/>
                        </a:lnTo>
                        <a:lnTo>
                          <a:pt x="47" y="83"/>
                        </a:lnTo>
                        <a:lnTo>
                          <a:pt x="47" y="78"/>
                        </a:lnTo>
                        <a:lnTo>
                          <a:pt x="47" y="71"/>
                        </a:lnTo>
                        <a:lnTo>
                          <a:pt x="49" y="64"/>
                        </a:lnTo>
                        <a:lnTo>
                          <a:pt x="49" y="62"/>
                        </a:lnTo>
                        <a:lnTo>
                          <a:pt x="49" y="61"/>
                        </a:lnTo>
                        <a:lnTo>
                          <a:pt x="47" y="57"/>
                        </a:lnTo>
                        <a:lnTo>
                          <a:pt x="47" y="54"/>
                        </a:lnTo>
                        <a:lnTo>
                          <a:pt x="46" y="52"/>
                        </a:lnTo>
                        <a:lnTo>
                          <a:pt x="46" y="49"/>
                        </a:lnTo>
                        <a:lnTo>
                          <a:pt x="44" y="47"/>
                        </a:lnTo>
                        <a:lnTo>
                          <a:pt x="39" y="39"/>
                        </a:lnTo>
                        <a:lnTo>
                          <a:pt x="34" y="32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72" name="Freeform 21"/>
                  <p:cNvSpPr>
                    <a:spLocks/>
                  </p:cNvSpPr>
                  <p:nvPr/>
                </p:nvSpPr>
                <p:spPr bwMode="auto">
                  <a:xfrm>
                    <a:off x="4595" y="3150"/>
                    <a:ext cx="12" cy="37"/>
                  </a:xfrm>
                  <a:custGeom>
                    <a:avLst/>
                    <a:gdLst>
                      <a:gd name="T0" fmla="*/ 10 w 12"/>
                      <a:gd name="T1" fmla="*/ 10 h 37"/>
                      <a:gd name="T2" fmla="*/ 10 w 12"/>
                      <a:gd name="T3" fmla="*/ 8 h 37"/>
                      <a:gd name="T4" fmla="*/ 9 w 12"/>
                      <a:gd name="T5" fmla="*/ 6 h 37"/>
                      <a:gd name="T6" fmla="*/ 9 w 12"/>
                      <a:gd name="T7" fmla="*/ 3 h 37"/>
                      <a:gd name="T8" fmla="*/ 9 w 12"/>
                      <a:gd name="T9" fmla="*/ 1 h 37"/>
                      <a:gd name="T10" fmla="*/ 7 w 12"/>
                      <a:gd name="T11" fmla="*/ 0 h 37"/>
                      <a:gd name="T12" fmla="*/ 5 w 12"/>
                      <a:gd name="T13" fmla="*/ 0 h 37"/>
                      <a:gd name="T14" fmla="*/ 2 w 12"/>
                      <a:gd name="T15" fmla="*/ 3 h 37"/>
                      <a:gd name="T16" fmla="*/ 0 w 12"/>
                      <a:gd name="T17" fmla="*/ 10 h 37"/>
                      <a:gd name="T18" fmla="*/ 0 w 12"/>
                      <a:gd name="T19" fmla="*/ 11 h 37"/>
                      <a:gd name="T20" fmla="*/ 0 w 12"/>
                      <a:gd name="T21" fmla="*/ 13 h 37"/>
                      <a:gd name="T22" fmla="*/ 2 w 12"/>
                      <a:gd name="T23" fmla="*/ 15 h 37"/>
                      <a:gd name="T24" fmla="*/ 2 w 12"/>
                      <a:gd name="T25" fmla="*/ 18 h 37"/>
                      <a:gd name="T26" fmla="*/ 3 w 12"/>
                      <a:gd name="T27" fmla="*/ 20 h 37"/>
                      <a:gd name="T28" fmla="*/ 3 w 12"/>
                      <a:gd name="T29" fmla="*/ 22 h 37"/>
                      <a:gd name="T30" fmla="*/ 5 w 12"/>
                      <a:gd name="T31" fmla="*/ 23 h 37"/>
                      <a:gd name="T32" fmla="*/ 5 w 12"/>
                      <a:gd name="T33" fmla="*/ 25 h 37"/>
                      <a:gd name="T34" fmla="*/ 12 w 12"/>
                      <a:gd name="T35" fmla="*/ 37 h 37"/>
                      <a:gd name="T36" fmla="*/ 10 w 12"/>
                      <a:gd name="T37" fmla="*/ 10 h 37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w 12"/>
                      <a:gd name="T58" fmla="*/ 0 h 37"/>
                      <a:gd name="T59" fmla="*/ 12 w 12"/>
                      <a:gd name="T60" fmla="*/ 37 h 37"/>
                    </a:gdLst>
                    <a:ahLst/>
                    <a:cxnLst>
                      <a:cxn ang="T38">
                        <a:pos x="T0" y="T1"/>
                      </a:cxn>
                      <a:cxn ang="T39">
                        <a:pos x="T2" y="T3"/>
                      </a:cxn>
                      <a:cxn ang="T40">
                        <a:pos x="T4" y="T5"/>
                      </a:cxn>
                      <a:cxn ang="T41">
                        <a:pos x="T6" y="T7"/>
                      </a:cxn>
                      <a:cxn ang="T42">
                        <a:pos x="T8" y="T9"/>
                      </a:cxn>
                      <a:cxn ang="T43">
                        <a:pos x="T10" y="T11"/>
                      </a:cxn>
                      <a:cxn ang="T44">
                        <a:pos x="T12" y="T13"/>
                      </a:cxn>
                      <a:cxn ang="T45">
                        <a:pos x="T14" y="T15"/>
                      </a:cxn>
                      <a:cxn ang="T46">
                        <a:pos x="T16" y="T17"/>
                      </a:cxn>
                      <a:cxn ang="T47">
                        <a:pos x="T18" y="T19"/>
                      </a:cxn>
                      <a:cxn ang="T48">
                        <a:pos x="T20" y="T21"/>
                      </a:cxn>
                      <a:cxn ang="T49">
                        <a:pos x="T22" y="T23"/>
                      </a:cxn>
                      <a:cxn ang="T50">
                        <a:pos x="T24" y="T25"/>
                      </a:cxn>
                      <a:cxn ang="T51">
                        <a:pos x="T26" y="T27"/>
                      </a:cxn>
                      <a:cxn ang="T52">
                        <a:pos x="T28" y="T29"/>
                      </a:cxn>
                      <a:cxn ang="T53">
                        <a:pos x="T30" y="T31"/>
                      </a:cxn>
                      <a:cxn ang="T54">
                        <a:pos x="T32" y="T33"/>
                      </a:cxn>
                      <a:cxn ang="T55">
                        <a:pos x="T34" y="T35"/>
                      </a:cxn>
                      <a:cxn ang="T56">
                        <a:pos x="T36" y="T37"/>
                      </a:cxn>
                    </a:cxnLst>
                    <a:rect l="T57" t="T58" r="T59" b="T60"/>
                    <a:pathLst>
                      <a:path w="12" h="37">
                        <a:moveTo>
                          <a:pt x="10" y="10"/>
                        </a:moveTo>
                        <a:lnTo>
                          <a:pt x="10" y="8"/>
                        </a:lnTo>
                        <a:lnTo>
                          <a:pt x="9" y="6"/>
                        </a:lnTo>
                        <a:lnTo>
                          <a:pt x="9" y="3"/>
                        </a:lnTo>
                        <a:lnTo>
                          <a:pt x="9" y="1"/>
                        </a:lnTo>
                        <a:lnTo>
                          <a:pt x="7" y="0"/>
                        </a:lnTo>
                        <a:lnTo>
                          <a:pt x="5" y="0"/>
                        </a:lnTo>
                        <a:lnTo>
                          <a:pt x="2" y="3"/>
                        </a:lnTo>
                        <a:lnTo>
                          <a:pt x="0" y="10"/>
                        </a:lnTo>
                        <a:lnTo>
                          <a:pt x="0" y="11"/>
                        </a:lnTo>
                        <a:lnTo>
                          <a:pt x="0" y="13"/>
                        </a:lnTo>
                        <a:lnTo>
                          <a:pt x="2" y="15"/>
                        </a:lnTo>
                        <a:lnTo>
                          <a:pt x="2" y="18"/>
                        </a:lnTo>
                        <a:lnTo>
                          <a:pt x="3" y="20"/>
                        </a:lnTo>
                        <a:lnTo>
                          <a:pt x="3" y="22"/>
                        </a:lnTo>
                        <a:lnTo>
                          <a:pt x="5" y="23"/>
                        </a:lnTo>
                        <a:lnTo>
                          <a:pt x="5" y="25"/>
                        </a:lnTo>
                        <a:lnTo>
                          <a:pt x="12" y="37"/>
                        </a:lnTo>
                        <a:lnTo>
                          <a:pt x="10" y="10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73" name="Freeform 22"/>
                  <p:cNvSpPr>
                    <a:spLocks/>
                  </p:cNvSpPr>
                  <p:nvPr/>
                </p:nvSpPr>
                <p:spPr bwMode="auto">
                  <a:xfrm>
                    <a:off x="4595" y="3150"/>
                    <a:ext cx="12" cy="37"/>
                  </a:xfrm>
                  <a:custGeom>
                    <a:avLst/>
                    <a:gdLst>
                      <a:gd name="T0" fmla="*/ 10 w 12"/>
                      <a:gd name="T1" fmla="*/ 10 h 37"/>
                      <a:gd name="T2" fmla="*/ 10 w 12"/>
                      <a:gd name="T3" fmla="*/ 10 h 37"/>
                      <a:gd name="T4" fmla="*/ 10 w 12"/>
                      <a:gd name="T5" fmla="*/ 8 h 37"/>
                      <a:gd name="T6" fmla="*/ 9 w 12"/>
                      <a:gd name="T7" fmla="*/ 6 h 37"/>
                      <a:gd name="T8" fmla="*/ 9 w 12"/>
                      <a:gd name="T9" fmla="*/ 3 h 37"/>
                      <a:gd name="T10" fmla="*/ 9 w 12"/>
                      <a:gd name="T11" fmla="*/ 1 h 37"/>
                      <a:gd name="T12" fmla="*/ 7 w 12"/>
                      <a:gd name="T13" fmla="*/ 0 h 37"/>
                      <a:gd name="T14" fmla="*/ 5 w 12"/>
                      <a:gd name="T15" fmla="*/ 0 h 37"/>
                      <a:gd name="T16" fmla="*/ 2 w 12"/>
                      <a:gd name="T17" fmla="*/ 3 h 37"/>
                      <a:gd name="T18" fmla="*/ 0 w 12"/>
                      <a:gd name="T19" fmla="*/ 10 h 37"/>
                      <a:gd name="T20" fmla="*/ 0 w 12"/>
                      <a:gd name="T21" fmla="*/ 10 h 37"/>
                      <a:gd name="T22" fmla="*/ 0 w 12"/>
                      <a:gd name="T23" fmla="*/ 11 h 37"/>
                      <a:gd name="T24" fmla="*/ 0 w 12"/>
                      <a:gd name="T25" fmla="*/ 13 h 37"/>
                      <a:gd name="T26" fmla="*/ 2 w 12"/>
                      <a:gd name="T27" fmla="*/ 15 h 37"/>
                      <a:gd name="T28" fmla="*/ 2 w 12"/>
                      <a:gd name="T29" fmla="*/ 18 h 37"/>
                      <a:gd name="T30" fmla="*/ 3 w 12"/>
                      <a:gd name="T31" fmla="*/ 20 h 37"/>
                      <a:gd name="T32" fmla="*/ 3 w 12"/>
                      <a:gd name="T33" fmla="*/ 22 h 37"/>
                      <a:gd name="T34" fmla="*/ 5 w 12"/>
                      <a:gd name="T35" fmla="*/ 23 h 37"/>
                      <a:gd name="T36" fmla="*/ 5 w 12"/>
                      <a:gd name="T37" fmla="*/ 25 h 37"/>
                      <a:gd name="T38" fmla="*/ 12 w 12"/>
                      <a:gd name="T39" fmla="*/ 37 h 37"/>
                      <a:gd name="T40" fmla="*/ 10 w 12"/>
                      <a:gd name="T41" fmla="*/ 10 h 37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12"/>
                      <a:gd name="T64" fmla="*/ 0 h 37"/>
                      <a:gd name="T65" fmla="*/ 12 w 12"/>
                      <a:gd name="T66" fmla="*/ 37 h 37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12" h="37">
                        <a:moveTo>
                          <a:pt x="10" y="10"/>
                        </a:moveTo>
                        <a:lnTo>
                          <a:pt x="10" y="10"/>
                        </a:lnTo>
                        <a:lnTo>
                          <a:pt x="10" y="8"/>
                        </a:lnTo>
                        <a:lnTo>
                          <a:pt x="9" y="6"/>
                        </a:lnTo>
                        <a:lnTo>
                          <a:pt x="9" y="3"/>
                        </a:lnTo>
                        <a:lnTo>
                          <a:pt x="9" y="1"/>
                        </a:lnTo>
                        <a:lnTo>
                          <a:pt x="7" y="0"/>
                        </a:lnTo>
                        <a:lnTo>
                          <a:pt x="5" y="0"/>
                        </a:lnTo>
                        <a:lnTo>
                          <a:pt x="2" y="3"/>
                        </a:lnTo>
                        <a:lnTo>
                          <a:pt x="0" y="10"/>
                        </a:lnTo>
                        <a:lnTo>
                          <a:pt x="0" y="11"/>
                        </a:lnTo>
                        <a:lnTo>
                          <a:pt x="0" y="13"/>
                        </a:lnTo>
                        <a:lnTo>
                          <a:pt x="2" y="15"/>
                        </a:lnTo>
                        <a:lnTo>
                          <a:pt x="2" y="18"/>
                        </a:lnTo>
                        <a:lnTo>
                          <a:pt x="3" y="20"/>
                        </a:lnTo>
                        <a:lnTo>
                          <a:pt x="3" y="22"/>
                        </a:lnTo>
                        <a:lnTo>
                          <a:pt x="5" y="23"/>
                        </a:lnTo>
                        <a:lnTo>
                          <a:pt x="5" y="25"/>
                        </a:lnTo>
                        <a:lnTo>
                          <a:pt x="12" y="37"/>
                        </a:lnTo>
                        <a:lnTo>
                          <a:pt x="10" y="10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74" name="Freeform 23"/>
                  <p:cNvSpPr>
                    <a:spLocks/>
                  </p:cNvSpPr>
                  <p:nvPr/>
                </p:nvSpPr>
                <p:spPr bwMode="auto">
                  <a:xfrm>
                    <a:off x="4673" y="3539"/>
                    <a:ext cx="35" cy="61"/>
                  </a:xfrm>
                  <a:custGeom>
                    <a:avLst/>
                    <a:gdLst>
                      <a:gd name="T0" fmla="*/ 35 w 35"/>
                      <a:gd name="T1" fmla="*/ 0 h 61"/>
                      <a:gd name="T2" fmla="*/ 35 w 35"/>
                      <a:gd name="T3" fmla="*/ 0 h 61"/>
                      <a:gd name="T4" fmla="*/ 35 w 35"/>
                      <a:gd name="T5" fmla="*/ 1 h 61"/>
                      <a:gd name="T6" fmla="*/ 35 w 35"/>
                      <a:gd name="T7" fmla="*/ 3 h 61"/>
                      <a:gd name="T8" fmla="*/ 35 w 35"/>
                      <a:gd name="T9" fmla="*/ 5 h 61"/>
                      <a:gd name="T10" fmla="*/ 34 w 35"/>
                      <a:gd name="T11" fmla="*/ 8 h 61"/>
                      <a:gd name="T12" fmla="*/ 34 w 35"/>
                      <a:gd name="T13" fmla="*/ 12 h 61"/>
                      <a:gd name="T14" fmla="*/ 32 w 35"/>
                      <a:gd name="T15" fmla="*/ 15 h 61"/>
                      <a:gd name="T16" fmla="*/ 30 w 35"/>
                      <a:gd name="T17" fmla="*/ 20 h 61"/>
                      <a:gd name="T18" fmla="*/ 29 w 35"/>
                      <a:gd name="T19" fmla="*/ 23 h 61"/>
                      <a:gd name="T20" fmla="*/ 27 w 35"/>
                      <a:gd name="T21" fmla="*/ 29 h 61"/>
                      <a:gd name="T22" fmla="*/ 24 w 35"/>
                      <a:gd name="T23" fmla="*/ 34 h 61"/>
                      <a:gd name="T24" fmla="*/ 20 w 35"/>
                      <a:gd name="T25" fmla="*/ 39 h 61"/>
                      <a:gd name="T26" fmla="*/ 17 w 35"/>
                      <a:gd name="T27" fmla="*/ 44 h 61"/>
                      <a:gd name="T28" fmla="*/ 12 w 35"/>
                      <a:gd name="T29" fmla="*/ 49 h 61"/>
                      <a:gd name="T30" fmla="*/ 7 w 35"/>
                      <a:gd name="T31" fmla="*/ 56 h 61"/>
                      <a:gd name="T32" fmla="*/ 2 w 35"/>
                      <a:gd name="T33" fmla="*/ 61 h 61"/>
                      <a:gd name="T34" fmla="*/ 0 w 35"/>
                      <a:gd name="T35" fmla="*/ 61 h 61"/>
                      <a:gd name="T36" fmla="*/ 0 w 35"/>
                      <a:gd name="T37" fmla="*/ 59 h 61"/>
                      <a:gd name="T38" fmla="*/ 0 w 35"/>
                      <a:gd name="T39" fmla="*/ 57 h 61"/>
                      <a:gd name="T40" fmla="*/ 0 w 35"/>
                      <a:gd name="T41" fmla="*/ 56 h 61"/>
                      <a:gd name="T42" fmla="*/ 19 w 35"/>
                      <a:gd name="T43" fmla="*/ 35 h 61"/>
                      <a:gd name="T44" fmla="*/ 19 w 35"/>
                      <a:gd name="T45" fmla="*/ 27 h 61"/>
                      <a:gd name="T46" fmla="*/ 19 w 35"/>
                      <a:gd name="T47" fmla="*/ 25 h 61"/>
                      <a:gd name="T48" fmla="*/ 20 w 35"/>
                      <a:gd name="T49" fmla="*/ 25 h 61"/>
                      <a:gd name="T50" fmla="*/ 22 w 35"/>
                      <a:gd name="T51" fmla="*/ 23 h 61"/>
                      <a:gd name="T52" fmla="*/ 24 w 35"/>
                      <a:gd name="T53" fmla="*/ 22 h 61"/>
                      <a:gd name="T54" fmla="*/ 25 w 35"/>
                      <a:gd name="T55" fmla="*/ 18 h 61"/>
                      <a:gd name="T56" fmla="*/ 27 w 35"/>
                      <a:gd name="T57" fmla="*/ 15 h 61"/>
                      <a:gd name="T58" fmla="*/ 29 w 35"/>
                      <a:gd name="T59" fmla="*/ 12 h 61"/>
                      <a:gd name="T60" fmla="*/ 29 w 35"/>
                      <a:gd name="T61" fmla="*/ 5 h 61"/>
                      <a:gd name="T62" fmla="*/ 30 w 35"/>
                      <a:gd name="T63" fmla="*/ 3 h 61"/>
                      <a:gd name="T64" fmla="*/ 32 w 35"/>
                      <a:gd name="T65" fmla="*/ 1 h 61"/>
                      <a:gd name="T66" fmla="*/ 34 w 35"/>
                      <a:gd name="T67" fmla="*/ 0 h 61"/>
                      <a:gd name="T68" fmla="*/ 35 w 35"/>
                      <a:gd name="T69" fmla="*/ 0 h 61"/>
                      <a:gd name="T70" fmla="*/ 0 60000 65536"/>
                      <a:gd name="T71" fmla="*/ 0 60000 65536"/>
                      <a:gd name="T72" fmla="*/ 0 60000 65536"/>
                      <a:gd name="T73" fmla="*/ 0 60000 65536"/>
                      <a:gd name="T74" fmla="*/ 0 60000 65536"/>
                      <a:gd name="T75" fmla="*/ 0 60000 65536"/>
                      <a:gd name="T76" fmla="*/ 0 60000 65536"/>
                      <a:gd name="T77" fmla="*/ 0 60000 65536"/>
                      <a:gd name="T78" fmla="*/ 0 60000 65536"/>
                      <a:gd name="T79" fmla="*/ 0 60000 65536"/>
                      <a:gd name="T80" fmla="*/ 0 60000 65536"/>
                      <a:gd name="T81" fmla="*/ 0 60000 65536"/>
                      <a:gd name="T82" fmla="*/ 0 60000 65536"/>
                      <a:gd name="T83" fmla="*/ 0 60000 65536"/>
                      <a:gd name="T84" fmla="*/ 0 60000 65536"/>
                      <a:gd name="T85" fmla="*/ 0 60000 65536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w 35"/>
                      <a:gd name="T106" fmla="*/ 0 h 61"/>
                      <a:gd name="T107" fmla="*/ 35 w 35"/>
                      <a:gd name="T108" fmla="*/ 61 h 61"/>
                    </a:gdLst>
                    <a:ahLst/>
                    <a:cxnLst>
                      <a:cxn ang="T70">
                        <a:pos x="T0" y="T1"/>
                      </a:cxn>
                      <a:cxn ang="T71">
                        <a:pos x="T2" y="T3"/>
                      </a:cxn>
                      <a:cxn ang="T72">
                        <a:pos x="T4" y="T5"/>
                      </a:cxn>
                      <a:cxn ang="T73">
                        <a:pos x="T6" y="T7"/>
                      </a:cxn>
                      <a:cxn ang="T74">
                        <a:pos x="T8" y="T9"/>
                      </a:cxn>
                      <a:cxn ang="T75">
                        <a:pos x="T10" y="T11"/>
                      </a:cxn>
                      <a:cxn ang="T76">
                        <a:pos x="T12" y="T13"/>
                      </a:cxn>
                      <a:cxn ang="T77">
                        <a:pos x="T14" y="T15"/>
                      </a:cxn>
                      <a:cxn ang="T78">
                        <a:pos x="T16" y="T17"/>
                      </a:cxn>
                      <a:cxn ang="T79">
                        <a:pos x="T18" y="T19"/>
                      </a:cxn>
                      <a:cxn ang="T80">
                        <a:pos x="T20" y="T21"/>
                      </a:cxn>
                      <a:cxn ang="T81">
                        <a:pos x="T22" y="T23"/>
                      </a:cxn>
                      <a:cxn ang="T82">
                        <a:pos x="T24" y="T25"/>
                      </a:cxn>
                      <a:cxn ang="T83">
                        <a:pos x="T26" y="T27"/>
                      </a:cxn>
                      <a:cxn ang="T84">
                        <a:pos x="T28" y="T29"/>
                      </a:cxn>
                      <a:cxn ang="T85">
                        <a:pos x="T30" y="T31"/>
                      </a:cxn>
                      <a:cxn ang="T86">
                        <a:pos x="T32" y="T33"/>
                      </a:cxn>
                      <a:cxn ang="T87">
                        <a:pos x="T34" y="T35"/>
                      </a:cxn>
                      <a:cxn ang="T88">
                        <a:pos x="T36" y="T37"/>
                      </a:cxn>
                      <a:cxn ang="T89">
                        <a:pos x="T38" y="T39"/>
                      </a:cxn>
                      <a:cxn ang="T90">
                        <a:pos x="T40" y="T41"/>
                      </a:cxn>
                      <a:cxn ang="T91">
                        <a:pos x="T42" y="T43"/>
                      </a:cxn>
                      <a:cxn ang="T92">
                        <a:pos x="T44" y="T45"/>
                      </a:cxn>
                      <a:cxn ang="T93">
                        <a:pos x="T46" y="T47"/>
                      </a:cxn>
                      <a:cxn ang="T94">
                        <a:pos x="T48" y="T49"/>
                      </a:cxn>
                      <a:cxn ang="T95">
                        <a:pos x="T50" y="T51"/>
                      </a:cxn>
                      <a:cxn ang="T96">
                        <a:pos x="T52" y="T53"/>
                      </a:cxn>
                      <a:cxn ang="T97">
                        <a:pos x="T54" y="T55"/>
                      </a:cxn>
                      <a:cxn ang="T98">
                        <a:pos x="T56" y="T57"/>
                      </a:cxn>
                      <a:cxn ang="T99">
                        <a:pos x="T58" y="T59"/>
                      </a:cxn>
                      <a:cxn ang="T100">
                        <a:pos x="T60" y="T61"/>
                      </a:cxn>
                      <a:cxn ang="T101">
                        <a:pos x="T62" y="T63"/>
                      </a:cxn>
                      <a:cxn ang="T102">
                        <a:pos x="T64" y="T65"/>
                      </a:cxn>
                      <a:cxn ang="T103">
                        <a:pos x="T66" y="T67"/>
                      </a:cxn>
                      <a:cxn ang="T104">
                        <a:pos x="T68" y="T69"/>
                      </a:cxn>
                    </a:cxnLst>
                    <a:rect l="T105" t="T106" r="T107" b="T108"/>
                    <a:pathLst>
                      <a:path w="35" h="61">
                        <a:moveTo>
                          <a:pt x="35" y="0"/>
                        </a:moveTo>
                        <a:lnTo>
                          <a:pt x="35" y="0"/>
                        </a:lnTo>
                        <a:lnTo>
                          <a:pt x="35" y="1"/>
                        </a:lnTo>
                        <a:lnTo>
                          <a:pt x="35" y="3"/>
                        </a:lnTo>
                        <a:lnTo>
                          <a:pt x="35" y="5"/>
                        </a:lnTo>
                        <a:lnTo>
                          <a:pt x="34" y="8"/>
                        </a:lnTo>
                        <a:lnTo>
                          <a:pt x="34" y="12"/>
                        </a:lnTo>
                        <a:lnTo>
                          <a:pt x="32" y="15"/>
                        </a:lnTo>
                        <a:lnTo>
                          <a:pt x="30" y="20"/>
                        </a:lnTo>
                        <a:lnTo>
                          <a:pt x="29" y="23"/>
                        </a:lnTo>
                        <a:lnTo>
                          <a:pt x="27" y="29"/>
                        </a:lnTo>
                        <a:lnTo>
                          <a:pt x="24" y="34"/>
                        </a:lnTo>
                        <a:lnTo>
                          <a:pt x="20" y="39"/>
                        </a:lnTo>
                        <a:lnTo>
                          <a:pt x="17" y="44"/>
                        </a:lnTo>
                        <a:lnTo>
                          <a:pt x="12" y="49"/>
                        </a:lnTo>
                        <a:lnTo>
                          <a:pt x="7" y="56"/>
                        </a:lnTo>
                        <a:lnTo>
                          <a:pt x="2" y="61"/>
                        </a:lnTo>
                        <a:lnTo>
                          <a:pt x="0" y="61"/>
                        </a:lnTo>
                        <a:lnTo>
                          <a:pt x="0" y="59"/>
                        </a:lnTo>
                        <a:lnTo>
                          <a:pt x="0" y="57"/>
                        </a:lnTo>
                        <a:lnTo>
                          <a:pt x="0" y="56"/>
                        </a:lnTo>
                        <a:lnTo>
                          <a:pt x="19" y="35"/>
                        </a:lnTo>
                        <a:lnTo>
                          <a:pt x="19" y="27"/>
                        </a:lnTo>
                        <a:lnTo>
                          <a:pt x="19" y="25"/>
                        </a:lnTo>
                        <a:lnTo>
                          <a:pt x="20" y="25"/>
                        </a:lnTo>
                        <a:lnTo>
                          <a:pt x="22" y="23"/>
                        </a:lnTo>
                        <a:lnTo>
                          <a:pt x="24" y="22"/>
                        </a:lnTo>
                        <a:lnTo>
                          <a:pt x="25" y="18"/>
                        </a:lnTo>
                        <a:lnTo>
                          <a:pt x="27" y="15"/>
                        </a:lnTo>
                        <a:lnTo>
                          <a:pt x="29" y="12"/>
                        </a:lnTo>
                        <a:lnTo>
                          <a:pt x="29" y="5"/>
                        </a:lnTo>
                        <a:lnTo>
                          <a:pt x="30" y="3"/>
                        </a:lnTo>
                        <a:lnTo>
                          <a:pt x="32" y="1"/>
                        </a:lnTo>
                        <a:lnTo>
                          <a:pt x="34" y="0"/>
                        </a:lnTo>
                        <a:lnTo>
                          <a:pt x="35" y="0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75" name="Freeform 24"/>
                  <p:cNvSpPr>
                    <a:spLocks/>
                  </p:cNvSpPr>
                  <p:nvPr/>
                </p:nvSpPr>
                <p:spPr bwMode="auto">
                  <a:xfrm>
                    <a:off x="4673" y="3539"/>
                    <a:ext cx="35" cy="61"/>
                  </a:xfrm>
                  <a:custGeom>
                    <a:avLst/>
                    <a:gdLst>
                      <a:gd name="T0" fmla="*/ 35 w 35"/>
                      <a:gd name="T1" fmla="*/ 0 h 61"/>
                      <a:gd name="T2" fmla="*/ 35 w 35"/>
                      <a:gd name="T3" fmla="*/ 0 h 61"/>
                      <a:gd name="T4" fmla="*/ 35 w 35"/>
                      <a:gd name="T5" fmla="*/ 0 h 61"/>
                      <a:gd name="T6" fmla="*/ 35 w 35"/>
                      <a:gd name="T7" fmla="*/ 1 h 61"/>
                      <a:gd name="T8" fmla="*/ 35 w 35"/>
                      <a:gd name="T9" fmla="*/ 3 h 61"/>
                      <a:gd name="T10" fmla="*/ 35 w 35"/>
                      <a:gd name="T11" fmla="*/ 5 h 61"/>
                      <a:gd name="T12" fmla="*/ 34 w 35"/>
                      <a:gd name="T13" fmla="*/ 8 h 61"/>
                      <a:gd name="T14" fmla="*/ 34 w 35"/>
                      <a:gd name="T15" fmla="*/ 12 h 61"/>
                      <a:gd name="T16" fmla="*/ 32 w 35"/>
                      <a:gd name="T17" fmla="*/ 15 h 61"/>
                      <a:gd name="T18" fmla="*/ 30 w 35"/>
                      <a:gd name="T19" fmla="*/ 20 h 61"/>
                      <a:gd name="T20" fmla="*/ 29 w 35"/>
                      <a:gd name="T21" fmla="*/ 23 h 61"/>
                      <a:gd name="T22" fmla="*/ 27 w 35"/>
                      <a:gd name="T23" fmla="*/ 29 h 61"/>
                      <a:gd name="T24" fmla="*/ 24 w 35"/>
                      <a:gd name="T25" fmla="*/ 34 h 61"/>
                      <a:gd name="T26" fmla="*/ 20 w 35"/>
                      <a:gd name="T27" fmla="*/ 39 h 61"/>
                      <a:gd name="T28" fmla="*/ 17 w 35"/>
                      <a:gd name="T29" fmla="*/ 44 h 61"/>
                      <a:gd name="T30" fmla="*/ 12 w 35"/>
                      <a:gd name="T31" fmla="*/ 49 h 61"/>
                      <a:gd name="T32" fmla="*/ 7 w 35"/>
                      <a:gd name="T33" fmla="*/ 56 h 61"/>
                      <a:gd name="T34" fmla="*/ 2 w 35"/>
                      <a:gd name="T35" fmla="*/ 61 h 61"/>
                      <a:gd name="T36" fmla="*/ 2 w 35"/>
                      <a:gd name="T37" fmla="*/ 61 h 61"/>
                      <a:gd name="T38" fmla="*/ 0 w 35"/>
                      <a:gd name="T39" fmla="*/ 61 h 61"/>
                      <a:gd name="T40" fmla="*/ 0 w 35"/>
                      <a:gd name="T41" fmla="*/ 59 h 61"/>
                      <a:gd name="T42" fmla="*/ 0 w 35"/>
                      <a:gd name="T43" fmla="*/ 57 h 61"/>
                      <a:gd name="T44" fmla="*/ 0 w 35"/>
                      <a:gd name="T45" fmla="*/ 56 h 61"/>
                      <a:gd name="T46" fmla="*/ 19 w 35"/>
                      <a:gd name="T47" fmla="*/ 35 h 61"/>
                      <a:gd name="T48" fmla="*/ 19 w 35"/>
                      <a:gd name="T49" fmla="*/ 27 h 61"/>
                      <a:gd name="T50" fmla="*/ 19 w 35"/>
                      <a:gd name="T51" fmla="*/ 27 h 61"/>
                      <a:gd name="T52" fmla="*/ 19 w 35"/>
                      <a:gd name="T53" fmla="*/ 25 h 61"/>
                      <a:gd name="T54" fmla="*/ 20 w 35"/>
                      <a:gd name="T55" fmla="*/ 25 h 61"/>
                      <a:gd name="T56" fmla="*/ 22 w 35"/>
                      <a:gd name="T57" fmla="*/ 23 h 61"/>
                      <a:gd name="T58" fmla="*/ 24 w 35"/>
                      <a:gd name="T59" fmla="*/ 22 h 61"/>
                      <a:gd name="T60" fmla="*/ 25 w 35"/>
                      <a:gd name="T61" fmla="*/ 18 h 61"/>
                      <a:gd name="T62" fmla="*/ 27 w 35"/>
                      <a:gd name="T63" fmla="*/ 15 h 61"/>
                      <a:gd name="T64" fmla="*/ 29 w 35"/>
                      <a:gd name="T65" fmla="*/ 12 h 61"/>
                      <a:gd name="T66" fmla="*/ 29 w 35"/>
                      <a:gd name="T67" fmla="*/ 5 h 61"/>
                      <a:gd name="T68" fmla="*/ 29 w 35"/>
                      <a:gd name="T69" fmla="*/ 5 h 61"/>
                      <a:gd name="T70" fmla="*/ 30 w 35"/>
                      <a:gd name="T71" fmla="*/ 3 h 61"/>
                      <a:gd name="T72" fmla="*/ 32 w 35"/>
                      <a:gd name="T73" fmla="*/ 1 h 61"/>
                      <a:gd name="T74" fmla="*/ 34 w 35"/>
                      <a:gd name="T75" fmla="*/ 0 h 61"/>
                      <a:gd name="T76" fmla="*/ 35 w 35"/>
                      <a:gd name="T77" fmla="*/ 0 h 61"/>
                      <a:gd name="T78" fmla="*/ 0 60000 65536"/>
                      <a:gd name="T79" fmla="*/ 0 60000 65536"/>
                      <a:gd name="T80" fmla="*/ 0 60000 65536"/>
                      <a:gd name="T81" fmla="*/ 0 60000 65536"/>
                      <a:gd name="T82" fmla="*/ 0 60000 65536"/>
                      <a:gd name="T83" fmla="*/ 0 60000 65536"/>
                      <a:gd name="T84" fmla="*/ 0 60000 65536"/>
                      <a:gd name="T85" fmla="*/ 0 60000 65536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w 35"/>
                      <a:gd name="T118" fmla="*/ 0 h 61"/>
                      <a:gd name="T119" fmla="*/ 35 w 35"/>
                      <a:gd name="T120" fmla="*/ 61 h 61"/>
                    </a:gdLst>
                    <a:ahLst/>
                    <a:cxnLst>
                      <a:cxn ang="T78">
                        <a:pos x="T0" y="T1"/>
                      </a:cxn>
                      <a:cxn ang="T79">
                        <a:pos x="T2" y="T3"/>
                      </a:cxn>
                      <a:cxn ang="T80">
                        <a:pos x="T4" y="T5"/>
                      </a:cxn>
                      <a:cxn ang="T81">
                        <a:pos x="T6" y="T7"/>
                      </a:cxn>
                      <a:cxn ang="T82">
                        <a:pos x="T8" y="T9"/>
                      </a:cxn>
                      <a:cxn ang="T83">
                        <a:pos x="T10" y="T11"/>
                      </a:cxn>
                      <a:cxn ang="T84">
                        <a:pos x="T12" y="T13"/>
                      </a:cxn>
                      <a:cxn ang="T85">
                        <a:pos x="T14" y="T15"/>
                      </a:cxn>
                      <a:cxn ang="T86">
                        <a:pos x="T16" y="T17"/>
                      </a:cxn>
                      <a:cxn ang="T87">
                        <a:pos x="T18" y="T19"/>
                      </a:cxn>
                      <a:cxn ang="T88">
                        <a:pos x="T20" y="T21"/>
                      </a:cxn>
                      <a:cxn ang="T89">
                        <a:pos x="T22" y="T23"/>
                      </a:cxn>
                      <a:cxn ang="T90">
                        <a:pos x="T24" y="T25"/>
                      </a:cxn>
                      <a:cxn ang="T91">
                        <a:pos x="T26" y="T27"/>
                      </a:cxn>
                      <a:cxn ang="T92">
                        <a:pos x="T28" y="T29"/>
                      </a:cxn>
                      <a:cxn ang="T93">
                        <a:pos x="T30" y="T31"/>
                      </a:cxn>
                      <a:cxn ang="T94">
                        <a:pos x="T32" y="T33"/>
                      </a:cxn>
                      <a:cxn ang="T95">
                        <a:pos x="T34" y="T35"/>
                      </a:cxn>
                      <a:cxn ang="T96">
                        <a:pos x="T36" y="T37"/>
                      </a:cxn>
                      <a:cxn ang="T97">
                        <a:pos x="T38" y="T39"/>
                      </a:cxn>
                      <a:cxn ang="T98">
                        <a:pos x="T40" y="T41"/>
                      </a:cxn>
                      <a:cxn ang="T99">
                        <a:pos x="T42" y="T43"/>
                      </a:cxn>
                      <a:cxn ang="T100">
                        <a:pos x="T44" y="T45"/>
                      </a:cxn>
                      <a:cxn ang="T101">
                        <a:pos x="T46" y="T47"/>
                      </a:cxn>
                      <a:cxn ang="T102">
                        <a:pos x="T48" y="T49"/>
                      </a:cxn>
                      <a:cxn ang="T103">
                        <a:pos x="T50" y="T51"/>
                      </a:cxn>
                      <a:cxn ang="T104">
                        <a:pos x="T52" y="T53"/>
                      </a:cxn>
                      <a:cxn ang="T105">
                        <a:pos x="T54" y="T55"/>
                      </a:cxn>
                      <a:cxn ang="T106">
                        <a:pos x="T56" y="T57"/>
                      </a:cxn>
                      <a:cxn ang="T107">
                        <a:pos x="T58" y="T59"/>
                      </a:cxn>
                      <a:cxn ang="T108">
                        <a:pos x="T60" y="T61"/>
                      </a:cxn>
                      <a:cxn ang="T109">
                        <a:pos x="T62" y="T63"/>
                      </a:cxn>
                      <a:cxn ang="T110">
                        <a:pos x="T64" y="T65"/>
                      </a:cxn>
                      <a:cxn ang="T111">
                        <a:pos x="T66" y="T67"/>
                      </a:cxn>
                      <a:cxn ang="T112">
                        <a:pos x="T68" y="T69"/>
                      </a:cxn>
                      <a:cxn ang="T113">
                        <a:pos x="T70" y="T71"/>
                      </a:cxn>
                      <a:cxn ang="T114">
                        <a:pos x="T72" y="T73"/>
                      </a:cxn>
                      <a:cxn ang="T115">
                        <a:pos x="T74" y="T75"/>
                      </a:cxn>
                      <a:cxn ang="T116">
                        <a:pos x="T76" y="T77"/>
                      </a:cxn>
                    </a:cxnLst>
                    <a:rect l="T117" t="T118" r="T119" b="T120"/>
                    <a:pathLst>
                      <a:path w="35" h="61">
                        <a:moveTo>
                          <a:pt x="35" y="0"/>
                        </a:moveTo>
                        <a:lnTo>
                          <a:pt x="35" y="0"/>
                        </a:lnTo>
                        <a:lnTo>
                          <a:pt x="35" y="1"/>
                        </a:lnTo>
                        <a:lnTo>
                          <a:pt x="35" y="3"/>
                        </a:lnTo>
                        <a:lnTo>
                          <a:pt x="35" y="5"/>
                        </a:lnTo>
                        <a:lnTo>
                          <a:pt x="34" y="8"/>
                        </a:lnTo>
                        <a:lnTo>
                          <a:pt x="34" y="12"/>
                        </a:lnTo>
                        <a:lnTo>
                          <a:pt x="32" y="15"/>
                        </a:lnTo>
                        <a:lnTo>
                          <a:pt x="30" y="20"/>
                        </a:lnTo>
                        <a:lnTo>
                          <a:pt x="29" y="23"/>
                        </a:lnTo>
                        <a:lnTo>
                          <a:pt x="27" y="29"/>
                        </a:lnTo>
                        <a:lnTo>
                          <a:pt x="24" y="34"/>
                        </a:lnTo>
                        <a:lnTo>
                          <a:pt x="20" y="39"/>
                        </a:lnTo>
                        <a:lnTo>
                          <a:pt x="17" y="44"/>
                        </a:lnTo>
                        <a:lnTo>
                          <a:pt x="12" y="49"/>
                        </a:lnTo>
                        <a:lnTo>
                          <a:pt x="7" y="56"/>
                        </a:lnTo>
                        <a:lnTo>
                          <a:pt x="2" y="61"/>
                        </a:lnTo>
                        <a:lnTo>
                          <a:pt x="0" y="61"/>
                        </a:lnTo>
                        <a:lnTo>
                          <a:pt x="0" y="59"/>
                        </a:lnTo>
                        <a:lnTo>
                          <a:pt x="0" y="57"/>
                        </a:lnTo>
                        <a:lnTo>
                          <a:pt x="0" y="56"/>
                        </a:lnTo>
                        <a:lnTo>
                          <a:pt x="19" y="35"/>
                        </a:lnTo>
                        <a:lnTo>
                          <a:pt x="19" y="27"/>
                        </a:lnTo>
                        <a:lnTo>
                          <a:pt x="19" y="25"/>
                        </a:lnTo>
                        <a:lnTo>
                          <a:pt x="20" y="25"/>
                        </a:lnTo>
                        <a:lnTo>
                          <a:pt x="22" y="23"/>
                        </a:lnTo>
                        <a:lnTo>
                          <a:pt x="24" y="22"/>
                        </a:lnTo>
                        <a:lnTo>
                          <a:pt x="25" y="18"/>
                        </a:lnTo>
                        <a:lnTo>
                          <a:pt x="27" y="15"/>
                        </a:lnTo>
                        <a:lnTo>
                          <a:pt x="29" y="12"/>
                        </a:lnTo>
                        <a:lnTo>
                          <a:pt x="29" y="5"/>
                        </a:lnTo>
                        <a:lnTo>
                          <a:pt x="30" y="3"/>
                        </a:lnTo>
                        <a:lnTo>
                          <a:pt x="32" y="1"/>
                        </a:lnTo>
                        <a:lnTo>
                          <a:pt x="34" y="0"/>
                        </a:lnTo>
                        <a:lnTo>
                          <a:pt x="35" y="0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76" name="Freeform 25"/>
                  <p:cNvSpPr>
                    <a:spLocks/>
                  </p:cNvSpPr>
                  <p:nvPr/>
                </p:nvSpPr>
                <p:spPr bwMode="auto">
                  <a:xfrm>
                    <a:off x="4710" y="3513"/>
                    <a:ext cx="7" cy="19"/>
                  </a:xfrm>
                  <a:custGeom>
                    <a:avLst/>
                    <a:gdLst>
                      <a:gd name="T0" fmla="*/ 0 w 7"/>
                      <a:gd name="T1" fmla="*/ 11 h 19"/>
                      <a:gd name="T2" fmla="*/ 2 w 7"/>
                      <a:gd name="T3" fmla="*/ 5 h 19"/>
                      <a:gd name="T4" fmla="*/ 2 w 7"/>
                      <a:gd name="T5" fmla="*/ 4 h 19"/>
                      <a:gd name="T6" fmla="*/ 2 w 7"/>
                      <a:gd name="T7" fmla="*/ 0 h 19"/>
                      <a:gd name="T8" fmla="*/ 4 w 7"/>
                      <a:gd name="T9" fmla="*/ 0 h 19"/>
                      <a:gd name="T10" fmla="*/ 5 w 7"/>
                      <a:gd name="T11" fmla="*/ 0 h 19"/>
                      <a:gd name="T12" fmla="*/ 7 w 7"/>
                      <a:gd name="T13" fmla="*/ 4 h 19"/>
                      <a:gd name="T14" fmla="*/ 7 w 7"/>
                      <a:gd name="T15" fmla="*/ 5 h 19"/>
                      <a:gd name="T16" fmla="*/ 7 w 7"/>
                      <a:gd name="T17" fmla="*/ 11 h 19"/>
                      <a:gd name="T18" fmla="*/ 7 w 7"/>
                      <a:gd name="T19" fmla="*/ 14 h 19"/>
                      <a:gd name="T20" fmla="*/ 7 w 7"/>
                      <a:gd name="T21" fmla="*/ 17 h 19"/>
                      <a:gd name="T22" fmla="*/ 5 w 7"/>
                      <a:gd name="T23" fmla="*/ 19 h 19"/>
                      <a:gd name="T24" fmla="*/ 4 w 7"/>
                      <a:gd name="T25" fmla="*/ 19 h 19"/>
                      <a:gd name="T26" fmla="*/ 2 w 7"/>
                      <a:gd name="T27" fmla="*/ 19 h 19"/>
                      <a:gd name="T28" fmla="*/ 2 w 7"/>
                      <a:gd name="T29" fmla="*/ 17 h 19"/>
                      <a:gd name="T30" fmla="*/ 2 w 7"/>
                      <a:gd name="T31" fmla="*/ 14 h 19"/>
                      <a:gd name="T32" fmla="*/ 0 w 7"/>
                      <a:gd name="T33" fmla="*/ 11 h 19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7"/>
                      <a:gd name="T52" fmla="*/ 0 h 19"/>
                      <a:gd name="T53" fmla="*/ 7 w 7"/>
                      <a:gd name="T54" fmla="*/ 19 h 19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7" h="19">
                        <a:moveTo>
                          <a:pt x="0" y="11"/>
                        </a:moveTo>
                        <a:lnTo>
                          <a:pt x="2" y="5"/>
                        </a:lnTo>
                        <a:lnTo>
                          <a:pt x="2" y="4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5" y="0"/>
                        </a:lnTo>
                        <a:lnTo>
                          <a:pt x="7" y="4"/>
                        </a:lnTo>
                        <a:lnTo>
                          <a:pt x="7" y="5"/>
                        </a:lnTo>
                        <a:lnTo>
                          <a:pt x="7" y="11"/>
                        </a:lnTo>
                        <a:lnTo>
                          <a:pt x="7" y="14"/>
                        </a:lnTo>
                        <a:lnTo>
                          <a:pt x="7" y="17"/>
                        </a:lnTo>
                        <a:lnTo>
                          <a:pt x="5" y="19"/>
                        </a:lnTo>
                        <a:lnTo>
                          <a:pt x="4" y="19"/>
                        </a:lnTo>
                        <a:lnTo>
                          <a:pt x="2" y="19"/>
                        </a:lnTo>
                        <a:lnTo>
                          <a:pt x="2" y="17"/>
                        </a:lnTo>
                        <a:lnTo>
                          <a:pt x="2" y="14"/>
                        </a:lnTo>
                        <a:lnTo>
                          <a:pt x="0" y="11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77" name="Freeform 26"/>
                  <p:cNvSpPr>
                    <a:spLocks/>
                  </p:cNvSpPr>
                  <p:nvPr/>
                </p:nvSpPr>
                <p:spPr bwMode="auto">
                  <a:xfrm>
                    <a:off x="4710" y="3513"/>
                    <a:ext cx="7" cy="19"/>
                  </a:xfrm>
                  <a:custGeom>
                    <a:avLst/>
                    <a:gdLst>
                      <a:gd name="T0" fmla="*/ 0 w 7"/>
                      <a:gd name="T1" fmla="*/ 11 h 19"/>
                      <a:gd name="T2" fmla="*/ 0 w 7"/>
                      <a:gd name="T3" fmla="*/ 11 h 19"/>
                      <a:gd name="T4" fmla="*/ 2 w 7"/>
                      <a:gd name="T5" fmla="*/ 5 h 19"/>
                      <a:gd name="T6" fmla="*/ 2 w 7"/>
                      <a:gd name="T7" fmla="*/ 4 h 19"/>
                      <a:gd name="T8" fmla="*/ 2 w 7"/>
                      <a:gd name="T9" fmla="*/ 0 h 19"/>
                      <a:gd name="T10" fmla="*/ 4 w 7"/>
                      <a:gd name="T11" fmla="*/ 0 h 19"/>
                      <a:gd name="T12" fmla="*/ 4 w 7"/>
                      <a:gd name="T13" fmla="*/ 0 h 19"/>
                      <a:gd name="T14" fmla="*/ 5 w 7"/>
                      <a:gd name="T15" fmla="*/ 0 h 19"/>
                      <a:gd name="T16" fmla="*/ 7 w 7"/>
                      <a:gd name="T17" fmla="*/ 4 h 19"/>
                      <a:gd name="T18" fmla="*/ 7 w 7"/>
                      <a:gd name="T19" fmla="*/ 5 h 19"/>
                      <a:gd name="T20" fmla="*/ 7 w 7"/>
                      <a:gd name="T21" fmla="*/ 11 h 19"/>
                      <a:gd name="T22" fmla="*/ 7 w 7"/>
                      <a:gd name="T23" fmla="*/ 11 h 19"/>
                      <a:gd name="T24" fmla="*/ 7 w 7"/>
                      <a:gd name="T25" fmla="*/ 14 h 19"/>
                      <a:gd name="T26" fmla="*/ 7 w 7"/>
                      <a:gd name="T27" fmla="*/ 17 h 19"/>
                      <a:gd name="T28" fmla="*/ 5 w 7"/>
                      <a:gd name="T29" fmla="*/ 19 h 19"/>
                      <a:gd name="T30" fmla="*/ 4 w 7"/>
                      <a:gd name="T31" fmla="*/ 19 h 19"/>
                      <a:gd name="T32" fmla="*/ 4 w 7"/>
                      <a:gd name="T33" fmla="*/ 19 h 19"/>
                      <a:gd name="T34" fmla="*/ 2 w 7"/>
                      <a:gd name="T35" fmla="*/ 19 h 19"/>
                      <a:gd name="T36" fmla="*/ 2 w 7"/>
                      <a:gd name="T37" fmla="*/ 17 h 19"/>
                      <a:gd name="T38" fmla="*/ 2 w 7"/>
                      <a:gd name="T39" fmla="*/ 14 h 19"/>
                      <a:gd name="T40" fmla="*/ 0 w 7"/>
                      <a:gd name="T41" fmla="*/ 11 h 19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7"/>
                      <a:gd name="T64" fmla="*/ 0 h 19"/>
                      <a:gd name="T65" fmla="*/ 7 w 7"/>
                      <a:gd name="T66" fmla="*/ 19 h 19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7" h="19">
                        <a:moveTo>
                          <a:pt x="0" y="11"/>
                        </a:moveTo>
                        <a:lnTo>
                          <a:pt x="0" y="11"/>
                        </a:lnTo>
                        <a:lnTo>
                          <a:pt x="2" y="5"/>
                        </a:lnTo>
                        <a:lnTo>
                          <a:pt x="2" y="4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5" y="0"/>
                        </a:lnTo>
                        <a:lnTo>
                          <a:pt x="7" y="4"/>
                        </a:lnTo>
                        <a:lnTo>
                          <a:pt x="7" y="5"/>
                        </a:lnTo>
                        <a:lnTo>
                          <a:pt x="7" y="11"/>
                        </a:lnTo>
                        <a:lnTo>
                          <a:pt x="7" y="14"/>
                        </a:lnTo>
                        <a:lnTo>
                          <a:pt x="7" y="17"/>
                        </a:lnTo>
                        <a:lnTo>
                          <a:pt x="5" y="19"/>
                        </a:lnTo>
                        <a:lnTo>
                          <a:pt x="4" y="19"/>
                        </a:lnTo>
                        <a:lnTo>
                          <a:pt x="2" y="19"/>
                        </a:lnTo>
                        <a:lnTo>
                          <a:pt x="2" y="17"/>
                        </a:lnTo>
                        <a:lnTo>
                          <a:pt x="2" y="14"/>
                        </a:lnTo>
                        <a:lnTo>
                          <a:pt x="0" y="11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78" name="Freeform 27"/>
                  <p:cNvSpPr>
                    <a:spLocks/>
                  </p:cNvSpPr>
                  <p:nvPr/>
                </p:nvSpPr>
                <p:spPr bwMode="auto">
                  <a:xfrm>
                    <a:off x="4714" y="3488"/>
                    <a:ext cx="5" cy="10"/>
                  </a:xfrm>
                  <a:custGeom>
                    <a:avLst/>
                    <a:gdLst>
                      <a:gd name="T0" fmla="*/ 0 w 5"/>
                      <a:gd name="T1" fmla="*/ 5 h 10"/>
                      <a:gd name="T2" fmla="*/ 0 w 5"/>
                      <a:gd name="T3" fmla="*/ 3 h 10"/>
                      <a:gd name="T4" fmla="*/ 0 w 5"/>
                      <a:gd name="T5" fmla="*/ 2 h 10"/>
                      <a:gd name="T6" fmla="*/ 1 w 5"/>
                      <a:gd name="T7" fmla="*/ 2 h 10"/>
                      <a:gd name="T8" fmla="*/ 1 w 5"/>
                      <a:gd name="T9" fmla="*/ 0 h 10"/>
                      <a:gd name="T10" fmla="*/ 3 w 5"/>
                      <a:gd name="T11" fmla="*/ 2 h 10"/>
                      <a:gd name="T12" fmla="*/ 3 w 5"/>
                      <a:gd name="T13" fmla="*/ 2 h 10"/>
                      <a:gd name="T14" fmla="*/ 3 w 5"/>
                      <a:gd name="T15" fmla="*/ 3 h 10"/>
                      <a:gd name="T16" fmla="*/ 5 w 5"/>
                      <a:gd name="T17" fmla="*/ 5 h 10"/>
                      <a:gd name="T18" fmla="*/ 3 w 5"/>
                      <a:gd name="T19" fmla="*/ 7 h 10"/>
                      <a:gd name="T20" fmla="*/ 3 w 5"/>
                      <a:gd name="T21" fmla="*/ 8 h 10"/>
                      <a:gd name="T22" fmla="*/ 3 w 5"/>
                      <a:gd name="T23" fmla="*/ 10 h 10"/>
                      <a:gd name="T24" fmla="*/ 1 w 5"/>
                      <a:gd name="T25" fmla="*/ 10 h 10"/>
                      <a:gd name="T26" fmla="*/ 1 w 5"/>
                      <a:gd name="T27" fmla="*/ 10 h 10"/>
                      <a:gd name="T28" fmla="*/ 0 w 5"/>
                      <a:gd name="T29" fmla="*/ 8 h 10"/>
                      <a:gd name="T30" fmla="*/ 0 w 5"/>
                      <a:gd name="T31" fmla="*/ 7 h 10"/>
                      <a:gd name="T32" fmla="*/ 0 w 5"/>
                      <a:gd name="T33" fmla="*/ 5 h 10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5"/>
                      <a:gd name="T52" fmla="*/ 0 h 10"/>
                      <a:gd name="T53" fmla="*/ 5 w 5"/>
                      <a:gd name="T54" fmla="*/ 10 h 10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5" h="10">
                        <a:moveTo>
                          <a:pt x="0" y="5"/>
                        </a:moveTo>
                        <a:lnTo>
                          <a:pt x="0" y="3"/>
                        </a:lnTo>
                        <a:lnTo>
                          <a:pt x="0" y="2"/>
                        </a:lnTo>
                        <a:lnTo>
                          <a:pt x="1" y="2"/>
                        </a:lnTo>
                        <a:lnTo>
                          <a:pt x="1" y="0"/>
                        </a:lnTo>
                        <a:lnTo>
                          <a:pt x="3" y="2"/>
                        </a:lnTo>
                        <a:lnTo>
                          <a:pt x="3" y="3"/>
                        </a:lnTo>
                        <a:lnTo>
                          <a:pt x="5" y="5"/>
                        </a:lnTo>
                        <a:lnTo>
                          <a:pt x="3" y="7"/>
                        </a:lnTo>
                        <a:lnTo>
                          <a:pt x="3" y="8"/>
                        </a:lnTo>
                        <a:lnTo>
                          <a:pt x="3" y="10"/>
                        </a:lnTo>
                        <a:lnTo>
                          <a:pt x="1" y="10"/>
                        </a:lnTo>
                        <a:lnTo>
                          <a:pt x="0" y="8"/>
                        </a:lnTo>
                        <a:lnTo>
                          <a:pt x="0" y="7"/>
                        </a:lnTo>
                        <a:lnTo>
                          <a:pt x="0" y="5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79" name="Freeform 28"/>
                  <p:cNvSpPr>
                    <a:spLocks/>
                  </p:cNvSpPr>
                  <p:nvPr/>
                </p:nvSpPr>
                <p:spPr bwMode="auto">
                  <a:xfrm>
                    <a:off x="4714" y="3488"/>
                    <a:ext cx="5" cy="10"/>
                  </a:xfrm>
                  <a:custGeom>
                    <a:avLst/>
                    <a:gdLst>
                      <a:gd name="T0" fmla="*/ 0 w 5"/>
                      <a:gd name="T1" fmla="*/ 5 h 10"/>
                      <a:gd name="T2" fmla="*/ 0 w 5"/>
                      <a:gd name="T3" fmla="*/ 5 h 10"/>
                      <a:gd name="T4" fmla="*/ 0 w 5"/>
                      <a:gd name="T5" fmla="*/ 3 h 10"/>
                      <a:gd name="T6" fmla="*/ 0 w 5"/>
                      <a:gd name="T7" fmla="*/ 2 h 10"/>
                      <a:gd name="T8" fmla="*/ 1 w 5"/>
                      <a:gd name="T9" fmla="*/ 2 h 10"/>
                      <a:gd name="T10" fmla="*/ 1 w 5"/>
                      <a:gd name="T11" fmla="*/ 0 h 10"/>
                      <a:gd name="T12" fmla="*/ 1 w 5"/>
                      <a:gd name="T13" fmla="*/ 0 h 10"/>
                      <a:gd name="T14" fmla="*/ 3 w 5"/>
                      <a:gd name="T15" fmla="*/ 2 h 10"/>
                      <a:gd name="T16" fmla="*/ 3 w 5"/>
                      <a:gd name="T17" fmla="*/ 2 h 10"/>
                      <a:gd name="T18" fmla="*/ 3 w 5"/>
                      <a:gd name="T19" fmla="*/ 3 h 10"/>
                      <a:gd name="T20" fmla="*/ 5 w 5"/>
                      <a:gd name="T21" fmla="*/ 5 h 10"/>
                      <a:gd name="T22" fmla="*/ 5 w 5"/>
                      <a:gd name="T23" fmla="*/ 5 h 10"/>
                      <a:gd name="T24" fmla="*/ 3 w 5"/>
                      <a:gd name="T25" fmla="*/ 7 h 10"/>
                      <a:gd name="T26" fmla="*/ 3 w 5"/>
                      <a:gd name="T27" fmla="*/ 8 h 10"/>
                      <a:gd name="T28" fmla="*/ 3 w 5"/>
                      <a:gd name="T29" fmla="*/ 10 h 10"/>
                      <a:gd name="T30" fmla="*/ 1 w 5"/>
                      <a:gd name="T31" fmla="*/ 10 h 10"/>
                      <a:gd name="T32" fmla="*/ 1 w 5"/>
                      <a:gd name="T33" fmla="*/ 10 h 10"/>
                      <a:gd name="T34" fmla="*/ 1 w 5"/>
                      <a:gd name="T35" fmla="*/ 10 h 10"/>
                      <a:gd name="T36" fmla="*/ 0 w 5"/>
                      <a:gd name="T37" fmla="*/ 8 h 10"/>
                      <a:gd name="T38" fmla="*/ 0 w 5"/>
                      <a:gd name="T39" fmla="*/ 7 h 10"/>
                      <a:gd name="T40" fmla="*/ 0 w 5"/>
                      <a:gd name="T41" fmla="*/ 5 h 10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5"/>
                      <a:gd name="T64" fmla="*/ 0 h 10"/>
                      <a:gd name="T65" fmla="*/ 5 w 5"/>
                      <a:gd name="T66" fmla="*/ 10 h 10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5" h="10">
                        <a:moveTo>
                          <a:pt x="0" y="5"/>
                        </a:moveTo>
                        <a:lnTo>
                          <a:pt x="0" y="5"/>
                        </a:lnTo>
                        <a:lnTo>
                          <a:pt x="0" y="3"/>
                        </a:lnTo>
                        <a:lnTo>
                          <a:pt x="0" y="2"/>
                        </a:lnTo>
                        <a:lnTo>
                          <a:pt x="1" y="2"/>
                        </a:lnTo>
                        <a:lnTo>
                          <a:pt x="1" y="0"/>
                        </a:lnTo>
                        <a:lnTo>
                          <a:pt x="3" y="2"/>
                        </a:lnTo>
                        <a:lnTo>
                          <a:pt x="3" y="3"/>
                        </a:lnTo>
                        <a:lnTo>
                          <a:pt x="5" y="5"/>
                        </a:lnTo>
                        <a:lnTo>
                          <a:pt x="3" y="7"/>
                        </a:lnTo>
                        <a:lnTo>
                          <a:pt x="3" y="8"/>
                        </a:lnTo>
                        <a:lnTo>
                          <a:pt x="3" y="10"/>
                        </a:lnTo>
                        <a:lnTo>
                          <a:pt x="1" y="10"/>
                        </a:lnTo>
                        <a:lnTo>
                          <a:pt x="0" y="8"/>
                        </a:lnTo>
                        <a:lnTo>
                          <a:pt x="0" y="7"/>
                        </a:lnTo>
                        <a:lnTo>
                          <a:pt x="0" y="5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80" name="Freeform 29"/>
                  <p:cNvSpPr>
                    <a:spLocks/>
                  </p:cNvSpPr>
                  <p:nvPr/>
                </p:nvSpPr>
                <p:spPr bwMode="auto">
                  <a:xfrm>
                    <a:off x="4590" y="3632"/>
                    <a:ext cx="8" cy="10"/>
                  </a:xfrm>
                  <a:custGeom>
                    <a:avLst/>
                    <a:gdLst>
                      <a:gd name="T0" fmla="*/ 0 w 8"/>
                      <a:gd name="T1" fmla="*/ 5 h 10"/>
                      <a:gd name="T2" fmla="*/ 2 w 8"/>
                      <a:gd name="T3" fmla="*/ 3 h 10"/>
                      <a:gd name="T4" fmla="*/ 2 w 8"/>
                      <a:gd name="T5" fmla="*/ 0 h 10"/>
                      <a:gd name="T6" fmla="*/ 3 w 8"/>
                      <a:gd name="T7" fmla="*/ 0 h 10"/>
                      <a:gd name="T8" fmla="*/ 5 w 8"/>
                      <a:gd name="T9" fmla="*/ 0 h 10"/>
                      <a:gd name="T10" fmla="*/ 5 w 8"/>
                      <a:gd name="T11" fmla="*/ 0 h 10"/>
                      <a:gd name="T12" fmla="*/ 7 w 8"/>
                      <a:gd name="T13" fmla="*/ 0 h 10"/>
                      <a:gd name="T14" fmla="*/ 8 w 8"/>
                      <a:gd name="T15" fmla="*/ 3 h 10"/>
                      <a:gd name="T16" fmla="*/ 8 w 8"/>
                      <a:gd name="T17" fmla="*/ 5 h 10"/>
                      <a:gd name="T18" fmla="*/ 8 w 8"/>
                      <a:gd name="T19" fmla="*/ 7 h 10"/>
                      <a:gd name="T20" fmla="*/ 7 w 8"/>
                      <a:gd name="T21" fmla="*/ 8 h 10"/>
                      <a:gd name="T22" fmla="*/ 5 w 8"/>
                      <a:gd name="T23" fmla="*/ 10 h 10"/>
                      <a:gd name="T24" fmla="*/ 5 w 8"/>
                      <a:gd name="T25" fmla="*/ 10 h 10"/>
                      <a:gd name="T26" fmla="*/ 3 w 8"/>
                      <a:gd name="T27" fmla="*/ 10 h 10"/>
                      <a:gd name="T28" fmla="*/ 2 w 8"/>
                      <a:gd name="T29" fmla="*/ 8 h 10"/>
                      <a:gd name="T30" fmla="*/ 2 w 8"/>
                      <a:gd name="T31" fmla="*/ 7 h 10"/>
                      <a:gd name="T32" fmla="*/ 0 w 8"/>
                      <a:gd name="T33" fmla="*/ 5 h 10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8"/>
                      <a:gd name="T52" fmla="*/ 0 h 10"/>
                      <a:gd name="T53" fmla="*/ 8 w 8"/>
                      <a:gd name="T54" fmla="*/ 10 h 10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8" h="10">
                        <a:moveTo>
                          <a:pt x="0" y="5"/>
                        </a:moveTo>
                        <a:lnTo>
                          <a:pt x="2" y="3"/>
                        </a:lnTo>
                        <a:lnTo>
                          <a:pt x="2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7" y="0"/>
                        </a:lnTo>
                        <a:lnTo>
                          <a:pt x="8" y="3"/>
                        </a:lnTo>
                        <a:lnTo>
                          <a:pt x="8" y="5"/>
                        </a:lnTo>
                        <a:lnTo>
                          <a:pt x="8" y="7"/>
                        </a:lnTo>
                        <a:lnTo>
                          <a:pt x="7" y="8"/>
                        </a:lnTo>
                        <a:lnTo>
                          <a:pt x="5" y="10"/>
                        </a:lnTo>
                        <a:lnTo>
                          <a:pt x="3" y="10"/>
                        </a:lnTo>
                        <a:lnTo>
                          <a:pt x="2" y="8"/>
                        </a:lnTo>
                        <a:lnTo>
                          <a:pt x="2" y="7"/>
                        </a:lnTo>
                        <a:lnTo>
                          <a:pt x="0" y="5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81" name="Freeform 30"/>
                  <p:cNvSpPr>
                    <a:spLocks/>
                  </p:cNvSpPr>
                  <p:nvPr/>
                </p:nvSpPr>
                <p:spPr bwMode="auto">
                  <a:xfrm>
                    <a:off x="4590" y="3632"/>
                    <a:ext cx="8" cy="10"/>
                  </a:xfrm>
                  <a:custGeom>
                    <a:avLst/>
                    <a:gdLst>
                      <a:gd name="T0" fmla="*/ 0 w 8"/>
                      <a:gd name="T1" fmla="*/ 5 h 10"/>
                      <a:gd name="T2" fmla="*/ 0 w 8"/>
                      <a:gd name="T3" fmla="*/ 5 h 10"/>
                      <a:gd name="T4" fmla="*/ 2 w 8"/>
                      <a:gd name="T5" fmla="*/ 3 h 10"/>
                      <a:gd name="T6" fmla="*/ 2 w 8"/>
                      <a:gd name="T7" fmla="*/ 0 h 10"/>
                      <a:gd name="T8" fmla="*/ 3 w 8"/>
                      <a:gd name="T9" fmla="*/ 0 h 10"/>
                      <a:gd name="T10" fmla="*/ 5 w 8"/>
                      <a:gd name="T11" fmla="*/ 0 h 10"/>
                      <a:gd name="T12" fmla="*/ 5 w 8"/>
                      <a:gd name="T13" fmla="*/ 0 h 10"/>
                      <a:gd name="T14" fmla="*/ 5 w 8"/>
                      <a:gd name="T15" fmla="*/ 0 h 10"/>
                      <a:gd name="T16" fmla="*/ 7 w 8"/>
                      <a:gd name="T17" fmla="*/ 0 h 10"/>
                      <a:gd name="T18" fmla="*/ 8 w 8"/>
                      <a:gd name="T19" fmla="*/ 3 h 10"/>
                      <a:gd name="T20" fmla="*/ 8 w 8"/>
                      <a:gd name="T21" fmla="*/ 5 h 10"/>
                      <a:gd name="T22" fmla="*/ 8 w 8"/>
                      <a:gd name="T23" fmla="*/ 5 h 10"/>
                      <a:gd name="T24" fmla="*/ 8 w 8"/>
                      <a:gd name="T25" fmla="*/ 7 h 10"/>
                      <a:gd name="T26" fmla="*/ 7 w 8"/>
                      <a:gd name="T27" fmla="*/ 8 h 10"/>
                      <a:gd name="T28" fmla="*/ 5 w 8"/>
                      <a:gd name="T29" fmla="*/ 10 h 10"/>
                      <a:gd name="T30" fmla="*/ 5 w 8"/>
                      <a:gd name="T31" fmla="*/ 10 h 10"/>
                      <a:gd name="T32" fmla="*/ 5 w 8"/>
                      <a:gd name="T33" fmla="*/ 10 h 10"/>
                      <a:gd name="T34" fmla="*/ 3 w 8"/>
                      <a:gd name="T35" fmla="*/ 10 h 10"/>
                      <a:gd name="T36" fmla="*/ 2 w 8"/>
                      <a:gd name="T37" fmla="*/ 8 h 10"/>
                      <a:gd name="T38" fmla="*/ 2 w 8"/>
                      <a:gd name="T39" fmla="*/ 7 h 10"/>
                      <a:gd name="T40" fmla="*/ 0 w 8"/>
                      <a:gd name="T41" fmla="*/ 5 h 10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8"/>
                      <a:gd name="T64" fmla="*/ 0 h 10"/>
                      <a:gd name="T65" fmla="*/ 8 w 8"/>
                      <a:gd name="T66" fmla="*/ 10 h 10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8" h="10">
                        <a:moveTo>
                          <a:pt x="0" y="5"/>
                        </a:moveTo>
                        <a:lnTo>
                          <a:pt x="0" y="5"/>
                        </a:lnTo>
                        <a:lnTo>
                          <a:pt x="2" y="3"/>
                        </a:lnTo>
                        <a:lnTo>
                          <a:pt x="2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7" y="0"/>
                        </a:lnTo>
                        <a:lnTo>
                          <a:pt x="8" y="3"/>
                        </a:lnTo>
                        <a:lnTo>
                          <a:pt x="8" y="5"/>
                        </a:lnTo>
                        <a:lnTo>
                          <a:pt x="8" y="7"/>
                        </a:lnTo>
                        <a:lnTo>
                          <a:pt x="7" y="8"/>
                        </a:lnTo>
                        <a:lnTo>
                          <a:pt x="5" y="10"/>
                        </a:lnTo>
                        <a:lnTo>
                          <a:pt x="3" y="10"/>
                        </a:lnTo>
                        <a:lnTo>
                          <a:pt x="2" y="8"/>
                        </a:lnTo>
                        <a:lnTo>
                          <a:pt x="2" y="7"/>
                        </a:lnTo>
                        <a:lnTo>
                          <a:pt x="0" y="5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82" name="Freeform 31"/>
                  <p:cNvSpPr>
                    <a:spLocks/>
                  </p:cNvSpPr>
                  <p:nvPr/>
                </p:nvSpPr>
                <p:spPr bwMode="auto">
                  <a:xfrm>
                    <a:off x="4582" y="3637"/>
                    <a:ext cx="6" cy="8"/>
                  </a:xfrm>
                  <a:custGeom>
                    <a:avLst/>
                    <a:gdLst>
                      <a:gd name="T0" fmla="*/ 0 w 6"/>
                      <a:gd name="T1" fmla="*/ 3 h 8"/>
                      <a:gd name="T2" fmla="*/ 0 w 6"/>
                      <a:gd name="T3" fmla="*/ 3 h 8"/>
                      <a:gd name="T4" fmla="*/ 0 w 6"/>
                      <a:gd name="T5" fmla="*/ 2 h 8"/>
                      <a:gd name="T6" fmla="*/ 1 w 6"/>
                      <a:gd name="T7" fmla="*/ 0 h 8"/>
                      <a:gd name="T8" fmla="*/ 3 w 6"/>
                      <a:gd name="T9" fmla="*/ 0 h 8"/>
                      <a:gd name="T10" fmla="*/ 5 w 6"/>
                      <a:gd name="T11" fmla="*/ 0 h 8"/>
                      <a:gd name="T12" fmla="*/ 5 w 6"/>
                      <a:gd name="T13" fmla="*/ 2 h 8"/>
                      <a:gd name="T14" fmla="*/ 6 w 6"/>
                      <a:gd name="T15" fmla="*/ 3 h 8"/>
                      <a:gd name="T16" fmla="*/ 6 w 6"/>
                      <a:gd name="T17" fmla="*/ 3 h 8"/>
                      <a:gd name="T18" fmla="*/ 6 w 6"/>
                      <a:gd name="T19" fmla="*/ 5 h 8"/>
                      <a:gd name="T20" fmla="*/ 5 w 6"/>
                      <a:gd name="T21" fmla="*/ 7 h 8"/>
                      <a:gd name="T22" fmla="*/ 5 w 6"/>
                      <a:gd name="T23" fmla="*/ 7 h 8"/>
                      <a:gd name="T24" fmla="*/ 3 w 6"/>
                      <a:gd name="T25" fmla="*/ 8 h 8"/>
                      <a:gd name="T26" fmla="*/ 1 w 6"/>
                      <a:gd name="T27" fmla="*/ 7 h 8"/>
                      <a:gd name="T28" fmla="*/ 0 w 6"/>
                      <a:gd name="T29" fmla="*/ 7 h 8"/>
                      <a:gd name="T30" fmla="*/ 0 w 6"/>
                      <a:gd name="T31" fmla="*/ 5 h 8"/>
                      <a:gd name="T32" fmla="*/ 0 w 6"/>
                      <a:gd name="T33" fmla="*/ 3 h 8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6"/>
                      <a:gd name="T52" fmla="*/ 0 h 8"/>
                      <a:gd name="T53" fmla="*/ 6 w 6"/>
                      <a:gd name="T54" fmla="*/ 8 h 8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6" h="8">
                        <a:moveTo>
                          <a:pt x="0" y="3"/>
                        </a:moveTo>
                        <a:lnTo>
                          <a:pt x="0" y="3"/>
                        </a:lnTo>
                        <a:lnTo>
                          <a:pt x="0" y="2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5" y="2"/>
                        </a:lnTo>
                        <a:lnTo>
                          <a:pt x="6" y="3"/>
                        </a:lnTo>
                        <a:lnTo>
                          <a:pt x="6" y="5"/>
                        </a:lnTo>
                        <a:lnTo>
                          <a:pt x="5" y="7"/>
                        </a:lnTo>
                        <a:lnTo>
                          <a:pt x="3" y="8"/>
                        </a:lnTo>
                        <a:lnTo>
                          <a:pt x="1" y="7"/>
                        </a:lnTo>
                        <a:lnTo>
                          <a:pt x="0" y="7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83" name="Freeform 32"/>
                  <p:cNvSpPr>
                    <a:spLocks/>
                  </p:cNvSpPr>
                  <p:nvPr/>
                </p:nvSpPr>
                <p:spPr bwMode="auto">
                  <a:xfrm>
                    <a:off x="4582" y="3637"/>
                    <a:ext cx="6" cy="8"/>
                  </a:xfrm>
                  <a:custGeom>
                    <a:avLst/>
                    <a:gdLst>
                      <a:gd name="T0" fmla="*/ 0 w 6"/>
                      <a:gd name="T1" fmla="*/ 3 h 8"/>
                      <a:gd name="T2" fmla="*/ 0 w 6"/>
                      <a:gd name="T3" fmla="*/ 3 h 8"/>
                      <a:gd name="T4" fmla="*/ 0 w 6"/>
                      <a:gd name="T5" fmla="*/ 3 h 8"/>
                      <a:gd name="T6" fmla="*/ 0 w 6"/>
                      <a:gd name="T7" fmla="*/ 2 h 8"/>
                      <a:gd name="T8" fmla="*/ 1 w 6"/>
                      <a:gd name="T9" fmla="*/ 0 h 8"/>
                      <a:gd name="T10" fmla="*/ 3 w 6"/>
                      <a:gd name="T11" fmla="*/ 0 h 8"/>
                      <a:gd name="T12" fmla="*/ 3 w 6"/>
                      <a:gd name="T13" fmla="*/ 0 h 8"/>
                      <a:gd name="T14" fmla="*/ 5 w 6"/>
                      <a:gd name="T15" fmla="*/ 0 h 8"/>
                      <a:gd name="T16" fmla="*/ 5 w 6"/>
                      <a:gd name="T17" fmla="*/ 2 h 8"/>
                      <a:gd name="T18" fmla="*/ 6 w 6"/>
                      <a:gd name="T19" fmla="*/ 3 h 8"/>
                      <a:gd name="T20" fmla="*/ 6 w 6"/>
                      <a:gd name="T21" fmla="*/ 3 h 8"/>
                      <a:gd name="T22" fmla="*/ 6 w 6"/>
                      <a:gd name="T23" fmla="*/ 3 h 8"/>
                      <a:gd name="T24" fmla="*/ 6 w 6"/>
                      <a:gd name="T25" fmla="*/ 5 h 8"/>
                      <a:gd name="T26" fmla="*/ 5 w 6"/>
                      <a:gd name="T27" fmla="*/ 7 h 8"/>
                      <a:gd name="T28" fmla="*/ 5 w 6"/>
                      <a:gd name="T29" fmla="*/ 7 h 8"/>
                      <a:gd name="T30" fmla="*/ 3 w 6"/>
                      <a:gd name="T31" fmla="*/ 8 h 8"/>
                      <a:gd name="T32" fmla="*/ 3 w 6"/>
                      <a:gd name="T33" fmla="*/ 8 h 8"/>
                      <a:gd name="T34" fmla="*/ 1 w 6"/>
                      <a:gd name="T35" fmla="*/ 7 h 8"/>
                      <a:gd name="T36" fmla="*/ 0 w 6"/>
                      <a:gd name="T37" fmla="*/ 7 h 8"/>
                      <a:gd name="T38" fmla="*/ 0 w 6"/>
                      <a:gd name="T39" fmla="*/ 5 h 8"/>
                      <a:gd name="T40" fmla="*/ 0 w 6"/>
                      <a:gd name="T41" fmla="*/ 3 h 8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6"/>
                      <a:gd name="T64" fmla="*/ 0 h 8"/>
                      <a:gd name="T65" fmla="*/ 6 w 6"/>
                      <a:gd name="T66" fmla="*/ 8 h 8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6" h="8">
                        <a:moveTo>
                          <a:pt x="0" y="3"/>
                        </a:moveTo>
                        <a:lnTo>
                          <a:pt x="0" y="3"/>
                        </a:lnTo>
                        <a:lnTo>
                          <a:pt x="0" y="2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5" y="2"/>
                        </a:lnTo>
                        <a:lnTo>
                          <a:pt x="6" y="3"/>
                        </a:lnTo>
                        <a:lnTo>
                          <a:pt x="6" y="5"/>
                        </a:lnTo>
                        <a:lnTo>
                          <a:pt x="5" y="7"/>
                        </a:lnTo>
                        <a:lnTo>
                          <a:pt x="3" y="8"/>
                        </a:lnTo>
                        <a:lnTo>
                          <a:pt x="1" y="7"/>
                        </a:lnTo>
                        <a:lnTo>
                          <a:pt x="0" y="7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84" name="Freeform 33"/>
                  <p:cNvSpPr>
                    <a:spLocks/>
                  </p:cNvSpPr>
                  <p:nvPr/>
                </p:nvSpPr>
                <p:spPr bwMode="auto">
                  <a:xfrm>
                    <a:off x="4575" y="3644"/>
                    <a:ext cx="3" cy="5"/>
                  </a:xfrm>
                  <a:custGeom>
                    <a:avLst/>
                    <a:gdLst>
                      <a:gd name="T0" fmla="*/ 0 w 3"/>
                      <a:gd name="T1" fmla="*/ 1 h 5"/>
                      <a:gd name="T2" fmla="*/ 0 w 3"/>
                      <a:gd name="T3" fmla="*/ 1 h 5"/>
                      <a:gd name="T4" fmla="*/ 0 w 3"/>
                      <a:gd name="T5" fmla="*/ 0 h 5"/>
                      <a:gd name="T6" fmla="*/ 1 w 3"/>
                      <a:gd name="T7" fmla="*/ 0 h 5"/>
                      <a:gd name="T8" fmla="*/ 1 w 3"/>
                      <a:gd name="T9" fmla="*/ 0 h 5"/>
                      <a:gd name="T10" fmla="*/ 1 w 3"/>
                      <a:gd name="T11" fmla="*/ 0 h 5"/>
                      <a:gd name="T12" fmla="*/ 3 w 3"/>
                      <a:gd name="T13" fmla="*/ 0 h 5"/>
                      <a:gd name="T14" fmla="*/ 3 w 3"/>
                      <a:gd name="T15" fmla="*/ 1 h 5"/>
                      <a:gd name="T16" fmla="*/ 3 w 3"/>
                      <a:gd name="T17" fmla="*/ 1 h 5"/>
                      <a:gd name="T18" fmla="*/ 3 w 3"/>
                      <a:gd name="T19" fmla="*/ 3 h 5"/>
                      <a:gd name="T20" fmla="*/ 3 w 3"/>
                      <a:gd name="T21" fmla="*/ 5 h 5"/>
                      <a:gd name="T22" fmla="*/ 1 w 3"/>
                      <a:gd name="T23" fmla="*/ 5 h 5"/>
                      <a:gd name="T24" fmla="*/ 1 w 3"/>
                      <a:gd name="T25" fmla="*/ 5 h 5"/>
                      <a:gd name="T26" fmla="*/ 1 w 3"/>
                      <a:gd name="T27" fmla="*/ 5 h 5"/>
                      <a:gd name="T28" fmla="*/ 0 w 3"/>
                      <a:gd name="T29" fmla="*/ 5 h 5"/>
                      <a:gd name="T30" fmla="*/ 0 w 3"/>
                      <a:gd name="T31" fmla="*/ 3 h 5"/>
                      <a:gd name="T32" fmla="*/ 0 w 3"/>
                      <a:gd name="T33" fmla="*/ 1 h 5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3"/>
                      <a:gd name="T52" fmla="*/ 0 h 5"/>
                      <a:gd name="T53" fmla="*/ 3 w 3"/>
                      <a:gd name="T54" fmla="*/ 5 h 5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3" h="5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3" y="1"/>
                        </a:lnTo>
                        <a:lnTo>
                          <a:pt x="3" y="3"/>
                        </a:lnTo>
                        <a:lnTo>
                          <a:pt x="3" y="5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85" name="Freeform 34"/>
                  <p:cNvSpPr>
                    <a:spLocks/>
                  </p:cNvSpPr>
                  <p:nvPr/>
                </p:nvSpPr>
                <p:spPr bwMode="auto">
                  <a:xfrm>
                    <a:off x="4575" y="3644"/>
                    <a:ext cx="3" cy="5"/>
                  </a:xfrm>
                  <a:custGeom>
                    <a:avLst/>
                    <a:gdLst>
                      <a:gd name="T0" fmla="*/ 0 w 3"/>
                      <a:gd name="T1" fmla="*/ 1 h 5"/>
                      <a:gd name="T2" fmla="*/ 0 w 3"/>
                      <a:gd name="T3" fmla="*/ 1 h 5"/>
                      <a:gd name="T4" fmla="*/ 0 w 3"/>
                      <a:gd name="T5" fmla="*/ 1 h 5"/>
                      <a:gd name="T6" fmla="*/ 0 w 3"/>
                      <a:gd name="T7" fmla="*/ 0 h 5"/>
                      <a:gd name="T8" fmla="*/ 1 w 3"/>
                      <a:gd name="T9" fmla="*/ 0 h 5"/>
                      <a:gd name="T10" fmla="*/ 1 w 3"/>
                      <a:gd name="T11" fmla="*/ 0 h 5"/>
                      <a:gd name="T12" fmla="*/ 1 w 3"/>
                      <a:gd name="T13" fmla="*/ 0 h 5"/>
                      <a:gd name="T14" fmla="*/ 1 w 3"/>
                      <a:gd name="T15" fmla="*/ 0 h 5"/>
                      <a:gd name="T16" fmla="*/ 3 w 3"/>
                      <a:gd name="T17" fmla="*/ 0 h 5"/>
                      <a:gd name="T18" fmla="*/ 3 w 3"/>
                      <a:gd name="T19" fmla="*/ 1 h 5"/>
                      <a:gd name="T20" fmla="*/ 3 w 3"/>
                      <a:gd name="T21" fmla="*/ 1 h 5"/>
                      <a:gd name="T22" fmla="*/ 3 w 3"/>
                      <a:gd name="T23" fmla="*/ 1 h 5"/>
                      <a:gd name="T24" fmla="*/ 3 w 3"/>
                      <a:gd name="T25" fmla="*/ 3 h 5"/>
                      <a:gd name="T26" fmla="*/ 3 w 3"/>
                      <a:gd name="T27" fmla="*/ 5 h 5"/>
                      <a:gd name="T28" fmla="*/ 1 w 3"/>
                      <a:gd name="T29" fmla="*/ 5 h 5"/>
                      <a:gd name="T30" fmla="*/ 1 w 3"/>
                      <a:gd name="T31" fmla="*/ 5 h 5"/>
                      <a:gd name="T32" fmla="*/ 1 w 3"/>
                      <a:gd name="T33" fmla="*/ 5 h 5"/>
                      <a:gd name="T34" fmla="*/ 1 w 3"/>
                      <a:gd name="T35" fmla="*/ 5 h 5"/>
                      <a:gd name="T36" fmla="*/ 0 w 3"/>
                      <a:gd name="T37" fmla="*/ 5 h 5"/>
                      <a:gd name="T38" fmla="*/ 0 w 3"/>
                      <a:gd name="T39" fmla="*/ 3 h 5"/>
                      <a:gd name="T40" fmla="*/ 0 w 3"/>
                      <a:gd name="T41" fmla="*/ 1 h 5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3"/>
                      <a:gd name="T64" fmla="*/ 0 h 5"/>
                      <a:gd name="T65" fmla="*/ 3 w 3"/>
                      <a:gd name="T66" fmla="*/ 5 h 5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3" h="5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3" y="1"/>
                        </a:lnTo>
                        <a:lnTo>
                          <a:pt x="3" y="3"/>
                        </a:lnTo>
                        <a:lnTo>
                          <a:pt x="3" y="5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86" name="Freeform 35"/>
                  <p:cNvSpPr>
                    <a:spLocks/>
                  </p:cNvSpPr>
                  <p:nvPr/>
                </p:nvSpPr>
                <p:spPr bwMode="auto">
                  <a:xfrm>
                    <a:off x="4566" y="3649"/>
                    <a:ext cx="5" cy="5"/>
                  </a:xfrm>
                  <a:custGeom>
                    <a:avLst/>
                    <a:gdLst>
                      <a:gd name="T0" fmla="*/ 0 w 5"/>
                      <a:gd name="T1" fmla="*/ 3 h 5"/>
                      <a:gd name="T2" fmla="*/ 0 w 5"/>
                      <a:gd name="T3" fmla="*/ 1 h 5"/>
                      <a:gd name="T4" fmla="*/ 2 w 5"/>
                      <a:gd name="T5" fmla="*/ 0 h 5"/>
                      <a:gd name="T6" fmla="*/ 2 w 5"/>
                      <a:gd name="T7" fmla="*/ 0 h 5"/>
                      <a:gd name="T8" fmla="*/ 4 w 5"/>
                      <a:gd name="T9" fmla="*/ 0 h 5"/>
                      <a:gd name="T10" fmla="*/ 4 w 5"/>
                      <a:gd name="T11" fmla="*/ 0 h 5"/>
                      <a:gd name="T12" fmla="*/ 5 w 5"/>
                      <a:gd name="T13" fmla="*/ 0 h 5"/>
                      <a:gd name="T14" fmla="*/ 5 w 5"/>
                      <a:gd name="T15" fmla="*/ 1 h 5"/>
                      <a:gd name="T16" fmla="*/ 5 w 5"/>
                      <a:gd name="T17" fmla="*/ 3 h 5"/>
                      <a:gd name="T18" fmla="*/ 5 w 5"/>
                      <a:gd name="T19" fmla="*/ 3 h 5"/>
                      <a:gd name="T20" fmla="*/ 5 w 5"/>
                      <a:gd name="T21" fmla="*/ 5 h 5"/>
                      <a:gd name="T22" fmla="*/ 4 w 5"/>
                      <a:gd name="T23" fmla="*/ 5 h 5"/>
                      <a:gd name="T24" fmla="*/ 4 w 5"/>
                      <a:gd name="T25" fmla="*/ 5 h 5"/>
                      <a:gd name="T26" fmla="*/ 2 w 5"/>
                      <a:gd name="T27" fmla="*/ 5 h 5"/>
                      <a:gd name="T28" fmla="*/ 2 w 5"/>
                      <a:gd name="T29" fmla="*/ 5 h 5"/>
                      <a:gd name="T30" fmla="*/ 0 w 5"/>
                      <a:gd name="T31" fmla="*/ 3 h 5"/>
                      <a:gd name="T32" fmla="*/ 0 w 5"/>
                      <a:gd name="T33" fmla="*/ 3 h 5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5"/>
                      <a:gd name="T52" fmla="*/ 0 h 5"/>
                      <a:gd name="T53" fmla="*/ 5 w 5"/>
                      <a:gd name="T54" fmla="*/ 5 h 5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5" h="5">
                        <a:moveTo>
                          <a:pt x="0" y="3"/>
                        </a:moveTo>
                        <a:lnTo>
                          <a:pt x="0" y="1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5" y="0"/>
                        </a:lnTo>
                        <a:lnTo>
                          <a:pt x="5" y="1"/>
                        </a:lnTo>
                        <a:lnTo>
                          <a:pt x="5" y="3"/>
                        </a:lnTo>
                        <a:lnTo>
                          <a:pt x="5" y="5"/>
                        </a:lnTo>
                        <a:lnTo>
                          <a:pt x="4" y="5"/>
                        </a:lnTo>
                        <a:lnTo>
                          <a:pt x="2" y="5"/>
                        </a:lnTo>
                        <a:lnTo>
                          <a:pt x="0" y="3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87" name="Freeform 36"/>
                  <p:cNvSpPr>
                    <a:spLocks/>
                  </p:cNvSpPr>
                  <p:nvPr/>
                </p:nvSpPr>
                <p:spPr bwMode="auto">
                  <a:xfrm>
                    <a:off x="4566" y="3649"/>
                    <a:ext cx="5" cy="5"/>
                  </a:xfrm>
                  <a:custGeom>
                    <a:avLst/>
                    <a:gdLst>
                      <a:gd name="T0" fmla="*/ 0 w 5"/>
                      <a:gd name="T1" fmla="*/ 3 h 5"/>
                      <a:gd name="T2" fmla="*/ 0 w 5"/>
                      <a:gd name="T3" fmla="*/ 3 h 5"/>
                      <a:gd name="T4" fmla="*/ 0 w 5"/>
                      <a:gd name="T5" fmla="*/ 1 h 5"/>
                      <a:gd name="T6" fmla="*/ 2 w 5"/>
                      <a:gd name="T7" fmla="*/ 0 h 5"/>
                      <a:gd name="T8" fmla="*/ 2 w 5"/>
                      <a:gd name="T9" fmla="*/ 0 h 5"/>
                      <a:gd name="T10" fmla="*/ 4 w 5"/>
                      <a:gd name="T11" fmla="*/ 0 h 5"/>
                      <a:gd name="T12" fmla="*/ 4 w 5"/>
                      <a:gd name="T13" fmla="*/ 0 h 5"/>
                      <a:gd name="T14" fmla="*/ 4 w 5"/>
                      <a:gd name="T15" fmla="*/ 0 h 5"/>
                      <a:gd name="T16" fmla="*/ 5 w 5"/>
                      <a:gd name="T17" fmla="*/ 0 h 5"/>
                      <a:gd name="T18" fmla="*/ 5 w 5"/>
                      <a:gd name="T19" fmla="*/ 1 h 5"/>
                      <a:gd name="T20" fmla="*/ 5 w 5"/>
                      <a:gd name="T21" fmla="*/ 3 h 5"/>
                      <a:gd name="T22" fmla="*/ 5 w 5"/>
                      <a:gd name="T23" fmla="*/ 3 h 5"/>
                      <a:gd name="T24" fmla="*/ 5 w 5"/>
                      <a:gd name="T25" fmla="*/ 3 h 5"/>
                      <a:gd name="T26" fmla="*/ 5 w 5"/>
                      <a:gd name="T27" fmla="*/ 5 h 5"/>
                      <a:gd name="T28" fmla="*/ 4 w 5"/>
                      <a:gd name="T29" fmla="*/ 5 h 5"/>
                      <a:gd name="T30" fmla="*/ 4 w 5"/>
                      <a:gd name="T31" fmla="*/ 5 h 5"/>
                      <a:gd name="T32" fmla="*/ 4 w 5"/>
                      <a:gd name="T33" fmla="*/ 5 h 5"/>
                      <a:gd name="T34" fmla="*/ 2 w 5"/>
                      <a:gd name="T35" fmla="*/ 5 h 5"/>
                      <a:gd name="T36" fmla="*/ 2 w 5"/>
                      <a:gd name="T37" fmla="*/ 5 h 5"/>
                      <a:gd name="T38" fmla="*/ 0 w 5"/>
                      <a:gd name="T39" fmla="*/ 3 h 5"/>
                      <a:gd name="T40" fmla="*/ 0 w 5"/>
                      <a:gd name="T41" fmla="*/ 3 h 5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5"/>
                      <a:gd name="T64" fmla="*/ 0 h 5"/>
                      <a:gd name="T65" fmla="*/ 5 w 5"/>
                      <a:gd name="T66" fmla="*/ 5 h 5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5" h="5">
                        <a:moveTo>
                          <a:pt x="0" y="3"/>
                        </a:moveTo>
                        <a:lnTo>
                          <a:pt x="0" y="3"/>
                        </a:lnTo>
                        <a:lnTo>
                          <a:pt x="0" y="1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5" y="0"/>
                        </a:lnTo>
                        <a:lnTo>
                          <a:pt x="5" y="1"/>
                        </a:lnTo>
                        <a:lnTo>
                          <a:pt x="5" y="3"/>
                        </a:lnTo>
                        <a:lnTo>
                          <a:pt x="5" y="5"/>
                        </a:lnTo>
                        <a:lnTo>
                          <a:pt x="4" y="5"/>
                        </a:lnTo>
                        <a:lnTo>
                          <a:pt x="2" y="5"/>
                        </a:lnTo>
                        <a:lnTo>
                          <a:pt x="0" y="3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88" name="Freeform 37"/>
                  <p:cNvSpPr>
                    <a:spLocks/>
                  </p:cNvSpPr>
                  <p:nvPr/>
                </p:nvSpPr>
                <p:spPr bwMode="auto">
                  <a:xfrm>
                    <a:off x="4560" y="3656"/>
                    <a:ext cx="5" cy="3"/>
                  </a:xfrm>
                  <a:custGeom>
                    <a:avLst/>
                    <a:gdLst>
                      <a:gd name="T0" fmla="*/ 0 w 5"/>
                      <a:gd name="T1" fmla="*/ 1 h 3"/>
                      <a:gd name="T2" fmla="*/ 0 w 5"/>
                      <a:gd name="T3" fmla="*/ 1 h 3"/>
                      <a:gd name="T4" fmla="*/ 0 w 5"/>
                      <a:gd name="T5" fmla="*/ 0 h 3"/>
                      <a:gd name="T6" fmla="*/ 1 w 5"/>
                      <a:gd name="T7" fmla="*/ 0 h 3"/>
                      <a:gd name="T8" fmla="*/ 1 w 5"/>
                      <a:gd name="T9" fmla="*/ 0 h 3"/>
                      <a:gd name="T10" fmla="*/ 3 w 5"/>
                      <a:gd name="T11" fmla="*/ 0 h 3"/>
                      <a:gd name="T12" fmla="*/ 3 w 5"/>
                      <a:gd name="T13" fmla="*/ 0 h 3"/>
                      <a:gd name="T14" fmla="*/ 5 w 5"/>
                      <a:gd name="T15" fmla="*/ 1 h 3"/>
                      <a:gd name="T16" fmla="*/ 5 w 5"/>
                      <a:gd name="T17" fmla="*/ 1 h 3"/>
                      <a:gd name="T18" fmla="*/ 5 w 5"/>
                      <a:gd name="T19" fmla="*/ 1 h 3"/>
                      <a:gd name="T20" fmla="*/ 3 w 5"/>
                      <a:gd name="T21" fmla="*/ 3 h 3"/>
                      <a:gd name="T22" fmla="*/ 3 w 5"/>
                      <a:gd name="T23" fmla="*/ 3 h 3"/>
                      <a:gd name="T24" fmla="*/ 1 w 5"/>
                      <a:gd name="T25" fmla="*/ 3 h 3"/>
                      <a:gd name="T26" fmla="*/ 1 w 5"/>
                      <a:gd name="T27" fmla="*/ 3 h 3"/>
                      <a:gd name="T28" fmla="*/ 0 w 5"/>
                      <a:gd name="T29" fmla="*/ 3 h 3"/>
                      <a:gd name="T30" fmla="*/ 0 w 5"/>
                      <a:gd name="T31" fmla="*/ 1 h 3"/>
                      <a:gd name="T32" fmla="*/ 0 w 5"/>
                      <a:gd name="T33" fmla="*/ 1 h 3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5"/>
                      <a:gd name="T52" fmla="*/ 0 h 3"/>
                      <a:gd name="T53" fmla="*/ 5 w 5"/>
                      <a:gd name="T54" fmla="*/ 3 h 3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5" h="3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1"/>
                        </a:lnTo>
                        <a:lnTo>
                          <a:pt x="3" y="3"/>
                        </a:lnTo>
                        <a:lnTo>
                          <a:pt x="1" y="3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89" name="Freeform 38"/>
                  <p:cNvSpPr>
                    <a:spLocks/>
                  </p:cNvSpPr>
                  <p:nvPr/>
                </p:nvSpPr>
                <p:spPr bwMode="auto">
                  <a:xfrm>
                    <a:off x="4560" y="3656"/>
                    <a:ext cx="5" cy="3"/>
                  </a:xfrm>
                  <a:custGeom>
                    <a:avLst/>
                    <a:gdLst>
                      <a:gd name="T0" fmla="*/ 0 w 5"/>
                      <a:gd name="T1" fmla="*/ 1 h 3"/>
                      <a:gd name="T2" fmla="*/ 0 w 5"/>
                      <a:gd name="T3" fmla="*/ 1 h 3"/>
                      <a:gd name="T4" fmla="*/ 0 w 5"/>
                      <a:gd name="T5" fmla="*/ 1 h 3"/>
                      <a:gd name="T6" fmla="*/ 0 w 5"/>
                      <a:gd name="T7" fmla="*/ 0 h 3"/>
                      <a:gd name="T8" fmla="*/ 1 w 5"/>
                      <a:gd name="T9" fmla="*/ 0 h 3"/>
                      <a:gd name="T10" fmla="*/ 1 w 5"/>
                      <a:gd name="T11" fmla="*/ 0 h 3"/>
                      <a:gd name="T12" fmla="*/ 1 w 5"/>
                      <a:gd name="T13" fmla="*/ 0 h 3"/>
                      <a:gd name="T14" fmla="*/ 3 w 5"/>
                      <a:gd name="T15" fmla="*/ 0 h 3"/>
                      <a:gd name="T16" fmla="*/ 3 w 5"/>
                      <a:gd name="T17" fmla="*/ 0 h 3"/>
                      <a:gd name="T18" fmla="*/ 5 w 5"/>
                      <a:gd name="T19" fmla="*/ 1 h 3"/>
                      <a:gd name="T20" fmla="*/ 5 w 5"/>
                      <a:gd name="T21" fmla="*/ 1 h 3"/>
                      <a:gd name="T22" fmla="*/ 5 w 5"/>
                      <a:gd name="T23" fmla="*/ 1 h 3"/>
                      <a:gd name="T24" fmla="*/ 5 w 5"/>
                      <a:gd name="T25" fmla="*/ 1 h 3"/>
                      <a:gd name="T26" fmla="*/ 3 w 5"/>
                      <a:gd name="T27" fmla="*/ 3 h 3"/>
                      <a:gd name="T28" fmla="*/ 3 w 5"/>
                      <a:gd name="T29" fmla="*/ 3 h 3"/>
                      <a:gd name="T30" fmla="*/ 1 w 5"/>
                      <a:gd name="T31" fmla="*/ 3 h 3"/>
                      <a:gd name="T32" fmla="*/ 1 w 5"/>
                      <a:gd name="T33" fmla="*/ 3 h 3"/>
                      <a:gd name="T34" fmla="*/ 1 w 5"/>
                      <a:gd name="T35" fmla="*/ 3 h 3"/>
                      <a:gd name="T36" fmla="*/ 0 w 5"/>
                      <a:gd name="T37" fmla="*/ 3 h 3"/>
                      <a:gd name="T38" fmla="*/ 0 w 5"/>
                      <a:gd name="T39" fmla="*/ 1 h 3"/>
                      <a:gd name="T40" fmla="*/ 0 w 5"/>
                      <a:gd name="T41" fmla="*/ 1 h 3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5"/>
                      <a:gd name="T64" fmla="*/ 0 h 3"/>
                      <a:gd name="T65" fmla="*/ 5 w 5"/>
                      <a:gd name="T66" fmla="*/ 3 h 3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5" h="3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1"/>
                        </a:lnTo>
                        <a:lnTo>
                          <a:pt x="3" y="3"/>
                        </a:lnTo>
                        <a:lnTo>
                          <a:pt x="1" y="3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90" name="Freeform 39"/>
                  <p:cNvSpPr>
                    <a:spLocks/>
                  </p:cNvSpPr>
                  <p:nvPr/>
                </p:nvSpPr>
                <p:spPr bwMode="auto">
                  <a:xfrm>
                    <a:off x="4664" y="3600"/>
                    <a:ext cx="4" cy="5"/>
                  </a:xfrm>
                  <a:custGeom>
                    <a:avLst/>
                    <a:gdLst>
                      <a:gd name="T0" fmla="*/ 0 w 4"/>
                      <a:gd name="T1" fmla="*/ 1 h 5"/>
                      <a:gd name="T2" fmla="*/ 0 w 4"/>
                      <a:gd name="T3" fmla="*/ 1 h 5"/>
                      <a:gd name="T4" fmla="*/ 0 w 4"/>
                      <a:gd name="T5" fmla="*/ 0 h 5"/>
                      <a:gd name="T6" fmla="*/ 2 w 4"/>
                      <a:gd name="T7" fmla="*/ 0 h 5"/>
                      <a:gd name="T8" fmla="*/ 2 w 4"/>
                      <a:gd name="T9" fmla="*/ 0 h 5"/>
                      <a:gd name="T10" fmla="*/ 2 w 4"/>
                      <a:gd name="T11" fmla="*/ 0 h 5"/>
                      <a:gd name="T12" fmla="*/ 4 w 4"/>
                      <a:gd name="T13" fmla="*/ 0 h 5"/>
                      <a:gd name="T14" fmla="*/ 4 w 4"/>
                      <a:gd name="T15" fmla="*/ 1 h 5"/>
                      <a:gd name="T16" fmla="*/ 4 w 4"/>
                      <a:gd name="T17" fmla="*/ 1 h 5"/>
                      <a:gd name="T18" fmla="*/ 4 w 4"/>
                      <a:gd name="T19" fmla="*/ 3 h 5"/>
                      <a:gd name="T20" fmla="*/ 4 w 4"/>
                      <a:gd name="T21" fmla="*/ 5 h 5"/>
                      <a:gd name="T22" fmla="*/ 2 w 4"/>
                      <a:gd name="T23" fmla="*/ 5 h 5"/>
                      <a:gd name="T24" fmla="*/ 2 w 4"/>
                      <a:gd name="T25" fmla="*/ 5 h 5"/>
                      <a:gd name="T26" fmla="*/ 2 w 4"/>
                      <a:gd name="T27" fmla="*/ 5 h 5"/>
                      <a:gd name="T28" fmla="*/ 0 w 4"/>
                      <a:gd name="T29" fmla="*/ 5 h 5"/>
                      <a:gd name="T30" fmla="*/ 0 w 4"/>
                      <a:gd name="T31" fmla="*/ 3 h 5"/>
                      <a:gd name="T32" fmla="*/ 0 w 4"/>
                      <a:gd name="T33" fmla="*/ 1 h 5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4"/>
                      <a:gd name="T52" fmla="*/ 0 h 5"/>
                      <a:gd name="T53" fmla="*/ 4 w 4"/>
                      <a:gd name="T54" fmla="*/ 5 h 5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4" h="5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4" y="1"/>
                        </a:lnTo>
                        <a:lnTo>
                          <a:pt x="4" y="3"/>
                        </a:lnTo>
                        <a:lnTo>
                          <a:pt x="4" y="5"/>
                        </a:lnTo>
                        <a:lnTo>
                          <a:pt x="2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91" name="Freeform 40"/>
                  <p:cNvSpPr>
                    <a:spLocks/>
                  </p:cNvSpPr>
                  <p:nvPr/>
                </p:nvSpPr>
                <p:spPr bwMode="auto">
                  <a:xfrm>
                    <a:off x="4664" y="3600"/>
                    <a:ext cx="4" cy="5"/>
                  </a:xfrm>
                  <a:custGeom>
                    <a:avLst/>
                    <a:gdLst>
                      <a:gd name="T0" fmla="*/ 0 w 4"/>
                      <a:gd name="T1" fmla="*/ 1 h 5"/>
                      <a:gd name="T2" fmla="*/ 0 w 4"/>
                      <a:gd name="T3" fmla="*/ 1 h 5"/>
                      <a:gd name="T4" fmla="*/ 0 w 4"/>
                      <a:gd name="T5" fmla="*/ 1 h 5"/>
                      <a:gd name="T6" fmla="*/ 0 w 4"/>
                      <a:gd name="T7" fmla="*/ 0 h 5"/>
                      <a:gd name="T8" fmla="*/ 2 w 4"/>
                      <a:gd name="T9" fmla="*/ 0 h 5"/>
                      <a:gd name="T10" fmla="*/ 2 w 4"/>
                      <a:gd name="T11" fmla="*/ 0 h 5"/>
                      <a:gd name="T12" fmla="*/ 2 w 4"/>
                      <a:gd name="T13" fmla="*/ 0 h 5"/>
                      <a:gd name="T14" fmla="*/ 2 w 4"/>
                      <a:gd name="T15" fmla="*/ 0 h 5"/>
                      <a:gd name="T16" fmla="*/ 4 w 4"/>
                      <a:gd name="T17" fmla="*/ 0 h 5"/>
                      <a:gd name="T18" fmla="*/ 4 w 4"/>
                      <a:gd name="T19" fmla="*/ 1 h 5"/>
                      <a:gd name="T20" fmla="*/ 4 w 4"/>
                      <a:gd name="T21" fmla="*/ 1 h 5"/>
                      <a:gd name="T22" fmla="*/ 4 w 4"/>
                      <a:gd name="T23" fmla="*/ 1 h 5"/>
                      <a:gd name="T24" fmla="*/ 4 w 4"/>
                      <a:gd name="T25" fmla="*/ 3 h 5"/>
                      <a:gd name="T26" fmla="*/ 4 w 4"/>
                      <a:gd name="T27" fmla="*/ 5 h 5"/>
                      <a:gd name="T28" fmla="*/ 2 w 4"/>
                      <a:gd name="T29" fmla="*/ 5 h 5"/>
                      <a:gd name="T30" fmla="*/ 2 w 4"/>
                      <a:gd name="T31" fmla="*/ 5 h 5"/>
                      <a:gd name="T32" fmla="*/ 2 w 4"/>
                      <a:gd name="T33" fmla="*/ 5 h 5"/>
                      <a:gd name="T34" fmla="*/ 2 w 4"/>
                      <a:gd name="T35" fmla="*/ 5 h 5"/>
                      <a:gd name="T36" fmla="*/ 0 w 4"/>
                      <a:gd name="T37" fmla="*/ 5 h 5"/>
                      <a:gd name="T38" fmla="*/ 0 w 4"/>
                      <a:gd name="T39" fmla="*/ 3 h 5"/>
                      <a:gd name="T40" fmla="*/ 0 w 4"/>
                      <a:gd name="T41" fmla="*/ 1 h 5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4"/>
                      <a:gd name="T64" fmla="*/ 0 h 5"/>
                      <a:gd name="T65" fmla="*/ 4 w 4"/>
                      <a:gd name="T66" fmla="*/ 5 h 5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4" h="5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4" y="1"/>
                        </a:lnTo>
                        <a:lnTo>
                          <a:pt x="4" y="3"/>
                        </a:lnTo>
                        <a:lnTo>
                          <a:pt x="4" y="5"/>
                        </a:lnTo>
                        <a:lnTo>
                          <a:pt x="2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92" name="Freeform 41"/>
                  <p:cNvSpPr>
                    <a:spLocks/>
                  </p:cNvSpPr>
                  <p:nvPr/>
                </p:nvSpPr>
                <p:spPr bwMode="auto">
                  <a:xfrm>
                    <a:off x="4653" y="3608"/>
                    <a:ext cx="8" cy="7"/>
                  </a:xfrm>
                  <a:custGeom>
                    <a:avLst/>
                    <a:gdLst>
                      <a:gd name="T0" fmla="*/ 0 w 8"/>
                      <a:gd name="T1" fmla="*/ 4 h 7"/>
                      <a:gd name="T2" fmla="*/ 0 w 8"/>
                      <a:gd name="T3" fmla="*/ 2 h 7"/>
                      <a:gd name="T4" fmla="*/ 1 w 8"/>
                      <a:gd name="T5" fmla="*/ 2 h 7"/>
                      <a:gd name="T6" fmla="*/ 1 w 8"/>
                      <a:gd name="T7" fmla="*/ 0 h 7"/>
                      <a:gd name="T8" fmla="*/ 3 w 8"/>
                      <a:gd name="T9" fmla="*/ 0 h 7"/>
                      <a:gd name="T10" fmla="*/ 5 w 8"/>
                      <a:gd name="T11" fmla="*/ 0 h 7"/>
                      <a:gd name="T12" fmla="*/ 6 w 8"/>
                      <a:gd name="T13" fmla="*/ 2 h 7"/>
                      <a:gd name="T14" fmla="*/ 6 w 8"/>
                      <a:gd name="T15" fmla="*/ 2 h 7"/>
                      <a:gd name="T16" fmla="*/ 8 w 8"/>
                      <a:gd name="T17" fmla="*/ 4 h 7"/>
                      <a:gd name="T18" fmla="*/ 6 w 8"/>
                      <a:gd name="T19" fmla="*/ 5 h 7"/>
                      <a:gd name="T20" fmla="*/ 6 w 8"/>
                      <a:gd name="T21" fmla="*/ 5 h 7"/>
                      <a:gd name="T22" fmla="*/ 5 w 8"/>
                      <a:gd name="T23" fmla="*/ 5 h 7"/>
                      <a:gd name="T24" fmla="*/ 3 w 8"/>
                      <a:gd name="T25" fmla="*/ 7 h 7"/>
                      <a:gd name="T26" fmla="*/ 1 w 8"/>
                      <a:gd name="T27" fmla="*/ 5 h 7"/>
                      <a:gd name="T28" fmla="*/ 1 w 8"/>
                      <a:gd name="T29" fmla="*/ 5 h 7"/>
                      <a:gd name="T30" fmla="*/ 0 w 8"/>
                      <a:gd name="T31" fmla="*/ 5 h 7"/>
                      <a:gd name="T32" fmla="*/ 0 w 8"/>
                      <a:gd name="T33" fmla="*/ 4 h 7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8"/>
                      <a:gd name="T52" fmla="*/ 0 h 7"/>
                      <a:gd name="T53" fmla="*/ 8 w 8"/>
                      <a:gd name="T54" fmla="*/ 7 h 7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8" h="7">
                        <a:moveTo>
                          <a:pt x="0" y="4"/>
                        </a:moveTo>
                        <a:lnTo>
                          <a:pt x="0" y="2"/>
                        </a:lnTo>
                        <a:lnTo>
                          <a:pt x="1" y="2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6" y="2"/>
                        </a:lnTo>
                        <a:lnTo>
                          <a:pt x="8" y="4"/>
                        </a:lnTo>
                        <a:lnTo>
                          <a:pt x="6" y="5"/>
                        </a:lnTo>
                        <a:lnTo>
                          <a:pt x="5" y="5"/>
                        </a:lnTo>
                        <a:lnTo>
                          <a:pt x="3" y="7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4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93" name="Freeform 42"/>
                  <p:cNvSpPr>
                    <a:spLocks/>
                  </p:cNvSpPr>
                  <p:nvPr/>
                </p:nvSpPr>
                <p:spPr bwMode="auto">
                  <a:xfrm>
                    <a:off x="4653" y="3608"/>
                    <a:ext cx="8" cy="7"/>
                  </a:xfrm>
                  <a:custGeom>
                    <a:avLst/>
                    <a:gdLst>
                      <a:gd name="T0" fmla="*/ 0 w 8"/>
                      <a:gd name="T1" fmla="*/ 4 h 7"/>
                      <a:gd name="T2" fmla="*/ 0 w 8"/>
                      <a:gd name="T3" fmla="*/ 4 h 7"/>
                      <a:gd name="T4" fmla="*/ 0 w 8"/>
                      <a:gd name="T5" fmla="*/ 2 h 7"/>
                      <a:gd name="T6" fmla="*/ 1 w 8"/>
                      <a:gd name="T7" fmla="*/ 2 h 7"/>
                      <a:gd name="T8" fmla="*/ 1 w 8"/>
                      <a:gd name="T9" fmla="*/ 0 h 7"/>
                      <a:gd name="T10" fmla="*/ 3 w 8"/>
                      <a:gd name="T11" fmla="*/ 0 h 7"/>
                      <a:gd name="T12" fmla="*/ 3 w 8"/>
                      <a:gd name="T13" fmla="*/ 0 h 7"/>
                      <a:gd name="T14" fmla="*/ 5 w 8"/>
                      <a:gd name="T15" fmla="*/ 0 h 7"/>
                      <a:gd name="T16" fmla="*/ 6 w 8"/>
                      <a:gd name="T17" fmla="*/ 2 h 7"/>
                      <a:gd name="T18" fmla="*/ 6 w 8"/>
                      <a:gd name="T19" fmla="*/ 2 h 7"/>
                      <a:gd name="T20" fmla="*/ 8 w 8"/>
                      <a:gd name="T21" fmla="*/ 4 h 7"/>
                      <a:gd name="T22" fmla="*/ 8 w 8"/>
                      <a:gd name="T23" fmla="*/ 4 h 7"/>
                      <a:gd name="T24" fmla="*/ 6 w 8"/>
                      <a:gd name="T25" fmla="*/ 5 h 7"/>
                      <a:gd name="T26" fmla="*/ 6 w 8"/>
                      <a:gd name="T27" fmla="*/ 5 h 7"/>
                      <a:gd name="T28" fmla="*/ 5 w 8"/>
                      <a:gd name="T29" fmla="*/ 5 h 7"/>
                      <a:gd name="T30" fmla="*/ 3 w 8"/>
                      <a:gd name="T31" fmla="*/ 7 h 7"/>
                      <a:gd name="T32" fmla="*/ 3 w 8"/>
                      <a:gd name="T33" fmla="*/ 7 h 7"/>
                      <a:gd name="T34" fmla="*/ 1 w 8"/>
                      <a:gd name="T35" fmla="*/ 5 h 7"/>
                      <a:gd name="T36" fmla="*/ 1 w 8"/>
                      <a:gd name="T37" fmla="*/ 5 h 7"/>
                      <a:gd name="T38" fmla="*/ 0 w 8"/>
                      <a:gd name="T39" fmla="*/ 5 h 7"/>
                      <a:gd name="T40" fmla="*/ 0 w 8"/>
                      <a:gd name="T41" fmla="*/ 4 h 7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8"/>
                      <a:gd name="T64" fmla="*/ 0 h 7"/>
                      <a:gd name="T65" fmla="*/ 8 w 8"/>
                      <a:gd name="T66" fmla="*/ 7 h 7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8" h="7">
                        <a:moveTo>
                          <a:pt x="0" y="4"/>
                        </a:moveTo>
                        <a:lnTo>
                          <a:pt x="0" y="4"/>
                        </a:lnTo>
                        <a:lnTo>
                          <a:pt x="0" y="2"/>
                        </a:lnTo>
                        <a:lnTo>
                          <a:pt x="1" y="2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6" y="2"/>
                        </a:lnTo>
                        <a:lnTo>
                          <a:pt x="8" y="4"/>
                        </a:lnTo>
                        <a:lnTo>
                          <a:pt x="6" y="5"/>
                        </a:lnTo>
                        <a:lnTo>
                          <a:pt x="5" y="5"/>
                        </a:lnTo>
                        <a:lnTo>
                          <a:pt x="3" y="7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4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94" name="Freeform 43"/>
                  <p:cNvSpPr>
                    <a:spLocks/>
                  </p:cNvSpPr>
                  <p:nvPr/>
                </p:nvSpPr>
                <p:spPr bwMode="auto">
                  <a:xfrm>
                    <a:off x="4626" y="3627"/>
                    <a:ext cx="8" cy="5"/>
                  </a:xfrm>
                  <a:custGeom>
                    <a:avLst/>
                    <a:gdLst>
                      <a:gd name="T0" fmla="*/ 0 w 8"/>
                      <a:gd name="T1" fmla="*/ 3 h 5"/>
                      <a:gd name="T2" fmla="*/ 0 w 8"/>
                      <a:gd name="T3" fmla="*/ 1 h 5"/>
                      <a:gd name="T4" fmla="*/ 0 w 8"/>
                      <a:gd name="T5" fmla="*/ 0 h 5"/>
                      <a:gd name="T6" fmla="*/ 1 w 8"/>
                      <a:gd name="T7" fmla="*/ 0 h 5"/>
                      <a:gd name="T8" fmla="*/ 3 w 8"/>
                      <a:gd name="T9" fmla="*/ 0 h 5"/>
                      <a:gd name="T10" fmla="*/ 6 w 8"/>
                      <a:gd name="T11" fmla="*/ 0 h 5"/>
                      <a:gd name="T12" fmla="*/ 6 w 8"/>
                      <a:gd name="T13" fmla="*/ 0 h 5"/>
                      <a:gd name="T14" fmla="*/ 8 w 8"/>
                      <a:gd name="T15" fmla="*/ 1 h 5"/>
                      <a:gd name="T16" fmla="*/ 8 w 8"/>
                      <a:gd name="T17" fmla="*/ 3 h 5"/>
                      <a:gd name="T18" fmla="*/ 8 w 8"/>
                      <a:gd name="T19" fmla="*/ 3 h 5"/>
                      <a:gd name="T20" fmla="*/ 6 w 8"/>
                      <a:gd name="T21" fmla="*/ 5 h 5"/>
                      <a:gd name="T22" fmla="*/ 6 w 8"/>
                      <a:gd name="T23" fmla="*/ 5 h 5"/>
                      <a:gd name="T24" fmla="*/ 3 w 8"/>
                      <a:gd name="T25" fmla="*/ 5 h 5"/>
                      <a:gd name="T26" fmla="*/ 1 w 8"/>
                      <a:gd name="T27" fmla="*/ 5 h 5"/>
                      <a:gd name="T28" fmla="*/ 0 w 8"/>
                      <a:gd name="T29" fmla="*/ 5 h 5"/>
                      <a:gd name="T30" fmla="*/ 0 w 8"/>
                      <a:gd name="T31" fmla="*/ 3 h 5"/>
                      <a:gd name="T32" fmla="*/ 0 w 8"/>
                      <a:gd name="T33" fmla="*/ 3 h 5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8"/>
                      <a:gd name="T52" fmla="*/ 0 h 5"/>
                      <a:gd name="T53" fmla="*/ 8 w 8"/>
                      <a:gd name="T54" fmla="*/ 5 h 5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8" h="5">
                        <a:moveTo>
                          <a:pt x="0" y="3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6" y="0"/>
                        </a:lnTo>
                        <a:lnTo>
                          <a:pt x="8" y="1"/>
                        </a:lnTo>
                        <a:lnTo>
                          <a:pt x="8" y="3"/>
                        </a:lnTo>
                        <a:lnTo>
                          <a:pt x="6" y="5"/>
                        </a:lnTo>
                        <a:lnTo>
                          <a:pt x="3" y="5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95" name="Freeform 44"/>
                  <p:cNvSpPr>
                    <a:spLocks/>
                  </p:cNvSpPr>
                  <p:nvPr/>
                </p:nvSpPr>
                <p:spPr bwMode="auto">
                  <a:xfrm>
                    <a:off x="4626" y="3627"/>
                    <a:ext cx="8" cy="5"/>
                  </a:xfrm>
                  <a:custGeom>
                    <a:avLst/>
                    <a:gdLst>
                      <a:gd name="T0" fmla="*/ 0 w 8"/>
                      <a:gd name="T1" fmla="*/ 3 h 5"/>
                      <a:gd name="T2" fmla="*/ 0 w 8"/>
                      <a:gd name="T3" fmla="*/ 3 h 5"/>
                      <a:gd name="T4" fmla="*/ 0 w 8"/>
                      <a:gd name="T5" fmla="*/ 1 h 5"/>
                      <a:gd name="T6" fmla="*/ 0 w 8"/>
                      <a:gd name="T7" fmla="*/ 0 h 5"/>
                      <a:gd name="T8" fmla="*/ 1 w 8"/>
                      <a:gd name="T9" fmla="*/ 0 h 5"/>
                      <a:gd name="T10" fmla="*/ 3 w 8"/>
                      <a:gd name="T11" fmla="*/ 0 h 5"/>
                      <a:gd name="T12" fmla="*/ 3 w 8"/>
                      <a:gd name="T13" fmla="*/ 0 h 5"/>
                      <a:gd name="T14" fmla="*/ 6 w 8"/>
                      <a:gd name="T15" fmla="*/ 0 h 5"/>
                      <a:gd name="T16" fmla="*/ 6 w 8"/>
                      <a:gd name="T17" fmla="*/ 0 h 5"/>
                      <a:gd name="T18" fmla="*/ 8 w 8"/>
                      <a:gd name="T19" fmla="*/ 1 h 5"/>
                      <a:gd name="T20" fmla="*/ 8 w 8"/>
                      <a:gd name="T21" fmla="*/ 3 h 5"/>
                      <a:gd name="T22" fmla="*/ 8 w 8"/>
                      <a:gd name="T23" fmla="*/ 3 h 5"/>
                      <a:gd name="T24" fmla="*/ 8 w 8"/>
                      <a:gd name="T25" fmla="*/ 3 h 5"/>
                      <a:gd name="T26" fmla="*/ 6 w 8"/>
                      <a:gd name="T27" fmla="*/ 5 h 5"/>
                      <a:gd name="T28" fmla="*/ 6 w 8"/>
                      <a:gd name="T29" fmla="*/ 5 h 5"/>
                      <a:gd name="T30" fmla="*/ 3 w 8"/>
                      <a:gd name="T31" fmla="*/ 5 h 5"/>
                      <a:gd name="T32" fmla="*/ 3 w 8"/>
                      <a:gd name="T33" fmla="*/ 5 h 5"/>
                      <a:gd name="T34" fmla="*/ 1 w 8"/>
                      <a:gd name="T35" fmla="*/ 5 h 5"/>
                      <a:gd name="T36" fmla="*/ 0 w 8"/>
                      <a:gd name="T37" fmla="*/ 5 h 5"/>
                      <a:gd name="T38" fmla="*/ 0 w 8"/>
                      <a:gd name="T39" fmla="*/ 3 h 5"/>
                      <a:gd name="T40" fmla="*/ 0 w 8"/>
                      <a:gd name="T41" fmla="*/ 3 h 5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8"/>
                      <a:gd name="T64" fmla="*/ 0 h 5"/>
                      <a:gd name="T65" fmla="*/ 8 w 8"/>
                      <a:gd name="T66" fmla="*/ 5 h 5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8" h="5">
                        <a:moveTo>
                          <a:pt x="0" y="3"/>
                        </a:moveTo>
                        <a:lnTo>
                          <a:pt x="0" y="3"/>
                        </a:ln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6" y="0"/>
                        </a:lnTo>
                        <a:lnTo>
                          <a:pt x="8" y="1"/>
                        </a:lnTo>
                        <a:lnTo>
                          <a:pt x="8" y="3"/>
                        </a:lnTo>
                        <a:lnTo>
                          <a:pt x="6" y="5"/>
                        </a:lnTo>
                        <a:lnTo>
                          <a:pt x="3" y="5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</p:grpSp>
            <p:sp>
              <p:nvSpPr>
                <p:cNvPr id="163" name="Freeform 45"/>
                <p:cNvSpPr>
                  <a:spLocks/>
                </p:cNvSpPr>
                <p:nvPr/>
              </p:nvSpPr>
              <p:spPr bwMode="auto">
                <a:xfrm>
                  <a:off x="3079" y="1947"/>
                  <a:ext cx="384" cy="676"/>
                </a:xfrm>
                <a:custGeom>
                  <a:avLst/>
                  <a:gdLst>
                    <a:gd name="T0" fmla="*/ 192 w 395"/>
                    <a:gd name="T1" fmla="*/ 439 h 697"/>
                    <a:gd name="T2" fmla="*/ 218 w 395"/>
                    <a:gd name="T3" fmla="*/ 444 h 697"/>
                    <a:gd name="T4" fmla="*/ 212 w 395"/>
                    <a:gd name="T5" fmla="*/ 429 h 697"/>
                    <a:gd name="T6" fmla="*/ 227 w 395"/>
                    <a:gd name="T7" fmla="*/ 415 h 697"/>
                    <a:gd name="T8" fmla="*/ 238 w 395"/>
                    <a:gd name="T9" fmla="*/ 406 h 697"/>
                    <a:gd name="T10" fmla="*/ 235 w 395"/>
                    <a:gd name="T11" fmla="*/ 393 h 697"/>
                    <a:gd name="T12" fmla="*/ 240 w 395"/>
                    <a:gd name="T13" fmla="*/ 386 h 697"/>
                    <a:gd name="T14" fmla="*/ 238 w 395"/>
                    <a:gd name="T15" fmla="*/ 370 h 697"/>
                    <a:gd name="T16" fmla="*/ 242 w 395"/>
                    <a:gd name="T17" fmla="*/ 359 h 697"/>
                    <a:gd name="T18" fmla="*/ 244 w 395"/>
                    <a:gd name="T19" fmla="*/ 345 h 697"/>
                    <a:gd name="T20" fmla="*/ 260 w 395"/>
                    <a:gd name="T21" fmla="*/ 318 h 697"/>
                    <a:gd name="T22" fmla="*/ 265 w 395"/>
                    <a:gd name="T23" fmla="*/ 308 h 697"/>
                    <a:gd name="T24" fmla="*/ 258 w 395"/>
                    <a:gd name="T25" fmla="*/ 279 h 697"/>
                    <a:gd name="T26" fmla="*/ 258 w 395"/>
                    <a:gd name="T27" fmla="*/ 254 h 697"/>
                    <a:gd name="T28" fmla="*/ 257 w 395"/>
                    <a:gd name="T29" fmla="*/ 230 h 697"/>
                    <a:gd name="T30" fmla="*/ 254 w 395"/>
                    <a:gd name="T31" fmla="*/ 185 h 697"/>
                    <a:gd name="T32" fmla="*/ 249 w 395"/>
                    <a:gd name="T33" fmla="*/ 131 h 697"/>
                    <a:gd name="T34" fmla="*/ 244 w 395"/>
                    <a:gd name="T35" fmla="*/ 86 h 697"/>
                    <a:gd name="T36" fmla="*/ 242 w 395"/>
                    <a:gd name="T37" fmla="*/ 63 h 697"/>
                    <a:gd name="T38" fmla="*/ 233 w 395"/>
                    <a:gd name="T39" fmla="*/ 45 h 697"/>
                    <a:gd name="T40" fmla="*/ 230 w 395"/>
                    <a:gd name="T41" fmla="*/ 37 h 697"/>
                    <a:gd name="T42" fmla="*/ 219 w 395"/>
                    <a:gd name="T43" fmla="*/ 16 h 697"/>
                    <a:gd name="T44" fmla="*/ 45 w 395"/>
                    <a:gd name="T45" fmla="*/ 16 h 697"/>
                    <a:gd name="T46" fmla="*/ 49 w 395"/>
                    <a:gd name="T47" fmla="*/ 16 h 697"/>
                    <a:gd name="T48" fmla="*/ 61 w 395"/>
                    <a:gd name="T49" fmla="*/ 31 h 697"/>
                    <a:gd name="T50" fmla="*/ 68 w 395"/>
                    <a:gd name="T51" fmla="*/ 39 h 697"/>
                    <a:gd name="T52" fmla="*/ 77 w 395"/>
                    <a:gd name="T53" fmla="*/ 55 h 697"/>
                    <a:gd name="T54" fmla="*/ 67 w 395"/>
                    <a:gd name="T55" fmla="*/ 72 h 697"/>
                    <a:gd name="T56" fmla="*/ 66 w 395"/>
                    <a:gd name="T57" fmla="*/ 88 h 697"/>
                    <a:gd name="T58" fmla="*/ 51 w 395"/>
                    <a:gd name="T59" fmla="*/ 93 h 697"/>
                    <a:gd name="T60" fmla="*/ 47 w 395"/>
                    <a:gd name="T61" fmla="*/ 98 h 697"/>
                    <a:gd name="T62" fmla="*/ 20 w 395"/>
                    <a:gd name="T63" fmla="*/ 107 h 697"/>
                    <a:gd name="T64" fmla="*/ 34 w 395"/>
                    <a:gd name="T65" fmla="*/ 133 h 697"/>
                    <a:gd name="T66" fmla="*/ 27 w 395"/>
                    <a:gd name="T67" fmla="*/ 147 h 697"/>
                    <a:gd name="T68" fmla="*/ 22 w 395"/>
                    <a:gd name="T69" fmla="*/ 157 h 697"/>
                    <a:gd name="T70" fmla="*/ 18 w 395"/>
                    <a:gd name="T71" fmla="*/ 164 h 697"/>
                    <a:gd name="T72" fmla="*/ 9 w 395"/>
                    <a:gd name="T73" fmla="*/ 172 h 697"/>
                    <a:gd name="T74" fmla="*/ 14 w 395"/>
                    <a:gd name="T75" fmla="*/ 180 h 697"/>
                    <a:gd name="T76" fmla="*/ 7 w 395"/>
                    <a:gd name="T77" fmla="*/ 190 h 697"/>
                    <a:gd name="T78" fmla="*/ 2 w 395"/>
                    <a:gd name="T79" fmla="*/ 198 h 697"/>
                    <a:gd name="T80" fmla="*/ 7 w 395"/>
                    <a:gd name="T81" fmla="*/ 229 h 697"/>
                    <a:gd name="T82" fmla="*/ 42 w 395"/>
                    <a:gd name="T83" fmla="*/ 268 h 697"/>
                    <a:gd name="T84" fmla="*/ 54 w 395"/>
                    <a:gd name="T85" fmla="*/ 280 h 697"/>
                    <a:gd name="T86" fmla="*/ 63 w 395"/>
                    <a:gd name="T87" fmla="*/ 308 h 697"/>
                    <a:gd name="T88" fmla="*/ 79 w 395"/>
                    <a:gd name="T89" fmla="*/ 301 h 697"/>
                    <a:gd name="T90" fmla="*/ 95 w 395"/>
                    <a:gd name="T91" fmla="*/ 314 h 697"/>
                    <a:gd name="T92" fmla="*/ 87 w 395"/>
                    <a:gd name="T93" fmla="*/ 340 h 697"/>
                    <a:gd name="T94" fmla="*/ 84 w 395"/>
                    <a:gd name="T95" fmla="*/ 356 h 697"/>
                    <a:gd name="T96" fmla="*/ 108 w 395"/>
                    <a:gd name="T97" fmla="*/ 378 h 697"/>
                    <a:gd name="T98" fmla="*/ 113 w 395"/>
                    <a:gd name="T99" fmla="*/ 380 h 697"/>
                    <a:gd name="T100" fmla="*/ 149 w 395"/>
                    <a:gd name="T101" fmla="*/ 422 h 697"/>
                    <a:gd name="T102" fmla="*/ 159 w 395"/>
                    <a:gd name="T103" fmla="*/ 455 h 697"/>
                    <a:gd name="T104" fmla="*/ 162 w 395"/>
                    <a:gd name="T105" fmla="*/ 448 h 697"/>
                    <a:gd name="T106" fmla="*/ 170 w 395"/>
                    <a:gd name="T107" fmla="*/ 444 h 697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w 395"/>
                    <a:gd name="T163" fmla="*/ 0 h 697"/>
                    <a:gd name="T164" fmla="*/ 395 w 395"/>
                    <a:gd name="T165" fmla="*/ 697 h 697"/>
                  </a:gdLst>
                  <a:ahLst/>
                  <a:cxnLst>
                    <a:cxn ang="T108">
                      <a:pos x="T0" y="T1"/>
                    </a:cxn>
                    <a:cxn ang="T109">
                      <a:pos x="T2" y="T3"/>
                    </a:cxn>
                    <a:cxn ang="T110">
                      <a:pos x="T4" y="T5"/>
                    </a:cxn>
                    <a:cxn ang="T111">
                      <a:pos x="T6" y="T7"/>
                    </a:cxn>
                    <a:cxn ang="T112">
                      <a:pos x="T8" y="T9"/>
                    </a:cxn>
                    <a:cxn ang="T113">
                      <a:pos x="T10" y="T11"/>
                    </a:cxn>
                    <a:cxn ang="T114">
                      <a:pos x="T12" y="T13"/>
                    </a:cxn>
                    <a:cxn ang="T115">
                      <a:pos x="T14" y="T15"/>
                    </a:cxn>
                    <a:cxn ang="T116">
                      <a:pos x="T16" y="T17"/>
                    </a:cxn>
                    <a:cxn ang="T117">
                      <a:pos x="T18" y="T19"/>
                    </a:cxn>
                    <a:cxn ang="T118">
                      <a:pos x="T20" y="T21"/>
                    </a:cxn>
                    <a:cxn ang="T119">
                      <a:pos x="T22" y="T23"/>
                    </a:cxn>
                    <a:cxn ang="T120">
                      <a:pos x="T24" y="T25"/>
                    </a:cxn>
                    <a:cxn ang="T121">
                      <a:pos x="T26" y="T27"/>
                    </a:cxn>
                    <a:cxn ang="T122">
                      <a:pos x="T28" y="T29"/>
                    </a:cxn>
                    <a:cxn ang="T123">
                      <a:pos x="T30" y="T31"/>
                    </a:cxn>
                    <a:cxn ang="T124">
                      <a:pos x="T32" y="T33"/>
                    </a:cxn>
                    <a:cxn ang="T125">
                      <a:pos x="T34" y="T35"/>
                    </a:cxn>
                    <a:cxn ang="T126">
                      <a:pos x="T36" y="T37"/>
                    </a:cxn>
                    <a:cxn ang="T127">
                      <a:pos x="T38" y="T39"/>
                    </a:cxn>
                    <a:cxn ang="T128">
                      <a:pos x="T40" y="T41"/>
                    </a:cxn>
                    <a:cxn ang="T129">
                      <a:pos x="T42" y="T43"/>
                    </a:cxn>
                    <a:cxn ang="T130">
                      <a:pos x="T44" y="T45"/>
                    </a:cxn>
                    <a:cxn ang="T131">
                      <a:pos x="T46" y="T47"/>
                    </a:cxn>
                    <a:cxn ang="T132">
                      <a:pos x="T48" y="T49"/>
                    </a:cxn>
                    <a:cxn ang="T133">
                      <a:pos x="T50" y="T51"/>
                    </a:cxn>
                    <a:cxn ang="T134">
                      <a:pos x="T52" y="T53"/>
                    </a:cxn>
                    <a:cxn ang="T135">
                      <a:pos x="T54" y="T55"/>
                    </a:cxn>
                    <a:cxn ang="T136">
                      <a:pos x="T56" y="T57"/>
                    </a:cxn>
                    <a:cxn ang="T137">
                      <a:pos x="T58" y="T59"/>
                    </a:cxn>
                    <a:cxn ang="T138">
                      <a:pos x="T60" y="T61"/>
                    </a:cxn>
                    <a:cxn ang="T139">
                      <a:pos x="T62" y="T63"/>
                    </a:cxn>
                    <a:cxn ang="T140">
                      <a:pos x="T64" y="T65"/>
                    </a:cxn>
                    <a:cxn ang="T141">
                      <a:pos x="T66" y="T67"/>
                    </a:cxn>
                    <a:cxn ang="T142">
                      <a:pos x="T68" y="T69"/>
                    </a:cxn>
                    <a:cxn ang="T143">
                      <a:pos x="T70" y="T71"/>
                    </a:cxn>
                    <a:cxn ang="T144">
                      <a:pos x="T72" y="T73"/>
                    </a:cxn>
                    <a:cxn ang="T145">
                      <a:pos x="T74" y="T75"/>
                    </a:cxn>
                    <a:cxn ang="T146">
                      <a:pos x="T76" y="T77"/>
                    </a:cxn>
                    <a:cxn ang="T147">
                      <a:pos x="T78" y="T79"/>
                    </a:cxn>
                    <a:cxn ang="T148">
                      <a:pos x="T80" y="T81"/>
                    </a:cxn>
                    <a:cxn ang="T149">
                      <a:pos x="T82" y="T83"/>
                    </a:cxn>
                    <a:cxn ang="T150">
                      <a:pos x="T84" y="T85"/>
                    </a:cxn>
                    <a:cxn ang="T151">
                      <a:pos x="T86" y="T87"/>
                    </a:cxn>
                    <a:cxn ang="T152">
                      <a:pos x="T88" y="T89"/>
                    </a:cxn>
                    <a:cxn ang="T153">
                      <a:pos x="T90" y="T91"/>
                    </a:cxn>
                    <a:cxn ang="T154">
                      <a:pos x="T92" y="T93"/>
                    </a:cxn>
                    <a:cxn ang="T155">
                      <a:pos x="T94" y="T95"/>
                    </a:cxn>
                    <a:cxn ang="T156">
                      <a:pos x="T96" y="T97"/>
                    </a:cxn>
                    <a:cxn ang="T157">
                      <a:pos x="T98" y="T99"/>
                    </a:cxn>
                    <a:cxn ang="T158">
                      <a:pos x="T100" y="T101"/>
                    </a:cxn>
                    <a:cxn ang="T159">
                      <a:pos x="T102" y="T103"/>
                    </a:cxn>
                    <a:cxn ang="T160">
                      <a:pos x="T104" y="T105"/>
                    </a:cxn>
                    <a:cxn ang="T161">
                      <a:pos x="T106" y="T107"/>
                    </a:cxn>
                  </a:cxnLst>
                  <a:rect l="T162" t="T163" r="T164" b="T165"/>
                  <a:pathLst>
                    <a:path w="395" h="697">
                      <a:moveTo>
                        <a:pt x="258" y="678"/>
                      </a:moveTo>
                      <a:lnTo>
                        <a:pt x="264" y="672"/>
                      </a:lnTo>
                      <a:lnTo>
                        <a:pt x="269" y="668"/>
                      </a:lnTo>
                      <a:lnTo>
                        <a:pt x="274" y="668"/>
                      </a:lnTo>
                      <a:lnTo>
                        <a:pt x="280" y="668"/>
                      </a:lnTo>
                      <a:lnTo>
                        <a:pt x="285" y="672"/>
                      </a:lnTo>
                      <a:lnTo>
                        <a:pt x="288" y="673"/>
                      </a:lnTo>
                      <a:lnTo>
                        <a:pt x="291" y="677"/>
                      </a:lnTo>
                      <a:lnTo>
                        <a:pt x="295" y="678"/>
                      </a:lnTo>
                      <a:lnTo>
                        <a:pt x="308" y="683"/>
                      </a:lnTo>
                      <a:lnTo>
                        <a:pt x="318" y="685"/>
                      </a:lnTo>
                      <a:lnTo>
                        <a:pt x="324" y="683"/>
                      </a:lnTo>
                      <a:lnTo>
                        <a:pt x="325" y="680"/>
                      </a:lnTo>
                      <a:lnTo>
                        <a:pt x="324" y="677"/>
                      </a:lnTo>
                      <a:lnTo>
                        <a:pt x="324" y="673"/>
                      </a:lnTo>
                      <a:lnTo>
                        <a:pt x="320" y="670"/>
                      </a:lnTo>
                      <a:lnTo>
                        <a:pt x="320" y="668"/>
                      </a:lnTo>
                      <a:lnTo>
                        <a:pt x="315" y="660"/>
                      </a:lnTo>
                      <a:lnTo>
                        <a:pt x="315" y="651"/>
                      </a:lnTo>
                      <a:lnTo>
                        <a:pt x="317" y="646"/>
                      </a:lnTo>
                      <a:lnTo>
                        <a:pt x="322" y="641"/>
                      </a:lnTo>
                      <a:lnTo>
                        <a:pt x="327" y="639"/>
                      </a:lnTo>
                      <a:lnTo>
                        <a:pt x="332" y="636"/>
                      </a:lnTo>
                      <a:lnTo>
                        <a:pt x="337" y="636"/>
                      </a:lnTo>
                      <a:lnTo>
                        <a:pt x="339" y="636"/>
                      </a:lnTo>
                      <a:lnTo>
                        <a:pt x="347" y="634"/>
                      </a:lnTo>
                      <a:lnTo>
                        <a:pt x="354" y="633"/>
                      </a:lnTo>
                      <a:lnTo>
                        <a:pt x="356" y="631"/>
                      </a:lnTo>
                      <a:lnTo>
                        <a:pt x="356" y="628"/>
                      </a:lnTo>
                      <a:lnTo>
                        <a:pt x="354" y="624"/>
                      </a:lnTo>
                      <a:lnTo>
                        <a:pt x="354" y="622"/>
                      </a:lnTo>
                      <a:lnTo>
                        <a:pt x="352" y="621"/>
                      </a:lnTo>
                      <a:lnTo>
                        <a:pt x="351" y="619"/>
                      </a:lnTo>
                      <a:lnTo>
                        <a:pt x="347" y="614"/>
                      </a:lnTo>
                      <a:lnTo>
                        <a:pt x="349" y="606"/>
                      </a:lnTo>
                      <a:lnTo>
                        <a:pt x="349" y="604"/>
                      </a:lnTo>
                      <a:lnTo>
                        <a:pt x="351" y="602"/>
                      </a:lnTo>
                      <a:lnTo>
                        <a:pt x="352" y="600"/>
                      </a:lnTo>
                      <a:lnTo>
                        <a:pt x="354" y="597"/>
                      </a:lnTo>
                      <a:lnTo>
                        <a:pt x="354" y="595"/>
                      </a:lnTo>
                      <a:lnTo>
                        <a:pt x="356" y="594"/>
                      </a:lnTo>
                      <a:lnTo>
                        <a:pt x="356" y="592"/>
                      </a:lnTo>
                      <a:lnTo>
                        <a:pt x="356" y="590"/>
                      </a:lnTo>
                      <a:lnTo>
                        <a:pt x="352" y="585"/>
                      </a:lnTo>
                      <a:lnTo>
                        <a:pt x="351" y="580"/>
                      </a:lnTo>
                      <a:lnTo>
                        <a:pt x="351" y="575"/>
                      </a:lnTo>
                      <a:lnTo>
                        <a:pt x="351" y="572"/>
                      </a:lnTo>
                      <a:lnTo>
                        <a:pt x="354" y="568"/>
                      </a:lnTo>
                      <a:lnTo>
                        <a:pt x="356" y="567"/>
                      </a:lnTo>
                      <a:lnTo>
                        <a:pt x="356" y="565"/>
                      </a:lnTo>
                      <a:lnTo>
                        <a:pt x="357" y="565"/>
                      </a:lnTo>
                      <a:lnTo>
                        <a:pt x="359" y="555"/>
                      </a:lnTo>
                      <a:lnTo>
                        <a:pt x="359" y="553"/>
                      </a:lnTo>
                      <a:lnTo>
                        <a:pt x="359" y="551"/>
                      </a:lnTo>
                      <a:lnTo>
                        <a:pt x="359" y="548"/>
                      </a:lnTo>
                      <a:lnTo>
                        <a:pt x="361" y="543"/>
                      </a:lnTo>
                      <a:lnTo>
                        <a:pt x="361" y="540"/>
                      </a:lnTo>
                      <a:lnTo>
                        <a:pt x="362" y="536"/>
                      </a:lnTo>
                      <a:lnTo>
                        <a:pt x="362" y="533"/>
                      </a:lnTo>
                      <a:lnTo>
                        <a:pt x="362" y="531"/>
                      </a:lnTo>
                      <a:lnTo>
                        <a:pt x="369" y="526"/>
                      </a:lnTo>
                      <a:lnTo>
                        <a:pt x="374" y="518"/>
                      </a:lnTo>
                      <a:lnTo>
                        <a:pt x="378" y="509"/>
                      </a:lnTo>
                      <a:lnTo>
                        <a:pt x="381" y="502"/>
                      </a:lnTo>
                      <a:lnTo>
                        <a:pt x="384" y="494"/>
                      </a:lnTo>
                      <a:lnTo>
                        <a:pt x="386" y="489"/>
                      </a:lnTo>
                      <a:lnTo>
                        <a:pt x="388" y="484"/>
                      </a:lnTo>
                      <a:lnTo>
                        <a:pt x="388" y="482"/>
                      </a:lnTo>
                      <a:lnTo>
                        <a:pt x="390" y="479"/>
                      </a:lnTo>
                      <a:lnTo>
                        <a:pt x="391" y="475"/>
                      </a:lnTo>
                      <a:lnTo>
                        <a:pt x="393" y="474"/>
                      </a:lnTo>
                      <a:lnTo>
                        <a:pt x="395" y="463"/>
                      </a:lnTo>
                      <a:lnTo>
                        <a:pt x="395" y="455"/>
                      </a:lnTo>
                      <a:lnTo>
                        <a:pt x="393" y="446"/>
                      </a:lnTo>
                      <a:lnTo>
                        <a:pt x="390" y="440"/>
                      </a:lnTo>
                      <a:lnTo>
                        <a:pt x="388" y="433"/>
                      </a:lnTo>
                      <a:lnTo>
                        <a:pt x="384" y="428"/>
                      </a:lnTo>
                      <a:lnTo>
                        <a:pt x="383" y="424"/>
                      </a:lnTo>
                      <a:lnTo>
                        <a:pt x="381" y="423"/>
                      </a:lnTo>
                      <a:lnTo>
                        <a:pt x="381" y="419"/>
                      </a:lnTo>
                      <a:lnTo>
                        <a:pt x="381" y="396"/>
                      </a:lnTo>
                      <a:lnTo>
                        <a:pt x="384" y="391"/>
                      </a:lnTo>
                      <a:lnTo>
                        <a:pt x="384" y="389"/>
                      </a:lnTo>
                      <a:lnTo>
                        <a:pt x="384" y="387"/>
                      </a:lnTo>
                      <a:lnTo>
                        <a:pt x="384" y="382"/>
                      </a:lnTo>
                      <a:lnTo>
                        <a:pt x="383" y="377"/>
                      </a:lnTo>
                      <a:lnTo>
                        <a:pt x="383" y="370"/>
                      </a:lnTo>
                      <a:lnTo>
                        <a:pt x="383" y="362"/>
                      </a:lnTo>
                      <a:lnTo>
                        <a:pt x="381" y="353"/>
                      </a:lnTo>
                      <a:lnTo>
                        <a:pt x="381" y="343"/>
                      </a:lnTo>
                      <a:lnTo>
                        <a:pt x="379" y="333"/>
                      </a:lnTo>
                      <a:lnTo>
                        <a:pt x="379" y="321"/>
                      </a:lnTo>
                      <a:lnTo>
                        <a:pt x="378" y="309"/>
                      </a:lnTo>
                      <a:lnTo>
                        <a:pt x="376" y="296"/>
                      </a:lnTo>
                      <a:lnTo>
                        <a:pt x="376" y="284"/>
                      </a:lnTo>
                      <a:lnTo>
                        <a:pt x="374" y="270"/>
                      </a:lnTo>
                      <a:lnTo>
                        <a:pt x="373" y="257"/>
                      </a:lnTo>
                      <a:lnTo>
                        <a:pt x="373" y="243"/>
                      </a:lnTo>
                      <a:lnTo>
                        <a:pt x="371" y="228"/>
                      </a:lnTo>
                      <a:lnTo>
                        <a:pt x="369" y="215"/>
                      </a:lnTo>
                      <a:lnTo>
                        <a:pt x="369" y="201"/>
                      </a:lnTo>
                      <a:lnTo>
                        <a:pt x="368" y="189"/>
                      </a:lnTo>
                      <a:lnTo>
                        <a:pt x="366" y="176"/>
                      </a:lnTo>
                      <a:lnTo>
                        <a:pt x="366" y="164"/>
                      </a:lnTo>
                      <a:lnTo>
                        <a:pt x="364" y="152"/>
                      </a:lnTo>
                      <a:lnTo>
                        <a:pt x="364" y="142"/>
                      </a:lnTo>
                      <a:lnTo>
                        <a:pt x="362" y="132"/>
                      </a:lnTo>
                      <a:lnTo>
                        <a:pt x="362" y="122"/>
                      </a:lnTo>
                      <a:lnTo>
                        <a:pt x="361" y="115"/>
                      </a:lnTo>
                      <a:lnTo>
                        <a:pt x="361" y="108"/>
                      </a:lnTo>
                      <a:lnTo>
                        <a:pt x="361" y="103"/>
                      </a:lnTo>
                      <a:lnTo>
                        <a:pt x="359" y="98"/>
                      </a:lnTo>
                      <a:lnTo>
                        <a:pt x="359" y="96"/>
                      </a:lnTo>
                      <a:lnTo>
                        <a:pt x="359" y="94"/>
                      </a:lnTo>
                      <a:lnTo>
                        <a:pt x="354" y="89"/>
                      </a:lnTo>
                      <a:lnTo>
                        <a:pt x="351" y="84"/>
                      </a:lnTo>
                      <a:lnTo>
                        <a:pt x="349" y="79"/>
                      </a:lnTo>
                      <a:lnTo>
                        <a:pt x="347" y="74"/>
                      </a:lnTo>
                      <a:lnTo>
                        <a:pt x="346" y="69"/>
                      </a:lnTo>
                      <a:lnTo>
                        <a:pt x="346" y="66"/>
                      </a:lnTo>
                      <a:lnTo>
                        <a:pt x="346" y="64"/>
                      </a:lnTo>
                      <a:lnTo>
                        <a:pt x="346" y="62"/>
                      </a:lnTo>
                      <a:lnTo>
                        <a:pt x="344" y="61"/>
                      </a:lnTo>
                      <a:lnTo>
                        <a:pt x="344" y="57"/>
                      </a:lnTo>
                      <a:lnTo>
                        <a:pt x="342" y="54"/>
                      </a:lnTo>
                      <a:lnTo>
                        <a:pt x="342" y="52"/>
                      </a:lnTo>
                      <a:lnTo>
                        <a:pt x="334" y="47"/>
                      </a:lnTo>
                      <a:lnTo>
                        <a:pt x="329" y="42"/>
                      </a:lnTo>
                      <a:lnTo>
                        <a:pt x="325" y="37"/>
                      </a:lnTo>
                      <a:lnTo>
                        <a:pt x="325" y="30"/>
                      </a:lnTo>
                      <a:lnTo>
                        <a:pt x="325" y="25"/>
                      </a:lnTo>
                      <a:lnTo>
                        <a:pt x="325" y="22"/>
                      </a:lnTo>
                      <a:lnTo>
                        <a:pt x="325" y="18"/>
                      </a:lnTo>
                      <a:lnTo>
                        <a:pt x="325" y="0"/>
                      </a:lnTo>
                      <a:lnTo>
                        <a:pt x="325" y="1"/>
                      </a:lnTo>
                      <a:lnTo>
                        <a:pt x="66" y="20"/>
                      </a:lnTo>
                      <a:lnTo>
                        <a:pt x="66" y="22"/>
                      </a:lnTo>
                      <a:lnTo>
                        <a:pt x="66" y="23"/>
                      </a:lnTo>
                      <a:lnTo>
                        <a:pt x="68" y="25"/>
                      </a:lnTo>
                      <a:lnTo>
                        <a:pt x="71" y="27"/>
                      </a:lnTo>
                      <a:lnTo>
                        <a:pt x="73" y="28"/>
                      </a:lnTo>
                      <a:lnTo>
                        <a:pt x="78" y="30"/>
                      </a:lnTo>
                      <a:lnTo>
                        <a:pt x="82" y="34"/>
                      </a:lnTo>
                      <a:lnTo>
                        <a:pt x="87" y="37"/>
                      </a:lnTo>
                      <a:lnTo>
                        <a:pt x="90" y="40"/>
                      </a:lnTo>
                      <a:lnTo>
                        <a:pt x="90" y="44"/>
                      </a:lnTo>
                      <a:lnTo>
                        <a:pt x="90" y="45"/>
                      </a:lnTo>
                      <a:lnTo>
                        <a:pt x="90" y="47"/>
                      </a:lnTo>
                      <a:lnTo>
                        <a:pt x="88" y="49"/>
                      </a:lnTo>
                      <a:lnTo>
                        <a:pt x="88" y="50"/>
                      </a:lnTo>
                      <a:lnTo>
                        <a:pt x="98" y="57"/>
                      </a:lnTo>
                      <a:lnTo>
                        <a:pt x="100" y="57"/>
                      </a:lnTo>
                      <a:lnTo>
                        <a:pt x="102" y="59"/>
                      </a:lnTo>
                      <a:lnTo>
                        <a:pt x="105" y="61"/>
                      </a:lnTo>
                      <a:lnTo>
                        <a:pt x="110" y="64"/>
                      </a:lnTo>
                      <a:lnTo>
                        <a:pt x="112" y="69"/>
                      </a:lnTo>
                      <a:lnTo>
                        <a:pt x="114" y="76"/>
                      </a:lnTo>
                      <a:lnTo>
                        <a:pt x="114" y="84"/>
                      </a:lnTo>
                      <a:lnTo>
                        <a:pt x="112" y="96"/>
                      </a:lnTo>
                      <a:lnTo>
                        <a:pt x="109" y="105"/>
                      </a:lnTo>
                      <a:lnTo>
                        <a:pt x="105" y="108"/>
                      </a:lnTo>
                      <a:lnTo>
                        <a:pt x="102" y="110"/>
                      </a:lnTo>
                      <a:lnTo>
                        <a:pt x="100" y="108"/>
                      </a:lnTo>
                      <a:lnTo>
                        <a:pt x="98" y="110"/>
                      </a:lnTo>
                      <a:lnTo>
                        <a:pt x="98" y="111"/>
                      </a:lnTo>
                      <a:lnTo>
                        <a:pt x="97" y="120"/>
                      </a:lnTo>
                      <a:lnTo>
                        <a:pt x="97" y="133"/>
                      </a:lnTo>
                      <a:lnTo>
                        <a:pt x="97" y="135"/>
                      </a:lnTo>
                      <a:lnTo>
                        <a:pt x="95" y="137"/>
                      </a:lnTo>
                      <a:lnTo>
                        <a:pt x="93" y="138"/>
                      </a:lnTo>
                      <a:lnTo>
                        <a:pt x="90" y="140"/>
                      </a:lnTo>
                      <a:lnTo>
                        <a:pt x="87" y="142"/>
                      </a:lnTo>
                      <a:lnTo>
                        <a:pt x="80" y="142"/>
                      </a:lnTo>
                      <a:lnTo>
                        <a:pt x="78" y="142"/>
                      </a:lnTo>
                      <a:lnTo>
                        <a:pt x="78" y="144"/>
                      </a:lnTo>
                      <a:lnTo>
                        <a:pt x="78" y="145"/>
                      </a:lnTo>
                      <a:lnTo>
                        <a:pt x="76" y="147"/>
                      </a:lnTo>
                      <a:lnTo>
                        <a:pt x="75" y="149"/>
                      </a:lnTo>
                      <a:lnTo>
                        <a:pt x="70" y="150"/>
                      </a:lnTo>
                      <a:lnTo>
                        <a:pt x="63" y="152"/>
                      </a:lnTo>
                      <a:lnTo>
                        <a:pt x="56" y="152"/>
                      </a:lnTo>
                      <a:lnTo>
                        <a:pt x="49" y="154"/>
                      </a:lnTo>
                      <a:lnTo>
                        <a:pt x="43" y="157"/>
                      </a:lnTo>
                      <a:lnTo>
                        <a:pt x="38" y="160"/>
                      </a:lnTo>
                      <a:lnTo>
                        <a:pt x="34" y="164"/>
                      </a:lnTo>
                      <a:lnTo>
                        <a:pt x="34" y="171"/>
                      </a:lnTo>
                      <a:lnTo>
                        <a:pt x="34" y="177"/>
                      </a:lnTo>
                      <a:lnTo>
                        <a:pt x="38" y="186"/>
                      </a:lnTo>
                      <a:lnTo>
                        <a:pt x="41" y="194"/>
                      </a:lnTo>
                      <a:lnTo>
                        <a:pt x="46" y="199"/>
                      </a:lnTo>
                      <a:lnTo>
                        <a:pt x="48" y="204"/>
                      </a:lnTo>
                      <a:lnTo>
                        <a:pt x="49" y="208"/>
                      </a:lnTo>
                      <a:lnTo>
                        <a:pt x="51" y="213"/>
                      </a:lnTo>
                      <a:lnTo>
                        <a:pt x="49" y="216"/>
                      </a:lnTo>
                      <a:lnTo>
                        <a:pt x="46" y="220"/>
                      </a:lnTo>
                      <a:lnTo>
                        <a:pt x="41" y="226"/>
                      </a:lnTo>
                      <a:lnTo>
                        <a:pt x="41" y="230"/>
                      </a:lnTo>
                      <a:lnTo>
                        <a:pt x="39" y="232"/>
                      </a:lnTo>
                      <a:lnTo>
                        <a:pt x="38" y="235"/>
                      </a:lnTo>
                      <a:lnTo>
                        <a:pt x="38" y="237"/>
                      </a:lnTo>
                      <a:lnTo>
                        <a:pt x="36" y="238"/>
                      </a:lnTo>
                      <a:lnTo>
                        <a:pt x="36" y="240"/>
                      </a:lnTo>
                      <a:lnTo>
                        <a:pt x="36" y="242"/>
                      </a:lnTo>
                      <a:lnTo>
                        <a:pt x="34" y="243"/>
                      </a:lnTo>
                      <a:lnTo>
                        <a:pt x="34" y="247"/>
                      </a:lnTo>
                      <a:lnTo>
                        <a:pt x="34" y="248"/>
                      </a:lnTo>
                      <a:lnTo>
                        <a:pt x="32" y="252"/>
                      </a:lnTo>
                      <a:lnTo>
                        <a:pt x="29" y="254"/>
                      </a:lnTo>
                      <a:lnTo>
                        <a:pt x="24" y="255"/>
                      </a:lnTo>
                      <a:lnTo>
                        <a:pt x="19" y="257"/>
                      </a:lnTo>
                      <a:lnTo>
                        <a:pt x="14" y="259"/>
                      </a:lnTo>
                      <a:lnTo>
                        <a:pt x="10" y="260"/>
                      </a:lnTo>
                      <a:lnTo>
                        <a:pt x="9" y="264"/>
                      </a:lnTo>
                      <a:lnTo>
                        <a:pt x="9" y="267"/>
                      </a:lnTo>
                      <a:lnTo>
                        <a:pt x="9" y="270"/>
                      </a:lnTo>
                      <a:lnTo>
                        <a:pt x="10" y="272"/>
                      </a:lnTo>
                      <a:lnTo>
                        <a:pt x="12" y="276"/>
                      </a:lnTo>
                      <a:lnTo>
                        <a:pt x="14" y="277"/>
                      </a:lnTo>
                      <a:lnTo>
                        <a:pt x="14" y="279"/>
                      </a:lnTo>
                      <a:lnTo>
                        <a:pt x="14" y="282"/>
                      </a:lnTo>
                      <a:lnTo>
                        <a:pt x="12" y="284"/>
                      </a:lnTo>
                      <a:lnTo>
                        <a:pt x="10" y="287"/>
                      </a:lnTo>
                      <a:lnTo>
                        <a:pt x="9" y="289"/>
                      </a:lnTo>
                      <a:lnTo>
                        <a:pt x="7" y="291"/>
                      </a:lnTo>
                      <a:lnTo>
                        <a:pt x="5" y="292"/>
                      </a:lnTo>
                      <a:lnTo>
                        <a:pt x="4" y="294"/>
                      </a:lnTo>
                      <a:lnTo>
                        <a:pt x="4" y="296"/>
                      </a:lnTo>
                      <a:lnTo>
                        <a:pt x="4" y="299"/>
                      </a:lnTo>
                      <a:lnTo>
                        <a:pt x="2" y="304"/>
                      </a:lnTo>
                      <a:lnTo>
                        <a:pt x="2" y="309"/>
                      </a:lnTo>
                      <a:lnTo>
                        <a:pt x="0" y="316"/>
                      </a:lnTo>
                      <a:lnTo>
                        <a:pt x="2" y="325"/>
                      </a:lnTo>
                      <a:lnTo>
                        <a:pt x="2" y="333"/>
                      </a:lnTo>
                      <a:lnTo>
                        <a:pt x="4" y="342"/>
                      </a:lnTo>
                      <a:lnTo>
                        <a:pt x="7" y="352"/>
                      </a:lnTo>
                      <a:lnTo>
                        <a:pt x="12" y="360"/>
                      </a:lnTo>
                      <a:lnTo>
                        <a:pt x="17" y="370"/>
                      </a:lnTo>
                      <a:lnTo>
                        <a:pt x="26" y="380"/>
                      </a:lnTo>
                      <a:lnTo>
                        <a:pt x="34" y="391"/>
                      </a:lnTo>
                      <a:lnTo>
                        <a:pt x="46" y="401"/>
                      </a:lnTo>
                      <a:lnTo>
                        <a:pt x="60" y="411"/>
                      </a:lnTo>
                      <a:lnTo>
                        <a:pt x="63" y="413"/>
                      </a:lnTo>
                      <a:lnTo>
                        <a:pt x="68" y="414"/>
                      </a:lnTo>
                      <a:lnTo>
                        <a:pt x="71" y="416"/>
                      </a:lnTo>
                      <a:lnTo>
                        <a:pt x="75" y="419"/>
                      </a:lnTo>
                      <a:lnTo>
                        <a:pt x="78" y="423"/>
                      </a:lnTo>
                      <a:lnTo>
                        <a:pt x="82" y="430"/>
                      </a:lnTo>
                      <a:lnTo>
                        <a:pt x="83" y="440"/>
                      </a:lnTo>
                      <a:lnTo>
                        <a:pt x="85" y="453"/>
                      </a:lnTo>
                      <a:lnTo>
                        <a:pt x="85" y="462"/>
                      </a:lnTo>
                      <a:lnTo>
                        <a:pt x="88" y="468"/>
                      </a:lnTo>
                      <a:lnTo>
                        <a:pt x="90" y="472"/>
                      </a:lnTo>
                      <a:lnTo>
                        <a:pt x="93" y="474"/>
                      </a:lnTo>
                      <a:lnTo>
                        <a:pt x="97" y="474"/>
                      </a:lnTo>
                      <a:lnTo>
                        <a:pt x="102" y="470"/>
                      </a:lnTo>
                      <a:lnTo>
                        <a:pt x="105" y="467"/>
                      </a:lnTo>
                      <a:lnTo>
                        <a:pt x="109" y="463"/>
                      </a:lnTo>
                      <a:lnTo>
                        <a:pt x="112" y="462"/>
                      </a:lnTo>
                      <a:lnTo>
                        <a:pt x="117" y="462"/>
                      </a:lnTo>
                      <a:lnTo>
                        <a:pt x="122" y="463"/>
                      </a:lnTo>
                      <a:lnTo>
                        <a:pt x="129" y="467"/>
                      </a:lnTo>
                      <a:lnTo>
                        <a:pt x="134" y="470"/>
                      </a:lnTo>
                      <a:lnTo>
                        <a:pt x="137" y="475"/>
                      </a:lnTo>
                      <a:lnTo>
                        <a:pt x="141" y="479"/>
                      </a:lnTo>
                      <a:lnTo>
                        <a:pt x="141" y="482"/>
                      </a:lnTo>
                      <a:lnTo>
                        <a:pt x="141" y="485"/>
                      </a:lnTo>
                      <a:lnTo>
                        <a:pt x="137" y="492"/>
                      </a:lnTo>
                      <a:lnTo>
                        <a:pt x="136" y="499"/>
                      </a:lnTo>
                      <a:lnTo>
                        <a:pt x="134" y="507"/>
                      </a:lnTo>
                      <a:lnTo>
                        <a:pt x="132" y="516"/>
                      </a:lnTo>
                      <a:lnTo>
                        <a:pt x="131" y="523"/>
                      </a:lnTo>
                      <a:lnTo>
                        <a:pt x="129" y="526"/>
                      </a:lnTo>
                      <a:lnTo>
                        <a:pt x="129" y="528"/>
                      </a:lnTo>
                      <a:lnTo>
                        <a:pt x="127" y="529"/>
                      </a:lnTo>
                      <a:lnTo>
                        <a:pt x="126" y="533"/>
                      </a:lnTo>
                      <a:lnTo>
                        <a:pt x="124" y="540"/>
                      </a:lnTo>
                      <a:lnTo>
                        <a:pt x="124" y="546"/>
                      </a:lnTo>
                      <a:lnTo>
                        <a:pt x="126" y="553"/>
                      </a:lnTo>
                      <a:lnTo>
                        <a:pt x="129" y="562"/>
                      </a:lnTo>
                      <a:lnTo>
                        <a:pt x="139" y="570"/>
                      </a:lnTo>
                      <a:lnTo>
                        <a:pt x="153" y="577"/>
                      </a:lnTo>
                      <a:lnTo>
                        <a:pt x="156" y="578"/>
                      </a:lnTo>
                      <a:lnTo>
                        <a:pt x="159" y="580"/>
                      </a:lnTo>
                      <a:lnTo>
                        <a:pt x="163" y="582"/>
                      </a:lnTo>
                      <a:lnTo>
                        <a:pt x="164" y="584"/>
                      </a:lnTo>
                      <a:lnTo>
                        <a:pt x="166" y="585"/>
                      </a:lnTo>
                      <a:lnTo>
                        <a:pt x="166" y="594"/>
                      </a:lnTo>
                      <a:lnTo>
                        <a:pt x="183" y="594"/>
                      </a:lnTo>
                      <a:lnTo>
                        <a:pt x="198" y="609"/>
                      </a:lnTo>
                      <a:lnTo>
                        <a:pt x="214" y="614"/>
                      </a:lnTo>
                      <a:lnTo>
                        <a:pt x="215" y="636"/>
                      </a:lnTo>
                      <a:lnTo>
                        <a:pt x="222" y="648"/>
                      </a:lnTo>
                      <a:lnTo>
                        <a:pt x="217" y="665"/>
                      </a:lnTo>
                      <a:lnTo>
                        <a:pt x="217" y="673"/>
                      </a:lnTo>
                      <a:lnTo>
                        <a:pt x="227" y="683"/>
                      </a:lnTo>
                      <a:lnTo>
                        <a:pt x="230" y="692"/>
                      </a:lnTo>
                      <a:lnTo>
                        <a:pt x="237" y="697"/>
                      </a:lnTo>
                      <a:lnTo>
                        <a:pt x="237" y="694"/>
                      </a:lnTo>
                      <a:lnTo>
                        <a:pt x="237" y="690"/>
                      </a:lnTo>
                      <a:lnTo>
                        <a:pt x="237" y="687"/>
                      </a:lnTo>
                      <a:lnTo>
                        <a:pt x="237" y="685"/>
                      </a:lnTo>
                      <a:lnTo>
                        <a:pt x="239" y="685"/>
                      </a:lnTo>
                      <a:lnTo>
                        <a:pt x="242" y="687"/>
                      </a:lnTo>
                      <a:lnTo>
                        <a:pt x="244" y="692"/>
                      </a:lnTo>
                      <a:lnTo>
                        <a:pt x="246" y="692"/>
                      </a:lnTo>
                      <a:lnTo>
                        <a:pt x="246" y="690"/>
                      </a:lnTo>
                      <a:lnTo>
                        <a:pt x="247" y="688"/>
                      </a:lnTo>
                      <a:lnTo>
                        <a:pt x="251" y="685"/>
                      </a:lnTo>
                      <a:lnTo>
                        <a:pt x="252" y="683"/>
                      </a:lnTo>
                      <a:lnTo>
                        <a:pt x="256" y="682"/>
                      </a:lnTo>
                      <a:lnTo>
                        <a:pt x="258" y="680"/>
                      </a:lnTo>
                      <a:lnTo>
                        <a:pt x="258" y="678"/>
                      </a:lnTo>
                      <a:close/>
                    </a:path>
                  </a:pathLst>
                </a:custGeom>
                <a:solidFill>
                  <a:srgbClr val="2D73FF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64" name="Freeform 46"/>
                <p:cNvSpPr>
                  <a:spLocks/>
                </p:cNvSpPr>
                <p:nvPr/>
              </p:nvSpPr>
              <p:spPr bwMode="auto">
                <a:xfrm>
                  <a:off x="2691" y="2198"/>
                  <a:ext cx="644" cy="564"/>
                </a:xfrm>
                <a:custGeom>
                  <a:avLst/>
                  <a:gdLst>
                    <a:gd name="T0" fmla="*/ 79 w 662"/>
                    <a:gd name="T1" fmla="*/ 448 h 570"/>
                    <a:gd name="T2" fmla="*/ 79 w 662"/>
                    <a:gd name="T3" fmla="*/ 427 h 570"/>
                    <a:gd name="T4" fmla="*/ 79 w 662"/>
                    <a:gd name="T5" fmla="*/ 409 h 570"/>
                    <a:gd name="T6" fmla="*/ 79 w 662"/>
                    <a:gd name="T7" fmla="*/ 399 h 570"/>
                    <a:gd name="T8" fmla="*/ 57 w 662"/>
                    <a:gd name="T9" fmla="*/ 146 h 570"/>
                    <a:gd name="T10" fmla="*/ 46 w 662"/>
                    <a:gd name="T11" fmla="*/ 123 h 570"/>
                    <a:gd name="T12" fmla="*/ 55 w 662"/>
                    <a:gd name="T13" fmla="*/ 91 h 570"/>
                    <a:gd name="T14" fmla="*/ 50 w 662"/>
                    <a:gd name="T15" fmla="*/ 86 h 570"/>
                    <a:gd name="T16" fmla="*/ 23 w 662"/>
                    <a:gd name="T17" fmla="*/ 69 h 570"/>
                    <a:gd name="T18" fmla="*/ 10 w 662"/>
                    <a:gd name="T19" fmla="*/ 32 h 570"/>
                    <a:gd name="T20" fmla="*/ 5 w 662"/>
                    <a:gd name="T21" fmla="*/ 22 h 570"/>
                    <a:gd name="T22" fmla="*/ 0 w 662"/>
                    <a:gd name="T23" fmla="*/ 10 h 570"/>
                    <a:gd name="T24" fmla="*/ 263 w 662"/>
                    <a:gd name="T25" fmla="*/ 10 h 570"/>
                    <a:gd name="T26" fmla="*/ 273 w 662"/>
                    <a:gd name="T27" fmla="*/ 28 h 570"/>
                    <a:gd name="T28" fmla="*/ 273 w 662"/>
                    <a:gd name="T29" fmla="*/ 32 h 570"/>
                    <a:gd name="T30" fmla="*/ 271 w 662"/>
                    <a:gd name="T31" fmla="*/ 47 h 570"/>
                    <a:gd name="T32" fmla="*/ 276 w 662"/>
                    <a:gd name="T33" fmla="*/ 74 h 570"/>
                    <a:gd name="T34" fmla="*/ 295 w 662"/>
                    <a:gd name="T35" fmla="*/ 113 h 570"/>
                    <a:gd name="T36" fmla="*/ 318 w 662"/>
                    <a:gd name="T37" fmla="*/ 132 h 570"/>
                    <a:gd name="T38" fmla="*/ 328 w 662"/>
                    <a:gd name="T39" fmla="*/ 140 h 570"/>
                    <a:gd name="T40" fmla="*/ 331 w 662"/>
                    <a:gd name="T41" fmla="*/ 176 h 570"/>
                    <a:gd name="T42" fmla="*/ 340 w 662"/>
                    <a:gd name="T43" fmla="*/ 178 h 570"/>
                    <a:gd name="T44" fmla="*/ 350 w 662"/>
                    <a:gd name="T45" fmla="*/ 170 h 570"/>
                    <a:gd name="T46" fmla="*/ 365 w 662"/>
                    <a:gd name="T47" fmla="*/ 183 h 570"/>
                    <a:gd name="T48" fmla="*/ 365 w 662"/>
                    <a:gd name="T49" fmla="*/ 200 h 570"/>
                    <a:gd name="T50" fmla="*/ 360 w 662"/>
                    <a:gd name="T51" fmla="*/ 223 h 570"/>
                    <a:gd name="T52" fmla="*/ 357 w 662"/>
                    <a:gd name="T53" fmla="*/ 230 h 570"/>
                    <a:gd name="T54" fmla="*/ 358 w 662"/>
                    <a:gd name="T55" fmla="*/ 256 h 570"/>
                    <a:gd name="T56" fmla="*/ 378 w 662"/>
                    <a:gd name="T57" fmla="*/ 274 h 570"/>
                    <a:gd name="T58" fmla="*/ 384 w 662"/>
                    <a:gd name="T59" fmla="*/ 279 h 570"/>
                    <a:gd name="T60" fmla="*/ 396 w 662"/>
                    <a:gd name="T61" fmla="*/ 288 h 570"/>
                    <a:gd name="T62" fmla="*/ 422 w 662"/>
                    <a:gd name="T63" fmla="*/ 329 h 570"/>
                    <a:gd name="T64" fmla="*/ 428 w 662"/>
                    <a:gd name="T65" fmla="*/ 371 h 570"/>
                    <a:gd name="T66" fmla="*/ 433 w 662"/>
                    <a:gd name="T67" fmla="*/ 370 h 570"/>
                    <a:gd name="T68" fmla="*/ 435 w 662"/>
                    <a:gd name="T69" fmla="*/ 367 h 570"/>
                    <a:gd name="T70" fmla="*/ 443 w 662"/>
                    <a:gd name="T71" fmla="*/ 377 h 570"/>
                    <a:gd name="T72" fmla="*/ 447 w 662"/>
                    <a:gd name="T73" fmla="*/ 419 h 570"/>
                    <a:gd name="T74" fmla="*/ 419 w 662"/>
                    <a:gd name="T75" fmla="*/ 459 h 570"/>
                    <a:gd name="T76" fmla="*/ 411 w 662"/>
                    <a:gd name="T77" fmla="*/ 461 h 570"/>
                    <a:gd name="T78" fmla="*/ 421 w 662"/>
                    <a:gd name="T79" fmla="*/ 471 h 570"/>
                    <a:gd name="T80" fmla="*/ 421 w 662"/>
                    <a:gd name="T81" fmla="*/ 475 h 570"/>
                    <a:gd name="T82" fmla="*/ 411 w 662"/>
                    <a:gd name="T83" fmla="*/ 489 h 570"/>
                    <a:gd name="T84" fmla="*/ 370 w 662"/>
                    <a:gd name="T85" fmla="*/ 485 h 570"/>
                    <a:gd name="T86" fmla="*/ 378 w 662"/>
                    <a:gd name="T87" fmla="*/ 465 h 570"/>
                    <a:gd name="T88" fmla="*/ 386 w 662"/>
                    <a:gd name="T89" fmla="*/ 448 h 570"/>
                    <a:gd name="T90" fmla="*/ 376 w 662"/>
                    <a:gd name="T91" fmla="*/ 434 h 570"/>
                    <a:gd name="T92" fmla="*/ 365 w 662"/>
                    <a:gd name="T93" fmla="*/ 436 h 570"/>
                    <a:gd name="T94" fmla="*/ 337 w 662"/>
                    <a:gd name="T95" fmla="*/ 437 h 570"/>
                    <a:gd name="T96" fmla="*/ 294 w 662"/>
                    <a:gd name="T97" fmla="*/ 441 h 570"/>
                    <a:gd name="T98" fmla="*/ 241 w 662"/>
                    <a:gd name="T99" fmla="*/ 444 h 570"/>
                    <a:gd name="T100" fmla="*/ 188 w 662"/>
                    <a:gd name="T101" fmla="*/ 448 h 570"/>
                    <a:gd name="T102" fmla="*/ 140 w 662"/>
                    <a:gd name="T103" fmla="*/ 451 h 570"/>
                    <a:gd name="T104" fmla="*/ 101 w 662"/>
                    <a:gd name="T105" fmla="*/ 452 h 570"/>
                    <a:gd name="T106" fmla="*/ 81 w 662"/>
                    <a:gd name="T107" fmla="*/ 453 h 570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w 662"/>
                    <a:gd name="T163" fmla="*/ 0 h 570"/>
                    <a:gd name="T164" fmla="*/ 662 w 662"/>
                    <a:gd name="T165" fmla="*/ 570 h 570"/>
                  </a:gdLst>
                  <a:ahLst/>
                  <a:cxnLst>
                    <a:cxn ang="T108">
                      <a:pos x="T0" y="T1"/>
                    </a:cxn>
                    <a:cxn ang="T109">
                      <a:pos x="T2" y="T3"/>
                    </a:cxn>
                    <a:cxn ang="T110">
                      <a:pos x="T4" y="T5"/>
                    </a:cxn>
                    <a:cxn ang="T111">
                      <a:pos x="T6" y="T7"/>
                    </a:cxn>
                    <a:cxn ang="T112">
                      <a:pos x="T8" y="T9"/>
                    </a:cxn>
                    <a:cxn ang="T113">
                      <a:pos x="T10" y="T11"/>
                    </a:cxn>
                    <a:cxn ang="T114">
                      <a:pos x="T12" y="T13"/>
                    </a:cxn>
                    <a:cxn ang="T115">
                      <a:pos x="T14" y="T15"/>
                    </a:cxn>
                    <a:cxn ang="T116">
                      <a:pos x="T16" y="T17"/>
                    </a:cxn>
                    <a:cxn ang="T117">
                      <a:pos x="T18" y="T19"/>
                    </a:cxn>
                    <a:cxn ang="T118">
                      <a:pos x="T20" y="T21"/>
                    </a:cxn>
                    <a:cxn ang="T119">
                      <a:pos x="T22" y="T23"/>
                    </a:cxn>
                    <a:cxn ang="T120">
                      <a:pos x="T24" y="T25"/>
                    </a:cxn>
                    <a:cxn ang="T121">
                      <a:pos x="T26" y="T27"/>
                    </a:cxn>
                    <a:cxn ang="T122">
                      <a:pos x="T28" y="T29"/>
                    </a:cxn>
                    <a:cxn ang="T123">
                      <a:pos x="T30" y="T31"/>
                    </a:cxn>
                    <a:cxn ang="T124">
                      <a:pos x="T32" y="T33"/>
                    </a:cxn>
                    <a:cxn ang="T125">
                      <a:pos x="T34" y="T35"/>
                    </a:cxn>
                    <a:cxn ang="T126">
                      <a:pos x="T36" y="T37"/>
                    </a:cxn>
                    <a:cxn ang="T127">
                      <a:pos x="T38" y="T39"/>
                    </a:cxn>
                    <a:cxn ang="T128">
                      <a:pos x="T40" y="T41"/>
                    </a:cxn>
                    <a:cxn ang="T129">
                      <a:pos x="T42" y="T43"/>
                    </a:cxn>
                    <a:cxn ang="T130">
                      <a:pos x="T44" y="T45"/>
                    </a:cxn>
                    <a:cxn ang="T131">
                      <a:pos x="T46" y="T47"/>
                    </a:cxn>
                    <a:cxn ang="T132">
                      <a:pos x="T48" y="T49"/>
                    </a:cxn>
                    <a:cxn ang="T133">
                      <a:pos x="T50" y="T51"/>
                    </a:cxn>
                    <a:cxn ang="T134">
                      <a:pos x="T52" y="T53"/>
                    </a:cxn>
                    <a:cxn ang="T135">
                      <a:pos x="T54" y="T55"/>
                    </a:cxn>
                    <a:cxn ang="T136">
                      <a:pos x="T56" y="T57"/>
                    </a:cxn>
                    <a:cxn ang="T137">
                      <a:pos x="T58" y="T59"/>
                    </a:cxn>
                    <a:cxn ang="T138">
                      <a:pos x="T60" y="T61"/>
                    </a:cxn>
                    <a:cxn ang="T139">
                      <a:pos x="T62" y="T63"/>
                    </a:cxn>
                    <a:cxn ang="T140">
                      <a:pos x="T64" y="T65"/>
                    </a:cxn>
                    <a:cxn ang="T141">
                      <a:pos x="T66" y="T67"/>
                    </a:cxn>
                    <a:cxn ang="T142">
                      <a:pos x="T68" y="T69"/>
                    </a:cxn>
                    <a:cxn ang="T143">
                      <a:pos x="T70" y="T71"/>
                    </a:cxn>
                    <a:cxn ang="T144">
                      <a:pos x="T72" y="T73"/>
                    </a:cxn>
                    <a:cxn ang="T145">
                      <a:pos x="T74" y="T75"/>
                    </a:cxn>
                    <a:cxn ang="T146">
                      <a:pos x="T76" y="T77"/>
                    </a:cxn>
                    <a:cxn ang="T147">
                      <a:pos x="T78" y="T79"/>
                    </a:cxn>
                    <a:cxn ang="T148">
                      <a:pos x="T80" y="T81"/>
                    </a:cxn>
                    <a:cxn ang="T149">
                      <a:pos x="T82" y="T83"/>
                    </a:cxn>
                    <a:cxn ang="T150">
                      <a:pos x="T84" y="T85"/>
                    </a:cxn>
                    <a:cxn ang="T151">
                      <a:pos x="T86" y="T87"/>
                    </a:cxn>
                    <a:cxn ang="T152">
                      <a:pos x="T88" y="T89"/>
                    </a:cxn>
                    <a:cxn ang="T153">
                      <a:pos x="T90" y="T91"/>
                    </a:cxn>
                    <a:cxn ang="T154">
                      <a:pos x="T92" y="T93"/>
                    </a:cxn>
                    <a:cxn ang="T155">
                      <a:pos x="T94" y="T95"/>
                    </a:cxn>
                    <a:cxn ang="T156">
                      <a:pos x="T96" y="T97"/>
                    </a:cxn>
                    <a:cxn ang="T157">
                      <a:pos x="T98" y="T99"/>
                    </a:cxn>
                    <a:cxn ang="T158">
                      <a:pos x="T100" y="T101"/>
                    </a:cxn>
                    <a:cxn ang="T159">
                      <a:pos x="T102" y="T103"/>
                    </a:cxn>
                    <a:cxn ang="T160">
                      <a:pos x="T104" y="T105"/>
                    </a:cxn>
                    <a:cxn ang="T161">
                      <a:pos x="T106" y="T107"/>
                    </a:cxn>
                  </a:cxnLst>
                  <a:rect l="T162" t="T163" r="T164" b="T165"/>
                  <a:pathLst>
                    <a:path w="662" h="570">
                      <a:moveTo>
                        <a:pt x="117" y="524"/>
                      </a:moveTo>
                      <a:lnTo>
                        <a:pt x="117" y="523"/>
                      </a:lnTo>
                      <a:lnTo>
                        <a:pt x="115" y="521"/>
                      </a:lnTo>
                      <a:lnTo>
                        <a:pt x="115" y="518"/>
                      </a:lnTo>
                      <a:lnTo>
                        <a:pt x="115" y="514"/>
                      </a:lnTo>
                      <a:lnTo>
                        <a:pt x="115" y="509"/>
                      </a:lnTo>
                      <a:lnTo>
                        <a:pt x="115" y="504"/>
                      </a:lnTo>
                      <a:lnTo>
                        <a:pt x="115" y="497"/>
                      </a:lnTo>
                      <a:lnTo>
                        <a:pt x="115" y="492"/>
                      </a:lnTo>
                      <a:lnTo>
                        <a:pt x="115" y="487"/>
                      </a:lnTo>
                      <a:lnTo>
                        <a:pt x="115" y="480"/>
                      </a:lnTo>
                      <a:lnTo>
                        <a:pt x="115" y="475"/>
                      </a:lnTo>
                      <a:lnTo>
                        <a:pt x="115" y="470"/>
                      </a:lnTo>
                      <a:lnTo>
                        <a:pt x="115" y="467"/>
                      </a:lnTo>
                      <a:lnTo>
                        <a:pt x="115" y="463"/>
                      </a:lnTo>
                      <a:lnTo>
                        <a:pt x="115" y="462"/>
                      </a:lnTo>
                      <a:lnTo>
                        <a:pt x="115" y="460"/>
                      </a:lnTo>
                      <a:lnTo>
                        <a:pt x="113" y="188"/>
                      </a:lnTo>
                      <a:lnTo>
                        <a:pt x="96" y="188"/>
                      </a:lnTo>
                      <a:lnTo>
                        <a:pt x="85" y="174"/>
                      </a:lnTo>
                      <a:lnTo>
                        <a:pt x="83" y="162"/>
                      </a:lnTo>
                      <a:lnTo>
                        <a:pt x="79" y="155"/>
                      </a:lnTo>
                      <a:lnTo>
                        <a:pt x="66" y="145"/>
                      </a:lnTo>
                      <a:lnTo>
                        <a:pt x="66" y="137"/>
                      </a:lnTo>
                      <a:lnTo>
                        <a:pt x="79" y="118"/>
                      </a:lnTo>
                      <a:lnTo>
                        <a:pt x="83" y="113"/>
                      </a:lnTo>
                      <a:lnTo>
                        <a:pt x="85" y="108"/>
                      </a:lnTo>
                      <a:lnTo>
                        <a:pt x="83" y="105"/>
                      </a:lnTo>
                      <a:lnTo>
                        <a:pt x="81" y="103"/>
                      </a:lnTo>
                      <a:lnTo>
                        <a:pt x="78" y="101"/>
                      </a:lnTo>
                      <a:lnTo>
                        <a:pt x="74" y="100"/>
                      </a:lnTo>
                      <a:lnTo>
                        <a:pt x="73" y="100"/>
                      </a:lnTo>
                      <a:lnTo>
                        <a:pt x="71" y="98"/>
                      </a:lnTo>
                      <a:lnTo>
                        <a:pt x="61" y="100"/>
                      </a:lnTo>
                      <a:lnTo>
                        <a:pt x="49" y="89"/>
                      </a:lnTo>
                      <a:lnTo>
                        <a:pt x="37" y="83"/>
                      </a:lnTo>
                      <a:lnTo>
                        <a:pt x="39" y="84"/>
                      </a:lnTo>
                      <a:lnTo>
                        <a:pt x="27" y="56"/>
                      </a:lnTo>
                      <a:lnTo>
                        <a:pt x="13" y="44"/>
                      </a:lnTo>
                      <a:lnTo>
                        <a:pt x="10" y="32"/>
                      </a:lnTo>
                      <a:lnTo>
                        <a:pt x="10" y="30"/>
                      </a:lnTo>
                      <a:lnTo>
                        <a:pt x="8" y="28"/>
                      </a:lnTo>
                      <a:lnTo>
                        <a:pt x="7" y="25"/>
                      </a:lnTo>
                      <a:lnTo>
                        <a:pt x="5" y="22"/>
                      </a:lnTo>
                      <a:lnTo>
                        <a:pt x="3" y="17"/>
                      </a:lnTo>
                      <a:lnTo>
                        <a:pt x="2" y="13"/>
                      </a:lnTo>
                      <a:lnTo>
                        <a:pt x="0" y="10"/>
                      </a:lnTo>
                      <a:lnTo>
                        <a:pt x="379" y="0"/>
                      </a:lnTo>
                      <a:lnTo>
                        <a:pt x="381" y="1"/>
                      </a:lnTo>
                      <a:lnTo>
                        <a:pt x="382" y="5"/>
                      </a:lnTo>
                      <a:lnTo>
                        <a:pt x="387" y="10"/>
                      </a:lnTo>
                      <a:lnTo>
                        <a:pt x="391" y="15"/>
                      </a:lnTo>
                      <a:lnTo>
                        <a:pt x="396" y="20"/>
                      </a:lnTo>
                      <a:lnTo>
                        <a:pt x="401" y="25"/>
                      </a:lnTo>
                      <a:lnTo>
                        <a:pt x="403" y="28"/>
                      </a:lnTo>
                      <a:lnTo>
                        <a:pt x="404" y="28"/>
                      </a:lnTo>
                      <a:lnTo>
                        <a:pt x="403" y="30"/>
                      </a:lnTo>
                      <a:lnTo>
                        <a:pt x="403" y="32"/>
                      </a:lnTo>
                      <a:lnTo>
                        <a:pt x="403" y="35"/>
                      </a:lnTo>
                      <a:lnTo>
                        <a:pt x="401" y="40"/>
                      </a:lnTo>
                      <a:lnTo>
                        <a:pt x="401" y="45"/>
                      </a:lnTo>
                      <a:lnTo>
                        <a:pt x="399" y="52"/>
                      </a:lnTo>
                      <a:lnTo>
                        <a:pt x="401" y="61"/>
                      </a:lnTo>
                      <a:lnTo>
                        <a:pt x="401" y="69"/>
                      </a:lnTo>
                      <a:lnTo>
                        <a:pt x="403" y="78"/>
                      </a:lnTo>
                      <a:lnTo>
                        <a:pt x="406" y="88"/>
                      </a:lnTo>
                      <a:lnTo>
                        <a:pt x="411" y="96"/>
                      </a:lnTo>
                      <a:lnTo>
                        <a:pt x="416" y="106"/>
                      </a:lnTo>
                      <a:lnTo>
                        <a:pt x="425" y="116"/>
                      </a:lnTo>
                      <a:lnTo>
                        <a:pt x="433" y="127"/>
                      </a:lnTo>
                      <a:lnTo>
                        <a:pt x="445" y="137"/>
                      </a:lnTo>
                      <a:lnTo>
                        <a:pt x="459" y="147"/>
                      </a:lnTo>
                      <a:lnTo>
                        <a:pt x="462" y="149"/>
                      </a:lnTo>
                      <a:lnTo>
                        <a:pt x="467" y="150"/>
                      </a:lnTo>
                      <a:lnTo>
                        <a:pt x="470" y="152"/>
                      </a:lnTo>
                      <a:lnTo>
                        <a:pt x="474" y="155"/>
                      </a:lnTo>
                      <a:lnTo>
                        <a:pt x="477" y="159"/>
                      </a:lnTo>
                      <a:lnTo>
                        <a:pt x="481" y="166"/>
                      </a:lnTo>
                      <a:lnTo>
                        <a:pt x="482" y="176"/>
                      </a:lnTo>
                      <a:lnTo>
                        <a:pt x="484" y="189"/>
                      </a:lnTo>
                      <a:lnTo>
                        <a:pt x="484" y="198"/>
                      </a:lnTo>
                      <a:lnTo>
                        <a:pt x="487" y="204"/>
                      </a:lnTo>
                      <a:lnTo>
                        <a:pt x="489" y="208"/>
                      </a:lnTo>
                      <a:lnTo>
                        <a:pt x="492" y="210"/>
                      </a:lnTo>
                      <a:lnTo>
                        <a:pt x="496" y="210"/>
                      </a:lnTo>
                      <a:lnTo>
                        <a:pt x="501" y="206"/>
                      </a:lnTo>
                      <a:lnTo>
                        <a:pt x="504" y="203"/>
                      </a:lnTo>
                      <a:lnTo>
                        <a:pt x="508" y="199"/>
                      </a:lnTo>
                      <a:lnTo>
                        <a:pt x="511" y="198"/>
                      </a:lnTo>
                      <a:lnTo>
                        <a:pt x="516" y="198"/>
                      </a:lnTo>
                      <a:lnTo>
                        <a:pt x="521" y="199"/>
                      </a:lnTo>
                      <a:lnTo>
                        <a:pt x="528" y="203"/>
                      </a:lnTo>
                      <a:lnTo>
                        <a:pt x="533" y="206"/>
                      </a:lnTo>
                      <a:lnTo>
                        <a:pt x="536" y="211"/>
                      </a:lnTo>
                      <a:lnTo>
                        <a:pt x="540" y="215"/>
                      </a:lnTo>
                      <a:lnTo>
                        <a:pt x="540" y="218"/>
                      </a:lnTo>
                      <a:lnTo>
                        <a:pt x="540" y="221"/>
                      </a:lnTo>
                      <a:lnTo>
                        <a:pt x="536" y="228"/>
                      </a:lnTo>
                      <a:lnTo>
                        <a:pt x="535" y="235"/>
                      </a:lnTo>
                      <a:lnTo>
                        <a:pt x="533" y="243"/>
                      </a:lnTo>
                      <a:lnTo>
                        <a:pt x="531" y="252"/>
                      </a:lnTo>
                      <a:lnTo>
                        <a:pt x="530" y="259"/>
                      </a:lnTo>
                      <a:lnTo>
                        <a:pt x="528" y="262"/>
                      </a:lnTo>
                      <a:lnTo>
                        <a:pt x="528" y="264"/>
                      </a:lnTo>
                      <a:lnTo>
                        <a:pt x="526" y="265"/>
                      </a:lnTo>
                      <a:lnTo>
                        <a:pt x="525" y="269"/>
                      </a:lnTo>
                      <a:lnTo>
                        <a:pt x="523" y="276"/>
                      </a:lnTo>
                      <a:lnTo>
                        <a:pt x="523" y="282"/>
                      </a:lnTo>
                      <a:lnTo>
                        <a:pt x="525" y="289"/>
                      </a:lnTo>
                      <a:lnTo>
                        <a:pt x="528" y="298"/>
                      </a:lnTo>
                      <a:lnTo>
                        <a:pt x="538" y="306"/>
                      </a:lnTo>
                      <a:lnTo>
                        <a:pt x="552" y="313"/>
                      </a:lnTo>
                      <a:lnTo>
                        <a:pt x="555" y="314"/>
                      </a:lnTo>
                      <a:lnTo>
                        <a:pt x="558" y="316"/>
                      </a:lnTo>
                      <a:lnTo>
                        <a:pt x="562" y="318"/>
                      </a:lnTo>
                      <a:lnTo>
                        <a:pt x="563" y="320"/>
                      </a:lnTo>
                      <a:lnTo>
                        <a:pt x="565" y="321"/>
                      </a:lnTo>
                      <a:lnTo>
                        <a:pt x="565" y="330"/>
                      </a:lnTo>
                      <a:lnTo>
                        <a:pt x="582" y="330"/>
                      </a:lnTo>
                      <a:lnTo>
                        <a:pt x="597" y="345"/>
                      </a:lnTo>
                      <a:lnTo>
                        <a:pt x="613" y="350"/>
                      </a:lnTo>
                      <a:lnTo>
                        <a:pt x="614" y="372"/>
                      </a:lnTo>
                      <a:lnTo>
                        <a:pt x="621" y="384"/>
                      </a:lnTo>
                      <a:lnTo>
                        <a:pt x="616" y="401"/>
                      </a:lnTo>
                      <a:lnTo>
                        <a:pt x="616" y="409"/>
                      </a:lnTo>
                      <a:lnTo>
                        <a:pt x="626" y="419"/>
                      </a:lnTo>
                      <a:lnTo>
                        <a:pt x="629" y="428"/>
                      </a:lnTo>
                      <a:lnTo>
                        <a:pt x="636" y="433"/>
                      </a:lnTo>
                      <a:lnTo>
                        <a:pt x="636" y="430"/>
                      </a:lnTo>
                      <a:lnTo>
                        <a:pt x="636" y="426"/>
                      </a:lnTo>
                      <a:lnTo>
                        <a:pt x="636" y="423"/>
                      </a:lnTo>
                      <a:lnTo>
                        <a:pt x="636" y="421"/>
                      </a:lnTo>
                      <a:lnTo>
                        <a:pt x="638" y="421"/>
                      </a:lnTo>
                      <a:lnTo>
                        <a:pt x="641" y="423"/>
                      </a:lnTo>
                      <a:lnTo>
                        <a:pt x="643" y="428"/>
                      </a:lnTo>
                      <a:lnTo>
                        <a:pt x="645" y="430"/>
                      </a:lnTo>
                      <a:lnTo>
                        <a:pt x="648" y="433"/>
                      </a:lnTo>
                      <a:lnTo>
                        <a:pt x="651" y="435"/>
                      </a:lnTo>
                      <a:lnTo>
                        <a:pt x="653" y="436"/>
                      </a:lnTo>
                      <a:lnTo>
                        <a:pt x="662" y="443"/>
                      </a:lnTo>
                      <a:lnTo>
                        <a:pt x="657" y="452"/>
                      </a:lnTo>
                      <a:lnTo>
                        <a:pt x="657" y="487"/>
                      </a:lnTo>
                      <a:lnTo>
                        <a:pt x="638" y="489"/>
                      </a:lnTo>
                      <a:lnTo>
                        <a:pt x="619" y="502"/>
                      </a:lnTo>
                      <a:lnTo>
                        <a:pt x="618" y="531"/>
                      </a:lnTo>
                      <a:lnTo>
                        <a:pt x="616" y="531"/>
                      </a:lnTo>
                      <a:lnTo>
                        <a:pt x="614" y="531"/>
                      </a:lnTo>
                      <a:lnTo>
                        <a:pt x="613" y="531"/>
                      </a:lnTo>
                      <a:lnTo>
                        <a:pt x="609" y="531"/>
                      </a:lnTo>
                      <a:lnTo>
                        <a:pt x="607" y="533"/>
                      </a:lnTo>
                      <a:lnTo>
                        <a:pt x="607" y="534"/>
                      </a:lnTo>
                      <a:lnTo>
                        <a:pt x="609" y="538"/>
                      </a:lnTo>
                      <a:lnTo>
                        <a:pt x="613" y="541"/>
                      </a:lnTo>
                      <a:lnTo>
                        <a:pt x="618" y="545"/>
                      </a:lnTo>
                      <a:lnTo>
                        <a:pt x="619" y="548"/>
                      </a:lnTo>
                      <a:lnTo>
                        <a:pt x="619" y="550"/>
                      </a:lnTo>
                      <a:lnTo>
                        <a:pt x="618" y="550"/>
                      </a:lnTo>
                      <a:lnTo>
                        <a:pt x="616" y="550"/>
                      </a:lnTo>
                      <a:lnTo>
                        <a:pt x="606" y="567"/>
                      </a:lnTo>
                      <a:lnTo>
                        <a:pt x="541" y="570"/>
                      </a:lnTo>
                      <a:lnTo>
                        <a:pt x="541" y="568"/>
                      </a:lnTo>
                      <a:lnTo>
                        <a:pt x="543" y="565"/>
                      </a:lnTo>
                      <a:lnTo>
                        <a:pt x="545" y="562"/>
                      </a:lnTo>
                      <a:lnTo>
                        <a:pt x="547" y="555"/>
                      </a:lnTo>
                      <a:lnTo>
                        <a:pt x="550" y="550"/>
                      </a:lnTo>
                      <a:lnTo>
                        <a:pt x="553" y="543"/>
                      </a:lnTo>
                      <a:lnTo>
                        <a:pt x="557" y="538"/>
                      </a:lnTo>
                      <a:lnTo>
                        <a:pt x="563" y="533"/>
                      </a:lnTo>
                      <a:lnTo>
                        <a:pt x="567" y="528"/>
                      </a:lnTo>
                      <a:lnTo>
                        <a:pt x="569" y="523"/>
                      </a:lnTo>
                      <a:lnTo>
                        <a:pt x="567" y="518"/>
                      </a:lnTo>
                      <a:lnTo>
                        <a:pt x="563" y="512"/>
                      </a:lnTo>
                      <a:lnTo>
                        <a:pt x="560" y="509"/>
                      </a:lnTo>
                      <a:lnTo>
                        <a:pt x="555" y="506"/>
                      </a:lnTo>
                      <a:lnTo>
                        <a:pt x="552" y="504"/>
                      </a:lnTo>
                      <a:lnTo>
                        <a:pt x="548" y="504"/>
                      </a:lnTo>
                      <a:lnTo>
                        <a:pt x="547" y="506"/>
                      </a:lnTo>
                      <a:lnTo>
                        <a:pt x="543" y="506"/>
                      </a:lnTo>
                      <a:lnTo>
                        <a:pt x="536" y="506"/>
                      </a:lnTo>
                      <a:lnTo>
                        <a:pt x="528" y="506"/>
                      </a:lnTo>
                      <a:lnTo>
                        <a:pt x="519" y="507"/>
                      </a:lnTo>
                      <a:lnTo>
                        <a:pt x="508" y="507"/>
                      </a:lnTo>
                      <a:lnTo>
                        <a:pt x="494" y="507"/>
                      </a:lnTo>
                      <a:lnTo>
                        <a:pt x="481" y="509"/>
                      </a:lnTo>
                      <a:lnTo>
                        <a:pt x="465" y="509"/>
                      </a:lnTo>
                      <a:lnTo>
                        <a:pt x="448" y="511"/>
                      </a:lnTo>
                      <a:lnTo>
                        <a:pt x="431" y="511"/>
                      </a:lnTo>
                      <a:lnTo>
                        <a:pt x="413" y="511"/>
                      </a:lnTo>
                      <a:lnTo>
                        <a:pt x="394" y="512"/>
                      </a:lnTo>
                      <a:lnTo>
                        <a:pt x="376" y="512"/>
                      </a:lnTo>
                      <a:lnTo>
                        <a:pt x="355" y="514"/>
                      </a:lnTo>
                      <a:lnTo>
                        <a:pt x="337" y="514"/>
                      </a:lnTo>
                      <a:lnTo>
                        <a:pt x="316" y="516"/>
                      </a:lnTo>
                      <a:lnTo>
                        <a:pt x="296" y="516"/>
                      </a:lnTo>
                      <a:lnTo>
                        <a:pt x="277" y="518"/>
                      </a:lnTo>
                      <a:lnTo>
                        <a:pt x="259" y="518"/>
                      </a:lnTo>
                      <a:lnTo>
                        <a:pt x="240" y="519"/>
                      </a:lnTo>
                      <a:lnTo>
                        <a:pt x="222" y="519"/>
                      </a:lnTo>
                      <a:lnTo>
                        <a:pt x="205" y="521"/>
                      </a:lnTo>
                      <a:lnTo>
                        <a:pt x="189" y="521"/>
                      </a:lnTo>
                      <a:lnTo>
                        <a:pt x="174" y="521"/>
                      </a:lnTo>
                      <a:lnTo>
                        <a:pt x="162" y="523"/>
                      </a:lnTo>
                      <a:lnTo>
                        <a:pt x="149" y="523"/>
                      </a:lnTo>
                      <a:lnTo>
                        <a:pt x="139" y="523"/>
                      </a:lnTo>
                      <a:lnTo>
                        <a:pt x="130" y="523"/>
                      </a:lnTo>
                      <a:lnTo>
                        <a:pt x="123" y="523"/>
                      </a:lnTo>
                      <a:lnTo>
                        <a:pt x="118" y="524"/>
                      </a:lnTo>
                      <a:lnTo>
                        <a:pt x="117" y="524"/>
                      </a:lnTo>
                      <a:close/>
                    </a:path>
                  </a:pathLst>
                </a:custGeom>
                <a:solidFill>
                  <a:srgbClr val="2D73FF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grpSp>
              <p:nvGrpSpPr>
                <p:cNvPr id="165" name="Group 47"/>
                <p:cNvGrpSpPr>
                  <a:grpSpLocks/>
                </p:cNvGrpSpPr>
                <p:nvPr/>
              </p:nvGrpSpPr>
              <p:grpSpPr bwMode="auto">
                <a:xfrm>
                  <a:off x="4042" y="1840"/>
                  <a:ext cx="558" cy="359"/>
                  <a:chOff x="4341" y="1400"/>
                  <a:chExt cx="574" cy="370"/>
                </a:xfrm>
              </p:grpSpPr>
              <p:sp>
                <p:nvSpPr>
                  <p:cNvPr id="166" name="Freeform 48"/>
                  <p:cNvSpPr>
                    <a:spLocks/>
                  </p:cNvSpPr>
                  <p:nvPr/>
                </p:nvSpPr>
                <p:spPr bwMode="auto">
                  <a:xfrm>
                    <a:off x="4341" y="1400"/>
                    <a:ext cx="574" cy="370"/>
                  </a:xfrm>
                  <a:custGeom>
                    <a:avLst/>
                    <a:gdLst>
                      <a:gd name="T0" fmla="*/ 491 w 574"/>
                      <a:gd name="T1" fmla="*/ 287 h 370"/>
                      <a:gd name="T2" fmla="*/ 501 w 574"/>
                      <a:gd name="T3" fmla="*/ 269 h 370"/>
                      <a:gd name="T4" fmla="*/ 518 w 574"/>
                      <a:gd name="T5" fmla="*/ 265 h 370"/>
                      <a:gd name="T6" fmla="*/ 523 w 574"/>
                      <a:gd name="T7" fmla="*/ 265 h 370"/>
                      <a:gd name="T8" fmla="*/ 535 w 574"/>
                      <a:gd name="T9" fmla="*/ 257 h 370"/>
                      <a:gd name="T10" fmla="*/ 545 w 574"/>
                      <a:gd name="T11" fmla="*/ 248 h 370"/>
                      <a:gd name="T12" fmla="*/ 550 w 574"/>
                      <a:gd name="T13" fmla="*/ 238 h 370"/>
                      <a:gd name="T14" fmla="*/ 560 w 574"/>
                      <a:gd name="T15" fmla="*/ 225 h 370"/>
                      <a:gd name="T16" fmla="*/ 569 w 574"/>
                      <a:gd name="T17" fmla="*/ 218 h 370"/>
                      <a:gd name="T18" fmla="*/ 574 w 574"/>
                      <a:gd name="T19" fmla="*/ 211 h 370"/>
                      <a:gd name="T20" fmla="*/ 571 w 574"/>
                      <a:gd name="T21" fmla="*/ 204 h 370"/>
                      <a:gd name="T22" fmla="*/ 567 w 574"/>
                      <a:gd name="T23" fmla="*/ 201 h 370"/>
                      <a:gd name="T24" fmla="*/ 554 w 574"/>
                      <a:gd name="T25" fmla="*/ 189 h 370"/>
                      <a:gd name="T26" fmla="*/ 537 w 574"/>
                      <a:gd name="T27" fmla="*/ 176 h 370"/>
                      <a:gd name="T28" fmla="*/ 520 w 574"/>
                      <a:gd name="T29" fmla="*/ 162 h 370"/>
                      <a:gd name="T30" fmla="*/ 520 w 574"/>
                      <a:gd name="T31" fmla="*/ 144 h 370"/>
                      <a:gd name="T32" fmla="*/ 525 w 574"/>
                      <a:gd name="T33" fmla="*/ 135 h 370"/>
                      <a:gd name="T34" fmla="*/ 538 w 574"/>
                      <a:gd name="T35" fmla="*/ 71 h 370"/>
                      <a:gd name="T36" fmla="*/ 525 w 574"/>
                      <a:gd name="T37" fmla="*/ 56 h 370"/>
                      <a:gd name="T38" fmla="*/ 520 w 574"/>
                      <a:gd name="T39" fmla="*/ 54 h 370"/>
                      <a:gd name="T40" fmla="*/ 511 w 574"/>
                      <a:gd name="T41" fmla="*/ 44 h 370"/>
                      <a:gd name="T42" fmla="*/ 503 w 574"/>
                      <a:gd name="T43" fmla="*/ 30 h 370"/>
                      <a:gd name="T44" fmla="*/ 501 w 574"/>
                      <a:gd name="T45" fmla="*/ 22 h 370"/>
                      <a:gd name="T46" fmla="*/ 493 w 574"/>
                      <a:gd name="T47" fmla="*/ 15 h 370"/>
                      <a:gd name="T48" fmla="*/ 483 w 574"/>
                      <a:gd name="T49" fmla="*/ 12 h 370"/>
                      <a:gd name="T50" fmla="*/ 476 w 574"/>
                      <a:gd name="T51" fmla="*/ 1 h 370"/>
                      <a:gd name="T52" fmla="*/ 459 w 574"/>
                      <a:gd name="T53" fmla="*/ 0 h 370"/>
                      <a:gd name="T54" fmla="*/ 449 w 574"/>
                      <a:gd name="T55" fmla="*/ 3 h 370"/>
                      <a:gd name="T56" fmla="*/ 422 w 574"/>
                      <a:gd name="T57" fmla="*/ 8 h 370"/>
                      <a:gd name="T58" fmla="*/ 383 w 574"/>
                      <a:gd name="T59" fmla="*/ 15 h 370"/>
                      <a:gd name="T60" fmla="*/ 335 w 574"/>
                      <a:gd name="T61" fmla="*/ 25 h 370"/>
                      <a:gd name="T62" fmla="*/ 283 w 574"/>
                      <a:gd name="T63" fmla="*/ 35 h 370"/>
                      <a:gd name="T64" fmla="*/ 230 w 574"/>
                      <a:gd name="T65" fmla="*/ 45 h 370"/>
                      <a:gd name="T66" fmla="*/ 178 w 574"/>
                      <a:gd name="T67" fmla="*/ 56 h 370"/>
                      <a:gd name="T68" fmla="*/ 134 w 574"/>
                      <a:gd name="T69" fmla="*/ 64 h 370"/>
                      <a:gd name="T70" fmla="*/ 98 w 574"/>
                      <a:gd name="T71" fmla="*/ 71 h 370"/>
                      <a:gd name="T72" fmla="*/ 78 w 574"/>
                      <a:gd name="T73" fmla="*/ 74 h 370"/>
                      <a:gd name="T74" fmla="*/ 66 w 574"/>
                      <a:gd name="T75" fmla="*/ 44 h 370"/>
                      <a:gd name="T76" fmla="*/ 49 w 574"/>
                      <a:gd name="T77" fmla="*/ 56 h 370"/>
                      <a:gd name="T78" fmla="*/ 34 w 574"/>
                      <a:gd name="T79" fmla="*/ 67 h 370"/>
                      <a:gd name="T80" fmla="*/ 21 w 574"/>
                      <a:gd name="T81" fmla="*/ 78 h 370"/>
                      <a:gd name="T82" fmla="*/ 9 w 574"/>
                      <a:gd name="T83" fmla="*/ 86 h 370"/>
                      <a:gd name="T84" fmla="*/ 2 w 574"/>
                      <a:gd name="T85" fmla="*/ 91 h 370"/>
                      <a:gd name="T86" fmla="*/ 32 w 574"/>
                      <a:gd name="T87" fmla="*/ 259 h 370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w 574"/>
                      <a:gd name="T133" fmla="*/ 0 h 370"/>
                      <a:gd name="T134" fmla="*/ 574 w 574"/>
                      <a:gd name="T135" fmla="*/ 370 h 370"/>
                    </a:gdLst>
                    <a:ahLst/>
                    <a:cxnLst>
                      <a:cxn ang="T88">
                        <a:pos x="T0" y="T1"/>
                      </a:cxn>
                      <a:cxn ang="T89">
                        <a:pos x="T2" y="T3"/>
                      </a:cxn>
                      <a:cxn ang="T90">
                        <a:pos x="T4" y="T5"/>
                      </a:cxn>
                      <a:cxn ang="T91">
                        <a:pos x="T6" y="T7"/>
                      </a:cxn>
                      <a:cxn ang="T92">
                        <a:pos x="T8" y="T9"/>
                      </a:cxn>
                      <a:cxn ang="T93">
                        <a:pos x="T10" y="T11"/>
                      </a:cxn>
                      <a:cxn ang="T94">
                        <a:pos x="T12" y="T13"/>
                      </a:cxn>
                      <a:cxn ang="T95">
                        <a:pos x="T14" y="T15"/>
                      </a:cxn>
                      <a:cxn ang="T96">
                        <a:pos x="T16" y="T17"/>
                      </a:cxn>
                      <a:cxn ang="T97">
                        <a:pos x="T18" y="T19"/>
                      </a:cxn>
                      <a:cxn ang="T98">
                        <a:pos x="T20" y="T21"/>
                      </a:cxn>
                      <a:cxn ang="T99">
                        <a:pos x="T22" y="T23"/>
                      </a:cxn>
                      <a:cxn ang="T100">
                        <a:pos x="T24" y="T25"/>
                      </a:cxn>
                      <a:cxn ang="T101">
                        <a:pos x="T26" y="T27"/>
                      </a:cxn>
                      <a:cxn ang="T102">
                        <a:pos x="T28" y="T29"/>
                      </a:cxn>
                      <a:cxn ang="T103">
                        <a:pos x="T30" y="T31"/>
                      </a:cxn>
                      <a:cxn ang="T104">
                        <a:pos x="T32" y="T33"/>
                      </a:cxn>
                      <a:cxn ang="T105">
                        <a:pos x="T34" y="T35"/>
                      </a:cxn>
                      <a:cxn ang="T106">
                        <a:pos x="T36" y="T37"/>
                      </a:cxn>
                      <a:cxn ang="T107">
                        <a:pos x="T38" y="T39"/>
                      </a:cxn>
                      <a:cxn ang="T108">
                        <a:pos x="T40" y="T41"/>
                      </a:cxn>
                      <a:cxn ang="T109">
                        <a:pos x="T42" y="T43"/>
                      </a:cxn>
                      <a:cxn ang="T110">
                        <a:pos x="T44" y="T45"/>
                      </a:cxn>
                      <a:cxn ang="T111">
                        <a:pos x="T46" y="T47"/>
                      </a:cxn>
                      <a:cxn ang="T112">
                        <a:pos x="T48" y="T49"/>
                      </a:cxn>
                      <a:cxn ang="T113">
                        <a:pos x="T50" y="T51"/>
                      </a:cxn>
                      <a:cxn ang="T114">
                        <a:pos x="T52" y="T53"/>
                      </a:cxn>
                      <a:cxn ang="T115">
                        <a:pos x="T54" y="T55"/>
                      </a:cxn>
                      <a:cxn ang="T116">
                        <a:pos x="T56" y="T57"/>
                      </a:cxn>
                      <a:cxn ang="T117">
                        <a:pos x="T58" y="T59"/>
                      </a:cxn>
                      <a:cxn ang="T118">
                        <a:pos x="T60" y="T61"/>
                      </a:cxn>
                      <a:cxn ang="T119">
                        <a:pos x="T62" y="T63"/>
                      </a:cxn>
                      <a:cxn ang="T120">
                        <a:pos x="T64" y="T65"/>
                      </a:cxn>
                      <a:cxn ang="T121">
                        <a:pos x="T66" y="T67"/>
                      </a:cxn>
                      <a:cxn ang="T122">
                        <a:pos x="T68" y="T69"/>
                      </a:cxn>
                      <a:cxn ang="T123">
                        <a:pos x="T70" y="T71"/>
                      </a:cxn>
                      <a:cxn ang="T124">
                        <a:pos x="T72" y="T73"/>
                      </a:cxn>
                      <a:cxn ang="T125">
                        <a:pos x="T74" y="T75"/>
                      </a:cxn>
                      <a:cxn ang="T126">
                        <a:pos x="T76" y="T77"/>
                      </a:cxn>
                      <a:cxn ang="T127">
                        <a:pos x="T78" y="T79"/>
                      </a:cxn>
                      <a:cxn ang="T128">
                        <a:pos x="T80" y="T81"/>
                      </a:cxn>
                      <a:cxn ang="T129">
                        <a:pos x="T82" y="T83"/>
                      </a:cxn>
                      <a:cxn ang="T130">
                        <a:pos x="T84" y="T85"/>
                      </a:cxn>
                      <a:cxn ang="T131">
                        <a:pos x="T86" y="T87"/>
                      </a:cxn>
                    </a:cxnLst>
                    <a:rect l="T132" t="T133" r="T134" b="T135"/>
                    <a:pathLst>
                      <a:path w="574" h="370">
                        <a:moveTo>
                          <a:pt x="51" y="370"/>
                        </a:moveTo>
                        <a:lnTo>
                          <a:pt x="146" y="352"/>
                        </a:lnTo>
                        <a:lnTo>
                          <a:pt x="491" y="287"/>
                        </a:lnTo>
                        <a:lnTo>
                          <a:pt x="493" y="277"/>
                        </a:lnTo>
                        <a:lnTo>
                          <a:pt x="496" y="272"/>
                        </a:lnTo>
                        <a:lnTo>
                          <a:pt x="501" y="269"/>
                        </a:lnTo>
                        <a:lnTo>
                          <a:pt x="506" y="265"/>
                        </a:lnTo>
                        <a:lnTo>
                          <a:pt x="513" y="265"/>
                        </a:lnTo>
                        <a:lnTo>
                          <a:pt x="518" y="265"/>
                        </a:lnTo>
                        <a:lnTo>
                          <a:pt x="521" y="265"/>
                        </a:lnTo>
                        <a:lnTo>
                          <a:pt x="523" y="267"/>
                        </a:lnTo>
                        <a:lnTo>
                          <a:pt x="523" y="265"/>
                        </a:lnTo>
                        <a:lnTo>
                          <a:pt x="527" y="264"/>
                        </a:lnTo>
                        <a:lnTo>
                          <a:pt x="530" y="260"/>
                        </a:lnTo>
                        <a:lnTo>
                          <a:pt x="535" y="257"/>
                        </a:lnTo>
                        <a:lnTo>
                          <a:pt x="538" y="254"/>
                        </a:lnTo>
                        <a:lnTo>
                          <a:pt x="543" y="252"/>
                        </a:lnTo>
                        <a:lnTo>
                          <a:pt x="545" y="248"/>
                        </a:lnTo>
                        <a:lnTo>
                          <a:pt x="547" y="248"/>
                        </a:lnTo>
                        <a:lnTo>
                          <a:pt x="547" y="243"/>
                        </a:lnTo>
                        <a:lnTo>
                          <a:pt x="550" y="238"/>
                        </a:lnTo>
                        <a:lnTo>
                          <a:pt x="554" y="233"/>
                        </a:lnTo>
                        <a:lnTo>
                          <a:pt x="557" y="228"/>
                        </a:lnTo>
                        <a:lnTo>
                          <a:pt x="560" y="225"/>
                        </a:lnTo>
                        <a:lnTo>
                          <a:pt x="564" y="221"/>
                        </a:lnTo>
                        <a:lnTo>
                          <a:pt x="567" y="220"/>
                        </a:lnTo>
                        <a:lnTo>
                          <a:pt x="569" y="218"/>
                        </a:lnTo>
                        <a:lnTo>
                          <a:pt x="572" y="216"/>
                        </a:lnTo>
                        <a:lnTo>
                          <a:pt x="574" y="213"/>
                        </a:lnTo>
                        <a:lnTo>
                          <a:pt x="574" y="211"/>
                        </a:lnTo>
                        <a:lnTo>
                          <a:pt x="574" y="208"/>
                        </a:lnTo>
                        <a:lnTo>
                          <a:pt x="572" y="206"/>
                        </a:lnTo>
                        <a:lnTo>
                          <a:pt x="571" y="204"/>
                        </a:lnTo>
                        <a:lnTo>
                          <a:pt x="571" y="203"/>
                        </a:lnTo>
                        <a:lnTo>
                          <a:pt x="569" y="203"/>
                        </a:lnTo>
                        <a:lnTo>
                          <a:pt x="567" y="201"/>
                        </a:lnTo>
                        <a:lnTo>
                          <a:pt x="564" y="199"/>
                        </a:lnTo>
                        <a:lnTo>
                          <a:pt x="559" y="194"/>
                        </a:lnTo>
                        <a:lnTo>
                          <a:pt x="554" y="189"/>
                        </a:lnTo>
                        <a:lnTo>
                          <a:pt x="547" y="184"/>
                        </a:lnTo>
                        <a:lnTo>
                          <a:pt x="542" y="179"/>
                        </a:lnTo>
                        <a:lnTo>
                          <a:pt x="537" y="176"/>
                        </a:lnTo>
                        <a:lnTo>
                          <a:pt x="535" y="174"/>
                        </a:lnTo>
                        <a:lnTo>
                          <a:pt x="525" y="169"/>
                        </a:lnTo>
                        <a:lnTo>
                          <a:pt x="520" y="162"/>
                        </a:lnTo>
                        <a:lnTo>
                          <a:pt x="518" y="155"/>
                        </a:lnTo>
                        <a:lnTo>
                          <a:pt x="518" y="149"/>
                        </a:lnTo>
                        <a:lnTo>
                          <a:pt x="520" y="144"/>
                        </a:lnTo>
                        <a:lnTo>
                          <a:pt x="521" y="138"/>
                        </a:lnTo>
                        <a:lnTo>
                          <a:pt x="523" y="135"/>
                        </a:lnTo>
                        <a:lnTo>
                          <a:pt x="525" y="135"/>
                        </a:lnTo>
                        <a:lnTo>
                          <a:pt x="515" y="118"/>
                        </a:lnTo>
                        <a:lnTo>
                          <a:pt x="532" y="93"/>
                        </a:lnTo>
                        <a:lnTo>
                          <a:pt x="538" y="71"/>
                        </a:lnTo>
                        <a:lnTo>
                          <a:pt x="543" y="62"/>
                        </a:lnTo>
                        <a:lnTo>
                          <a:pt x="525" y="56"/>
                        </a:lnTo>
                        <a:lnTo>
                          <a:pt x="523" y="56"/>
                        </a:lnTo>
                        <a:lnTo>
                          <a:pt x="520" y="54"/>
                        </a:lnTo>
                        <a:lnTo>
                          <a:pt x="518" y="50"/>
                        </a:lnTo>
                        <a:lnTo>
                          <a:pt x="515" y="47"/>
                        </a:lnTo>
                        <a:lnTo>
                          <a:pt x="511" y="44"/>
                        </a:lnTo>
                        <a:lnTo>
                          <a:pt x="508" y="39"/>
                        </a:lnTo>
                        <a:lnTo>
                          <a:pt x="505" y="32"/>
                        </a:lnTo>
                        <a:lnTo>
                          <a:pt x="503" y="30"/>
                        </a:lnTo>
                        <a:lnTo>
                          <a:pt x="503" y="28"/>
                        </a:lnTo>
                        <a:lnTo>
                          <a:pt x="503" y="25"/>
                        </a:lnTo>
                        <a:lnTo>
                          <a:pt x="501" y="22"/>
                        </a:lnTo>
                        <a:lnTo>
                          <a:pt x="499" y="20"/>
                        </a:lnTo>
                        <a:lnTo>
                          <a:pt x="496" y="17"/>
                        </a:lnTo>
                        <a:lnTo>
                          <a:pt x="493" y="15"/>
                        </a:lnTo>
                        <a:lnTo>
                          <a:pt x="486" y="15"/>
                        </a:lnTo>
                        <a:lnTo>
                          <a:pt x="484" y="13"/>
                        </a:lnTo>
                        <a:lnTo>
                          <a:pt x="483" y="12"/>
                        </a:lnTo>
                        <a:lnTo>
                          <a:pt x="481" y="8"/>
                        </a:lnTo>
                        <a:lnTo>
                          <a:pt x="479" y="5"/>
                        </a:lnTo>
                        <a:lnTo>
                          <a:pt x="476" y="1"/>
                        </a:lnTo>
                        <a:lnTo>
                          <a:pt x="471" y="0"/>
                        </a:lnTo>
                        <a:lnTo>
                          <a:pt x="466" y="0"/>
                        </a:lnTo>
                        <a:lnTo>
                          <a:pt x="459" y="0"/>
                        </a:lnTo>
                        <a:lnTo>
                          <a:pt x="457" y="0"/>
                        </a:lnTo>
                        <a:lnTo>
                          <a:pt x="454" y="1"/>
                        </a:lnTo>
                        <a:lnTo>
                          <a:pt x="449" y="3"/>
                        </a:lnTo>
                        <a:lnTo>
                          <a:pt x="442" y="3"/>
                        </a:lnTo>
                        <a:lnTo>
                          <a:pt x="432" y="5"/>
                        </a:lnTo>
                        <a:lnTo>
                          <a:pt x="422" y="8"/>
                        </a:lnTo>
                        <a:lnTo>
                          <a:pt x="410" y="10"/>
                        </a:lnTo>
                        <a:lnTo>
                          <a:pt x="398" y="12"/>
                        </a:lnTo>
                        <a:lnTo>
                          <a:pt x="383" y="15"/>
                        </a:lnTo>
                        <a:lnTo>
                          <a:pt x="367" y="18"/>
                        </a:lnTo>
                        <a:lnTo>
                          <a:pt x="352" y="22"/>
                        </a:lnTo>
                        <a:lnTo>
                          <a:pt x="335" y="25"/>
                        </a:lnTo>
                        <a:lnTo>
                          <a:pt x="318" y="28"/>
                        </a:lnTo>
                        <a:lnTo>
                          <a:pt x="301" y="32"/>
                        </a:lnTo>
                        <a:lnTo>
                          <a:pt x="283" y="35"/>
                        </a:lnTo>
                        <a:lnTo>
                          <a:pt x="266" y="39"/>
                        </a:lnTo>
                        <a:lnTo>
                          <a:pt x="247" y="42"/>
                        </a:lnTo>
                        <a:lnTo>
                          <a:pt x="230" y="45"/>
                        </a:lnTo>
                        <a:lnTo>
                          <a:pt x="212" y="49"/>
                        </a:lnTo>
                        <a:lnTo>
                          <a:pt x="195" y="52"/>
                        </a:lnTo>
                        <a:lnTo>
                          <a:pt x="178" y="56"/>
                        </a:lnTo>
                        <a:lnTo>
                          <a:pt x="163" y="59"/>
                        </a:lnTo>
                        <a:lnTo>
                          <a:pt x="147" y="61"/>
                        </a:lnTo>
                        <a:lnTo>
                          <a:pt x="134" y="64"/>
                        </a:lnTo>
                        <a:lnTo>
                          <a:pt x="120" y="66"/>
                        </a:lnTo>
                        <a:lnTo>
                          <a:pt x="109" y="69"/>
                        </a:lnTo>
                        <a:lnTo>
                          <a:pt x="98" y="71"/>
                        </a:lnTo>
                        <a:lnTo>
                          <a:pt x="90" y="72"/>
                        </a:lnTo>
                        <a:lnTo>
                          <a:pt x="83" y="74"/>
                        </a:lnTo>
                        <a:lnTo>
                          <a:pt x="78" y="74"/>
                        </a:lnTo>
                        <a:lnTo>
                          <a:pt x="75" y="74"/>
                        </a:lnTo>
                        <a:lnTo>
                          <a:pt x="75" y="76"/>
                        </a:lnTo>
                        <a:lnTo>
                          <a:pt x="66" y="44"/>
                        </a:lnTo>
                        <a:lnTo>
                          <a:pt x="61" y="47"/>
                        </a:lnTo>
                        <a:lnTo>
                          <a:pt x="56" y="52"/>
                        </a:lnTo>
                        <a:lnTo>
                          <a:pt x="49" y="56"/>
                        </a:lnTo>
                        <a:lnTo>
                          <a:pt x="44" y="59"/>
                        </a:lnTo>
                        <a:lnTo>
                          <a:pt x="39" y="64"/>
                        </a:lnTo>
                        <a:lnTo>
                          <a:pt x="34" y="67"/>
                        </a:lnTo>
                        <a:lnTo>
                          <a:pt x="29" y="71"/>
                        </a:lnTo>
                        <a:lnTo>
                          <a:pt x="26" y="74"/>
                        </a:lnTo>
                        <a:lnTo>
                          <a:pt x="21" y="78"/>
                        </a:lnTo>
                        <a:lnTo>
                          <a:pt x="15" y="81"/>
                        </a:lnTo>
                        <a:lnTo>
                          <a:pt x="12" y="84"/>
                        </a:lnTo>
                        <a:lnTo>
                          <a:pt x="9" y="86"/>
                        </a:lnTo>
                        <a:lnTo>
                          <a:pt x="7" y="89"/>
                        </a:lnTo>
                        <a:lnTo>
                          <a:pt x="4" y="91"/>
                        </a:lnTo>
                        <a:lnTo>
                          <a:pt x="2" y="91"/>
                        </a:lnTo>
                        <a:lnTo>
                          <a:pt x="2" y="93"/>
                        </a:lnTo>
                        <a:lnTo>
                          <a:pt x="0" y="93"/>
                        </a:lnTo>
                        <a:lnTo>
                          <a:pt x="32" y="259"/>
                        </a:lnTo>
                        <a:lnTo>
                          <a:pt x="51" y="370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167" name="Freeform 49"/>
                  <p:cNvSpPr>
                    <a:spLocks/>
                  </p:cNvSpPr>
                  <p:nvPr/>
                </p:nvSpPr>
                <p:spPr bwMode="auto">
                  <a:xfrm>
                    <a:off x="4341" y="1400"/>
                    <a:ext cx="574" cy="370"/>
                  </a:xfrm>
                  <a:custGeom>
                    <a:avLst/>
                    <a:gdLst>
                      <a:gd name="T0" fmla="*/ 491 w 574"/>
                      <a:gd name="T1" fmla="*/ 287 h 370"/>
                      <a:gd name="T2" fmla="*/ 496 w 574"/>
                      <a:gd name="T3" fmla="*/ 272 h 370"/>
                      <a:gd name="T4" fmla="*/ 513 w 574"/>
                      <a:gd name="T5" fmla="*/ 265 h 370"/>
                      <a:gd name="T6" fmla="*/ 523 w 574"/>
                      <a:gd name="T7" fmla="*/ 267 h 370"/>
                      <a:gd name="T8" fmla="*/ 527 w 574"/>
                      <a:gd name="T9" fmla="*/ 264 h 370"/>
                      <a:gd name="T10" fmla="*/ 538 w 574"/>
                      <a:gd name="T11" fmla="*/ 254 h 370"/>
                      <a:gd name="T12" fmla="*/ 547 w 574"/>
                      <a:gd name="T13" fmla="*/ 248 h 370"/>
                      <a:gd name="T14" fmla="*/ 550 w 574"/>
                      <a:gd name="T15" fmla="*/ 238 h 370"/>
                      <a:gd name="T16" fmla="*/ 560 w 574"/>
                      <a:gd name="T17" fmla="*/ 225 h 370"/>
                      <a:gd name="T18" fmla="*/ 569 w 574"/>
                      <a:gd name="T19" fmla="*/ 218 h 370"/>
                      <a:gd name="T20" fmla="*/ 574 w 574"/>
                      <a:gd name="T21" fmla="*/ 213 h 370"/>
                      <a:gd name="T22" fmla="*/ 572 w 574"/>
                      <a:gd name="T23" fmla="*/ 206 h 370"/>
                      <a:gd name="T24" fmla="*/ 569 w 574"/>
                      <a:gd name="T25" fmla="*/ 203 h 370"/>
                      <a:gd name="T26" fmla="*/ 564 w 574"/>
                      <a:gd name="T27" fmla="*/ 199 h 370"/>
                      <a:gd name="T28" fmla="*/ 547 w 574"/>
                      <a:gd name="T29" fmla="*/ 184 h 370"/>
                      <a:gd name="T30" fmla="*/ 535 w 574"/>
                      <a:gd name="T31" fmla="*/ 174 h 370"/>
                      <a:gd name="T32" fmla="*/ 520 w 574"/>
                      <a:gd name="T33" fmla="*/ 162 h 370"/>
                      <a:gd name="T34" fmla="*/ 520 w 574"/>
                      <a:gd name="T35" fmla="*/ 144 h 370"/>
                      <a:gd name="T36" fmla="*/ 525 w 574"/>
                      <a:gd name="T37" fmla="*/ 135 h 370"/>
                      <a:gd name="T38" fmla="*/ 538 w 574"/>
                      <a:gd name="T39" fmla="*/ 71 h 370"/>
                      <a:gd name="T40" fmla="*/ 525 w 574"/>
                      <a:gd name="T41" fmla="*/ 56 h 370"/>
                      <a:gd name="T42" fmla="*/ 523 w 574"/>
                      <a:gd name="T43" fmla="*/ 56 h 370"/>
                      <a:gd name="T44" fmla="*/ 515 w 574"/>
                      <a:gd name="T45" fmla="*/ 47 h 370"/>
                      <a:gd name="T46" fmla="*/ 505 w 574"/>
                      <a:gd name="T47" fmla="*/ 32 h 370"/>
                      <a:gd name="T48" fmla="*/ 503 w 574"/>
                      <a:gd name="T49" fmla="*/ 28 h 370"/>
                      <a:gd name="T50" fmla="*/ 499 w 574"/>
                      <a:gd name="T51" fmla="*/ 20 h 370"/>
                      <a:gd name="T52" fmla="*/ 486 w 574"/>
                      <a:gd name="T53" fmla="*/ 15 h 370"/>
                      <a:gd name="T54" fmla="*/ 483 w 574"/>
                      <a:gd name="T55" fmla="*/ 12 h 370"/>
                      <a:gd name="T56" fmla="*/ 476 w 574"/>
                      <a:gd name="T57" fmla="*/ 1 h 370"/>
                      <a:gd name="T58" fmla="*/ 459 w 574"/>
                      <a:gd name="T59" fmla="*/ 0 h 370"/>
                      <a:gd name="T60" fmla="*/ 454 w 574"/>
                      <a:gd name="T61" fmla="*/ 1 h 370"/>
                      <a:gd name="T62" fmla="*/ 432 w 574"/>
                      <a:gd name="T63" fmla="*/ 5 h 370"/>
                      <a:gd name="T64" fmla="*/ 398 w 574"/>
                      <a:gd name="T65" fmla="*/ 12 h 370"/>
                      <a:gd name="T66" fmla="*/ 352 w 574"/>
                      <a:gd name="T67" fmla="*/ 22 h 370"/>
                      <a:gd name="T68" fmla="*/ 301 w 574"/>
                      <a:gd name="T69" fmla="*/ 32 h 370"/>
                      <a:gd name="T70" fmla="*/ 247 w 574"/>
                      <a:gd name="T71" fmla="*/ 42 h 370"/>
                      <a:gd name="T72" fmla="*/ 195 w 574"/>
                      <a:gd name="T73" fmla="*/ 52 h 370"/>
                      <a:gd name="T74" fmla="*/ 147 w 574"/>
                      <a:gd name="T75" fmla="*/ 61 h 370"/>
                      <a:gd name="T76" fmla="*/ 109 w 574"/>
                      <a:gd name="T77" fmla="*/ 69 h 370"/>
                      <a:gd name="T78" fmla="*/ 83 w 574"/>
                      <a:gd name="T79" fmla="*/ 74 h 370"/>
                      <a:gd name="T80" fmla="*/ 75 w 574"/>
                      <a:gd name="T81" fmla="*/ 76 h 370"/>
                      <a:gd name="T82" fmla="*/ 61 w 574"/>
                      <a:gd name="T83" fmla="*/ 47 h 370"/>
                      <a:gd name="T84" fmla="*/ 44 w 574"/>
                      <a:gd name="T85" fmla="*/ 59 h 370"/>
                      <a:gd name="T86" fmla="*/ 29 w 574"/>
                      <a:gd name="T87" fmla="*/ 71 h 370"/>
                      <a:gd name="T88" fmla="*/ 15 w 574"/>
                      <a:gd name="T89" fmla="*/ 81 h 370"/>
                      <a:gd name="T90" fmla="*/ 7 w 574"/>
                      <a:gd name="T91" fmla="*/ 89 h 370"/>
                      <a:gd name="T92" fmla="*/ 2 w 574"/>
                      <a:gd name="T93" fmla="*/ 93 h 370"/>
                      <a:gd name="T94" fmla="*/ 51 w 574"/>
                      <a:gd name="T95" fmla="*/ 370 h 370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w 574"/>
                      <a:gd name="T145" fmla="*/ 0 h 370"/>
                      <a:gd name="T146" fmla="*/ 574 w 574"/>
                      <a:gd name="T147" fmla="*/ 370 h 370"/>
                    </a:gdLst>
                    <a:ahLst/>
                    <a:cxnLst>
                      <a:cxn ang="T96">
                        <a:pos x="T0" y="T1"/>
                      </a:cxn>
                      <a:cxn ang="T97">
                        <a:pos x="T2" y="T3"/>
                      </a:cxn>
                      <a:cxn ang="T98">
                        <a:pos x="T4" y="T5"/>
                      </a:cxn>
                      <a:cxn ang="T99">
                        <a:pos x="T6" y="T7"/>
                      </a:cxn>
                      <a:cxn ang="T100">
                        <a:pos x="T8" y="T9"/>
                      </a:cxn>
                      <a:cxn ang="T101">
                        <a:pos x="T10" y="T11"/>
                      </a:cxn>
                      <a:cxn ang="T102">
                        <a:pos x="T12" y="T13"/>
                      </a:cxn>
                      <a:cxn ang="T103">
                        <a:pos x="T14" y="T15"/>
                      </a:cxn>
                      <a:cxn ang="T104">
                        <a:pos x="T16" y="T17"/>
                      </a:cxn>
                      <a:cxn ang="T105">
                        <a:pos x="T18" y="T19"/>
                      </a:cxn>
                      <a:cxn ang="T106">
                        <a:pos x="T20" y="T21"/>
                      </a:cxn>
                      <a:cxn ang="T107">
                        <a:pos x="T22" y="T23"/>
                      </a:cxn>
                      <a:cxn ang="T108">
                        <a:pos x="T24" y="T25"/>
                      </a:cxn>
                      <a:cxn ang="T109">
                        <a:pos x="T26" y="T27"/>
                      </a:cxn>
                      <a:cxn ang="T110">
                        <a:pos x="T28" y="T29"/>
                      </a:cxn>
                      <a:cxn ang="T111">
                        <a:pos x="T30" y="T31"/>
                      </a:cxn>
                      <a:cxn ang="T112">
                        <a:pos x="T32" y="T33"/>
                      </a:cxn>
                      <a:cxn ang="T113">
                        <a:pos x="T34" y="T35"/>
                      </a:cxn>
                      <a:cxn ang="T114">
                        <a:pos x="T36" y="T37"/>
                      </a:cxn>
                      <a:cxn ang="T115">
                        <a:pos x="T38" y="T39"/>
                      </a:cxn>
                      <a:cxn ang="T116">
                        <a:pos x="T40" y="T41"/>
                      </a:cxn>
                      <a:cxn ang="T117">
                        <a:pos x="T42" y="T43"/>
                      </a:cxn>
                      <a:cxn ang="T118">
                        <a:pos x="T44" y="T45"/>
                      </a:cxn>
                      <a:cxn ang="T119">
                        <a:pos x="T46" y="T47"/>
                      </a:cxn>
                      <a:cxn ang="T120">
                        <a:pos x="T48" y="T49"/>
                      </a:cxn>
                      <a:cxn ang="T121">
                        <a:pos x="T50" y="T51"/>
                      </a:cxn>
                      <a:cxn ang="T122">
                        <a:pos x="T52" y="T53"/>
                      </a:cxn>
                      <a:cxn ang="T123">
                        <a:pos x="T54" y="T55"/>
                      </a:cxn>
                      <a:cxn ang="T124">
                        <a:pos x="T56" y="T57"/>
                      </a:cxn>
                      <a:cxn ang="T125">
                        <a:pos x="T58" y="T59"/>
                      </a:cxn>
                      <a:cxn ang="T126">
                        <a:pos x="T60" y="T61"/>
                      </a:cxn>
                      <a:cxn ang="T127">
                        <a:pos x="T62" y="T63"/>
                      </a:cxn>
                      <a:cxn ang="T128">
                        <a:pos x="T64" y="T65"/>
                      </a:cxn>
                      <a:cxn ang="T129">
                        <a:pos x="T66" y="T67"/>
                      </a:cxn>
                      <a:cxn ang="T130">
                        <a:pos x="T68" y="T69"/>
                      </a:cxn>
                      <a:cxn ang="T131">
                        <a:pos x="T70" y="T71"/>
                      </a:cxn>
                      <a:cxn ang="T132">
                        <a:pos x="T72" y="T73"/>
                      </a:cxn>
                      <a:cxn ang="T133">
                        <a:pos x="T74" y="T75"/>
                      </a:cxn>
                      <a:cxn ang="T134">
                        <a:pos x="T76" y="T77"/>
                      </a:cxn>
                      <a:cxn ang="T135">
                        <a:pos x="T78" y="T79"/>
                      </a:cxn>
                      <a:cxn ang="T136">
                        <a:pos x="T80" y="T81"/>
                      </a:cxn>
                      <a:cxn ang="T137">
                        <a:pos x="T82" y="T83"/>
                      </a:cxn>
                      <a:cxn ang="T138">
                        <a:pos x="T84" y="T85"/>
                      </a:cxn>
                      <a:cxn ang="T139">
                        <a:pos x="T86" y="T87"/>
                      </a:cxn>
                      <a:cxn ang="T140">
                        <a:pos x="T88" y="T89"/>
                      </a:cxn>
                      <a:cxn ang="T141">
                        <a:pos x="T90" y="T91"/>
                      </a:cxn>
                      <a:cxn ang="T142">
                        <a:pos x="T92" y="T93"/>
                      </a:cxn>
                      <a:cxn ang="T143">
                        <a:pos x="T94" y="T95"/>
                      </a:cxn>
                    </a:cxnLst>
                    <a:rect l="T144" t="T145" r="T146" b="T147"/>
                    <a:pathLst>
                      <a:path w="574" h="370">
                        <a:moveTo>
                          <a:pt x="51" y="370"/>
                        </a:moveTo>
                        <a:lnTo>
                          <a:pt x="146" y="352"/>
                        </a:lnTo>
                        <a:lnTo>
                          <a:pt x="491" y="287"/>
                        </a:lnTo>
                        <a:lnTo>
                          <a:pt x="493" y="277"/>
                        </a:lnTo>
                        <a:lnTo>
                          <a:pt x="496" y="272"/>
                        </a:lnTo>
                        <a:lnTo>
                          <a:pt x="501" y="269"/>
                        </a:lnTo>
                        <a:lnTo>
                          <a:pt x="506" y="265"/>
                        </a:lnTo>
                        <a:lnTo>
                          <a:pt x="513" y="265"/>
                        </a:lnTo>
                        <a:lnTo>
                          <a:pt x="518" y="265"/>
                        </a:lnTo>
                        <a:lnTo>
                          <a:pt x="521" y="265"/>
                        </a:lnTo>
                        <a:lnTo>
                          <a:pt x="523" y="267"/>
                        </a:lnTo>
                        <a:lnTo>
                          <a:pt x="523" y="265"/>
                        </a:lnTo>
                        <a:lnTo>
                          <a:pt x="527" y="264"/>
                        </a:lnTo>
                        <a:lnTo>
                          <a:pt x="530" y="260"/>
                        </a:lnTo>
                        <a:lnTo>
                          <a:pt x="535" y="257"/>
                        </a:lnTo>
                        <a:lnTo>
                          <a:pt x="538" y="254"/>
                        </a:lnTo>
                        <a:lnTo>
                          <a:pt x="543" y="252"/>
                        </a:lnTo>
                        <a:lnTo>
                          <a:pt x="545" y="248"/>
                        </a:lnTo>
                        <a:lnTo>
                          <a:pt x="547" y="248"/>
                        </a:lnTo>
                        <a:lnTo>
                          <a:pt x="547" y="243"/>
                        </a:lnTo>
                        <a:lnTo>
                          <a:pt x="550" y="238"/>
                        </a:lnTo>
                        <a:lnTo>
                          <a:pt x="554" y="233"/>
                        </a:lnTo>
                        <a:lnTo>
                          <a:pt x="557" y="228"/>
                        </a:lnTo>
                        <a:lnTo>
                          <a:pt x="560" y="225"/>
                        </a:lnTo>
                        <a:lnTo>
                          <a:pt x="564" y="221"/>
                        </a:lnTo>
                        <a:lnTo>
                          <a:pt x="567" y="220"/>
                        </a:lnTo>
                        <a:lnTo>
                          <a:pt x="569" y="218"/>
                        </a:lnTo>
                        <a:lnTo>
                          <a:pt x="572" y="216"/>
                        </a:lnTo>
                        <a:lnTo>
                          <a:pt x="574" y="213"/>
                        </a:lnTo>
                        <a:lnTo>
                          <a:pt x="574" y="211"/>
                        </a:lnTo>
                        <a:lnTo>
                          <a:pt x="574" y="208"/>
                        </a:lnTo>
                        <a:lnTo>
                          <a:pt x="572" y="206"/>
                        </a:lnTo>
                        <a:lnTo>
                          <a:pt x="571" y="204"/>
                        </a:lnTo>
                        <a:lnTo>
                          <a:pt x="571" y="203"/>
                        </a:lnTo>
                        <a:lnTo>
                          <a:pt x="569" y="203"/>
                        </a:lnTo>
                        <a:lnTo>
                          <a:pt x="567" y="201"/>
                        </a:lnTo>
                        <a:lnTo>
                          <a:pt x="564" y="199"/>
                        </a:lnTo>
                        <a:lnTo>
                          <a:pt x="559" y="194"/>
                        </a:lnTo>
                        <a:lnTo>
                          <a:pt x="554" y="189"/>
                        </a:lnTo>
                        <a:lnTo>
                          <a:pt x="547" y="184"/>
                        </a:lnTo>
                        <a:lnTo>
                          <a:pt x="542" y="179"/>
                        </a:lnTo>
                        <a:lnTo>
                          <a:pt x="537" y="176"/>
                        </a:lnTo>
                        <a:lnTo>
                          <a:pt x="535" y="174"/>
                        </a:lnTo>
                        <a:lnTo>
                          <a:pt x="525" y="169"/>
                        </a:lnTo>
                        <a:lnTo>
                          <a:pt x="520" y="162"/>
                        </a:lnTo>
                        <a:lnTo>
                          <a:pt x="518" y="155"/>
                        </a:lnTo>
                        <a:lnTo>
                          <a:pt x="518" y="149"/>
                        </a:lnTo>
                        <a:lnTo>
                          <a:pt x="520" y="144"/>
                        </a:lnTo>
                        <a:lnTo>
                          <a:pt x="521" y="138"/>
                        </a:lnTo>
                        <a:lnTo>
                          <a:pt x="523" y="135"/>
                        </a:lnTo>
                        <a:lnTo>
                          <a:pt x="525" y="135"/>
                        </a:lnTo>
                        <a:lnTo>
                          <a:pt x="515" y="118"/>
                        </a:lnTo>
                        <a:lnTo>
                          <a:pt x="532" y="93"/>
                        </a:lnTo>
                        <a:lnTo>
                          <a:pt x="538" y="71"/>
                        </a:lnTo>
                        <a:lnTo>
                          <a:pt x="543" y="62"/>
                        </a:lnTo>
                        <a:lnTo>
                          <a:pt x="525" y="56"/>
                        </a:lnTo>
                        <a:lnTo>
                          <a:pt x="523" y="56"/>
                        </a:lnTo>
                        <a:lnTo>
                          <a:pt x="520" y="54"/>
                        </a:lnTo>
                        <a:lnTo>
                          <a:pt x="518" y="50"/>
                        </a:lnTo>
                        <a:lnTo>
                          <a:pt x="515" y="47"/>
                        </a:lnTo>
                        <a:lnTo>
                          <a:pt x="511" y="44"/>
                        </a:lnTo>
                        <a:lnTo>
                          <a:pt x="508" y="39"/>
                        </a:lnTo>
                        <a:lnTo>
                          <a:pt x="505" y="32"/>
                        </a:lnTo>
                        <a:lnTo>
                          <a:pt x="503" y="30"/>
                        </a:lnTo>
                        <a:lnTo>
                          <a:pt x="503" y="28"/>
                        </a:lnTo>
                        <a:lnTo>
                          <a:pt x="503" y="25"/>
                        </a:lnTo>
                        <a:lnTo>
                          <a:pt x="501" y="22"/>
                        </a:lnTo>
                        <a:lnTo>
                          <a:pt x="499" y="20"/>
                        </a:lnTo>
                        <a:lnTo>
                          <a:pt x="496" y="17"/>
                        </a:lnTo>
                        <a:lnTo>
                          <a:pt x="493" y="15"/>
                        </a:lnTo>
                        <a:lnTo>
                          <a:pt x="486" y="15"/>
                        </a:lnTo>
                        <a:lnTo>
                          <a:pt x="484" y="13"/>
                        </a:lnTo>
                        <a:lnTo>
                          <a:pt x="483" y="12"/>
                        </a:lnTo>
                        <a:lnTo>
                          <a:pt x="481" y="8"/>
                        </a:lnTo>
                        <a:lnTo>
                          <a:pt x="479" y="5"/>
                        </a:lnTo>
                        <a:lnTo>
                          <a:pt x="476" y="1"/>
                        </a:lnTo>
                        <a:lnTo>
                          <a:pt x="471" y="0"/>
                        </a:lnTo>
                        <a:lnTo>
                          <a:pt x="466" y="0"/>
                        </a:lnTo>
                        <a:lnTo>
                          <a:pt x="459" y="0"/>
                        </a:lnTo>
                        <a:lnTo>
                          <a:pt x="457" y="0"/>
                        </a:lnTo>
                        <a:lnTo>
                          <a:pt x="454" y="1"/>
                        </a:lnTo>
                        <a:lnTo>
                          <a:pt x="449" y="3"/>
                        </a:lnTo>
                        <a:lnTo>
                          <a:pt x="442" y="3"/>
                        </a:lnTo>
                        <a:lnTo>
                          <a:pt x="432" y="5"/>
                        </a:lnTo>
                        <a:lnTo>
                          <a:pt x="422" y="8"/>
                        </a:lnTo>
                        <a:lnTo>
                          <a:pt x="410" y="10"/>
                        </a:lnTo>
                        <a:lnTo>
                          <a:pt x="398" y="12"/>
                        </a:lnTo>
                        <a:lnTo>
                          <a:pt x="383" y="15"/>
                        </a:lnTo>
                        <a:lnTo>
                          <a:pt x="367" y="18"/>
                        </a:lnTo>
                        <a:lnTo>
                          <a:pt x="352" y="22"/>
                        </a:lnTo>
                        <a:lnTo>
                          <a:pt x="335" y="25"/>
                        </a:lnTo>
                        <a:lnTo>
                          <a:pt x="318" y="28"/>
                        </a:lnTo>
                        <a:lnTo>
                          <a:pt x="301" y="32"/>
                        </a:lnTo>
                        <a:lnTo>
                          <a:pt x="283" y="35"/>
                        </a:lnTo>
                        <a:lnTo>
                          <a:pt x="266" y="39"/>
                        </a:lnTo>
                        <a:lnTo>
                          <a:pt x="247" y="42"/>
                        </a:lnTo>
                        <a:lnTo>
                          <a:pt x="230" y="45"/>
                        </a:lnTo>
                        <a:lnTo>
                          <a:pt x="212" y="49"/>
                        </a:lnTo>
                        <a:lnTo>
                          <a:pt x="195" y="52"/>
                        </a:lnTo>
                        <a:lnTo>
                          <a:pt x="178" y="56"/>
                        </a:lnTo>
                        <a:lnTo>
                          <a:pt x="163" y="59"/>
                        </a:lnTo>
                        <a:lnTo>
                          <a:pt x="147" y="61"/>
                        </a:lnTo>
                        <a:lnTo>
                          <a:pt x="134" y="64"/>
                        </a:lnTo>
                        <a:lnTo>
                          <a:pt x="120" y="66"/>
                        </a:lnTo>
                        <a:lnTo>
                          <a:pt x="109" y="69"/>
                        </a:lnTo>
                        <a:lnTo>
                          <a:pt x="98" y="71"/>
                        </a:lnTo>
                        <a:lnTo>
                          <a:pt x="90" y="72"/>
                        </a:lnTo>
                        <a:lnTo>
                          <a:pt x="83" y="74"/>
                        </a:lnTo>
                        <a:lnTo>
                          <a:pt x="78" y="74"/>
                        </a:lnTo>
                        <a:lnTo>
                          <a:pt x="75" y="74"/>
                        </a:lnTo>
                        <a:lnTo>
                          <a:pt x="75" y="76"/>
                        </a:lnTo>
                        <a:lnTo>
                          <a:pt x="66" y="44"/>
                        </a:lnTo>
                        <a:lnTo>
                          <a:pt x="61" y="47"/>
                        </a:lnTo>
                        <a:lnTo>
                          <a:pt x="56" y="52"/>
                        </a:lnTo>
                        <a:lnTo>
                          <a:pt x="49" y="56"/>
                        </a:lnTo>
                        <a:lnTo>
                          <a:pt x="44" y="59"/>
                        </a:lnTo>
                        <a:lnTo>
                          <a:pt x="39" y="64"/>
                        </a:lnTo>
                        <a:lnTo>
                          <a:pt x="34" y="67"/>
                        </a:lnTo>
                        <a:lnTo>
                          <a:pt x="29" y="71"/>
                        </a:lnTo>
                        <a:lnTo>
                          <a:pt x="26" y="74"/>
                        </a:lnTo>
                        <a:lnTo>
                          <a:pt x="21" y="78"/>
                        </a:lnTo>
                        <a:lnTo>
                          <a:pt x="15" y="81"/>
                        </a:lnTo>
                        <a:lnTo>
                          <a:pt x="12" y="84"/>
                        </a:lnTo>
                        <a:lnTo>
                          <a:pt x="9" y="86"/>
                        </a:lnTo>
                        <a:lnTo>
                          <a:pt x="7" y="89"/>
                        </a:lnTo>
                        <a:lnTo>
                          <a:pt x="4" y="91"/>
                        </a:lnTo>
                        <a:lnTo>
                          <a:pt x="2" y="91"/>
                        </a:lnTo>
                        <a:lnTo>
                          <a:pt x="2" y="93"/>
                        </a:lnTo>
                        <a:lnTo>
                          <a:pt x="0" y="93"/>
                        </a:lnTo>
                        <a:lnTo>
                          <a:pt x="32" y="259"/>
                        </a:lnTo>
                        <a:lnTo>
                          <a:pt x="51" y="370"/>
                        </a:lnTo>
                      </a:path>
                    </a:pathLst>
                  </a:custGeom>
                  <a:solidFill>
                    <a:srgbClr val="2D73FF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</p:grpSp>
          </p:grpSp>
          <p:sp>
            <p:nvSpPr>
              <p:cNvPr id="21" name="Freeform 50"/>
              <p:cNvSpPr>
                <a:spLocks/>
              </p:cNvSpPr>
              <p:nvPr/>
            </p:nvSpPr>
            <p:spPr bwMode="auto">
              <a:xfrm>
                <a:off x="4658" y="1344"/>
                <a:ext cx="160" cy="309"/>
              </a:xfrm>
              <a:custGeom>
                <a:avLst/>
                <a:gdLst>
                  <a:gd name="T0" fmla="*/ 47 w 165"/>
                  <a:gd name="T1" fmla="*/ 211 h 318"/>
                  <a:gd name="T2" fmla="*/ 44 w 165"/>
                  <a:gd name="T3" fmla="*/ 199 h 318"/>
                  <a:gd name="T4" fmla="*/ 42 w 165"/>
                  <a:gd name="T5" fmla="*/ 183 h 318"/>
                  <a:gd name="T6" fmla="*/ 39 w 165"/>
                  <a:gd name="T7" fmla="*/ 167 h 318"/>
                  <a:gd name="T8" fmla="*/ 38 w 165"/>
                  <a:gd name="T9" fmla="*/ 154 h 318"/>
                  <a:gd name="T10" fmla="*/ 35 w 165"/>
                  <a:gd name="T11" fmla="*/ 145 h 318"/>
                  <a:gd name="T12" fmla="*/ 29 w 165"/>
                  <a:gd name="T13" fmla="*/ 141 h 318"/>
                  <a:gd name="T14" fmla="*/ 24 w 165"/>
                  <a:gd name="T15" fmla="*/ 145 h 318"/>
                  <a:gd name="T16" fmla="*/ 16 w 165"/>
                  <a:gd name="T17" fmla="*/ 111 h 318"/>
                  <a:gd name="T18" fmla="*/ 0 w 165"/>
                  <a:gd name="T19" fmla="*/ 26 h 318"/>
                  <a:gd name="T20" fmla="*/ 103 w 165"/>
                  <a:gd name="T21" fmla="*/ 10 h 318"/>
                  <a:gd name="T22" fmla="*/ 103 w 165"/>
                  <a:gd name="T23" fmla="*/ 15 h 318"/>
                  <a:gd name="T24" fmla="*/ 103 w 165"/>
                  <a:gd name="T25" fmla="*/ 17 h 318"/>
                  <a:gd name="T26" fmla="*/ 100 w 165"/>
                  <a:gd name="T27" fmla="*/ 21 h 318"/>
                  <a:gd name="T28" fmla="*/ 103 w 165"/>
                  <a:gd name="T29" fmla="*/ 26 h 318"/>
                  <a:gd name="T30" fmla="*/ 106 w 165"/>
                  <a:gd name="T31" fmla="*/ 37 h 318"/>
                  <a:gd name="T32" fmla="*/ 107 w 165"/>
                  <a:gd name="T33" fmla="*/ 43 h 318"/>
                  <a:gd name="T34" fmla="*/ 103 w 165"/>
                  <a:gd name="T35" fmla="*/ 51 h 318"/>
                  <a:gd name="T36" fmla="*/ 94 w 165"/>
                  <a:gd name="T37" fmla="*/ 63 h 318"/>
                  <a:gd name="T38" fmla="*/ 94 w 165"/>
                  <a:gd name="T39" fmla="*/ 64 h 318"/>
                  <a:gd name="T40" fmla="*/ 88 w 165"/>
                  <a:gd name="T41" fmla="*/ 68 h 318"/>
                  <a:gd name="T42" fmla="*/ 89 w 165"/>
                  <a:gd name="T43" fmla="*/ 73 h 318"/>
                  <a:gd name="T44" fmla="*/ 89 w 165"/>
                  <a:gd name="T45" fmla="*/ 83 h 318"/>
                  <a:gd name="T46" fmla="*/ 89 w 165"/>
                  <a:gd name="T47" fmla="*/ 93 h 318"/>
                  <a:gd name="T48" fmla="*/ 88 w 165"/>
                  <a:gd name="T49" fmla="*/ 108 h 318"/>
                  <a:gd name="T50" fmla="*/ 85 w 165"/>
                  <a:gd name="T51" fmla="*/ 115 h 318"/>
                  <a:gd name="T52" fmla="*/ 85 w 165"/>
                  <a:gd name="T53" fmla="*/ 122 h 318"/>
                  <a:gd name="T54" fmla="*/ 83 w 165"/>
                  <a:gd name="T55" fmla="*/ 127 h 318"/>
                  <a:gd name="T56" fmla="*/ 81 w 165"/>
                  <a:gd name="T57" fmla="*/ 139 h 318"/>
                  <a:gd name="T58" fmla="*/ 85 w 165"/>
                  <a:gd name="T59" fmla="*/ 153 h 318"/>
                  <a:gd name="T60" fmla="*/ 85 w 165"/>
                  <a:gd name="T61" fmla="*/ 157 h 318"/>
                  <a:gd name="T62" fmla="*/ 85 w 165"/>
                  <a:gd name="T63" fmla="*/ 164 h 318"/>
                  <a:gd name="T64" fmla="*/ 85 w 165"/>
                  <a:gd name="T65" fmla="*/ 167 h 318"/>
                  <a:gd name="T66" fmla="*/ 88 w 165"/>
                  <a:gd name="T67" fmla="*/ 173 h 318"/>
                  <a:gd name="T68" fmla="*/ 88 w 165"/>
                  <a:gd name="T69" fmla="*/ 180 h 318"/>
                  <a:gd name="T70" fmla="*/ 85 w 165"/>
                  <a:gd name="T71" fmla="*/ 184 h 318"/>
                  <a:gd name="T72" fmla="*/ 85 w 165"/>
                  <a:gd name="T73" fmla="*/ 193 h 318"/>
                  <a:gd name="T74" fmla="*/ 92 w 165"/>
                  <a:gd name="T75" fmla="*/ 201 h 318"/>
                  <a:gd name="T76" fmla="*/ 87 w 165"/>
                  <a:gd name="T77" fmla="*/ 203 h 318"/>
                  <a:gd name="T78" fmla="*/ 78 w 165"/>
                  <a:gd name="T79" fmla="*/ 205 h 318"/>
                  <a:gd name="T80" fmla="*/ 66 w 165"/>
                  <a:gd name="T81" fmla="*/ 208 h 318"/>
                  <a:gd name="T82" fmla="*/ 54 w 165"/>
                  <a:gd name="T83" fmla="*/ 211 h 318"/>
                  <a:gd name="T84" fmla="*/ 47 w 165"/>
                  <a:gd name="T85" fmla="*/ 211 h 318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w 165"/>
                  <a:gd name="T130" fmla="*/ 0 h 318"/>
                  <a:gd name="T131" fmla="*/ 165 w 165"/>
                  <a:gd name="T132" fmla="*/ 318 h 318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T129" t="T130" r="T131" b="T132"/>
                <a:pathLst>
                  <a:path w="165" h="318">
                    <a:moveTo>
                      <a:pt x="73" y="318"/>
                    </a:moveTo>
                    <a:lnTo>
                      <a:pt x="73" y="316"/>
                    </a:lnTo>
                    <a:lnTo>
                      <a:pt x="73" y="315"/>
                    </a:lnTo>
                    <a:lnTo>
                      <a:pt x="71" y="310"/>
                    </a:lnTo>
                    <a:lnTo>
                      <a:pt x="70" y="303"/>
                    </a:lnTo>
                    <a:lnTo>
                      <a:pt x="68" y="296"/>
                    </a:lnTo>
                    <a:lnTo>
                      <a:pt x="68" y="289"/>
                    </a:lnTo>
                    <a:lnTo>
                      <a:pt x="66" y="281"/>
                    </a:lnTo>
                    <a:lnTo>
                      <a:pt x="63" y="272"/>
                    </a:lnTo>
                    <a:lnTo>
                      <a:pt x="61" y="264"/>
                    </a:lnTo>
                    <a:lnTo>
                      <a:pt x="60" y="255"/>
                    </a:lnTo>
                    <a:lnTo>
                      <a:pt x="58" y="249"/>
                    </a:lnTo>
                    <a:lnTo>
                      <a:pt x="58" y="242"/>
                    </a:lnTo>
                    <a:lnTo>
                      <a:pt x="56" y="235"/>
                    </a:lnTo>
                    <a:lnTo>
                      <a:pt x="55" y="230"/>
                    </a:lnTo>
                    <a:lnTo>
                      <a:pt x="55" y="227"/>
                    </a:lnTo>
                    <a:lnTo>
                      <a:pt x="53" y="225"/>
                    </a:lnTo>
                    <a:lnTo>
                      <a:pt x="49" y="216"/>
                    </a:lnTo>
                    <a:lnTo>
                      <a:pt x="46" y="211"/>
                    </a:lnTo>
                    <a:lnTo>
                      <a:pt x="44" y="210"/>
                    </a:lnTo>
                    <a:lnTo>
                      <a:pt x="43" y="210"/>
                    </a:lnTo>
                    <a:lnTo>
                      <a:pt x="41" y="211"/>
                    </a:lnTo>
                    <a:lnTo>
                      <a:pt x="39" y="215"/>
                    </a:lnTo>
                    <a:lnTo>
                      <a:pt x="38" y="216"/>
                    </a:lnTo>
                    <a:lnTo>
                      <a:pt x="34" y="213"/>
                    </a:lnTo>
                    <a:lnTo>
                      <a:pt x="26" y="164"/>
                    </a:lnTo>
                    <a:lnTo>
                      <a:pt x="22" y="128"/>
                    </a:lnTo>
                    <a:lnTo>
                      <a:pt x="16" y="113"/>
                    </a:lnTo>
                    <a:lnTo>
                      <a:pt x="0" y="40"/>
                    </a:lnTo>
                    <a:lnTo>
                      <a:pt x="156" y="0"/>
                    </a:lnTo>
                    <a:lnTo>
                      <a:pt x="158" y="10"/>
                    </a:lnTo>
                    <a:lnTo>
                      <a:pt x="158" y="12"/>
                    </a:lnTo>
                    <a:lnTo>
                      <a:pt x="159" y="15"/>
                    </a:lnTo>
                    <a:lnTo>
                      <a:pt x="159" y="17"/>
                    </a:lnTo>
                    <a:lnTo>
                      <a:pt x="159" y="22"/>
                    </a:lnTo>
                    <a:lnTo>
                      <a:pt x="159" y="25"/>
                    </a:lnTo>
                    <a:lnTo>
                      <a:pt x="158" y="29"/>
                    </a:lnTo>
                    <a:lnTo>
                      <a:pt x="154" y="34"/>
                    </a:lnTo>
                    <a:lnTo>
                      <a:pt x="154" y="35"/>
                    </a:lnTo>
                    <a:lnTo>
                      <a:pt x="156" y="35"/>
                    </a:lnTo>
                    <a:lnTo>
                      <a:pt x="158" y="37"/>
                    </a:lnTo>
                    <a:lnTo>
                      <a:pt x="158" y="40"/>
                    </a:lnTo>
                    <a:lnTo>
                      <a:pt x="159" y="44"/>
                    </a:lnTo>
                    <a:lnTo>
                      <a:pt x="161" y="46"/>
                    </a:lnTo>
                    <a:lnTo>
                      <a:pt x="163" y="51"/>
                    </a:lnTo>
                    <a:lnTo>
                      <a:pt x="165" y="54"/>
                    </a:lnTo>
                    <a:lnTo>
                      <a:pt x="165" y="59"/>
                    </a:lnTo>
                    <a:lnTo>
                      <a:pt x="165" y="62"/>
                    </a:lnTo>
                    <a:lnTo>
                      <a:pt x="165" y="68"/>
                    </a:lnTo>
                    <a:lnTo>
                      <a:pt x="163" y="73"/>
                    </a:lnTo>
                    <a:lnTo>
                      <a:pt x="159" y="78"/>
                    </a:lnTo>
                    <a:lnTo>
                      <a:pt x="156" y="83"/>
                    </a:lnTo>
                    <a:lnTo>
                      <a:pt x="149" y="88"/>
                    </a:lnTo>
                    <a:lnTo>
                      <a:pt x="143" y="93"/>
                    </a:lnTo>
                    <a:lnTo>
                      <a:pt x="143" y="95"/>
                    </a:lnTo>
                    <a:lnTo>
                      <a:pt x="143" y="93"/>
                    </a:lnTo>
                    <a:lnTo>
                      <a:pt x="136" y="100"/>
                    </a:lnTo>
                    <a:lnTo>
                      <a:pt x="136" y="101"/>
                    </a:lnTo>
                    <a:lnTo>
                      <a:pt x="136" y="105"/>
                    </a:lnTo>
                    <a:lnTo>
                      <a:pt x="137" y="108"/>
                    </a:lnTo>
                    <a:lnTo>
                      <a:pt x="137" y="113"/>
                    </a:lnTo>
                    <a:lnTo>
                      <a:pt x="137" y="118"/>
                    </a:lnTo>
                    <a:lnTo>
                      <a:pt x="137" y="123"/>
                    </a:lnTo>
                    <a:lnTo>
                      <a:pt x="137" y="128"/>
                    </a:lnTo>
                    <a:lnTo>
                      <a:pt x="137" y="135"/>
                    </a:lnTo>
                    <a:lnTo>
                      <a:pt x="137" y="140"/>
                    </a:lnTo>
                    <a:lnTo>
                      <a:pt x="137" y="147"/>
                    </a:lnTo>
                    <a:lnTo>
                      <a:pt x="136" y="154"/>
                    </a:lnTo>
                    <a:lnTo>
                      <a:pt x="136" y="159"/>
                    </a:lnTo>
                    <a:lnTo>
                      <a:pt x="134" y="164"/>
                    </a:lnTo>
                    <a:lnTo>
                      <a:pt x="134" y="169"/>
                    </a:lnTo>
                    <a:lnTo>
                      <a:pt x="132" y="172"/>
                    </a:lnTo>
                    <a:lnTo>
                      <a:pt x="132" y="176"/>
                    </a:lnTo>
                    <a:lnTo>
                      <a:pt x="131" y="179"/>
                    </a:lnTo>
                    <a:lnTo>
                      <a:pt x="131" y="183"/>
                    </a:lnTo>
                    <a:lnTo>
                      <a:pt x="131" y="184"/>
                    </a:lnTo>
                    <a:lnTo>
                      <a:pt x="129" y="189"/>
                    </a:lnTo>
                    <a:lnTo>
                      <a:pt x="127" y="194"/>
                    </a:lnTo>
                    <a:lnTo>
                      <a:pt x="126" y="201"/>
                    </a:lnTo>
                    <a:lnTo>
                      <a:pt x="126" y="208"/>
                    </a:lnTo>
                    <a:lnTo>
                      <a:pt x="126" y="215"/>
                    </a:lnTo>
                    <a:lnTo>
                      <a:pt x="127" y="222"/>
                    </a:lnTo>
                    <a:lnTo>
                      <a:pt x="131" y="228"/>
                    </a:lnTo>
                    <a:lnTo>
                      <a:pt x="132" y="228"/>
                    </a:lnTo>
                    <a:lnTo>
                      <a:pt x="132" y="232"/>
                    </a:lnTo>
                    <a:lnTo>
                      <a:pt x="132" y="235"/>
                    </a:lnTo>
                    <a:lnTo>
                      <a:pt x="132" y="238"/>
                    </a:lnTo>
                    <a:lnTo>
                      <a:pt x="132" y="242"/>
                    </a:lnTo>
                    <a:lnTo>
                      <a:pt x="132" y="245"/>
                    </a:lnTo>
                    <a:lnTo>
                      <a:pt x="132" y="247"/>
                    </a:lnTo>
                    <a:lnTo>
                      <a:pt x="132" y="249"/>
                    </a:lnTo>
                    <a:lnTo>
                      <a:pt x="134" y="250"/>
                    </a:lnTo>
                    <a:lnTo>
                      <a:pt x="134" y="254"/>
                    </a:lnTo>
                    <a:lnTo>
                      <a:pt x="136" y="257"/>
                    </a:lnTo>
                    <a:lnTo>
                      <a:pt x="136" y="260"/>
                    </a:lnTo>
                    <a:lnTo>
                      <a:pt x="136" y="266"/>
                    </a:lnTo>
                    <a:lnTo>
                      <a:pt x="136" y="269"/>
                    </a:lnTo>
                    <a:lnTo>
                      <a:pt x="132" y="272"/>
                    </a:lnTo>
                    <a:lnTo>
                      <a:pt x="132" y="274"/>
                    </a:lnTo>
                    <a:lnTo>
                      <a:pt x="132" y="276"/>
                    </a:lnTo>
                    <a:lnTo>
                      <a:pt x="132" y="281"/>
                    </a:lnTo>
                    <a:lnTo>
                      <a:pt x="132" y="284"/>
                    </a:lnTo>
                    <a:lnTo>
                      <a:pt x="132" y="289"/>
                    </a:lnTo>
                    <a:lnTo>
                      <a:pt x="134" y="294"/>
                    </a:lnTo>
                    <a:lnTo>
                      <a:pt x="136" y="298"/>
                    </a:lnTo>
                    <a:lnTo>
                      <a:pt x="141" y="301"/>
                    </a:lnTo>
                    <a:lnTo>
                      <a:pt x="139" y="301"/>
                    </a:lnTo>
                    <a:lnTo>
                      <a:pt x="137" y="301"/>
                    </a:lnTo>
                    <a:lnTo>
                      <a:pt x="134" y="303"/>
                    </a:lnTo>
                    <a:lnTo>
                      <a:pt x="131" y="303"/>
                    </a:lnTo>
                    <a:lnTo>
                      <a:pt x="126" y="304"/>
                    </a:lnTo>
                    <a:lnTo>
                      <a:pt x="119" y="306"/>
                    </a:lnTo>
                    <a:lnTo>
                      <a:pt x="114" y="308"/>
                    </a:lnTo>
                    <a:lnTo>
                      <a:pt x="107" y="310"/>
                    </a:lnTo>
                    <a:lnTo>
                      <a:pt x="100" y="311"/>
                    </a:lnTo>
                    <a:lnTo>
                      <a:pt x="95" y="313"/>
                    </a:lnTo>
                    <a:lnTo>
                      <a:pt x="88" y="315"/>
                    </a:lnTo>
                    <a:lnTo>
                      <a:pt x="83" y="315"/>
                    </a:lnTo>
                    <a:lnTo>
                      <a:pt x="80" y="316"/>
                    </a:lnTo>
                    <a:lnTo>
                      <a:pt x="77" y="316"/>
                    </a:lnTo>
                    <a:lnTo>
                      <a:pt x="73" y="316"/>
                    </a:lnTo>
                    <a:lnTo>
                      <a:pt x="73" y="318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2" name="Freeform 51"/>
              <p:cNvSpPr>
                <a:spLocks/>
              </p:cNvSpPr>
              <p:nvPr/>
            </p:nvSpPr>
            <p:spPr bwMode="auto">
              <a:xfrm>
                <a:off x="192" y="1620"/>
                <a:ext cx="766" cy="1314"/>
              </a:xfrm>
              <a:custGeom>
                <a:avLst/>
                <a:gdLst>
                  <a:gd name="T0" fmla="*/ 78 w 788"/>
                  <a:gd name="T1" fmla="*/ 14 h 1354"/>
                  <a:gd name="T2" fmla="*/ 134 w 788"/>
                  <a:gd name="T3" fmla="*/ 23 h 1354"/>
                  <a:gd name="T4" fmla="*/ 209 w 788"/>
                  <a:gd name="T5" fmla="*/ 44 h 1354"/>
                  <a:gd name="T6" fmla="*/ 292 w 788"/>
                  <a:gd name="T7" fmla="*/ 65 h 1354"/>
                  <a:gd name="T8" fmla="*/ 518 w 788"/>
                  <a:gd name="T9" fmla="*/ 749 h 1354"/>
                  <a:gd name="T10" fmla="*/ 507 w 788"/>
                  <a:gd name="T11" fmla="*/ 786 h 1354"/>
                  <a:gd name="T12" fmla="*/ 496 w 788"/>
                  <a:gd name="T13" fmla="*/ 815 h 1354"/>
                  <a:gd name="T14" fmla="*/ 482 w 788"/>
                  <a:gd name="T15" fmla="*/ 837 h 1354"/>
                  <a:gd name="T16" fmla="*/ 485 w 788"/>
                  <a:gd name="T17" fmla="*/ 869 h 1354"/>
                  <a:gd name="T18" fmla="*/ 467 w 788"/>
                  <a:gd name="T19" fmla="*/ 890 h 1354"/>
                  <a:gd name="T20" fmla="*/ 293 w 788"/>
                  <a:gd name="T21" fmla="*/ 847 h 1354"/>
                  <a:gd name="T22" fmla="*/ 300 w 788"/>
                  <a:gd name="T23" fmla="*/ 834 h 1354"/>
                  <a:gd name="T24" fmla="*/ 285 w 788"/>
                  <a:gd name="T25" fmla="*/ 794 h 1354"/>
                  <a:gd name="T26" fmla="*/ 256 w 788"/>
                  <a:gd name="T27" fmla="*/ 758 h 1354"/>
                  <a:gd name="T28" fmla="*/ 243 w 788"/>
                  <a:gd name="T29" fmla="*/ 758 h 1354"/>
                  <a:gd name="T30" fmla="*/ 236 w 788"/>
                  <a:gd name="T31" fmla="*/ 749 h 1354"/>
                  <a:gd name="T32" fmla="*/ 229 w 788"/>
                  <a:gd name="T33" fmla="*/ 728 h 1354"/>
                  <a:gd name="T34" fmla="*/ 202 w 788"/>
                  <a:gd name="T35" fmla="*/ 720 h 1354"/>
                  <a:gd name="T36" fmla="*/ 181 w 788"/>
                  <a:gd name="T37" fmla="*/ 689 h 1354"/>
                  <a:gd name="T38" fmla="*/ 162 w 788"/>
                  <a:gd name="T39" fmla="*/ 679 h 1354"/>
                  <a:gd name="T40" fmla="*/ 141 w 788"/>
                  <a:gd name="T41" fmla="*/ 670 h 1354"/>
                  <a:gd name="T42" fmla="*/ 113 w 788"/>
                  <a:gd name="T43" fmla="*/ 660 h 1354"/>
                  <a:gd name="T44" fmla="*/ 111 w 788"/>
                  <a:gd name="T45" fmla="*/ 642 h 1354"/>
                  <a:gd name="T46" fmla="*/ 117 w 788"/>
                  <a:gd name="T47" fmla="*/ 606 h 1354"/>
                  <a:gd name="T48" fmla="*/ 105 w 788"/>
                  <a:gd name="T49" fmla="*/ 597 h 1354"/>
                  <a:gd name="T50" fmla="*/ 110 w 788"/>
                  <a:gd name="T51" fmla="*/ 581 h 1354"/>
                  <a:gd name="T52" fmla="*/ 98 w 788"/>
                  <a:gd name="T53" fmla="*/ 565 h 1354"/>
                  <a:gd name="T54" fmla="*/ 75 w 788"/>
                  <a:gd name="T55" fmla="*/ 515 h 1354"/>
                  <a:gd name="T56" fmla="*/ 65 w 788"/>
                  <a:gd name="T57" fmla="*/ 498 h 1354"/>
                  <a:gd name="T58" fmla="*/ 62 w 788"/>
                  <a:gd name="T59" fmla="*/ 490 h 1354"/>
                  <a:gd name="T60" fmla="*/ 67 w 788"/>
                  <a:gd name="T61" fmla="*/ 466 h 1354"/>
                  <a:gd name="T62" fmla="*/ 79 w 788"/>
                  <a:gd name="T63" fmla="*/ 443 h 1354"/>
                  <a:gd name="T64" fmla="*/ 50 w 788"/>
                  <a:gd name="T65" fmla="*/ 419 h 1354"/>
                  <a:gd name="T66" fmla="*/ 50 w 788"/>
                  <a:gd name="T67" fmla="*/ 405 h 1354"/>
                  <a:gd name="T68" fmla="*/ 51 w 788"/>
                  <a:gd name="T69" fmla="*/ 389 h 1354"/>
                  <a:gd name="T70" fmla="*/ 56 w 788"/>
                  <a:gd name="T71" fmla="*/ 365 h 1354"/>
                  <a:gd name="T72" fmla="*/ 63 w 788"/>
                  <a:gd name="T73" fmla="*/ 371 h 1354"/>
                  <a:gd name="T74" fmla="*/ 69 w 788"/>
                  <a:gd name="T75" fmla="*/ 389 h 1354"/>
                  <a:gd name="T76" fmla="*/ 78 w 788"/>
                  <a:gd name="T77" fmla="*/ 391 h 1354"/>
                  <a:gd name="T78" fmla="*/ 75 w 788"/>
                  <a:gd name="T79" fmla="*/ 378 h 1354"/>
                  <a:gd name="T80" fmla="*/ 71 w 788"/>
                  <a:gd name="T81" fmla="*/ 369 h 1354"/>
                  <a:gd name="T82" fmla="*/ 71 w 788"/>
                  <a:gd name="T83" fmla="*/ 350 h 1354"/>
                  <a:gd name="T84" fmla="*/ 99 w 788"/>
                  <a:gd name="T85" fmla="*/ 345 h 1354"/>
                  <a:gd name="T86" fmla="*/ 75 w 788"/>
                  <a:gd name="T87" fmla="*/ 339 h 1354"/>
                  <a:gd name="T88" fmla="*/ 63 w 788"/>
                  <a:gd name="T89" fmla="*/ 344 h 1354"/>
                  <a:gd name="T90" fmla="*/ 44 w 788"/>
                  <a:gd name="T91" fmla="*/ 346 h 1354"/>
                  <a:gd name="T92" fmla="*/ 31 w 788"/>
                  <a:gd name="T93" fmla="*/ 337 h 1354"/>
                  <a:gd name="T94" fmla="*/ 36 w 788"/>
                  <a:gd name="T95" fmla="*/ 304 h 1354"/>
                  <a:gd name="T96" fmla="*/ 17 w 788"/>
                  <a:gd name="T97" fmla="*/ 284 h 1354"/>
                  <a:gd name="T98" fmla="*/ 17 w 788"/>
                  <a:gd name="T99" fmla="*/ 263 h 1354"/>
                  <a:gd name="T100" fmla="*/ 10 w 788"/>
                  <a:gd name="T101" fmla="*/ 248 h 1354"/>
                  <a:gd name="T102" fmla="*/ 17 w 788"/>
                  <a:gd name="T103" fmla="*/ 230 h 1354"/>
                  <a:gd name="T104" fmla="*/ 17 w 788"/>
                  <a:gd name="T105" fmla="*/ 201 h 1354"/>
                  <a:gd name="T106" fmla="*/ 17 w 788"/>
                  <a:gd name="T107" fmla="*/ 176 h 1354"/>
                  <a:gd name="T108" fmla="*/ 17 w 788"/>
                  <a:gd name="T109" fmla="*/ 161 h 1354"/>
                  <a:gd name="T110" fmla="*/ 13 w 788"/>
                  <a:gd name="T111" fmla="*/ 151 h 1354"/>
                  <a:gd name="T112" fmla="*/ 1 w 788"/>
                  <a:gd name="T113" fmla="*/ 123 h 1354"/>
                  <a:gd name="T114" fmla="*/ 30 w 788"/>
                  <a:gd name="T115" fmla="*/ 86 h 1354"/>
                  <a:gd name="T116" fmla="*/ 40 w 788"/>
                  <a:gd name="T117" fmla="*/ 62 h 1354"/>
                  <a:gd name="T118" fmla="*/ 48 w 788"/>
                  <a:gd name="T119" fmla="*/ 32 h 1354"/>
                  <a:gd name="T120" fmla="*/ 49 w 788"/>
                  <a:gd name="T121" fmla="*/ 0 h 1354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w 788"/>
                  <a:gd name="T184" fmla="*/ 0 h 1354"/>
                  <a:gd name="T185" fmla="*/ 788 w 788"/>
                  <a:gd name="T186" fmla="*/ 1354 h 1354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T183" t="T184" r="T185" b="T186"/>
                <a:pathLst>
                  <a:path w="788" h="1354">
                    <a:moveTo>
                      <a:pt x="74" y="0"/>
                    </a:moveTo>
                    <a:lnTo>
                      <a:pt x="77" y="2"/>
                    </a:lnTo>
                    <a:lnTo>
                      <a:pt x="83" y="2"/>
                    </a:lnTo>
                    <a:lnTo>
                      <a:pt x="88" y="5"/>
                    </a:lnTo>
                    <a:lnTo>
                      <a:pt x="93" y="7"/>
                    </a:lnTo>
                    <a:lnTo>
                      <a:pt x="99" y="9"/>
                    </a:lnTo>
                    <a:lnTo>
                      <a:pt x="106" y="10"/>
                    </a:lnTo>
                    <a:lnTo>
                      <a:pt x="115" y="14"/>
                    </a:lnTo>
                    <a:lnTo>
                      <a:pt x="123" y="15"/>
                    </a:lnTo>
                    <a:lnTo>
                      <a:pt x="133" y="19"/>
                    </a:lnTo>
                    <a:lnTo>
                      <a:pt x="143" y="20"/>
                    </a:lnTo>
                    <a:lnTo>
                      <a:pt x="154" y="24"/>
                    </a:lnTo>
                    <a:lnTo>
                      <a:pt x="164" y="27"/>
                    </a:lnTo>
                    <a:lnTo>
                      <a:pt x="176" y="31"/>
                    </a:lnTo>
                    <a:lnTo>
                      <a:pt x="187" y="34"/>
                    </a:lnTo>
                    <a:lnTo>
                      <a:pt x="199" y="37"/>
                    </a:lnTo>
                    <a:lnTo>
                      <a:pt x="213" y="41"/>
                    </a:lnTo>
                    <a:lnTo>
                      <a:pt x="226" y="44"/>
                    </a:lnTo>
                    <a:lnTo>
                      <a:pt x="240" y="48"/>
                    </a:lnTo>
                    <a:lnTo>
                      <a:pt x="253" y="51"/>
                    </a:lnTo>
                    <a:lnTo>
                      <a:pt x="267" y="54"/>
                    </a:lnTo>
                    <a:lnTo>
                      <a:pt x="281" y="59"/>
                    </a:lnTo>
                    <a:lnTo>
                      <a:pt x="296" y="63"/>
                    </a:lnTo>
                    <a:lnTo>
                      <a:pt x="311" y="66"/>
                    </a:lnTo>
                    <a:lnTo>
                      <a:pt x="326" y="71"/>
                    </a:lnTo>
                    <a:lnTo>
                      <a:pt x="341" y="75"/>
                    </a:lnTo>
                    <a:lnTo>
                      <a:pt x="355" y="78"/>
                    </a:lnTo>
                    <a:lnTo>
                      <a:pt x="372" y="83"/>
                    </a:lnTo>
                    <a:lnTo>
                      <a:pt x="385" y="86"/>
                    </a:lnTo>
                    <a:lnTo>
                      <a:pt x="402" y="90"/>
                    </a:lnTo>
                    <a:lnTo>
                      <a:pt x="416" y="93"/>
                    </a:lnTo>
                    <a:lnTo>
                      <a:pt x="433" y="98"/>
                    </a:lnTo>
                    <a:lnTo>
                      <a:pt x="446" y="102"/>
                    </a:lnTo>
                    <a:lnTo>
                      <a:pt x="448" y="100"/>
                    </a:lnTo>
                    <a:lnTo>
                      <a:pt x="353" y="466"/>
                    </a:lnTo>
                    <a:lnTo>
                      <a:pt x="753" y="1070"/>
                    </a:lnTo>
                    <a:lnTo>
                      <a:pt x="756" y="1085"/>
                    </a:lnTo>
                    <a:lnTo>
                      <a:pt x="761" y="1098"/>
                    </a:lnTo>
                    <a:lnTo>
                      <a:pt x="773" y="1124"/>
                    </a:lnTo>
                    <a:lnTo>
                      <a:pt x="771" y="1142"/>
                    </a:lnTo>
                    <a:lnTo>
                      <a:pt x="788" y="1166"/>
                    </a:lnTo>
                    <a:lnTo>
                      <a:pt x="788" y="1175"/>
                    </a:lnTo>
                    <a:lnTo>
                      <a:pt x="781" y="1183"/>
                    </a:lnTo>
                    <a:lnTo>
                      <a:pt x="780" y="1185"/>
                    </a:lnTo>
                    <a:lnTo>
                      <a:pt x="775" y="1185"/>
                    </a:lnTo>
                    <a:lnTo>
                      <a:pt x="768" y="1186"/>
                    </a:lnTo>
                    <a:lnTo>
                      <a:pt x="761" y="1190"/>
                    </a:lnTo>
                    <a:lnTo>
                      <a:pt x="753" y="1195"/>
                    </a:lnTo>
                    <a:lnTo>
                      <a:pt x="746" y="1202"/>
                    </a:lnTo>
                    <a:lnTo>
                      <a:pt x="743" y="1210"/>
                    </a:lnTo>
                    <a:lnTo>
                      <a:pt x="741" y="1219"/>
                    </a:lnTo>
                    <a:lnTo>
                      <a:pt x="741" y="1220"/>
                    </a:lnTo>
                    <a:lnTo>
                      <a:pt x="741" y="1225"/>
                    </a:lnTo>
                    <a:lnTo>
                      <a:pt x="741" y="1230"/>
                    </a:lnTo>
                    <a:lnTo>
                      <a:pt x="739" y="1237"/>
                    </a:lnTo>
                    <a:lnTo>
                      <a:pt x="737" y="1244"/>
                    </a:lnTo>
                    <a:lnTo>
                      <a:pt x="736" y="1251"/>
                    </a:lnTo>
                    <a:lnTo>
                      <a:pt x="731" y="1256"/>
                    </a:lnTo>
                    <a:lnTo>
                      <a:pt x="726" y="1261"/>
                    </a:lnTo>
                    <a:lnTo>
                      <a:pt x="724" y="1263"/>
                    </a:lnTo>
                    <a:lnTo>
                      <a:pt x="722" y="1264"/>
                    </a:lnTo>
                    <a:lnTo>
                      <a:pt x="721" y="1266"/>
                    </a:lnTo>
                    <a:lnTo>
                      <a:pt x="717" y="1268"/>
                    </a:lnTo>
                    <a:lnTo>
                      <a:pt x="715" y="1271"/>
                    </a:lnTo>
                    <a:lnTo>
                      <a:pt x="712" y="1273"/>
                    </a:lnTo>
                    <a:lnTo>
                      <a:pt x="710" y="1274"/>
                    </a:lnTo>
                    <a:lnTo>
                      <a:pt x="707" y="1285"/>
                    </a:lnTo>
                    <a:lnTo>
                      <a:pt x="709" y="1296"/>
                    </a:lnTo>
                    <a:lnTo>
                      <a:pt x="704" y="1313"/>
                    </a:lnTo>
                    <a:lnTo>
                      <a:pt x="721" y="1322"/>
                    </a:lnTo>
                    <a:lnTo>
                      <a:pt x="722" y="1324"/>
                    </a:lnTo>
                    <a:lnTo>
                      <a:pt x="722" y="1327"/>
                    </a:lnTo>
                    <a:lnTo>
                      <a:pt x="722" y="1332"/>
                    </a:lnTo>
                    <a:lnTo>
                      <a:pt x="722" y="1337"/>
                    </a:lnTo>
                    <a:lnTo>
                      <a:pt x="721" y="1344"/>
                    </a:lnTo>
                    <a:lnTo>
                      <a:pt x="719" y="1349"/>
                    </a:lnTo>
                    <a:lnTo>
                      <a:pt x="714" y="1352"/>
                    </a:lnTo>
                    <a:lnTo>
                      <a:pt x="709" y="1354"/>
                    </a:lnTo>
                    <a:lnTo>
                      <a:pt x="693" y="1354"/>
                    </a:lnTo>
                    <a:lnTo>
                      <a:pt x="450" y="1325"/>
                    </a:lnTo>
                    <a:lnTo>
                      <a:pt x="445" y="1317"/>
                    </a:lnTo>
                    <a:lnTo>
                      <a:pt x="450" y="1317"/>
                    </a:lnTo>
                    <a:lnTo>
                      <a:pt x="450" y="1305"/>
                    </a:lnTo>
                    <a:lnTo>
                      <a:pt x="443" y="1300"/>
                    </a:lnTo>
                    <a:lnTo>
                      <a:pt x="436" y="1305"/>
                    </a:lnTo>
                    <a:lnTo>
                      <a:pt x="436" y="1290"/>
                    </a:lnTo>
                    <a:lnTo>
                      <a:pt x="436" y="1288"/>
                    </a:lnTo>
                    <a:lnTo>
                      <a:pt x="438" y="1286"/>
                    </a:lnTo>
                    <a:lnTo>
                      <a:pt x="440" y="1285"/>
                    </a:lnTo>
                    <a:lnTo>
                      <a:pt x="441" y="1283"/>
                    </a:lnTo>
                    <a:lnTo>
                      <a:pt x="441" y="1280"/>
                    </a:lnTo>
                    <a:lnTo>
                      <a:pt x="443" y="1276"/>
                    </a:lnTo>
                    <a:lnTo>
                      <a:pt x="445" y="1271"/>
                    </a:lnTo>
                    <a:lnTo>
                      <a:pt x="445" y="1266"/>
                    </a:lnTo>
                    <a:lnTo>
                      <a:pt x="445" y="1261"/>
                    </a:lnTo>
                    <a:lnTo>
                      <a:pt x="445" y="1254"/>
                    </a:lnTo>
                    <a:lnTo>
                      <a:pt x="441" y="1247"/>
                    </a:lnTo>
                    <a:lnTo>
                      <a:pt x="440" y="1239"/>
                    </a:lnTo>
                    <a:lnTo>
                      <a:pt x="436" y="1230"/>
                    </a:lnTo>
                    <a:lnTo>
                      <a:pt x="431" y="1222"/>
                    </a:lnTo>
                    <a:lnTo>
                      <a:pt x="424" y="1212"/>
                    </a:lnTo>
                    <a:lnTo>
                      <a:pt x="423" y="1210"/>
                    </a:lnTo>
                    <a:lnTo>
                      <a:pt x="421" y="1207"/>
                    </a:lnTo>
                    <a:lnTo>
                      <a:pt x="416" y="1203"/>
                    </a:lnTo>
                    <a:lnTo>
                      <a:pt x="413" y="1198"/>
                    </a:lnTo>
                    <a:lnTo>
                      <a:pt x="409" y="1193"/>
                    </a:lnTo>
                    <a:lnTo>
                      <a:pt x="406" y="1190"/>
                    </a:lnTo>
                    <a:lnTo>
                      <a:pt x="402" y="1186"/>
                    </a:lnTo>
                    <a:lnTo>
                      <a:pt x="401" y="1186"/>
                    </a:lnTo>
                    <a:lnTo>
                      <a:pt x="380" y="1153"/>
                    </a:lnTo>
                    <a:lnTo>
                      <a:pt x="379" y="1151"/>
                    </a:lnTo>
                    <a:lnTo>
                      <a:pt x="379" y="1149"/>
                    </a:lnTo>
                    <a:lnTo>
                      <a:pt x="375" y="1148"/>
                    </a:lnTo>
                    <a:lnTo>
                      <a:pt x="374" y="1148"/>
                    </a:lnTo>
                    <a:lnTo>
                      <a:pt x="370" y="1148"/>
                    </a:lnTo>
                    <a:lnTo>
                      <a:pt x="365" y="1149"/>
                    </a:lnTo>
                    <a:lnTo>
                      <a:pt x="360" y="1153"/>
                    </a:lnTo>
                    <a:lnTo>
                      <a:pt x="358" y="1153"/>
                    </a:lnTo>
                    <a:lnTo>
                      <a:pt x="357" y="1151"/>
                    </a:lnTo>
                    <a:lnTo>
                      <a:pt x="355" y="1149"/>
                    </a:lnTo>
                    <a:lnTo>
                      <a:pt x="353" y="1146"/>
                    </a:lnTo>
                    <a:lnTo>
                      <a:pt x="352" y="1144"/>
                    </a:lnTo>
                    <a:lnTo>
                      <a:pt x="350" y="1142"/>
                    </a:lnTo>
                    <a:lnTo>
                      <a:pt x="355" y="1136"/>
                    </a:lnTo>
                    <a:lnTo>
                      <a:pt x="355" y="1129"/>
                    </a:lnTo>
                    <a:lnTo>
                      <a:pt x="353" y="1126"/>
                    </a:lnTo>
                    <a:lnTo>
                      <a:pt x="353" y="1122"/>
                    </a:lnTo>
                    <a:lnTo>
                      <a:pt x="350" y="1117"/>
                    </a:lnTo>
                    <a:lnTo>
                      <a:pt x="347" y="1114"/>
                    </a:lnTo>
                    <a:lnTo>
                      <a:pt x="341" y="1109"/>
                    </a:lnTo>
                    <a:lnTo>
                      <a:pt x="335" y="1107"/>
                    </a:lnTo>
                    <a:lnTo>
                      <a:pt x="325" y="1105"/>
                    </a:lnTo>
                    <a:lnTo>
                      <a:pt x="323" y="1105"/>
                    </a:lnTo>
                    <a:lnTo>
                      <a:pt x="319" y="1105"/>
                    </a:lnTo>
                    <a:lnTo>
                      <a:pt x="314" y="1104"/>
                    </a:lnTo>
                    <a:lnTo>
                      <a:pt x="309" y="1100"/>
                    </a:lnTo>
                    <a:lnTo>
                      <a:pt x="301" y="1095"/>
                    </a:lnTo>
                    <a:lnTo>
                      <a:pt x="292" y="1087"/>
                    </a:lnTo>
                    <a:lnTo>
                      <a:pt x="281" y="1075"/>
                    </a:lnTo>
                    <a:lnTo>
                      <a:pt x="281" y="1073"/>
                    </a:lnTo>
                    <a:lnTo>
                      <a:pt x="281" y="1071"/>
                    </a:lnTo>
                    <a:lnTo>
                      <a:pt x="279" y="1066"/>
                    </a:lnTo>
                    <a:lnTo>
                      <a:pt x="277" y="1060"/>
                    </a:lnTo>
                    <a:lnTo>
                      <a:pt x="274" y="1054"/>
                    </a:lnTo>
                    <a:lnTo>
                      <a:pt x="269" y="1048"/>
                    </a:lnTo>
                    <a:lnTo>
                      <a:pt x="262" y="1041"/>
                    </a:lnTo>
                    <a:lnTo>
                      <a:pt x="253" y="1034"/>
                    </a:lnTo>
                    <a:lnTo>
                      <a:pt x="252" y="1034"/>
                    </a:lnTo>
                    <a:lnTo>
                      <a:pt x="250" y="1034"/>
                    </a:lnTo>
                    <a:lnTo>
                      <a:pt x="248" y="1034"/>
                    </a:lnTo>
                    <a:lnTo>
                      <a:pt x="245" y="1034"/>
                    </a:lnTo>
                    <a:lnTo>
                      <a:pt x="243" y="1034"/>
                    </a:lnTo>
                    <a:lnTo>
                      <a:pt x="242" y="1034"/>
                    </a:lnTo>
                    <a:lnTo>
                      <a:pt x="240" y="1034"/>
                    </a:lnTo>
                    <a:lnTo>
                      <a:pt x="233" y="1029"/>
                    </a:lnTo>
                    <a:lnTo>
                      <a:pt x="223" y="1029"/>
                    </a:lnTo>
                    <a:lnTo>
                      <a:pt x="221" y="1027"/>
                    </a:lnTo>
                    <a:lnTo>
                      <a:pt x="220" y="1026"/>
                    </a:lnTo>
                    <a:lnTo>
                      <a:pt x="216" y="1022"/>
                    </a:lnTo>
                    <a:lnTo>
                      <a:pt x="209" y="1019"/>
                    </a:lnTo>
                    <a:lnTo>
                      <a:pt x="203" y="1014"/>
                    </a:lnTo>
                    <a:lnTo>
                      <a:pt x="194" y="1012"/>
                    </a:lnTo>
                    <a:lnTo>
                      <a:pt x="182" y="1010"/>
                    </a:lnTo>
                    <a:lnTo>
                      <a:pt x="171" y="1010"/>
                    </a:lnTo>
                    <a:lnTo>
                      <a:pt x="169" y="1009"/>
                    </a:lnTo>
                    <a:lnTo>
                      <a:pt x="169" y="1007"/>
                    </a:lnTo>
                    <a:lnTo>
                      <a:pt x="167" y="1005"/>
                    </a:lnTo>
                    <a:lnTo>
                      <a:pt x="167" y="1004"/>
                    </a:lnTo>
                    <a:lnTo>
                      <a:pt x="165" y="1002"/>
                    </a:lnTo>
                    <a:lnTo>
                      <a:pt x="165" y="1000"/>
                    </a:lnTo>
                    <a:lnTo>
                      <a:pt x="160" y="994"/>
                    </a:lnTo>
                    <a:lnTo>
                      <a:pt x="155" y="994"/>
                    </a:lnTo>
                    <a:lnTo>
                      <a:pt x="155" y="985"/>
                    </a:lnTo>
                    <a:lnTo>
                      <a:pt x="164" y="977"/>
                    </a:lnTo>
                    <a:lnTo>
                      <a:pt x="162" y="965"/>
                    </a:lnTo>
                    <a:lnTo>
                      <a:pt x="169" y="958"/>
                    </a:lnTo>
                    <a:lnTo>
                      <a:pt x="165" y="944"/>
                    </a:lnTo>
                    <a:lnTo>
                      <a:pt x="165" y="943"/>
                    </a:lnTo>
                    <a:lnTo>
                      <a:pt x="169" y="939"/>
                    </a:lnTo>
                    <a:lnTo>
                      <a:pt x="171" y="933"/>
                    </a:lnTo>
                    <a:lnTo>
                      <a:pt x="172" y="928"/>
                    </a:lnTo>
                    <a:lnTo>
                      <a:pt x="174" y="921"/>
                    </a:lnTo>
                    <a:lnTo>
                      <a:pt x="172" y="917"/>
                    </a:lnTo>
                    <a:lnTo>
                      <a:pt x="169" y="914"/>
                    </a:lnTo>
                    <a:lnTo>
                      <a:pt x="162" y="916"/>
                    </a:lnTo>
                    <a:lnTo>
                      <a:pt x="160" y="914"/>
                    </a:lnTo>
                    <a:lnTo>
                      <a:pt x="159" y="912"/>
                    </a:lnTo>
                    <a:lnTo>
                      <a:pt x="157" y="911"/>
                    </a:lnTo>
                    <a:lnTo>
                      <a:pt x="155" y="909"/>
                    </a:lnTo>
                    <a:lnTo>
                      <a:pt x="154" y="907"/>
                    </a:lnTo>
                    <a:lnTo>
                      <a:pt x="154" y="906"/>
                    </a:lnTo>
                    <a:lnTo>
                      <a:pt x="152" y="906"/>
                    </a:lnTo>
                    <a:lnTo>
                      <a:pt x="154" y="904"/>
                    </a:lnTo>
                    <a:lnTo>
                      <a:pt x="155" y="900"/>
                    </a:lnTo>
                    <a:lnTo>
                      <a:pt x="157" y="895"/>
                    </a:lnTo>
                    <a:lnTo>
                      <a:pt x="160" y="890"/>
                    </a:lnTo>
                    <a:lnTo>
                      <a:pt x="162" y="885"/>
                    </a:lnTo>
                    <a:lnTo>
                      <a:pt x="160" y="880"/>
                    </a:lnTo>
                    <a:lnTo>
                      <a:pt x="159" y="877"/>
                    </a:lnTo>
                    <a:lnTo>
                      <a:pt x="154" y="875"/>
                    </a:lnTo>
                    <a:lnTo>
                      <a:pt x="150" y="872"/>
                    </a:lnTo>
                    <a:lnTo>
                      <a:pt x="149" y="868"/>
                    </a:lnTo>
                    <a:lnTo>
                      <a:pt x="147" y="863"/>
                    </a:lnTo>
                    <a:lnTo>
                      <a:pt x="145" y="860"/>
                    </a:lnTo>
                    <a:lnTo>
                      <a:pt x="143" y="855"/>
                    </a:lnTo>
                    <a:lnTo>
                      <a:pt x="142" y="853"/>
                    </a:lnTo>
                    <a:lnTo>
                      <a:pt x="142" y="851"/>
                    </a:lnTo>
                    <a:lnTo>
                      <a:pt x="130" y="840"/>
                    </a:lnTo>
                    <a:lnTo>
                      <a:pt x="128" y="823"/>
                    </a:lnTo>
                    <a:lnTo>
                      <a:pt x="120" y="804"/>
                    </a:lnTo>
                    <a:lnTo>
                      <a:pt x="118" y="796"/>
                    </a:lnTo>
                    <a:lnTo>
                      <a:pt x="111" y="785"/>
                    </a:lnTo>
                    <a:lnTo>
                      <a:pt x="113" y="785"/>
                    </a:lnTo>
                    <a:lnTo>
                      <a:pt x="113" y="784"/>
                    </a:lnTo>
                    <a:lnTo>
                      <a:pt x="113" y="782"/>
                    </a:lnTo>
                    <a:lnTo>
                      <a:pt x="113" y="779"/>
                    </a:lnTo>
                    <a:lnTo>
                      <a:pt x="110" y="775"/>
                    </a:lnTo>
                    <a:lnTo>
                      <a:pt x="108" y="770"/>
                    </a:lnTo>
                    <a:lnTo>
                      <a:pt x="103" y="765"/>
                    </a:lnTo>
                    <a:lnTo>
                      <a:pt x="96" y="758"/>
                    </a:lnTo>
                    <a:lnTo>
                      <a:pt x="94" y="757"/>
                    </a:lnTo>
                    <a:lnTo>
                      <a:pt x="93" y="755"/>
                    </a:lnTo>
                    <a:lnTo>
                      <a:pt x="93" y="753"/>
                    </a:lnTo>
                    <a:lnTo>
                      <a:pt x="93" y="752"/>
                    </a:lnTo>
                    <a:lnTo>
                      <a:pt x="91" y="748"/>
                    </a:lnTo>
                    <a:lnTo>
                      <a:pt x="91" y="746"/>
                    </a:lnTo>
                    <a:lnTo>
                      <a:pt x="91" y="745"/>
                    </a:lnTo>
                    <a:lnTo>
                      <a:pt x="96" y="740"/>
                    </a:lnTo>
                    <a:lnTo>
                      <a:pt x="93" y="721"/>
                    </a:lnTo>
                    <a:lnTo>
                      <a:pt x="98" y="718"/>
                    </a:lnTo>
                    <a:lnTo>
                      <a:pt x="94" y="713"/>
                    </a:lnTo>
                    <a:lnTo>
                      <a:pt x="99" y="708"/>
                    </a:lnTo>
                    <a:lnTo>
                      <a:pt x="99" y="709"/>
                    </a:lnTo>
                    <a:lnTo>
                      <a:pt x="99" y="711"/>
                    </a:lnTo>
                    <a:lnTo>
                      <a:pt x="101" y="713"/>
                    </a:lnTo>
                    <a:lnTo>
                      <a:pt x="105" y="713"/>
                    </a:lnTo>
                    <a:lnTo>
                      <a:pt x="108" y="709"/>
                    </a:lnTo>
                    <a:lnTo>
                      <a:pt x="113" y="704"/>
                    </a:lnTo>
                    <a:lnTo>
                      <a:pt x="115" y="696"/>
                    </a:lnTo>
                    <a:lnTo>
                      <a:pt x="116" y="687"/>
                    </a:lnTo>
                    <a:lnTo>
                      <a:pt x="118" y="680"/>
                    </a:lnTo>
                    <a:lnTo>
                      <a:pt x="116" y="674"/>
                    </a:lnTo>
                    <a:lnTo>
                      <a:pt x="113" y="669"/>
                    </a:lnTo>
                    <a:lnTo>
                      <a:pt x="108" y="667"/>
                    </a:lnTo>
                    <a:lnTo>
                      <a:pt x="106" y="667"/>
                    </a:lnTo>
                    <a:lnTo>
                      <a:pt x="108" y="667"/>
                    </a:lnTo>
                    <a:lnTo>
                      <a:pt x="96" y="665"/>
                    </a:lnTo>
                    <a:lnTo>
                      <a:pt x="76" y="638"/>
                    </a:lnTo>
                    <a:lnTo>
                      <a:pt x="76" y="631"/>
                    </a:lnTo>
                    <a:lnTo>
                      <a:pt x="76" y="630"/>
                    </a:lnTo>
                    <a:lnTo>
                      <a:pt x="74" y="628"/>
                    </a:lnTo>
                    <a:lnTo>
                      <a:pt x="74" y="626"/>
                    </a:lnTo>
                    <a:lnTo>
                      <a:pt x="74" y="623"/>
                    </a:lnTo>
                    <a:lnTo>
                      <a:pt x="74" y="620"/>
                    </a:lnTo>
                    <a:lnTo>
                      <a:pt x="76" y="616"/>
                    </a:lnTo>
                    <a:lnTo>
                      <a:pt x="77" y="611"/>
                    </a:lnTo>
                    <a:lnTo>
                      <a:pt x="77" y="609"/>
                    </a:lnTo>
                    <a:lnTo>
                      <a:pt x="77" y="608"/>
                    </a:lnTo>
                    <a:lnTo>
                      <a:pt x="77" y="604"/>
                    </a:lnTo>
                    <a:lnTo>
                      <a:pt x="77" y="601"/>
                    </a:lnTo>
                    <a:lnTo>
                      <a:pt x="77" y="598"/>
                    </a:lnTo>
                    <a:lnTo>
                      <a:pt x="77" y="594"/>
                    </a:lnTo>
                    <a:lnTo>
                      <a:pt x="77" y="592"/>
                    </a:lnTo>
                    <a:lnTo>
                      <a:pt x="77" y="591"/>
                    </a:lnTo>
                    <a:lnTo>
                      <a:pt x="76" y="586"/>
                    </a:lnTo>
                    <a:lnTo>
                      <a:pt x="76" y="577"/>
                    </a:lnTo>
                    <a:lnTo>
                      <a:pt x="79" y="572"/>
                    </a:lnTo>
                    <a:lnTo>
                      <a:pt x="83" y="559"/>
                    </a:lnTo>
                    <a:lnTo>
                      <a:pt x="83" y="557"/>
                    </a:lnTo>
                    <a:lnTo>
                      <a:pt x="84" y="555"/>
                    </a:lnTo>
                    <a:lnTo>
                      <a:pt x="86" y="554"/>
                    </a:lnTo>
                    <a:lnTo>
                      <a:pt x="88" y="554"/>
                    </a:lnTo>
                    <a:lnTo>
                      <a:pt x="89" y="554"/>
                    </a:lnTo>
                    <a:lnTo>
                      <a:pt x="91" y="555"/>
                    </a:lnTo>
                    <a:lnTo>
                      <a:pt x="93" y="560"/>
                    </a:lnTo>
                    <a:lnTo>
                      <a:pt x="93" y="562"/>
                    </a:lnTo>
                    <a:lnTo>
                      <a:pt x="93" y="564"/>
                    </a:lnTo>
                    <a:lnTo>
                      <a:pt x="93" y="565"/>
                    </a:lnTo>
                    <a:lnTo>
                      <a:pt x="91" y="569"/>
                    </a:lnTo>
                    <a:lnTo>
                      <a:pt x="91" y="570"/>
                    </a:lnTo>
                    <a:lnTo>
                      <a:pt x="89" y="574"/>
                    </a:lnTo>
                    <a:lnTo>
                      <a:pt x="89" y="576"/>
                    </a:lnTo>
                    <a:lnTo>
                      <a:pt x="91" y="579"/>
                    </a:lnTo>
                    <a:lnTo>
                      <a:pt x="99" y="587"/>
                    </a:lnTo>
                    <a:lnTo>
                      <a:pt x="101" y="592"/>
                    </a:lnTo>
                    <a:lnTo>
                      <a:pt x="113" y="606"/>
                    </a:lnTo>
                    <a:lnTo>
                      <a:pt x="115" y="608"/>
                    </a:lnTo>
                    <a:lnTo>
                      <a:pt x="116" y="608"/>
                    </a:lnTo>
                    <a:lnTo>
                      <a:pt x="120" y="606"/>
                    </a:lnTo>
                    <a:lnTo>
                      <a:pt x="118" y="601"/>
                    </a:lnTo>
                    <a:lnTo>
                      <a:pt x="116" y="599"/>
                    </a:lnTo>
                    <a:lnTo>
                      <a:pt x="115" y="596"/>
                    </a:lnTo>
                    <a:lnTo>
                      <a:pt x="113" y="594"/>
                    </a:lnTo>
                    <a:lnTo>
                      <a:pt x="111" y="591"/>
                    </a:lnTo>
                    <a:lnTo>
                      <a:pt x="110" y="587"/>
                    </a:lnTo>
                    <a:lnTo>
                      <a:pt x="110" y="582"/>
                    </a:lnTo>
                    <a:lnTo>
                      <a:pt x="110" y="579"/>
                    </a:lnTo>
                    <a:lnTo>
                      <a:pt x="110" y="577"/>
                    </a:lnTo>
                    <a:lnTo>
                      <a:pt x="110" y="574"/>
                    </a:lnTo>
                    <a:lnTo>
                      <a:pt x="110" y="572"/>
                    </a:lnTo>
                    <a:lnTo>
                      <a:pt x="108" y="570"/>
                    </a:lnTo>
                    <a:lnTo>
                      <a:pt x="106" y="569"/>
                    </a:lnTo>
                    <a:lnTo>
                      <a:pt x="105" y="565"/>
                    </a:lnTo>
                    <a:lnTo>
                      <a:pt x="105" y="564"/>
                    </a:lnTo>
                    <a:lnTo>
                      <a:pt x="105" y="562"/>
                    </a:lnTo>
                    <a:lnTo>
                      <a:pt x="105" y="560"/>
                    </a:lnTo>
                    <a:lnTo>
                      <a:pt x="105" y="559"/>
                    </a:lnTo>
                    <a:lnTo>
                      <a:pt x="105" y="557"/>
                    </a:lnTo>
                    <a:lnTo>
                      <a:pt x="105" y="555"/>
                    </a:lnTo>
                    <a:lnTo>
                      <a:pt x="99" y="543"/>
                    </a:lnTo>
                    <a:lnTo>
                      <a:pt x="99" y="535"/>
                    </a:lnTo>
                    <a:lnTo>
                      <a:pt x="105" y="533"/>
                    </a:lnTo>
                    <a:lnTo>
                      <a:pt x="118" y="528"/>
                    </a:lnTo>
                    <a:lnTo>
                      <a:pt x="121" y="530"/>
                    </a:lnTo>
                    <a:lnTo>
                      <a:pt x="125" y="533"/>
                    </a:lnTo>
                    <a:lnTo>
                      <a:pt x="143" y="537"/>
                    </a:lnTo>
                    <a:lnTo>
                      <a:pt x="149" y="537"/>
                    </a:lnTo>
                    <a:lnTo>
                      <a:pt x="155" y="542"/>
                    </a:lnTo>
                    <a:lnTo>
                      <a:pt x="147" y="532"/>
                    </a:lnTo>
                    <a:lnTo>
                      <a:pt x="147" y="525"/>
                    </a:lnTo>
                    <a:lnTo>
                      <a:pt x="137" y="525"/>
                    </a:lnTo>
                    <a:lnTo>
                      <a:pt x="130" y="528"/>
                    </a:lnTo>
                    <a:lnTo>
                      <a:pt x="123" y="528"/>
                    </a:lnTo>
                    <a:lnTo>
                      <a:pt x="120" y="525"/>
                    </a:lnTo>
                    <a:lnTo>
                      <a:pt x="118" y="523"/>
                    </a:lnTo>
                    <a:lnTo>
                      <a:pt x="116" y="521"/>
                    </a:lnTo>
                    <a:lnTo>
                      <a:pt x="113" y="518"/>
                    </a:lnTo>
                    <a:lnTo>
                      <a:pt x="110" y="516"/>
                    </a:lnTo>
                    <a:lnTo>
                      <a:pt x="106" y="513"/>
                    </a:lnTo>
                    <a:lnTo>
                      <a:pt x="103" y="513"/>
                    </a:lnTo>
                    <a:lnTo>
                      <a:pt x="98" y="515"/>
                    </a:lnTo>
                    <a:lnTo>
                      <a:pt x="96" y="518"/>
                    </a:lnTo>
                    <a:lnTo>
                      <a:pt x="94" y="520"/>
                    </a:lnTo>
                    <a:lnTo>
                      <a:pt x="93" y="521"/>
                    </a:lnTo>
                    <a:lnTo>
                      <a:pt x="93" y="523"/>
                    </a:lnTo>
                    <a:lnTo>
                      <a:pt x="93" y="545"/>
                    </a:lnTo>
                    <a:lnTo>
                      <a:pt x="89" y="548"/>
                    </a:lnTo>
                    <a:lnTo>
                      <a:pt x="83" y="547"/>
                    </a:lnTo>
                    <a:lnTo>
                      <a:pt x="76" y="537"/>
                    </a:lnTo>
                    <a:lnTo>
                      <a:pt x="72" y="533"/>
                    </a:lnTo>
                    <a:lnTo>
                      <a:pt x="66" y="533"/>
                    </a:lnTo>
                    <a:lnTo>
                      <a:pt x="66" y="532"/>
                    </a:lnTo>
                    <a:lnTo>
                      <a:pt x="64" y="528"/>
                    </a:lnTo>
                    <a:lnTo>
                      <a:pt x="62" y="525"/>
                    </a:lnTo>
                    <a:lnTo>
                      <a:pt x="61" y="521"/>
                    </a:lnTo>
                    <a:lnTo>
                      <a:pt x="57" y="516"/>
                    </a:lnTo>
                    <a:lnTo>
                      <a:pt x="54" y="513"/>
                    </a:lnTo>
                    <a:lnTo>
                      <a:pt x="50" y="513"/>
                    </a:lnTo>
                    <a:lnTo>
                      <a:pt x="45" y="513"/>
                    </a:lnTo>
                    <a:lnTo>
                      <a:pt x="45" y="511"/>
                    </a:lnTo>
                    <a:lnTo>
                      <a:pt x="52" y="503"/>
                    </a:lnTo>
                    <a:lnTo>
                      <a:pt x="55" y="498"/>
                    </a:lnTo>
                    <a:lnTo>
                      <a:pt x="54" y="491"/>
                    </a:lnTo>
                    <a:lnTo>
                      <a:pt x="57" y="484"/>
                    </a:lnTo>
                    <a:lnTo>
                      <a:pt x="49" y="474"/>
                    </a:lnTo>
                    <a:lnTo>
                      <a:pt x="50" y="462"/>
                    </a:lnTo>
                    <a:lnTo>
                      <a:pt x="42" y="452"/>
                    </a:lnTo>
                    <a:lnTo>
                      <a:pt x="42" y="449"/>
                    </a:lnTo>
                    <a:lnTo>
                      <a:pt x="40" y="447"/>
                    </a:lnTo>
                    <a:lnTo>
                      <a:pt x="37" y="444"/>
                    </a:lnTo>
                    <a:lnTo>
                      <a:pt x="35" y="440"/>
                    </a:lnTo>
                    <a:lnTo>
                      <a:pt x="32" y="437"/>
                    </a:lnTo>
                    <a:lnTo>
                      <a:pt x="30" y="432"/>
                    </a:lnTo>
                    <a:lnTo>
                      <a:pt x="28" y="427"/>
                    </a:lnTo>
                    <a:lnTo>
                      <a:pt x="28" y="420"/>
                    </a:lnTo>
                    <a:lnTo>
                      <a:pt x="27" y="416"/>
                    </a:lnTo>
                    <a:lnTo>
                      <a:pt x="27" y="413"/>
                    </a:lnTo>
                    <a:lnTo>
                      <a:pt x="23" y="408"/>
                    </a:lnTo>
                    <a:lnTo>
                      <a:pt x="22" y="405"/>
                    </a:lnTo>
                    <a:lnTo>
                      <a:pt x="18" y="400"/>
                    </a:lnTo>
                    <a:lnTo>
                      <a:pt x="17" y="394"/>
                    </a:lnTo>
                    <a:lnTo>
                      <a:pt x="13" y="391"/>
                    </a:lnTo>
                    <a:lnTo>
                      <a:pt x="13" y="389"/>
                    </a:lnTo>
                    <a:lnTo>
                      <a:pt x="11" y="388"/>
                    </a:lnTo>
                    <a:lnTo>
                      <a:pt x="11" y="386"/>
                    </a:lnTo>
                    <a:lnTo>
                      <a:pt x="11" y="384"/>
                    </a:lnTo>
                    <a:lnTo>
                      <a:pt x="10" y="383"/>
                    </a:lnTo>
                    <a:lnTo>
                      <a:pt x="10" y="379"/>
                    </a:lnTo>
                    <a:lnTo>
                      <a:pt x="20" y="369"/>
                    </a:lnTo>
                    <a:lnTo>
                      <a:pt x="20" y="367"/>
                    </a:lnTo>
                    <a:lnTo>
                      <a:pt x="20" y="364"/>
                    </a:lnTo>
                    <a:lnTo>
                      <a:pt x="18" y="362"/>
                    </a:lnTo>
                    <a:lnTo>
                      <a:pt x="18" y="357"/>
                    </a:lnTo>
                    <a:lnTo>
                      <a:pt x="18" y="354"/>
                    </a:lnTo>
                    <a:lnTo>
                      <a:pt x="18" y="349"/>
                    </a:lnTo>
                    <a:lnTo>
                      <a:pt x="17" y="344"/>
                    </a:lnTo>
                    <a:lnTo>
                      <a:pt x="17" y="337"/>
                    </a:lnTo>
                    <a:lnTo>
                      <a:pt x="18" y="332"/>
                    </a:lnTo>
                    <a:lnTo>
                      <a:pt x="18" y="327"/>
                    </a:lnTo>
                    <a:lnTo>
                      <a:pt x="18" y="322"/>
                    </a:lnTo>
                    <a:lnTo>
                      <a:pt x="20" y="317"/>
                    </a:lnTo>
                    <a:lnTo>
                      <a:pt x="23" y="312"/>
                    </a:lnTo>
                    <a:lnTo>
                      <a:pt x="25" y="306"/>
                    </a:lnTo>
                    <a:lnTo>
                      <a:pt x="28" y="303"/>
                    </a:lnTo>
                    <a:lnTo>
                      <a:pt x="28" y="301"/>
                    </a:lnTo>
                    <a:lnTo>
                      <a:pt x="28" y="296"/>
                    </a:lnTo>
                    <a:lnTo>
                      <a:pt x="28" y="291"/>
                    </a:lnTo>
                    <a:lnTo>
                      <a:pt x="30" y="284"/>
                    </a:lnTo>
                    <a:lnTo>
                      <a:pt x="30" y="278"/>
                    </a:lnTo>
                    <a:lnTo>
                      <a:pt x="30" y="271"/>
                    </a:lnTo>
                    <a:lnTo>
                      <a:pt x="30" y="268"/>
                    </a:lnTo>
                    <a:lnTo>
                      <a:pt x="30" y="266"/>
                    </a:lnTo>
                    <a:lnTo>
                      <a:pt x="30" y="264"/>
                    </a:lnTo>
                    <a:lnTo>
                      <a:pt x="28" y="262"/>
                    </a:lnTo>
                    <a:lnTo>
                      <a:pt x="28" y="259"/>
                    </a:lnTo>
                    <a:lnTo>
                      <a:pt x="27" y="256"/>
                    </a:lnTo>
                    <a:lnTo>
                      <a:pt x="23" y="251"/>
                    </a:lnTo>
                    <a:lnTo>
                      <a:pt x="22" y="247"/>
                    </a:lnTo>
                    <a:lnTo>
                      <a:pt x="18" y="244"/>
                    </a:lnTo>
                    <a:lnTo>
                      <a:pt x="17" y="242"/>
                    </a:lnTo>
                    <a:lnTo>
                      <a:pt x="17" y="240"/>
                    </a:lnTo>
                    <a:lnTo>
                      <a:pt x="17" y="237"/>
                    </a:lnTo>
                    <a:lnTo>
                      <a:pt x="17" y="234"/>
                    </a:lnTo>
                    <a:lnTo>
                      <a:pt x="15" y="232"/>
                    </a:lnTo>
                    <a:lnTo>
                      <a:pt x="13" y="230"/>
                    </a:lnTo>
                    <a:lnTo>
                      <a:pt x="10" y="227"/>
                    </a:lnTo>
                    <a:lnTo>
                      <a:pt x="6" y="224"/>
                    </a:lnTo>
                    <a:lnTo>
                      <a:pt x="5" y="218"/>
                    </a:lnTo>
                    <a:lnTo>
                      <a:pt x="3" y="213"/>
                    </a:lnTo>
                    <a:lnTo>
                      <a:pt x="1" y="208"/>
                    </a:lnTo>
                    <a:lnTo>
                      <a:pt x="0" y="202"/>
                    </a:lnTo>
                    <a:lnTo>
                      <a:pt x="0" y="195"/>
                    </a:lnTo>
                    <a:lnTo>
                      <a:pt x="1" y="186"/>
                    </a:lnTo>
                    <a:lnTo>
                      <a:pt x="5" y="178"/>
                    </a:lnTo>
                    <a:lnTo>
                      <a:pt x="10" y="169"/>
                    </a:lnTo>
                    <a:lnTo>
                      <a:pt x="17" y="159"/>
                    </a:lnTo>
                    <a:lnTo>
                      <a:pt x="27" y="149"/>
                    </a:lnTo>
                    <a:lnTo>
                      <a:pt x="39" y="139"/>
                    </a:lnTo>
                    <a:lnTo>
                      <a:pt x="40" y="137"/>
                    </a:lnTo>
                    <a:lnTo>
                      <a:pt x="42" y="136"/>
                    </a:lnTo>
                    <a:lnTo>
                      <a:pt x="44" y="132"/>
                    </a:lnTo>
                    <a:lnTo>
                      <a:pt x="45" y="127"/>
                    </a:lnTo>
                    <a:lnTo>
                      <a:pt x="47" y="122"/>
                    </a:lnTo>
                    <a:lnTo>
                      <a:pt x="49" y="117"/>
                    </a:lnTo>
                    <a:lnTo>
                      <a:pt x="49" y="112"/>
                    </a:lnTo>
                    <a:lnTo>
                      <a:pt x="49" y="107"/>
                    </a:lnTo>
                    <a:lnTo>
                      <a:pt x="49" y="105"/>
                    </a:lnTo>
                    <a:lnTo>
                      <a:pt x="52" y="100"/>
                    </a:lnTo>
                    <a:lnTo>
                      <a:pt x="55" y="93"/>
                    </a:lnTo>
                    <a:lnTo>
                      <a:pt x="61" y="86"/>
                    </a:lnTo>
                    <a:lnTo>
                      <a:pt x="66" y="78"/>
                    </a:lnTo>
                    <a:lnTo>
                      <a:pt x="67" y="70"/>
                    </a:lnTo>
                    <a:lnTo>
                      <a:pt x="69" y="61"/>
                    </a:lnTo>
                    <a:lnTo>
                      <a:pt x="69" y="53"/>
                    </a:lnTo>
                    <a:lnTo>
                      <a:pt x="69" y="51"/>
                    </a:lnTo>
                    <a:lnTo>
                      <a:pt x="69" y="49"/>
                    </a:lnTo>
                    <a:lnTo>
                      <a:pt x="71" y="46"/>
                    </a:lnTo>
                    <a:lnTo>
                      <a:pt x="69" y="44"/>
                    </a:lnTo>
                    <a:lnTo>
                      <a:pt x="69" y="34"/>
                    </a:lnTo>
                    <a:lnTo>
                      <a:pt x="64" y="27"/>
                    </a:lnTo>
                    <a:lnTo>
                      <a:pt x="66" y="24"/>
                    </a:lnTo>
                    <a:lnTo>
                      <a:pt x="74" y="10"/>
                    </a:lnTo>
                    <a:lnTo>
                      <a:pt x="76" y="4"/>
                    </a:lnTo>
                    <a:lnTo>
                      <a:pt x="74" y="0"/>
                    </a:lnTo>
                    <a:close/>
                  </a:path>
                </a:pathLst>
              </a:custGeom>
              <a:solidFill>
                <a:srgbClr val="00206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3" name="Freeform 52"/>
              <p:cNvSpPr>
                <a:spLocks/>
              </p:cNvSpPr>
              <p:nvPr/>
            </p:nvSpPr>
            <p:spPr bwMode="auto">
              <a:xfrm>
                <a:off x="4629" y="2257"/>
                <a:ext cx="39" cy="117"/>
              </a:xfrm>
              <a:custGeom>
                <a:avLst/>
                <a:gdLst>
                  <a:gd name="T0" fmla="*/ 8 w 40"/>
                  <a:gd name="T1" fmla="*/ 17 h 120"/>
                  <a:gd name="T2" fmla="*/ 11 w 40"/>
                  <a:gd name="T3" fmla="*/ 13 h 120"/>
                  <a:gd name="T4" fmla="*/ 13 w 40"/>
                  <a:gd name="T5" fmla="*/ 12 h 120"/>
                  <a:gd name="T6" fmla="*/ 17 w 40"/>
                  <a:gd name="T7" fmla="*/ 8 h 120"/>
                  <a:gd name="T8" fmla="*/ 20 w 40"/>
                  <a:gd name="T9" fmla="*/ 7 h 120"/>
                  <a:gd name="T10" fmla="*/ 20 w 40"/>
                  <a:gd name="T11" fmla="*/ 3 h 120"/>
                  <a:gd name="T12" fmla="*/ 20 w 40"/>
                  <a:gd name="T13" fmla="*/ 1 h 120"/>
                  <a:gd name="T14" fmla="*/ 20 w 40"/>
                  <a:gd name="T15" fmla="*/ 0 h 120"/>
                  <a:gd name="T16" fmla="*/ 25 w 40"/>
                  <a:gd name="T17" fmla="*/ 0 h 120"/>
                  <a:gd name="T18" fmla="*/ 25 w 40"/>
                  <a:gd name="T19" fmla="*/ 0 h 120"/>
                  <a:gd name="T20" fmla="*/ 25 w 40"/>
                  <a:gd name="T21" fmla="*/ 1 h 120"/>
                  <a:gd name="T22" fmla="*/ 25 w 40"/>
                  <a:gd name="T23" fmla="*/ 5 h 120"/>
                  <a:gd name="T24" fmla="*/ 26 w 40"/>
                  <a:gd name="T25" fmla="*/ 7 h 120"/>
                  <a:gd name="T26" fmla="*/ 26 w 40"/>
                  <a:gd name="T27" fmla="*/ 10 h 120"/>
                  <a:gd name="T28" fmla="*/ 26 w 40"/>
                  <a:gd name="T29" fmla="*/ 12 h 120"/>
                  <a:gd name="T30" fmla="*/ 26 w 40"/>
                  <a:gd name="T31" fmla="*/ 13 h 120"/>
                  <a:gd name="T32" fmla="*/ 26 w 40"/>
                  <a:gd name="T33" fmla="*/ 15 h 120"/>
                  <a:gd name="T34" fmla="*/ 21 w 40"/>
                  <a:gd name="T35" fmla="*/ 20 h 120"/>
                  <a:gd name="T36" fmla="*/ 20 w 40"/>
                  <a:gd name="T37" fmla="*/ 20 h 120"/>
                  <a:gd name="T38" fmla="*/ 21 w 40"/>
                  <a:gd name="T39" fmla="*/ 23 h 120"/>
                  <a:gd name="T40" fmla="*/ 20 w 40"/>
                  <a:gd name="T41" fmla="*/ 35 h 120"/>
                  <a:gd name="T42" fmla="*/ 20 w 40"/>
                  <a:gd name="T43" fmla="*/ 43 h 120"/>
                  <a:gd name="T44" fmla="*/ 20 w 40"/>
                  <a:gd name="T45" fmla="*/ 48 h 120"/>
                  <a:gd name="T46" fmla="*/ 15 w 40"/>
                  <a:gd name="T47" fmla="*/ 52 h 120"/>
                  <a:gd name="T48" fmla="*/ 15 w 40"/>
                  <a:gd name="T49" fmla="*/ 56 h 120"/>
                  <a:gd name="T50" fmla="*/ 8 w 40"/>
                  <a:gd name="T51" fmla="*/ 65 h 120"/>
                  <a:gd name="T52" fmla="*/ 8 w 40"/>
                  <a:gd name="T53" fmla="*/ 70 h 120"/>
                  <a:gd name="T54" fmla="*/ 8 w 40"/>
                  <a:gd name="T55" fmla="*/ 72 h 120"/>
                  <a:gd name="T56" fmla="*/ 8 w 40"/>
                  <a:gd name="T57" fmla="*/ 75 h 120"/>
                  <a:gd name="T58" fmla="*/ 8 w 40"/>
                  <a:gd name="T59" fmla="*/ 78 h 120"/>
                  <a:gd name="T60" fmla="*/ 8 w 40"/>
                  <a:gd name="T61" fmla="*/ 83 h 120"/>
                  <a:gd name="T62" fmla="*/ 8 w 40"/>
                  <a:gd name="T63" fmla="*/ 85 h 120"/>
                  <a:gd name="T64" fmla="*/ 6 w 40"/>
                  <a:gd name="T65" fmla="*/ 85 h 120"/>
                  <a:gd name="T66" fmla="*/ 5 w 40"/>
                  <a:gd name="T67" fmla="*/ 82 h 120"/>
                  <a:gd name="T68" fmla="*/ 1 w 40"/>
                  <a:gd name="T69" fmla="*/ 72 h 120"/>
                  <a:gd name="T70" fmla="*/ 1 w 40"/>
                  <a:gd name="T71" fmla="*/ 70 h 120"/>
                  <a:gd name="T72" fmla="*/ 0 w 40"/>
                  <a:gd name="T73" fmla="*/ 67 h 120"/>
                  <a:gd name="T74" fmla="*/ 0 w 40"/>
                  <a:gd name="T75" fmla="*/ 60 h 120"/>
                  <a:gd name="T76" fmla="*/ 0 w 40"/>
                  <a:gd name="T77" fmla="*/ 57 h 120"/>
                  <a:gd name="T78" fmla="*/ 0 w 40"/>
                  <a:gd name="T79" fmla="*/ 55 h 120"/>
                  <a:gd name="T80" fmla="*/ 0 w 40"/>
                  <a:gd name="T81" fmla="*/ 52 h 120"/>
                  <a:gd name="T82" fmla="*/ 0 w 40"/>
                  <a:gd name="T83" fmla="*/ 50 h 120"/>
                  <a:gd name="T84" fmla="*/ 0 w 40"/>
                  <a:gd name="T85" fmla="*/ 49 h 120"/>
                  <a:gd name="T86" fmla="*/ 1 w 40"/>
                  <a:gd name="T87" fmla="*/ 42 h 120"/>
                  <a:gd name="T88" fmla="*/ 8 w 40"/>
                  <a:gd name="T89" fmla="*/ 38 h 120"/>
                  <a:gd name="T90" fmla="*/ 8 w 40"/>
                  <a:gd name="T91" fmla="*/ 26 h 120"/>
                  <a:gd name="T92" fmla="*/ 15 w 40"/>
                  <a:gd name="T93" fmla="*/ 20 h 120"/>
                  <a:gd name="T94" fmla="*/ 17 w 40"/>
                  <a:gd name="T95" fmla="*/ 20 h 120"/>
                  <a:gd name="T96" fmla="*/ 17 w 40"/>
                  <a:gd name="T97" fmla="*/ 20 h 120"/>
                  <a:gd name="T98" fmla="*/ 17 w 40"/>
                  <a:gd name="T99" fmla="*/ 20 h 120"/>
                  <a:gd name="T100" fmla="*/ 13 w 40"/>
                  <a:gd name="T101" fmla="*/ 20 h 120"/>
                  <a:gd name="T102" fmla="*/ 11 w 40"/>
                  <a:gd name="T103" fmla="*/ 18 h 120"/>
                  <a:gd name="T104" fmla="*/ 8 w 40"/>
                  <a:gd name="T105" fmla="*/ 17 h 120"/>
                  <a:gd name="T106" fmla="*/ 8 w 40"/>
                  <a:gd name="T107" fmla="*/ 17 h 120"/>
                  <a:gd name="T108" fmla="*/ 8 w 40"/>
                  <a:gd name="T109" fmla="*/ 17 h 120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w 40"/>
                  <a:gd name="T166" fmla="*/ 0 h 120"/>
                  <a:gd name="T167" fmla="*/ 40 w 40"/>
                  <a:gd name="T168" fmla="*/ 120 h 120"/>
                </a:gdLst>
                <a:ahLst/>
                <a:cxnLst>
                  <a:cxn ang="T110">
                    <a:pos x="T0" y="T1"/>
                  </a:cxn>
                  <a:cxn ang="T111">
                    <a:pos x="T2" y="T3"/>
                  </a:cxn>
                  <a:cxn ang="T112">
                    <a:pos x="T4" y="T5"/>
                  </a:cxn>
                  <a:cxn ang="T113">
                    <a:pos x="T6" y="T7"/>
                  </a:cxn>
                  <a:cxn ang="T114">
                    <a:pos x="T8" y="T9"/>
                  </a:cxn>
                  <a:cxn ang="T115">
                    <a:pos x="T10" y="T11"/>
                  </a:cxn>
                  <a:cxn ang="T116">
                    <a:pos x="T12" y="T13"/>
                  </a:cxn>
                  <a:cxn ang="T117">
                    <a:pos x="T14" y="T15"/>
                  </a:cxn>
                  <a:cxn ang="T118">
                    <a:pos x="T16" y="T17"/>
                  </a:cxn>
                  <a:cxn ang="T119">
                    <a:pos x="T18" y="T19"/>
                  </a:cxn>
                  <a:cxn ang="T120">
                    <a:pos x="T20" y="T21"/>
                  </a:cxn>
                  <a:cxn ang="T121">
                    <a:pos x="T22" y="T23"/>
                  </a:cxn>
                  <a:cxn ang="T122">
                    <a:pos x="T24" y="T25"/>
                  </a:cxn>
                  <a:cxn ang="T123">
                    <a:pos x="T26" y="T27"/>
                  </a:cxn>
                  <a:cxn ang="T124">
                    <a:pos x="T28" y="T29"/>
                  </a:cxn>
                  <a:cxn ang="T125">
                    <a:pos x="T30" y="T31"/>
                  </a:cxn>
                  <a:cxn ang="T126">
                    <a:pos x="T32" y="T33"/>
                  </a:cxn>
                  <a:cxn ang="T127">
                    <a:pos x="T34" y="T35"/>
                  </a:cxn>
                  <a:cxn ang="T128">
                    <a:pos x="T36" y="T37"/>
                  </a:cxn>
                  <a:cxn ang="T129">
                    <a:pos x="T38" y="T39"/>
                  </a:cxn>
                  <a:cxn ang="T130">
                    <a:pos x="T40" y="T41"/>
                  </a:cxn>
                  <a:cxn ang="T131">
                    <a:pos x="T42" y="T43"/>
                  </a:cxn>
                  <a:cxn ang="T132">
                    <a:pos x="T44" y="T45"/>
                  </a:cxn>
                  <a:cxn ang="T133">
                    <a:pos x="T46" y="T47"/>
                  </a:cxn>
                  <a:cxn ang="T134">
                    <a:pos x="T48" y="T49"/>
                  </a:cxn>
                  <a:cxn ang="T135">
                    <a:pos x="T50" y="T51"/>
                  </a:cxn>
                  <a:cxn ang="T136">
                    <a:pos x="T52" y="T53"/>
                  </a:cxn>
                  <a:cxn ang="T137">
                    <a:pos x="T54" y="T55"/>
                  </a:cxn>
                  <a:cxn ang="T138">
                    <a:pos x="T56" y="T57"/>
                  </a:cxn>
                  <a:cxn ang="T139">
                    <a:pos x="T58" y="T59"/>
                  </a:cxn>
                  <a:cxn ang="T140">
                    <a:pos x="T60" y="T61"/>
                  </a:cxn>
                  <a:cxn ang="T141">
                    <a:pos x="T62" y="T63"/>
                  </a:cxn>
                  <a:cxn ang="T142">
                    <a:pos x="T64" y="T65"/>
                  </a:cxn>
                  <a:cxn ang="T143">
                    <a:pos x="T66" y="T67"/>
                  </a:cxn>
                  <a:cxn ang="T144">
                    <a:pos x="T68" y="T69"/>
                  </a:cxn>
                  <a:cxn ang="T145">
                    <a:pos x="T70" y="T71"/>
                  </a:cxn>
                  <a:cxn ang="T146">
                    <a:pos x="T72" y="T73"/>
                  </a:cxn>
                  <a:cxn ang="T147">
                    <a:pos x="T74" y="T75"/>
                  </a:cxn>
                  <a:cxn ang="T148">
                    <a:pos x="T76" y="T77"/>
                  </a:cxn>
                  <a:cxn ang="T149">
                    <a:pos x="T78" y="T79"/>
                  </a:cxn>
                  <a:cxn ang="T150">
                    <a:pos x="T80" y="T81"/>
                  </a:cxn>
                  <a:cxn ang="T151">
                    <a:pos x="T82" y="T83"/>
                  </a:cxn>
                  <a:cxn ang="T152">
                    <a:pos x="T84" y="T85"/>
                  </a:cxn>
                  <a:cxn ang="T153">
                    <a:pos x="T86" y="T87"/>
                  </a:cxn>
                  <a:cxn ang="T154">
                    <a:pos x="T88" y="T89"/>
                  </a:cxn>
                  <a:cxn ang="T155">
                    <a:pos x="T90" y="T91"/>
                  </a:cxn>
                  <a:cxn ang="T156">
                    <a:pos x="T92" y="T93"/>
                  </a:cxn>
                  <a:cxn ang="T157">
                    <a:pos x="T94" y="T95"/>
                  </a:cxn>
                  <a:cxn ang="T158">
                    <a:pos x="T96" y="T97"/>
                  </a:cxn>
                  <a:cxn ang="T159">
                    <a:pos x="T98" y="T99"/>
                  </a:cxn>
                  <a:cxn ang="T160">
                    <a:pos x="T100" y="T101"/>
                  </a:cxn>
                  <a:cxn ang="T161">
                    <a:pos x="T102" y="T103"/>
                  </a:cxn>
                  <a:cxn ang="T162">
                    <a:pos x="T104" y="T105"/>
                  </a:cxn>
                  <a:cxn ang="T163">
                    <a:pos x="T106" y="T107"/>
                  </a:cxn>
                  <a:cxn ang="T164">
                    <a:pos x="T108" y="T109"/>
                  </a:cxn>
                </a:cxnLst>
                <a:rect l="T165" t="T166" r="T167" b="T168"/>
                <a:pathLst>
                  <a:path w="40" h="120">
                    <a:moveTo>
                      <a:pt x="8" y="17"/>
                    </a:moveTo>
                    <a:lnTo>
                      <a:pt x="11" y="13"/>
                    </a:lnTo>
                    <a:lnTo>
                      <a:pt x="13" y="12"/>
                    </a:lnTo>
                    <a:lnTo>
                      <a:pt x="17" y="8"/>
                    </a:lnTo>
                    <a:lnTo>
                      <a:pt x="20" y="7"/>
                    </a:lnTo>
                    <a:lnTo>
                      <a:pt x="23" y="3"/>
                    </a:lnTo>
                    <a:lnTo>
                      <a:pt x="27" y="1"/>
                    </a:lnTo>
                    <a:lnTo>
                      <a:pt x="32" y="0"/>
                    </a:lnTo>
                    <a:lnTo>
                      <a:pt x="39" y="0"/>
                    </a:lnTo>
                    <a:lnTo>
                      <a:pt x="39" y="1"/>
                    </a:lnTo>
                    <a:lnTo>
                      <a:pt x="39" y="5"/>
                    </a:lnTo>
                    <a:lnTo>
                      <a:pt x="40" y="7"/>
                    </a:lnTo>
                    <a:lnTo>
                      <a:pt x="40" y="10"/>
                    </a:lnTo>
                    <a:lnTo>
                      <a:pt x="40" y="12"/>
                    </a:lnTo>
                    <a:lnTo>
                      <a:pt x="40" y="13"/>
                    </a:lnTo>
                    <a:lnTo>
                      <a:pt x="40" y="15"/>
                    </a:lnTo>
                    <a:lnTo>
                      <a:pt x="35" y="23"/>
                    </a:lnTo>
                    <a:lnTo>
                      <a:pt x="33" y="30"/>
                    </a:lnTo>
                    <a:lnTo>
                      <a:pt x="35" y="37"/>
                    </a:lnTo>
                    <a:lnTo>
                      <a:pt x="32" y="49"/>
                    </a:lnTo>
                    <a:lnTo>
                      <a:pt x="27" y="57"/>
                    </a:lnTo>
                    <a:lnTo>
                      <a:pt x="25" y="64"/>
                    </a:lnTo>
                    <a:lnTo>
                      <a:pt x="15" y="73"/>
                    </a:lnTo>
                    <a:lnTo>
                      <a:pt x="15" y="81"/>
                    </a:lnTo>
                    <a:lnTo>
                      <a:pt x="8" y="93"/>
                    </a:lnTo>
                    <a:lnTo>
                      <a:pt x="8" y="98"/>
                    </a:lnTo>
                    <a:lnTo>
                      <a:pt x="8" y="100"/>
                    </a:lnTo>
                    <a:lnTo>
                      <a:pt x="8" y="105"/>
                    </a:lnTo>
                    <a:lnTo>
                      <a:pt x="8" y="110"/>
                    </a:lnTo>
                    <a:lnTo>
                      <a:pt x="8" y="117"/>
                    </a:lnTo>
                    <a:lnTo>
                      <a:pt x="8" y="120"/>
                    </a:lnTo>
                    <a:lnTo>
                      <a:pt x="6" y="120"/>
                    </a:lnTo>
                    <a:lnTo>
                      <a:pt x="5" y="115"/>
                    </a:lnTo>
                    <a:lnTo>
                      <a:pt x="1" y="101"/>
                    </a:lnTo>
                    <a:lnTo>
                      <a:pt x="1" y="98"/>
                    </a:lnTo>
                    <a:lnTo>
                      <a:pt x="0" y="95"/>
                    </a:lnTo>
                    <a:lnTo>
                      <a:pt x="0" y="88"/>
                    </a:lnTo>
                    <a:lnTo>
                      <a:pt x="0" y="83"/>
                    </a:lnTo>
                    <a:lnTo>
                      <a:pt x="0" y="78"/>
                    </a:lnTo>
                    <a:lnTo>
                      <a:pt x="0" y="73"/>
                    </a:lnTo>
                    <a:lnTo>
                      <a:pt x="0" y="69"/>
                    </a:lnTo>
                    <a:lnTo>
                      <a:pt x="0" y="67"/>
                    </a:lnTo>
                    <a:lnTo>
                      <a:pt x="1" y="56"/>
                    </a:lnTo>
                    <a:lnTo>
                      <a:pt x="8" y="52"/>
                    </a:lnTo>
                    <a:lnTo>
                      <a:pt x="8" y="40"/>
                    </a:lnTo>
                    <a:lnTo>
                      <a:pt x="15" y="30"/>
                    </a:lnTo>
                    <a:lnTo>
                      <a:pt x="17" y="27"/>
                    </a:lnTo>
                    <a:lnTo>
                      <a:pt x="17" y="23"/>
                    </a:lnTo>
                    <a:lnTo>
                      <a:pt x="17" y="20"/>
                    </a:lnTo>
                    <a:lnTo>
                      <a:pt x="13" y="20"/>
                    </a:lnTo>
                    <a:lnTo>
                      <a:pt x="11" y="18"/>
                    </a:lnTo>
                    <a:lnTo>
                      <a:pt x="8" y="17"/>
                    </a:lnTo>
                    <a:close/>
                  </a:path>
                </a:pathLst>
              </a:custGeom>
              <a:solidFill>
                <a:srgbClr val="FF9933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4" name="Freeform 53"/>
              <p:cNvSpPr>
                <a:spLocks/>
              </p:cNvSpPr>
              <p:nvPr/>
            </p:nvSpPr>
            <p:spPr bwMode="auto">
              <a:xfrm>
                <a:off x="4629" y="2257"/>
                <a:ext cx="39" cy="117"/>
              </a:xfrm>
              <a:custGeom>
                <a:avLst/>
                <a:gdLst>
                  <a:gd name="T0" fmla="*/ 8 w 40"/>
                  <a:gd name="T1" fmla="*/ 17 h 120"/>
                  <a:gd name="T2" fmla="*/ 8 w 40"/>
                  <a:gd name="T3" fmla="*/ 17 h 120"/>
                  <a:gd name="T4" fmla="*/ 11 w 40"/>
                  <a:gd name="T5" fmla="*/ 13 h 120"/>
                  <a:gd name="T6" fmla="*/ 13 w 40"/>
                  <a:gd name="T7" fmla="*/ 12 h 120"/>
                  <a:gd name="T8" fmla="*/ 17 w 40"/>
                  <a:gd name="T9" fmla="*/ 8 h 120"/>
                  <a:gd name="T10" fmla="*/ 20 w 40"/>
                  <a:gd name="T11" fmla="*/ 7 h 120"/>
                  <a:gd name="T12" fmla="*/ 20 w 40"/>
                  <a:gd name="T13" fmla="*/ 3 h 120"/>
                  <a:gd name="T14" fmla="*/ 20 w 40"/>
                  <a:gd name="T15" fmla="*/ 1 h 120"/>
                  <a:gd name="T16" fmla="*/ 20 w 40"/>
                  <a:gd name="T17" fmla="*/ 0 h 120"/>
                  <a:gd name="T18" fmla="*/ 25 w 40"/>
                  <a:gd name="T19" fmla="*/ 0 h 120"/>
                  <a:gd name="T20" fmla="*/ 25 w 40"/>
                  <a:gd name="T21" fmla="*/ 0 h 120"/>
                  <a:gd name="T22" fmla="*/ 25 w 40"/>
                  <a:gd name="T23" fmla="*/ 0 h 120"/>
                  <a:gd name="T24" fmla="*/ 25 w 40"/>
                  <a:gd name="T25" fmla="*/ 1 h 120"/>
                  <a:gd name="T26" fmla="*/ 25 w 40"/>
                  <a:gd name="T27" fmla="*/ 5 h 120"/>
                  <a:gd name="T28" fmla="*/ 26 w 40"/>
                  <a:gd name="T29" fmla="*/ 7 h 120"/>
                  <a:gd name="T30" fmla="*/ 26 w 40"/>
                  <a:gd name="T31" fmla="*/ 10 h 120"/>
                  <a:gd name="T32" fmla="*/ 26 w 40"/>
                  <a:gd name="T33" fmla="*/ 12 h 120"/>
                  <a:gd name="T34" fmla="*/ 26 w 40"/>
                  <a:gd name="T35" fmla="*/ 13 h 120"/>
                  <a:gd name="T36" fmla="*/ 26 w 40"/>
                  <a:gd name="T37" fmla="*/ 15 h 120"/>
                  <a:gd name="T38" fmla="*/ 21 w 40"/>
                  <a:gd name="T39" fmla="*/ 20 h 120"/>
                  <a:gd name="T40" fmla="*/ 20 w 40"/>
                  <a:gd name="T41" fmla="*/ 20 h 120"/>
                  <a:gd name="T42" fmla="*/ 21 w 40"/>
                  <a:gd name="T43" fmla="*/ 23 h 120"/>
                  <a:gd name="T44" fmla="*/ 20 w 40"/>
                  <a:gd name="T45" fmla="*/ 35 h 120"/>
                  <a:gd name="T46" fmla="*/ 20 w 40"/>
                  <a:gd name="T47" fmla="*/ 43 h 120"/>
                  <a:gd name="T48" fmla="*/ 20 w 40"/>
                  <a:gd name="T49" fmla="*/ 48 h 120"/>
                  <a:gd name="T50" fmla="*/ 15 w 40"/>
                  <a:gd name="T51" fmla="*/ 52 h 120"/>
                  <a:gd name="T52" fmla="*/ 15 w 40"/>
                  <a:gd name="T53" fmla="*/ 56 h 120"/>
                  <a:gd name="T54" fmla="*/ 8 w 40"/>
                  <a:gd name="T55" fmla="*/ 65 h 120"/>
                  <a:gd name="T56" fmla="*/ 8 w 40"/>
                  <a:gd name="T57" fmla="*/ 70 h 120"/>
                  <a:gd name="T58" fmla="*/ 8 w 40"/>
                  <a:gd name="T59" fmla="*/ 70 h 120"/>
                  <a:gd name="T60" fmla="*/ 8 w 40"/>
                  <a:gd name="T61" fmla="*/ 72 h 120"/>
                  <a:gd name="T62" fmla="*/ 8 w 40"/>
                  <a:gd name="T63" fmla="*/ 75 h 120"/>
                  <a:gd name="T64" fmla="*/ 8 w 40"/>
                  <a:gd name="T65" fmla="*/ 78 h 120"/>
                  <a:gd name="T66" fmla="*/ 8 w 40"/>
                  <a:gd name="T67" fmla="*/ 83 h 120"/>
                  <a:gd name="T68" fmla="*/ 8 w 40"/>
                  <a:gd name="T69" fmla="*/ 85 h 120"/>
                  <a:gd name="T70" fmla="*/ 6 w 40"/>
                  <a:gd name="T71" fmla="*/ 85 h 120"/>
                  <a:gd name="T72" fmla="*/ 5 w 40"/>
                  <a:gd name="T73" fmla="*/ 82 h 120"/>
                  <a:gd name="T74" fmla="*/ 1 w 40"/>
                  <a:gd name="T75" fmla="*/ 72 h 120"/>
                  <a:gd name="T76" fmla="*/ 1 w 40"/>
                  <a:gd name="T77" fmla="*/ 72 h 120"/>
                  <a:gd name="T78" fmla="*/ 1 w 40"/>
                  <a:gd name="T79" fmla="*/ 70 h 120"/>
                  <a:gd name="T80" fmla="*/ 0 w 40"/>
                  <a:gd name="T81" fmla="*/ 67 h 120"/>
                  <a:gd name="T82" fmla="*/ 0 w 40"/>
                  <a:gd name="T83" fmla="*/ 60 h 120"/>
                  <a:gd name="T84" fmla="*/ 0 w 40"/>
                  <a:gd name="T85" fmla="*/ 57 h 120"/>
                  <a:gd name="T86" fmla="*/ 0 w 40"/>
                  <a:gd name="T87" fmla="*/ 55 h 120"/>
                  <a:gd name="T88" fmla="*/ 0 w 40"/>
                  <a:gd name="T89" fmla="*/ 52 h 120"/>
                  <a:gd name="T90" fmla="*/ 0 w 40"/>
                  <a:gd name="T91" fmla="*/ 50 h 120"/>
                  <a:gd name="T92" fmla="*/ 0 w 40"/>
                  <a:gd name="T93" fmla="*/ 49 h 120"/>
                  <a:gd name="T94" fmla="*/ 1 w 40"/>
                  <a:gd name="T95" fmla="*/ 42 h 120"/>
                  <a:gd name="T96" fmla="*/ 8 w 40"/>
                  <a:gd name="T97" fmla="*/ 38 h 120"/>
                  <a:gd name="T98" fmla="*/ 8 w 40"/>
                  <a:gd name="T99" fmla="*/ 26 h 120"/>
                  <a:gd name="T100" fmla="*/ 15 w 40"/>
                  <a:gd name="T101" fmla="*/ 20 h 120"/>
                  <a:gd name="T102" fmla="*/ 15 w 40"/>
                  <a:gd name="T103" fmla="*/ 20 h 120"/>
                  <a:gd name="T104" fmla="*/ 17 w 40"/>
                  <a:gd name="T105" fmla="*/ 20 h 120"/>
                  <a:gd name="T106" fmla="*/ 17 w 40"/>
                  <a:gd name="T107" fmla="*/ 20 h 120"/>
                  <a:gd name="T108" fmla="*/ 17 w 40"/>
                  <a:gd name="T109" fmla="*/ 20 h 120"/>
                  <a:gd name="T110" fmla="*/ 13 w 40"/>
                  <a:gd name="T111" fmla="*/ 20 h 120"/>
                  <a:gd name="T112" fmla="*/ 11 w 40"/>
                  <a:gd name="T113" fmla="*/ 18 h 120"/>
                  <a:gd name="T114" fmla="*/ 8 w 40"/>
                  <a:gd name="T115" fmla="*/ 17 h 120"/>
                  <a:gd name="T116" fmla="*/ 8 w 40"/>
                  <a:gd name="T117" fmla="*/ 17 h 120"/>
                  <a:gd name="T118" fmla="*/ 8 w 40"/>
                  <a:gd name="T119" fmla="*/ 17 h 120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w 40"/>
                  <a:gd name="T181" fmla="*/ 0 h 120"/>
                  <a:gd name="T182" fmla="*/ 40 w 40"/>
                  <a:gd name="T183" fmla="*/ 120 h 120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T180" t="T181" r="T182" b="T183"/>
                <a:pathLst>
                  <a:path w="40" h="120">
                    <a:moveTo>
                      <a:pt x="8" y="17"/>
                    </a:moveTo>
                    <a:lnTo>
                      <a:pt x="8" y="17"/>
                    </a:lnTo>
                    <a:lnTo>
                      <a:pt x="11" y="13"/>
                    </a:lnTo>
                    <a:lnTo>
                      <a:pt x="13" y="12"/>
                    </a:lnTo>
                    <a:lnTo>
                      <a:pt x="17" y="8"/>
                    </a:lnTo>
                    <a:lnTo>
                      <a:pt x="20" y="7"/>
                    </a:lnTo>
                    <a:lnTo>
                      <a:pt x="23" y="3"/>
                    </a:lnTo>
                    <a:lnTo>
                      <a:pt x="27" y="1"/>
                    </a:lnTo>
                    <a:lnTo>
                      <a:pt x="32" y="0"/>
                    </a:lnTo>
                    <a:lnTo>
                      <a:pt x="39" y="0"/>
                    </a:lnTo>
                    <a:lnTo>
                      <a:pt x="39" y="1"/>
                    </a:lnTo>
                    <a:lnTo>
                      <a:pt x="39" y="5"/>
                    </a:lnTo>
                    <a:lnTo>
                      <a:pt x="40" y="7"/>
                    </a:lnTo>
                    <a:lnTo>
                      <a:pt x="40" y="10"/>
                    </a:lnTo>
                    <a:lnTo>
                      <a:pt x="40" y="12"/>
                    </a:lnTo>
                    <a:lnTo>
                      <a:pt x="40" y="13"/>
                    </a:lnTo>
                    <a:lnTo>
                      <a:pt x="40" y="15"/>
                    </a:lnTo>
                    <a:lnTo>
                      <a:pt x="35" y="23"/>
                    </a:lnTo>
                    <a:lnTo>
                      <a:pt x="33" y="30"/>
                    </a:lnTo>
                    <a:lnTo>
                      <a:pt x="35" y="37"/>
                    </a:lnTo>
                    <a:lnTo>
                      <a:pt x="32" y="49"/>
                    </a:lnTo>
                    <a:lnTo>
                      <a:pt x="27" y="57"/>
                    </a:lnTo>
                    <a:lnTo>
                      <a:pt x="25" y="64"/>
                    </a:lnTo>
                    <a:lnTo>
                      <a:pt x="15" y="73"/>
                    </a:lnTo>
                    <a:lnTo>
                      <a:pt x="15" y="81"/>
                    </a:lnTo>
                    <a:lnTo>
                      <a:pt x="8" y="93"/>
                    </a:lnTo>
                    <a:lnTo>
                      <a:pt x="8" y="98"/>
                    </a:lnTo>
                    <a:lnTo>
                      <a:pt x="8" y="100"/>
                    </a:lnTo>
                    <a:lnTo>
                      <a:pt x="8" y="105"/>
                    </a:lnTo>
                    <a:lnTo>
                      <a:pt x="8" y="110"/>
                    </a:lnTo>
                    <a:lnTo>
                      <a:pt x="8" y="117"/>
                    </a:lnTo>
                    <a:lnTo>
                      <a:pt x="8" y="120"/>
                    </a:lnTo>
                    <a:lnTo>
                      <a:pt x="6" y="120"/>
                    </a:lnTo>
                    <a:lnTo>
                      <a:pt x="5" y="115"/>
                    </a:lnTo>
                    <a:lnTo>
                      <a:pt x="1" y="101"/>
                    </a:lnTo>
                    <a:lnTo>
                      <a:pt x="1" y="98"/>
                    </a:lnTo>
                    <a:lnTo>
                      <a:pt x="0" y="95"/>
                    </a:lnTo>
                    <a:lnTo>
                      <a:pt x="0" y="88"/>
                    </a:lnTo>
                    <a:lnTo>
                      <a:pt x="0" y="83"/>
                    </a:lnTo>
                    <a:lnTo>
                      <a:pt x="0" y="78"/>
                    </a:lnTo>
                    <a:lnTo>
                      <a:pt x="0" y="73"/>
                    </a:lnTo>
                    <a:lnTo>
                      <a:pt x="0" y="69"/>
                    </a:lnTo>
                    <a:lnTo>
                      <a:pt x="0" y="67"/>
                    </a:lnTo>
                    <a:lnTo>
                      <a:pt x="1" y="56"/>
                    </a:lnTo>
                    <a:lnTo>
                      <a:pt x="8" y="52"/>
                    </a:lnTo>
                    <a:lnTo>
                      <a:pt x="8" y="40"/>
                    </a:lnTo>
                    <a:lnTo>
                      <a:pt x="15" y="30"/>
                    </a:lnTo>
                    <a:lnTo>
                      <a:pt x="17" y="27"/>
                    </a:lnTo>
                    <a:lnTo>
                      <a:pt x="17" y="23"/>
                    </a:lnTo>
                    <a:lnTo>
                      <a:pt x="17" y="20"/>
                    </a:lnTo>
                    <a:lnTo>
                      <a:pt x="13" y="20"/>
                    </a:lnTo>
                    <a:lnTo>
                      <a:pt x="11" y="18"/>
                    </a:lnTo>
                    <a:lnTo>
                      <a:pt x="8" y="1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5" name="Freeform 54"/>
              <p:cNvSpPr>
                <a:spLocks/>
              </p:cNvSpPr>
              <p:nvPr/>
            </p:nvSpPr>
            <p:spPr bwMode="auto">
              <a:xfrm>
                <a:off x="3888" y="2151"/>
                <a:ext cx="768" cy="436"/>
              </a:xfrm>
              <a:custGeom>
                <a:avLst/>
                <a:gdLst>
                  <a:gd name="T0" fmla="*/ 660 w 776"/>
                  <a:gd name="T1" fmla="*/ 262 h 440"/>
                  <a:gd name="T2" fmla="*/ 669 w 776"/>
                  <a:gd name="T3" fmla="*/ 269 h 440"/>
                  <a:gd name="T4" fmla="*/ 641 w 776"/>
                  <a:gd name="T5" fmla="*/ 240 h 440"/>
                  <a:gd name="T6" fmla="*/ 626 w 776"/>
                  <a:gd name="T7" fmla="*/ 236 h 440"/>
                  <a:gd name="T8" fmla="*/ 628 w 776"/>
                  <a:gd name="T9" fmla="*/ 247 h 440"/>
                  <a:gd name="T10" fmla="*/ 620 w 776"/>
                  <a:gd name="T11" fmla="*/ 249 h 440"/>
                  <a:gd name="T12" fmla="*/ 574 w 776"/>
                  <a:gd name="T13" fmla="*/ 221 h 440"/>
                  <a:gd name="T14" fmla="*/ 624 w 776"/>
                  <a:gd name="T15" fmla="*/ 224 h 440"/>
                  <a:gd name="T16" fmla="*/ 606 w 776"/>
                  <a:gd name="T17" fmla="*/ 206 h 440"/>
                  <a:gd name="T18" fmla="*/ 609 w 776"/>
                  <a:gd name="T19" fmla="*/ 170 h 440"/>
                  <a:gd name="T20" fmla="*/ 591 w 776"/>
                  <a:gd name="T21" fmla="*/ 160 h 440"/>
                  <a:gd name="T22" fmla="*/ 599 w 776"/>
                  <a:gd name="T23" fmla="*/ 132 h 440"/>
                  <a:gd name="T24" fmla="*/ 571 w 776"/>
                  <a:gd name="T25" fmla="*/ 113 h 440"/>
                  <a:gd name="T26" fmla="*/ 535 w 776"/>
                  <a:gd name="T27" fmla="*/ 98 h 440"/>
                  <a:gd name="T28" fmla="*/ 524 w 776"/>
                  <a:gd name="T29" fmla="*/ 98 h 440"/>
                  <a:gd name="T30" fmla="*/ 510 w 776"/>
                  <a:gd name="T31" fmla="*/ 96 h 440"/>
                  <a:gd name="T32" fmla="*/ 510 w 776"/>
                  <a:gd name="T33" fmla="*/ 66 h 440"/>
                  <a:gd name="T34" fmla="*/ 524 w 776"/>
                  <a:gd name="T35" fmla="*/ 55 h 440"/>
                  <a:gd name="T36" fmla="*/ 500 w 776"/>
                  <a:gd name="T37" fmla="*/ 29 h 440"/>
                  <a:gd name="T38" fmla="*/ 481 w 776"/>
                  <a:gd name="T39" fmla="*/ 14 h 440"/>
                  <a:gd name="T40" fmla="*/ 469 w 776"/>
                  <a:gd name="T41" fmla="*/ 4 h 440"/>
                  <a:gd name="T42" fmla="*/ 461 w 776"/>
                  <a:gd name="T43" fmla="*/ 10 h 440"/>
                  <a:gd name="T44" fmla="*/ 442 w 776"/>
                  <a:gd name="T45" fmla="*/ 19 h 440"/>
                  <a:gd name="T46" fmla="*/ 415 w 776"/>
                  <a:gd name="T47" fmla="*/ 4 h 440"/>
                  <a:gd name="T48" fmla="*/ 401 w 776"/>
                  <a:gd name="T49" fmla="*/ 41 h 440"/>
                  <a:gd name="T50" fmla="*/ 388 w 776"/>
                  <a:gd name="T51" fmla="*/ 57 h 440"/>
                  <a:gd name="T52" fmla="*/ 381 w 776"/>
                  <a:gd name="T53" fmla="*/ 74 h 440"/>
                  <a:gd name="T54" fmla="*/ 368 w 776"/>
                  <a:gd name="T55" fmla="*/ 71 h 440"/>
                  <a:gd name="T56" fmla="*/ 358 w 776"/>
                  <a:gd name="T57" fmla="*/ 93 h 440"/>
                  <a:gd name="T58" fmla="*/ 355 w 776"/>
                  <a:gd name="T59" fmla="*/ 105 h 440"/>
                  <a:gd name="T60" fmla="*/ 345 w 776"/>
                  <a:gd name="T61" fmla="*/ 125 h 440"/>
                  <a:gd name="T62" fmla="*/ 320 w 776"/>
                  <a:gd name="T63" fmla="*/ 113 h 440"/>
                  <a:gd name="T64" fmla="*/ 315 w 776"/>
                  <a:gd name="T65" fmla="*/ 137 h 440"/>
                  <a:gd name="T66" fmla="*/ 311 w 776"/>
                  <a:gd name="T67" fmla="*/ 150 h 440"/>
                  <a:gd name="T68" fmla="*/ 306 w 776"/>
                  <a:gd name="T69" fmla="*/ 159 h 440"/>
                  <a:gd name="T70" fmla="*/ 300 w 776"/>
                  <a:gd name="T71" fmla="*/ 182 h 440"/>
                  <a:gd name="T72" fmla="*/ 284 w 776"/>
                  <a:gd name="T73" fmla="*/ 213 h 440"/>
                  <a:gd name="T74" fmla="*/ 284 w 776"/>
                  <a:gd name="T75" fmla="*/ 224 h 440"/>
                  <a:gd name="T76" fmla="*/ 271 w 776"/>
                  <a:gd name="T77" fmla="*/ 253 h 440"/>
                  <a:gd name="T78" fmla="*/ 254 w 776"/>
                  <a:gd name="T79" fmla="*/ 253 h 440"/>
                  <a:gd name="T80" fmla="*/ 237 w 776"/>
                  <a:gd name="T81" fmla="*/ 257 h 440"/>
                  <a:gd name="T82" fmla="*/ 234 w 776"/>
                  <a:gd name="T83" fmla="*/ 268 h 440"/>
                  <a:gd name="T84" fmla="*/ 226 w 776"/>
                  <a:gd name="T85" fmla="*/ 271 h 440"/>
                  <a:gd name="T86" fmla="*/ 205 w 776"/>
                  <a:gd name="T87" fmla="*/ 276 h 440"/>
                  <a:gd name="T88" fmla="*/ 192 w 776"/>
                  <a:gd name="T89" fmla="*/ 280 h 440"/>
                  <a:gd name="T90" fmla="*/ 165 w 776"/>
                  <a:gd name="T91" fmla="*/ 285 h 440"/>
                  <a:gd name="T92" fmla="*/ 142 w 776"/>
                  <a:gd name="T93" fmla="*/ 267 h 440"/>
                  <a:gd name="T94" fmla="*/ 126 w 776"/>
                  <a:gd name="T95" fmla="*/ 282 h 440"/>
                  <a:gd name="T96" fmla="*/ 128 w 776"/>
                  <a:gd name="T97" fmla="*/ 278 h 440"/>
                  <a:gd name="T98" fmla="*/ 99 w 776"/>
                  <a:gd name="T99" fmla="*/ 302 h 440"/>
                  <a:gd name="T100" fmla="*/ 84 w 776"/>
                  <a:gd name="T101" fmla="*/ 326 h 440"/>
                  <a:gd name="T102" fmla="*/ 75 w 776"/>
                  <a:gd name="T103" fmla="*/ 339 h 440"/>
                  <a:gd name="T104" fmla="*/ 70 w 776"/>
                  <a:gd name="T105" fmla="*/ 347 h 440"/>
                  <a:gd name="T106" fmla="*/ 50 w 776"/>
                  <a:gd name="T107" fmla="*/ 358 h 440"/>
                  <a:gd name="T108" fmla="*/ 48 w 776"/>
                  <a:gd name="T109" fmla="*/ 364 h 440"/>
                  <a:gd name="T110" fmla="*/ 22 w 776"/>
                  <a:gd name="T111" fmla="*/ 375 h 440"/>
                  <a:gd name="T112" fmla="*/ 0 w 776"/>
                  <a:gd name="T113" fmla="*/ 384 h 440"/>
                  <a:gd name="T114" fmla="*/ 182 w 776"/>
                  <a:gd name="T115" fmla="*/ 358 h 440"/>
                  <a:gd name="T116" fmla="*/ 218 w 776"/>
                  <a:gd name="T117" fmla="*/ 356 h 440"/>
                  <a:gd name="T118" fmla="*/ 284 w 776"/>
                  <a:gd name="T119" fmla="*/ 349 h 440"/>
                  <a:gd name="T120" fmla="*/ 384 w 776"/>
                  <a:gd name="T121" fmla="*/ 334 h 440"/>
                  <a:gd name="T122" fmla="*/ 506 w 776"/>
                  <a:gd name="T123" fmla="*/ 309 h 440"/>
                  <a:gd name="T124" fmla="*/ 654 w 776"/>
                  <a:gd name="T125" fmla="*/ 271 h 440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  <a:gd name="T189" fmla="*/ 0 w 776"/>
                  <a:gd name="T190" fmla="*/ 0 h 440"/>
                  <a:gd name="T191" fmla="*/ 776 w 776"/>
                  <a:gd name="T192" fmla="*/ 440 h 440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T189" t="T190" r="T191" b="T192"/>
                <a:pathLst>
                  <a:path w="776" h="440">
                    <a:moveTo>
                      <a:pt x="761" y="310"/>
                    </a:moveTo>
                    <a:lnTo>
                      <a:pt x="763" y="310"/>
                    </a:lnTo>
                    <a:lnTo>
                      <a:pt x="765" y="312"/>
                    </a:lnTo>
                    <a:lnTo>
                      <a:pt x="766" y="312"/>
                    </a:lnTo>
                    <a:lnTo>
                      <a:pt x="766" y="310"/>
                    </a:lnTo>
                    <a:lnTo>
                      <a:pt x="763" y="298"/>
                    </a:lnTo>
                    <a:lnTo>
                      <a:pt x="763" y="293"/>
                    </a:lnTo>
                    <a:lnTo>
                      <a:pt x="765" y="295"/>
                    </a:lnTo>
                    <a:lnTo>
                      <a:pt x="768" y="298"/>
                    </a:lnTo>
                    <a:lnTo>
                      <a:pt x="770" y="305"/>
                    </a:lnTo>
                    <a:lnTo>
                      <a:pt x="773" y="308"/>
                    </a:lnTo>
                    <a:lnTo>
                      <a:pt x="773" y="310"/>
                    </a:lnTo>
                    <a:lnTo>
                      <a:pt x="776" y="305"/>
                    </a:lnTo>
                    <a:lnTo>
                      <a:pt x="758" y="264"/>
                    </a:lnTo>
                    <a:lnTo>
                      <a:pt x="749" y="263"/>
                    </a:lnTo>
                    <a:lnTo>
                      <a:pt x="743" y="268"/>
                    </a:lnTo>
                    <a:lnTo>
                      <a:pt x="741" y="268"/>
                    </a:lnTo>
                    <a:lnTo>
                      <a:pt x="739" y="268"/>
                    </a:lnTo>
                    <a:lnTo>
                      <a:pt x="736" y="268"/>
                    </a:lnTo>
                    <a:lnTo>
                      <a:pt x="734" y="268"/>
                    </a:lnTo>
                    <a:lnTo>
                      <a:pt x="729" y="264"/>
                    </a:lnTo>
                    <a:lnTo>
                      <a:pt x="726" y="263"/>
                    </a:lnTo>
                    <a:lnTo>
                      <a:pt x="724" y="264"/>
                    </a:lnTo>
                    <a:lnTo>
                      <a:pt x="722" y="266"/>
                    </a:lnTo>
                    <a:lnTo>
                      <a:pt x="722" y="268"/>
                    </a:lnTo>
                    <a:lnTo>
                      <a:pt x="722" y="269"/>
                    </a:lnTo>
                    <a:lnTo>
                      <a:pt x="722" y="271"/>
                    </a:lnTo>
                    <a:lnTo>
                      <a:pt x="722" y="273"/>
                    </a:lnTo>
                    <a:lnTo>
                      <a:pt x="726" y="276"/>
                    </a:lnTo>
                    <a:lnTo>
                      <a:pt x="727" y="280"/>
                    </a:lnTo>
                    <a:lnTo>
                      <a:pt x="726" y="280"/>
                    </a:lnTo>
                    <a:lnTo>
                      <a:pt x="724" y="280"/>
                    </a:lnTo>
                    <a:lnTo>
                      <a:pt x="722" y="280"/>
                    </a:lnTo>
                    <a:lnTo>
                      <a:pt x="719" y="278"/>
                    </a:lnTo>
                    <a:lnTo>
                      <a:pt x="717" y="278"/>
                    </a:lnTo>
                    <a:lnTo>
                      <a:pt x="717" y="276"/>
                    </a:lnTo>
                    <a:lnTo>
                      <a:pt x="707" y="276"/>
                    </a:lnTo>
                    <a:lnTo>
                      <a:pt x="700" y="269"/>
                    </a:lnTo>
                    <a:lnTo>
                      <a:pt x="692" y="266"/>
                    </a:lnTo>
                    <a:lnTo>
                      <a:pt x="682" y="251"/>
                    </a:lnTo>
                    <a:lnTo>
                      <a:pt x="663" y="249"/>
                    </a:lnTo>
                    <a:lnTo>
                      <a:pt x="651" y="247"/>
                    </a:lnTo>
                    <a:lnTo>
                      <a:pt x="633" y="241"/>
                    </a:lnTo>
                    <a:lnTo>
                      <a:pt x="648" y="239"/>
                    </a:lnTo>
                    <a:lnTo>
                      <a:pt x="685" y="244"/>
                    </a:lnTo>
                    <a:lnTo>
                      <a:pt x="710" y="266"/>
                    </a:lnTo>
                    <a:lnTo>
                      <a:pt x="722" y="252"/>
                    </a:lnTo>
                    <a:lnTo>
                      <a:pt x="704" y="239"/>
                    </a:lnTo>
                    <a:lnTo>
                      <a:pt x="683" y="230"/>
                    </a:lnTo>
                    <a:lnTo>
                      <a:pt x="663" y="212"/>
                    </a:lnTo>
                    <a:lnTo>
                      <a:pt x="670" y="214"/>
                    </a:lnTo>
                    <a:lnTo>
                      <a:pt x="690" y="229"/>
                    </a:lnTo>
                    <a:lnTo>
                      <a:pt x="700" y="234"/>
                    </a:lnTo>
                    <a:lnTo>
                      <a:pt x="707" y="229"/>
                    </a:lnTo>
                    <a:lnTo>
                      <a:pt x="699" y="222"/>
                    </a:lnTo>
                    <a:lnTo>
                      <a:pt x="699" y="212"/>
                    </a:lnTo>
                    <a:lnTo>
                      <a:pt x="716" y="220"/>
                    </a:lnTo>
                    <a:lnTo>
                      <a:pt x="716" y="207"/>
                    </a:lnTo>
                    <a:lnTo>
                      <a:pt x="704" y="198"/>
                    </a:lnTo>
                    <a:lnTo>
                      <a:pt x="700" y="190"/>
                    </a:lnTo>
                    <a:lnTo>
                      <a:pt x="682" y="188"/>
                    </a:lnTo>
                    <a:lnTo>
                      <a:pt x="656" y="170"/>
                    </a:lnTo>
                    <a:lnTo>
                      <a:pt x="639" y="151"/>
                    </a:lnTo>
                    <a:lnTo>
                      <a:pt x="661" y="168"/>
                    </a:lnTo>
                    <a:lnTo>
                      <a:pt x="683" y="183"/>
                    </a:lnTo>
                    <a:lnTo>
                      <a:pt x="700" y="185"/>
                    </a:lnTo>
                    <a:lnTo>
                      <a:pt x="700" y="163"/>
                    </a:lnTo>
                    <a:lnTo>
                      <a:pt x="707" y="154"/>
                    </a:lnTo>
                    <a:lnTo>
                      <a:pt x="707" y="149"/>
                    </a:lnTo>
                    <a:lnTo>
                      <a:pt x="700" y="149"/>
                    </a:lnTo>
                    <a:lnTo>
                      <a:pt x="692" y="146"/>
                    </a:lnTo>
                    <a:lnTo>
                      <a:pt x="685" y="142"/>
                    </a:lnTo>
                    <a:lnTo>
                      <a:pt x="677" y="139"/>
                    </a:lnTo>
                    <a:lnTo>
                      <a:pt x="672" y="134"/>
                    </a:lnTo>
                    <a:lnTo>
                      <a:pt x="665" y="131"/>
                    </a:lnTo>
                    <a:lnTo>
                      <a:pt x="661" y="129"/>
                    </a:lnTo>
                    <a:lnTo>
                      <a:pt x="660" y="127"/>
                    </a:lnTo>
                    <a:lnTo>
                      <a:pt x="648" y="127"/>
                    </a:lnTo>
                    <a:lnTo>
                      <a:pt x="638" y="124"/>
                    </a:lnTo>
                    <a:lnTo>
                      <a:pt x="629" y="122"/>
                    </a:lnTo>
                    <a:lnTo>
                      <a:pt x="624" y="119"/>
                    </a:lnTo>
                    <a:lnTo>
                      <a:pt x="621" y="115"/>
                    </a:lnTo>
                    <a:lnTo>
                      <a:pt x="619" y="112"/>
                    </a:lnTo>
                    <a:lnTo>
                      <a:pt x="617" y="110"/>
                    </a:lnTo>
                    <a:lnTo>
                      <a:pt x="614" y="110"/>
                    </a:lnTo>
                    <a:lnTo>
                      <a:pt x="611" y="112"/>
                    </a:lnTo>
                    <a:lnTo>
                      <a:pt x="607" y="112"/>
                    </a:lnTo>
                    <a:lnTo>
                      <a:pt x="604" y="114"/>
                    </a:lnTo>
                    <a:lnTo>
                      <a:pt x="600" y="114"/>
                    </a:lnTo>
                    <a:lnTo>
                      <a:pt x="597" y="115"/>
                    </a:lnTo>
                    <a:lnTo>
                      <a:pt x="592" y="114"/>
                    </a:lnTo>
                    <a:lnTo>
                      <a:pt x="590" y="110"/>
                    </a:lnTo>
                    <a:lnTo>
                      <a:pt x="589" y="104"/>
                    </a:lnTo>
                    <a:lnTo>
                      <a:pt x="589" y="98"/>
                    </a:lnTo>
                    <a:lnTo>
                      <a:pt x="589" y="92"/>
                    </a:lnTo>
                    <a:lnTo>
                      <a:pt x="589" y="87"/>
                    </a:lnTo>
                    <a:lnTo>
                      <a:pt x="590" y="82"/>
                    </a:lnTo>
                    <a:lnTo>
                      <a:pt x="590" y="80"/>
                    </a:lnTo>
                    <a:lnTo>
                      <a:pt x="592" y="80"/>
                    </a:lnTo>
                    <a:lnTo>
                      <a:pt x="594" y="78"/>
                    </a:lnTo>
                    <a:lnTo>
                      <a:pt x="597" y="76"/>
                    </a:lnTo>
                    <a:lnTo>
                      <a:pt x="599" y="75"/>
                    </a:lnTo>
                    <a:lnTo>
                      <a:pt x="606" y="65"/>
                    </a:lnTo>
                    <a:lnTo>
                      <a:pt x="607" y="56"/>
                    </a:lnTo>
                    <a:lnTo>
                      <a:pt x="606" y="48"/>
                    </a:lnTo>
                    <a:lnTo>
                      <a:pt x="600" y="41"/>
                    </a:lnTo>
                    <a:lnTo>
                      <a:pt x="594" y="36"/>
                    </a:lnTo>
                    <a:lnTo>
                      <a:pt x="587" y="32"/>
                    </a:lnTo>
                    <a:lnTo>
                      <a:pt x="582" y="31"/>
                    </a:lnTo>
                    <a:lnTo>
                      <a:pt x="578" y="29"/>
                    </a:lnTo>
                    <a:lnTo>
                      <a:pt x="567" y="29"/>
                    </a:lnTo>
                    <a:lnTo>
                      <a:pt x="560" y="26"/>
                    </a:lnTo>
                    <a:lnTo>
                      <a:pt x="555" y="24"/>
                    </a:lnTo>
                    <a:lnTo>
                      <a:pt x="555" y="19"/>
                    </a:lnTo>
                    <a:lnTo>
                      <a:pt x="555" y="16"/>
                    </a:lnTo>
                    <a:lnTo>
                      <a:pt x="555" y="14"/>
                    </a:lnTo>
                    <a:lnTo>
                      <a:pt x="556" y="10"/>
                    </a:lnTo>
                    <a:lnTo>
                      <a:pt x="556" y="9"/>
                    </a:lnTo>
                    <a:lnTo>
                      <a:pt x="553" y="5"/>
                    </a:lnTo>
                    <a:lnTo>
                      <a:pt x="550" y="2"/>
                    </a:lnTo>
                    <a:lnTo>
                      <a:pt x="545" y="2"/>
                    </a:lnTo>
                    <a:lnTo>
                      <a:pt x="541" y="4"/>
                    </a:lnTo>
                    <a:lnTo>
                      <a:pt x="536" y="5"/>
                    </a:lnTo>
                    <a:lnTo>
                      <a:pt x="533" y="5"/>
                    </a:lnTo>
                    <a:lnTo>
                      <a:pt x="531" y="7"/>
                    </a:lnTo>
                    <a:lnTo>
                      <a:pt x="529" y="9"/>
                    </a:lnTo>
                    <a:lnTo>
                      <a:pt x="531" y="9"/>
                    </a:lnTo>
                    <a:lnTo>
                      <a:pt x="531" y="10"/>
                    </a:lnTo>
                    <a:lnTo>
                      <a:pt x="531" y="14"/>
                    </a:lnTo>
                    <a:lnTo>
                      <a:pt x="531" y="17"/>
                    </a:lnTo>
                    <a:lnTo>
                      <a:pt x="529" y="19"/>
                    </a:lnTo>
                    <a:lnTo>
                      <a:pt x="526" y="21"/>
                    </a:lnTo>
                    <a:lnTo>
                      <a:pt x="521" y="22"/>
                    </a:lnTo>
                    <a:lnTo>
                      <a:pt x="512" y="19"/>
                    </a:lnTo>
                    <a:lnTo>
                      <a:pt x="499" y="14"/>
                    </a:lnTo>
                    <a:lnTo>
                      <a:pt x="497" y="12"/>
                    </a:lnTo>
                    <a:lnTo>
                      <a:pt x="494" y="10"/>
                    </a:lnTo>
                    <a:lnTo>
                      <a:pt x="489" y="9"/>
                    </a:lnTo>
                    <a:lnTo>
                      <a:pt x="484" y="7"/>
                    </a:lnTo>
                    <a:lnTo>
                      <a:pt x="480" y="4"/>
                    </a:lnTo>
                    <a:lnTo>
                      <a:pt x="475" y="2"/>
                    </a:lnTo>
                    <a:lnTo>
                      <a:pt x="472" y="0"/>
                    </a:lnTo>
                    <a:lnTo>
                      <a:pt x="468" y="34"/>
                    </a:lnTo>
                    <a:lnTo>
                      <a:pt x="463" y="39"/>
                    </a:lnTo>
                    <a:lnTo>
                      <a:pt x="463" y="41"/>
                    </a:lnTo>
                    <a:lnTo>
                      <a:pt x="462" y="46"/>
                    </a:lnTo>
                    <a:lnTo>
                      <a:pt x="460" y="51"/>
                    </a:lnTo>
                    <a:lnTo>
                      <a:pt x="457" y="58"/>
                    </a:lnTo>
                    <a:lnTo>
                      <a:pt x="453" y="65"/>
                    </a:lnTo>
                    <a:lnTo>
                      <a:pt x="450" y="68"/>
                    </a:lnTo>
                    <a:lnTo>
                      <a:pt x="446" y="71"/>
                    </a:lnTo>
                    <a:lnTo>
                      <a:pt x="443" y="70"/>
                    </a:lnTo>
                    <a:lnTo>
                      <a:pt x="443" y="71"/>
                    </a:lnTo>
                    <a:lnTo>
                      <a:pt x="443" y="75"/>
                    </a:lnTo>
                    <a:lnTo>
                      <a:pt x="441" y="78"/>
                    </a:lnTo>
                    <a:lnTo>
                      <a:pt x="440" y="83"/>
                    </a:lnTo>
                    <a:lnTo>
                      <a:pt x="438" y="88"/>
                    </a:lnTo>
                    <a:lnTo>
                      <a:pt x="435" y="92"/>
                    </a:lnTo>
                    <a:lnTo>
                      <a:pt x="433" y="92"/>
                    </a:lnTo>
                    <a:lnTo>
                      <a:pt x="430" y="88"/>
                    </a:lnTo>
                    <a:lnTo>
                      <a:pt x="428" y="88"/>
                    </a:lnTo>
                    <a:lnTo>
                      <a:pt x="426" y="87"/>
                    </a:lnTo>
                    <a:lnTo>
                      <a:pt x="424" y="85"/>
                    </a:lnTo>
                    <a:lnTo>
                      <a:pt x="421" y="85"/>
                    </a:lnTo>
                    <a:lnTo>
                      <a:pt x="419" y="87"/>
                    </a:lnTo>
                    <a:lnTo>
                      <a:pt x="416" y="88"/>
                    </a:lnTo>
                    <a:lnTo>
                      <a:pt x="414" y="95"/>
                    </a:lnTo>
                    <a:lnTo>
                      <a:pt x="414" y="105"/>
                    </a:lnTo>
                    <a:lnTo>
                      <a:pt x="414" y="107"/>
                    </a:lnTo>
                    <a:lnTo>
                      <a:pt x="414" y="109"/>
                    </a:lnTo>
                    <a:lnTo>
                      <a:pt x="413" y="112"/>
                    </a:lnTo>
                    <a:lnTo>
                      <a:pt x="413" y="114"/>
                    </a:lnTo>
                    <a:lnTo>
                      <a:pt x="411" y="115"/>
                    </a:lnTo>
                    <a:lnTo>
                      <a:pt x="411" y="117"/>
                    </a:lnTo>
                    <a:lnTo>
                      <a:pt x="411" y="119"/>
                    </a:lnTo>
                    <a:lnTo>
                      <a:pt x="411" y="120"/>
                    </a:lnTo>
                    <a:lnTo>
                      <a:pt x="409" y="124"/>
                    </a:lnTo>
                    <a:lnTo>
                      <a:pt x="408" y="131"/>
                    </a:lnTo>
                    <a:lnTo>
                      <a:pt x="406" y="136"/>
                    </a:lnTo>
                    <a:lnTo>
                      <a:pt x="401" y="139"/>
                    </a:lnTo>
                    <a:lnTo>
                      <a:pt x="396" y="141"/>
                    </a:lnTo>
                    <a:lnTo>
                      <a:pt x="389" y="139"/>
                    </a:lnTo>
                    <a:lnTo>
                      <a:pt x="379" y="132"/>
                    </a:lnTo>
                    <a:lnTo>
                      <a:pt x="377" y="131"/>
                    </a:lnTo>
                    <a:lnTo>
                      <a:pt x="374" y="129"/>
                    </a:lnTo>
                    <a:lnTo>
                      <a:pt x="370" y="127"/>
                    </a:lnTo>
                    <a:lnTo>
                      <a:pt x="367" y="127"/>
                    </a:lnTo>
                    <a:lnTo>
                      <a:pt x="364" y="129"/>
                    </a:lnTo>
                    <a:lnTo>
                      <a:pt x="362" y="132"/>
                    </a:lnTo>
                    <a:lnTo>
                      <a:pt x="362" y="139"/>
                    </a:lnTo>
                    <a:lnTo>
                      <a:pt x="364" y="149"/>
                    </a:lnTo>
                    <a:lnTo>
                      <a:pt x="364" y="151"/>
                    </a:lnTo>
                    <a:lnTo>
                      <a:pt x="364" y="154"/>
                    </a:lnTo>
                    <a:lnTo>
                      <a:pt x="362" y="156"/>
                    </a:lnTo>
                    <a:lnTo>
                      <a:pt x="360" y="158"/>
                    </a:lnTo>
                    <a:lnTo>
                      <a:pt x="360" y="161"/>
                    </a:lnTo>
                    <a:lnTo>
                      <a:pt x="358" y="163"/>
                    </a:lnTo>
                    <a:lnTo>
                      <a:pt x="358" y="164"/>
                    </a:lnTo>
                    <a:lnTo>
                      <a:pt x="357" y="164"/>
                    </a:lnTo>
                    <a:lnTo>
                      <a:pt x="355" y="176"/>
                    </a:lnTo>
                    <a:lnTo>
                      <a:pt x="353" y="178"/>
                    </a:lnTo>
                    <a:lnTo>
                      <a:pt x="352" y="180"/>
                    </a:lnTo>
                    <a:lnTo>
                      <a:pt x="352" y="181"/>
                    </a:lnTo>
                    <a:lnTo>
                      <a:pt x="350" y="185"/>
                    </a:lnTo>
                    <a:lnTo>
                      <a:pt x="348" y="190"/>
                    </a:lnTo>
                    <a:lnTo>
                      <a:pt x="347" y="197"/>
                    </a:lnTo>
                    <a:lnTo>
                      <a:pt x="347" y="203"/>
                    </a:lnTo>
                    <a:lnTo>
                      <a:pt x="347" y="207"/>
                    </a:lnTo>
                    <a:lnTo>
                      <a:pt x="343" y="210"/>
                    </a:lnTo>
                    <a:lnTo>
                      <a:pt x="340" y="215"/>
                    </a:lnTo>
                    <a:lnTo>
                      <a:pt x="336" y="220"/>
                    </a:lnTo>
                    <a:lnTo>
                      <a:pt x="333" y="225"/>
                    </a:lnTo>
                    <a:lnTo>
                      <a:pt x="330" y="230"/>
                    </a:lnTo>
                    <a:lnTo>
                      <a:pt x="328" y="236"/>
                    </a:lnTo>
                    <a:lnTo>
                      <a:pt x="326" y="241"/>
                    </a:lnTo>
                    <a:lnTo>
                      <a:pt x="326" y="242"/>
                    </a:lnTo>
                    <a:lnTo>
                      <a:pt x="326" y="244"/>
                    </a:lnTo>
                    <a:lnTo>
                      <a:pt x="326" y="246"/>
                    </a:lnTo>
                    <a:lnTo>
                      <a:pt x="326" y="249"/>
                    </a:lnTo>
                    <a:lnTo>
                      <a:pt x="326" y="251"/>
                    </a:lnTo>
                    <a:lnTo>
                      <a:pt x="326" y="252"/>
                    </a:lnTo>
                    <a:lnTo>
                      <a:pt x="326" y="254"/>
                    </a:lnTo>
                    <a:lnTo>
                      <a:pt x="331" y="258"/>
                    </a:lnTo>
                    <a:lnTo>
                      <a:pt x="325" y="266"/>
                    </a:lnTo>
                    <a:lnTo>
                      <a:pt x="330" y="273"/>
                    </a:lnTo>
                    <a:lnTo>
                      <a:pt x="313" y="285"/>
                    </a:lnTo>
                    <a:lnTo>
                      <a:pt x="311" y="285"/>
                    </a:lnTo>
                    <a:lnTo>
                      <a:pt x="308" y="283"/>
                    </a:lnTo>
                    <a:lnTo>
                      <a:pt x="304" y="283"/>
                    </a:lnTo>
                    <a:lnTo>
                      <a:pt x="299" y="283"/>
                    </a:lnTo>
                    <a:lnTo>
                      <a:pt x="296" y="285"/>
                    </a:lnTo>
                    <a:lnTo>
                      <a:pt x="291" y="290"/>
                    </a:lnTo>
                    <a:lnTo>
                      <a:pt x="289" y="296"/>
                    </a:lnTo>
                    <a:lnTo>
                      <a:pt x="287" y="295"/>
                    </a:lnTo>
                    <a:lnTo>
                      <a:pt x="286" y="293"/>
                    </a:lnTo>
                    <a:lnTo>
                      <a:pt x="282" y="293"/>
                    </a:lnTo>
                    <a:lnTo>
                      <a:pt x="277" y="291"/>
                    </a:lnTo>
                    <a:lnTo>
                      <a:pt x="274" y="291"/>
                    </a:lnTo>
                    <a:lnTo>
                      <a:pt x="272" y="293"/>
                    </a:lnTo>
                    <a:lnTo>
                      <a:pt x="272" y="296"/>
                    </a:lnTo>
                    <a:lnTo>
                      <a:pt x="274" y="303"/>
                    </a:lnTo>
                    <a:lnTo>
                      <a:pt x="274" y="305"/>
                    </a:lnTo>
                    <a:lnTo>
                      <a:pt x="272" y="307"/>
                    </a:lnTo>
                    <a:lnTo>
                      <a:pt x="270" y="307"/>
                    </a:lnTo>
                    <a:lnTo>
                      <a:pt x="267" y="308"/>
                    </a:lnTo>
                    <a:lnTo>
                      <a:pt x="264" y="310"/>
                    </a:lnTo>
                    <a:lnTo>
                      <a:pt x="262" y="312"/>
                    </a:lnTo>
                    <a:lnTo>
                      <a:pt x="260" y="312"/>
                    </a:lnTo>
                    <a:lnTo>
                      <a:pt x="259" y="313"/>
                    </a:lnTo>
                    <a:lnTo>
                      <a:pt x="255" y="315"/>
                    </a:lnTo>
                    <a:lnTo>
                      <a:pt x="250" y="317"/>
                    </a:lnTo>
                    <a:lnTo>
                      <a:pt x="243" y="318"/>
                    </a:lnTo>
                    <a:lnTo>
                      <a:pt x="238" y="318"/>
                    </a:lnTo>
                    <a:lnTo>
                      <a:pt x="233" y="318"/>
                    </a:lnTo>
                    <a:lnTo>
                      <a:pt x="230" y="317"/>
                    </a:lnTo>
                    <a:lnTo>
                      <a:pt x="228" y="312"/>
                    </a:lnTo>
                    <a:lnTo>
                      <a:pt x="226" y="315"/>
                    </a:lnTo>
                    <a:lnTo>
                      <a:pt x="223" y="318"/>
                    </a:lnTo>
                    <a:lnTo>
                      <a:pt x="220" y="322"/>
                    </a:lnTo>
                    <a:lnTo>
                      <a:pt x="215" y="327"/>
                    </a:lnTo>
                    <a:lnTo>
                      <a:pt x="210" y="329"/>
                    </a:lnTo>
                    <a:lnTo>
                      <a:pt x="204" y="329"/>
                    </a:lnTo>
                    <a:lnTo>
                      <a:pt x="198" y="327"/>
                    </a:lnTo>
                    <a:lnTo>
                      <a:pt x="196" y="327"/>
                    </a:lnTo>
                    <a:lnTo>
                      <a:pt x="193" y="327"/>
                    </a:lnTo>
                    <a:lnTo>
                      <a:pt x="189" y="325"/>
                    </a:lnTo>
                    <a:lnTo>
                      <a:pt x="186" y="324"/>
                    </a:lnTo>
                    <a:lnTo>
                      <a:pt x="181" y="322"/>
                    </a:lnTo>
                    <a:lnTo>
                      <a:pt x="176" y="317"/>
                    </a:lnTo>
                    <a:lnTo>
                      <a:pt x="171" y="312"/>
                    </a:lnTo>
                    <a:lnTo>
                      <a:pt x="167" y="305"/>
                    </a:lnTo>
                    <a:lnTo>
                      <a:pt x="166" y="302"/>
                    </a:lnTo>
                    <a:lnTo>
                      <a:pt x="166" y="298"/>
                    </a:lnTo>
                    <a:lnTo>
                      <a:pt x="166" y="295"/>
                    </a:lnTo>
                    <a:lnTo>
                      <a:pt x="164" y="293"/>
                    </a:lnTo>
                    <a:lnTo>
                      <a:pt x="140" y="325"/>
                    </a:lnTo>
                    <a:lnTo>
                      <a:pt x="140" y="324"/>
                    </a:lnTo>
                    <a:lnTo>
                      <a:pt x="142" y="324"/>
                    </a:lnTo>
                    <a:lnTo>
                      <a:pt x="142" y="322"/>
                    </a:lnTo>
                    <a:lnTo>
                      <a:pt x="144" y="320"/>
                    </a:lnTo>
                    <a:lnTo>
                      <a:pt x="145" y="318"/>
                    </a:lnTo>
                    <a:lnTo>
                      <a:pt x="144" y="318"/>
                    </a:lnTo>
                    <a:lnTo>
                      <a:pt x="142" y="320"/>
                    </a:lnTo>
                    <a:lnTo>
                      <a:pt x="140" y="325"/>
                    </a:lnTo>
                    <a:lnTo>
                      <a:pt x="135" y="330"/>
                    </a:lnTo>
                    <a:lnTo>
                      <a:pt x="130" y="334"/>
                    </a:lnTo>
                    <a:lnTo>
                      <a:pt x="125" y="337"/>
                    </a:lnTo>
                    <a:lnTo>
                      <a:pt x="118" y="340"/>
                    </a:lnTo>
                    <a:lnTo>
                      <a:pt x="113" y="344"/>
                    </a:lnTo>
                    <a:lnTo>
                      <a:pt x="108" y="347"/>
                    </a:lnTo>
                    <a:lnTo>
                      <a:pt x="105" y="351"/>
                    </a:lnTo>
                    <a:lnTo>
                      <a:pt x="103" y="357"/>
                    </a:lnTo>
                    <a:lnTo>
                      <a:pt x="101" y="361"/>
                    </a:lnTo>
                    <a:lnTo>
                      <a:pt x="100" y="364"/>
                    </a:lnTo>
                    <a:lnTo>
                      <a:pt x="98" y="368"/>
                    </a:lnTo>
                    <a:lnTo>
                      <a:pt x="96" y="371"/>
                    </a:lnTo>
                    <a:lnTo>
                      <a:pt x="94" y="373"/>
                    </a:lnTo>
                    <a:lnTo>
                      <a:pt x="93" y="374"/>
                    </a:lnTo>
                    <a:lnTo>
                      <a:pt x="91" y="376"/>
                    </a:lnTo>
                    <a:lnTo>
                      <a:pt x="89" y="379"/>
                    </a:lnTo>
                    <a:lnTo>
                      <a:pt x="89" y="381"/>
                    </a:lnTo>
                    <a:lnTo>
                      <a:pt x="88" y="383"/>
                    </a:lnTo>
                    <a:lnTo>
                      <a:pt x="88" y="384"/>
                    </a:lnTo>
                    <a:lnTo>
                      <a:pt x="88" y="388"/>
                    </a:lnTo>
                    <a:lnTo>
                      <a:pt x="86" y="388"/>
                    </a:lnTo>
                    <a:lnTo>
                      <a:pt x="84" y="390"/>
                    </a:lnTo>
                    <a:lnTo>
                      <a:pt x="84" y="391"/>
                    </a:lnTo>
                    <a:lnTo>
                      <a:pt x="81" y="391"/>
                    </a:lnTo>
                    <a:lnTo>
                      <a:pt x="76" y="395"/>
                    </a:lnTo>
                    <a:lnTo>
                      <a:pt x="71" y="396"/>
                    </a:lnTo>
                    <a:lnTo>
                      <a:pt x="67" y="400"/>
                    </a:lnTo>
                    <a:lnTo>
                      <a:pt x="66" y="401"/>
                    </a:lnTo>
                    <a:lnTo>
                      <a:pt x="64" y="405"/>
                    </a:lnTo>
                    <a:lnTo>
                      <a:pt x="62" y="406"/>
                    </a:lnTo>
                    <a:lnTo>
                      <a:pt x="62" y="408"/>
                    </a:lnTo>
                    <a:lnTo>
                      <a:pt x="61" y="410"/>
                    </a:lnTo>
                    <a:lnTo>
                      <a:pt x="59" y="410"/>
                    </a:lnTo>
                    <a:lnTo>
                      <a:pt x="56" y="412"/>
                    </a:lnTo>
                    <a:lnTo>
                      <a:pt x="52" y="413"/>
                    </a:lnTo>
                    <a:lnTo>
                      <a:pt x="47" y="417"/>
                    </a:lnTo>
                    <a:lnTo>
                      <a:pt x="42" y="418"/>
                    </a:lnTo>
                    <a:lnTo>
                      <a:pt x="37" y="422"/>
                    </a:lnTo>
                    <a:lnTo>
                      <a:pt x="32" y="423"/>
                    </a:lnTo>
                    <a:lnTo>
                      <a:pt x="27" y="427"/>
                    </a:lnTo>
                    <a:lnTo>
                      <a:pt x="22" y="428"/>
                    </a:lnTo>
                    <a:lnTo>
                      <a:pt x="17" y="432"/>
                    </a:lnTo>
                    <a:lnTo>
                      <a:pt x="12" y="434"/>
                    </a:lnTo>
                    <a:lnTo>
                      <a:pt x="8" y="435"/>
                    </a:lnTo>
                    <a:lnTo>
                      <a:pt x="5" y="437"/>
                    </a:lnTo>
                    <a:lnTo>
                      <a:pt x="1" y="439"/>
                    </a:lnTo>
                    <a:lnTo>
                      <a:pt x="0" y="440"/>
                    </a:lnTo>
                    <a:lnTo>
                      <a:pt x="181" y="413"/>
                    </a:lnTo>
                    <a:lnTo>
                      <a:pt x="193" y="406"/>
                    </a:lnTo>
                    <a:lnTo>
                      <a:pt x="208" y="406"/>
                    </a:lnTo>
                    <a:lnTo>
                      <a:pt x="210" y="406"/>
                    </a:lnTo>
                    <a:lnTo>
                      <a:pt x="213" y="406"/>
                    </a:lnTo>
                    <a:lnTo>
                      <a:pt x="218" y="406"/>
                    </a:lnTo>
                    <a:lnTo>
                      <a:pt x="223" y="405"/>
                    </a:lnTo>
                    <a:lnTo>
                      <a:pt x="230" y="405"/>
                    </a:lnTo>
                    <a:lnTo>
                      <a:pt x="238" y="403"/>
                    </a:lnTo>
                    <a:lnTo>
                      <a:pt x="248" y="403"/>
                    </a:lnTo>
                    <a:lnTo>
                      <a:pt x="259" y="401"/>
                    </a:lnTo>
                    <a:lnTo>
                      <a:pt x="270" y="400"/>
                    </a:lnTo>
                    <a:lnTo>
                      <a:pt x="282" y="398"/>
                    </a:lnTo>
                    <a:lnTo>
                      <a:pt x="296" y="396"/>
                    </a:lnTo>
                    <a:lnTo>
                      <a:pt x="311" y="395"/>
                    </a:lnTo>
                    <a:lnTo>
                      <a:pt x="326" y="393"/>
                    </a:lnTo>
                    <a:lnTo>
                      <a:pt x="343" y="391"/>
                    </a:lnTo>
                    <a:lnTo>
                      <a:pt x="360" y="388"/>
                    </a:lnTo>
                    <a:lnTo>
                      <a:pt x="379" y="386"/>
                    </a:lnTo>
                    <a:lnTo>
                      <a:pt x="399" y="383"/>
                    </a:lnTo>
                    <a:lnTo>
                      <a:pt x="419" y="379"/>
                    </a:lnTo>
                    <a:lnTo>
                      <a:pt x="441" y="376"/>
                    </a:lnTo>
                    <a:lnTo>
                      <a:pt x="463" y="373"/>
                    </a:lnTo>
                    <a:lnTo>
                      <a:pt x="485" y="368"/>
                    </a:lnTo>
                    <a:lnTo>
                      <a:pt x="509" y="364"/>
                    </a:lnTo>
                    <a:lnTo>
                      <a:pt x="534" y="359"/>
                    </a:lnTo>
                    <a:lnTo>
                      <a:pt x="560" y="356"/>
                    </a:lnTo>
                    <a:lnTo>
                      <a:pt x="585" y="351"/>
                    </a:lnTo>
                    <a:lnTo>
                      <a:pt x="612" y="344"/>
                    </a:lnTo>
                    <a:lnTo>
                      <a:pt x="639" y="339"/>
                    </a:lnTo>
                    <a:lnTo>
                      <a:pt x="668" y="332"/>
                    </a:lnTo>
                    <a:lnTo>
                      <a:pt x="697" y="327"/>
                    </a:lnTo>
                    <a:lnTo>
                      <a:pt x="726" y="320"/>
                    </a:lnTo>
                    <a:lnTo>
                      <a:pt x="756" y="312"/>
                    </a:lnTo>
                    <a:lnTo>
                      <a:pt x="761" y="310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6" name="Freeform 56"/>
              <p:cNvSpPr>
                <a:spLocks/>
              </p:cNvSpPr>
              <p:nvPr/>
            </p:nvSpPr>
            <p:spPr bwMode="auto">
              <a:xfrm>
                <a:off x="2028" y="1485"/>
                <a:ext cx="671" cy="471"/>
              </a:xfrm>
              <a:custGeom>
                <a:avLst/>
                <a:gdLst>
                  <a:gd name="T0" fmla="*/ 341 w 690"/>
                  <a:gd name="T1" fmla="*/ 339 h 476"/>
                  <a:gd name="T2" fmla="*/ 355 w 690"/>
                  <a:gd name="T3" fmla="*/ 352 h 476"/>
                  <a:gd name="T4" fmla="*/ 363 w 690"/>
                  <a:gd name="T5" fmla="*/ 361 h 476"/>
                  <a:gd name="T6" fmla="*/ 371 w 690"/>
                  <a:gd name="T7" fmla="*/ 366 h 476"/>
                  <a:gd name="T8" fmla="*/ 377 w 690"/>
                  <a:gd name="T9" fmla="*/ 357 h 476"/>
                  <a:gd name="T10" fmla="*/ 415 w 690"/>
                  <a:gd name="T11" fmla="*/ 354 h 476"/>
                  <a:gd name="T12" fmla="*/ 429 w 690"/>
                  <a:gd name="T13" fmla="*/ 366 h 476"/>
                  <a:gd name="T14" fmla="*/ 435 w 690"/>
                  <a:gd name="T15" fmla="*/ 369 h 476"/>
                  <a:gd name="T16" fmla="*/ 448 w 690"/>
                  <a:gd name="T17" fmla="*/ 377 h 476"/>
                  <a:gd name="T18" fmla="*/ 453 w 690"/>
                  <a:gd name="T19" fmla="*/ 389 h 476"/>
                  <a:gd name="T20" fmla="*/ 456 w 690"/>
                  <a:gd name="T21" fmla="*/ 396 h 476"/>
                  <a:gd name="T22" fmla="*/ 463 w 690"/>
                  <a:gd name="T23" fmla="*/ 404 h 476"/>
                  <a:gd name="T24" fmla="*/ 467 w 690"/>
                  <a:gd name="T25" fmla="*/ 410 h 476"/>
                  <a:gd name="T26" fmla="*/ 462 w 690"/>
                  <a:gd name="T27" fmla="*/ 381 h 476"/>
                  <a:gd name="T28" fmla="*/ 466 w 690"/>
                  <a:gd name="T29" fmla="*/ 315 h 476"/>
                  <a:gd name="T30" fmla="*/ 460 w 690"/>
                  <a:gd name="T31" fmla="*/ 305 h 476"/>
                  <a:gd name="T32" fmla="*/ 458 w 690"/>
                  <a:gd name="T33" fmla="*/ 288 h 476"/>
                  <a:gd name="T34" fmla="*/ 465 w 690"/>
                  <a:gd name="T35" fmla="*/ 86 h 476"/>
                  <a:gd name="T36" fmla="*/ 456 w 690"/>
                  <a:gd name="T37" fmla="*/ 76 h 476"/>
                  <a:gd name="T38" fmla="*/ 448 w 690"/>
                  <a:gd name="T39" fmla="*/ 66 h 476"/>
                  <a:gd name="T40" fmla="*/ 442 w 690"/>
                  <a:gd name="T41" fmla="*/ 59 h 476"/>
                  <a:gd name="T42" fmla="*/ 445 w 690"/>
                  <a:gd name="T43" fmla="*/ 47 h 476"/>
                  <a:gd name="T44" fmla="*/ 449 w 690"/>
                  <a:gd name="T45" fmla="*/ 47 h 476"/>
                  <a:gd name="T46" fmla="*/ 459 w 690"/>
                  <a:gd name="T47" fmla="*/ 26 h 476"/>
                  <a:gd name="T48" fmla="*/ 454 w 690"/>
                  <a:gd name="T49" fmla="*/ 27 h 476"/>
                  <a:gd name="T50" fmla="*/ 433 w 690"/>
                  <a:gd name="T51" fmla="*/ 26 h 476"/>
                  <a:gd name="T52" fmla="*/ 395 w 690"/>
                  <a:gd name="T53" fmla="*/ 24 h 476"/>
                  <a:gd name="T54" fmla="*/ 348 w 690"/>
                  <a:gd name="T55" fmla="*/ 22 h 476"/>
                  <a:gd name="T56" fmla="*/ 292 w 690"/>
                  <a:gd name="T57" fmla="*/ 19 h 476"/>
                  <a:gd name="T58" fmla="*/ 234 w 690"/>
                  <a:gd name="T59" fmla="*/ 17 h 476"/>
                  <a:gd name="T60" fmla="*/ 177 w 690"/>
                  <a:gd name="T61" fmla="*/ 14 h 476"/>
                  <a:gd name="T62" fmla="*/ 122 w 690"/>
                  <a:gd name="T63" fmla="*/ 10 h 476"/>
                  <a:gd name="T64" fmla="*/ 76 w 690"/>
                  <a:gd name="T65" fmla="*/ 7 h 476"/>
                  <a:gd name="T66" fmla="*/ 43 w 690"/>
                  <a:gd name="T67" fmla="*/ 4 h 476"/>
                  <a:gd name="T68" fmla="*/ 18 w 690"/>
                  <a:gd name="T69" fmla="*/ 0 h 476"/>
                  <a:gd name="T70" fmla="*/ 0 w 690"/>
                  <a:gd name="T71" fmla="*/ 315 h 476"/>
                  <a:gd name="T72" fmla="*/ 18 w 690"/>
                  <a:gd name="T73" fmla="*/ 318 h 476"/>
                  <a:gd name="T74" fmla="*/ 45 w 690"/>
                  <a:gd name="T75" fmla="*/ 321 h 476"/>
                  <a:gd name="T76" fmla="*/ 80 w 690"/>
                  <a:gd name="T77" fmla="*/ 321 h 476"/>
                  <a:gd name="T78" fmla="*/ 121 w 690"/>
                  <a:gd name="T79" fmla="*/ 324 h 476"/>
                  <a:gd name="T80" fmla="*/ 165 w 690"/>
                  <a:gd name="T81" fmla="*/ 327 h 476"/>
                  <a:gd name="T82" fmla="*/ 211 w 690"/>
                  <a:gd name="T83" fmla="*/ 329 h 476"/>
                  <a:gd name="T84" fmla="*/ 254 w 690"/>
                  <a:gd name="T85" fmla="*/ 330 h 476"/>
                  <a:gd name="T86" fmla="*/ 289 w 690"/>
                  <a:gd name="T87" fmla="*/ 332 h 476"/>
                  <a:gd name="T88" fmla="*/ 317 w 690"/>
                  <a:gd name="T89" fmla="*/ 334 h 476"/>
                  <a:gd name="T90" fmla="*/ 333 w 690"/>
                  <a:gd name="T91" fmla="*/ 335 h 47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w 690"/>
                  <a:gd name="T139" fmla="*/ 0 h 476"/>
                  <a:gd name="T140" fmla="*/ 690 w 690"/>
                  <a:gd name="T141" fmla="*/ 476 h 476"/>
                </a:gdLst>
                <a:ahLst/>
                <a:cxnLst>
                  <a:cxn ang="T92">
                    <a:pos x="T0" y="T1"/>
                  </a:cxn>
                  <a:cxn ang="T93">
                    <a:pos x="T2" y="T3"/>
                  </a:cxn>
                  <a:cxn ang="T94">
                    <a:pos x="T4" y="T5"/>
                  </a:cxn>
                  <a:cxn ang="T95">
                    <a:pos x="T6" y="T7"/>
                  </a:cxn>
                  <a:cxn ang="T96">
                    <a:pos x="T8" y="T9"/>
                  </a:cxn>
                  <a:cxn ang="T97">
                    <a:pos x="T10" y="T11"/>
                  </a:cxn>
                  <a:cxn ang="T98">
                    <a:pos x="T12" y="T13"/>
                  </a:cxn>
                  <a:cxn ang="T99">
                    <a:pos x="T14" y="T15"/>
                  </a:cxn>
                  <a:cxn ang="T100">
                    <a:pos x="T16" y="T17"/>
                  </a:cxn>
                  <a:cxn ang="T101">
                    <a:pos x="T18" y="T19"/>
                  </a:cxn>
                  <a:cxn ang="T102">
                    <a:pos x="T20" y="T21"/>
                  </a:cxn>
                  <a:cxn ang="T103">
                    <a:pos x="T22" y="T23"/>
                  </a:cxn>
                  <a:cxn ang="T104">
                    <a:pos x="T24" y="T25"/>
                  </a:cxn>
                  <a:cxn ang="T105">
                    <a:pos x="T26" y="T27"/>
                  </a:cxn>
                  <a:cxn ang="T106">
                    <a:pos x="T28" y="T29"/>
                  </a:cxn>
                  <a:cxn ang="T107">
                    <a:pos x="T30" y="T31"/>
                  </a:cxn>
                  <a:cxn ang="T108">
                    <a:pos x="T32" y="T33"/>
                  </a:cxn>
                  <a:cxn ang="T109">
                    <a:pos x="T34" y="T35"/>
                  </a:cxn>
                  <a:cxn ang="T110">
                    <a:pos x="T36" y="T37"/>
                  </a:cxn>
                  <a:cxn ang="T111">
                    <a:pos x="T38" y="T39"/>
                  </a:cxn>
                  <a:cxn ang="T112">
                    <a:pos x="T40" y="T41"/>
                  </a:cxn>
                  <a:cxn ang="T113">
                    <a:pos x="T42" y="T43"/>
                  </a:cxn>
                  <a:cxn ang="T114">
                    <a:pos x="T44" y="T45"/>
                  </a:cxn>
                  <a:cxn ang="T115">
                    <a:pos x="T46" y="T47"/>
                  </a:cxn>
                  <a:cxn ang="T116">
                    <a:pos x="T48" y="T49"/>
                  </a:cxn>
                  <a:cxn ang="T117">
                    <a:pos x="T50" y="T51"/>
                  </a:cxn>
                  <a:cxn ang="T118">
                    <a:pos x="T52" y="T53"/>
                  </a:cxn>
                  <a:cxn ang="T119">
                    <a:pos x="T54" y="T55"/>
                  </a:cxn>
                  <a:cxn ang="T120">
                    <a:pos x="T56" y="T57"/>
                  </a:cxn>
                  <a:cxn ang="T121">
                    <a:pos x="T58" y="T59"/>
                  </a:cxn>
                  <a:cxn ang="T122">
                    <a:pos x="T60" y="T61"/>
                  </a:cxn>
                  <a:cxn ang="T123">
                    <a:pos x="T62" y="T63"/>
                  </a:cxn>
                  <a:cxn ang="T124">
                    <a:pos x="T64" y="T65"/>
                  </a:cxn>
                  <a:cxn ang="T125">
                    <a:pos x="T66" y="T67"/>
                  </a:cxn>
                  <a:cxn ang="T126">
                    <a:pos x="T68" y="T69"/>
                  </a:cxn>
                  <a:cxn ang="T127">
                    <a:pos x="T70" y="T71"/>
                  </a:cxn>
                  <a:cxn ang="T128">
                    <a:pos x="T72" y="T73"/>
                  </a:cxn>
                  <a:cxn ang="T129">
                    <a:pos x="T74" y="T75"/>
                  </a:cxn>
                  <a:cxn ang="T130">
                    <a:pos x="T76" y="T77"/>
                  </a:cxn>
                  <a:cxn ang="T131">
                    <a:pos x="T78" y="T79"/>
                  </a:cxn>
                  <a:cxn ang="T132">
                    <a:pos x="T80" y="T81"/>
                  </a:cxn>
                  <a:cxn ang="T133">
                    <a:pos x="T82" y="T83"/>
                  </a:cxn>
                  <a:cxn ang="T134">
                    <a:pos x="T84" y="T85"/>
                  </a:cxn>
                  <a:cxn ang="T135">
                    <a:pos x="T86" y="T87"/>
                  </a:cxn>
                  <a:cxn ang="T136">
                    <a:pos x="T88" y="T89"/>
                  </a:cxn>
                  <a:cxn ang="T137">
                    <a:pos x="T90" y="T91"/>
                  </a:cxn>
                </a:cxnLst>
                <a:rect l="T138" t="T139" r="T140" b="T141"/>
                <a:pathLst>
                  <a:path w="690" h="476">
                    <a:moveTo>
                      <a:pt x="497" y="391"/>
                    </a:moveTo>
                    <a:lnTo>
                      <a:pt x="499" y="391"/>
                    </a:lnTo>
                    <a:lnTo>
                      <a:pt x="504" y="395"/>
                    </a:lnTo>
                    <a:lnTo>
                      <a:pt x="511" y="398"/>
                    </a:lnTo>
                    <a:lnTo>
                      <a:pt x="518" y="403"/>
                    </a:lnTo>
                    <a:lnTo>
                      <a:pt x="525" y="408"/>
                    </a:lnTo>
                    <a:lnTo>
                      <a:pt x="531" y="412"/>
                    </a:lnTo>
                    <a:lnTo>
                      <a:pt x="536" y="415"/>
                    </a:lnTo>
                    <a:lnTo>
                      <a:pt x="538" y="417"/>
                    </a:lnTo>
                    <a:lnTo>
                      <a:pt x="541" y="420"/>
                    </a:lnTo>
                    <a:lnTo>
                      <a:pt x="545" y="422"/>
                    </a:lnTo>
                    <a:lnTo>
                      <a:pt x="548" y="422"/>
                    </a:lnTo>
                    <a:lnTo>
                      <a:pt x="552" y="418"/>
                    </a:lnTo>
                    <a:lnTo>
                      <a:pt x="555" y="417"/>
                    </a:lnTo>
                    <a:lnTo>
                      <a:pt x="558" y="413"/>
                    </a:lnTo>
                    <a:lnTo>
                      <a:pt x="560" y="412"/>
                    </a:lnTo>
                    <a:lnTo>
                      <a:pt x="560" y="410"/>
                    </a:lnTo>
                    <a:lnTo>
                      <a:pt x="613" y="410"/>
                    </a:lnTo>
                    <a:lnTo>
                      <a:pt x="624" y="420"/>
                    </a:lnTo>
                    <a:lnTo>
                      <a:pt x="635" y="420"/>
                    </a:lnTo>
                    <a:lnTo>
                      <a:pt x="635" y="422"/>
                    </a:lnTo>
                    <a:lnTo>
                      <a:pt x="638" y="423"/>
                    </a:lnTo>
                    <a:lnTo>
                      <a:pt x="641" y="425"/>
                    </a:lnTo>
                    <a:lnTo>
                      <a:pt x="643" y="425"/>
                    </a:lnTo>
                    <a:lnTo>
                      <a:pt x="651" y="427"/>
                    </a:lnTo>
                    <a:lnTo>
                      <a:pt x="657" y="430"/>
                    </a:lnTo>
                    <a:lnTo>
                      <a:pt x="662" y="435"/>
                    </a:lnTo>
                    <a:lnTo>
                      <a:pt x="665" y="440"/>
                    </a:lnTo>
                    <a:lnTo>
                      <a:pt x="668" y="445"/>
                    </a:lnTo>
                    <a:lnTo>
                      <a:pt x="670" y="450"/>
                    </a:lnTo>
                    <a:lnTo>
                      <a:pt x="672" y="454"/>
                    </a:lnTo>
                    <a:lnTo>
                      <a:pt x="673" y="456"/>
                    </a:lnTo>
                    <a:lnTo>
                      <a:pt x="675" y="459"/>
                    </a:lnTo>
                    <a:lnTo>
                      <a:pt x="679" y="461"/>
                    </a:lnTo>
                    <a:lnTo>
                      <a:pt x="682" y="466"/>
                    </a:lnTo>
                    <a:lnTo>
                      <a:pt x="684" y="469"/>
                    </a:lnTo>
                    <a:lnTo>
                      <a:pt x="687" y="471"/>
                    </a:lnTo>
                    <a:lnTo>
                      <a:pt x="689" y="474"/>
                    </a:lnTo>
                    <a:lnTo>
                      <a:pt x="690" y="476"/>
                    </a:lnTo>
                    <a:lnTo>
                      <a:pt x="690" y="461"/>
                    </a:lnTo>
                    <a:lnTo>
                      <a:pt x="682" y="440"/>
                    </a:lnTo>
                    <a:lnTo>
                      <a:pt x="673" y="428"/>
                    </a:lnTo>
                    <a:lnTo>
                      <a:pt x="675" y="420"/>
                    </a:lnTo>
                    <a:lnTo>
                      <a:pt x="689" y="366"/>
                    </a:lnTo>
                    <a:lnTo>
                      <a:pt x="675" y="366"/>
                    </a:lnTo>
                    <a:lnTo>
                      <a:pt x="677" y="357"/>
                    </a:lnTo>
                    <a:lnTo>
                      <a:pt x="680" y="352"/>
                    </a:lnTo>
                    <a:lnTo>
                      <a:pt x="679" y="344"/>
                    </a:lnTo>
                    <a:lnTo>
                      <a:pt x="675" y="335"/>
                    </a:lnTo>
                    <a:lnTo>
                      <a:pt x="677" y="330"/>
                    </a:lnTo>
                    <a:lnTo>
                      <a:pt x="689" y="330"/>
                    </a:lnTo>
                    <a:lnTo>
                      <a:pt x="689" y="102"/>
                    </a:lnTo>
                    <a:lnTo>
                      <a:pt x="687" y="100"/>
                    </a:lnTo>
                    <a:lnTo>
                      <a:pt x="685" y="98"/>
                    </a:lnTo>
                    <a:lnTo>
                      <a:pt x="680" y="95"/>
                    </a:lnTo>
                    <a:lnTo>
                      <a:pt x="675" y="90"/>
                    </a:lnTo>
                    <a:lnTo>
                      <a:pt x="670" y="87"/>
                    </a:lnTo>
                    <a:lnTo>
                      <a:pt x="665" y="83"/>
                    </a:lnTo>
                    <a:lnTo>
                      <a:pt x="662" y="80"/>
                    </a:lnTo>
                    <a:lnTo>
                      <a:pt x="660" y="80"/>
                    </a:lnTo>
                    <a:lnTo>
                      <a:pt x="657" y="76"/>
                    </a:lnTo>
                    <a:lnTo>
                      <a:pt x="655" y="73"/>
                    </a:lnTo>
                    <a:lnTo>
                      <a:pt x="655" y="68"/>
                    </a:lnTo>
                    <a:lnTo>
                      <a:pt x="657" y="65"/>
                    </a:lnTo>
                    <a:lnTo>
                      <a:pt x="658" y="61"/>
                    </a:lnTo>
                    <a:lnTo>
                      <a:pt x="660" y="58"/>
                    </a:lnTo>
                    <a:lnTo>
                      <a:pt x="662" y="56"/>
                    </a:lnTo>
                    <a:lnTo>
                      <a:pt x="663" y="54"/>
                    </a:lnTo>
                    <a:lnTo>
                      <a:pt x="679" y="36"/>
                    </a:lnTo>
                    <a:lnTo>
                      <a:pt x="677" y="27"/>
                    </a:lnTo>
                    <a:lnTo>
                      <a:pt x="679" y="26"/>
                    </a:lnTo>
                    <a:lnTo>
                      <a:pt x="679" y="27"/>
                    </a:lnTo>
                    <a:lnTo>
                      <a:pt x="677" y="27"/>
                    </a:lnTo>
                    <a:lnTo>
                      <a:pt x="672" y="27"/>
                    </a:lnTo>
                    <a:lnTo>
                      <a:pt x="663" y="26"/>
                    </a:lnTo>
                    <a:lnTo>
                      <a:pt x="653" y="26"/>
                    </a:lnTo>
                    <a:lnTo>
                      <a:pt x="640" y="26"/>
                    </a:lnTo>
                    <a:lnTo>
                      <a:pt x="623" y="26"/>
                    </a:lnTo>
                    <a:lnTo>
                      <a:pt x="606" y="24"/>
                    </a:lnTo>
                    <a:lnTo>
                      <a:pt x="585" y="24"/>
                    </a:lnTo>
                    <a:lnTo>
                      <a:pt x="563" y="24"/>
                    </a:lnTo>
                    <a:lnTo>
                      <a:pt x="540" y="22"/>
                    </a:lnTo>
                    <a:lnTo>
                      <a:pt x="514" y="22"/>
                    </a:lnTo>
                    <a:lnTo>
                      <a:pt x="489" y="22"/>
                    </a:lnTo>
                    <a:lnTo>
                      <a:pt x="462" y="21"/>
                    </a:lnTo>
                    <a:lnTo>
                      <a:pt x="433" y="19"/>
                    </a:lnTo>
                    <a:lnTo>
                      <a:pt x="404" y="19"/>
                    </a:lnTo>
                    <a:lnTo>
                      <a:pt x="376" y="17"/>
                    </a:lnTo>
                    <a:lnTo>
                      <a:pt x="347" y="17"/>
                    </a:lnTo>
                    <a:lnTo>
                      <a:pt x="318" y="16"/>
                    </a:lnTo>
                    <a:lnTo>
                      <a:pt x="289" y="14"/>
                    </a:lnTo>
                    <a:lnTo>
                      <a:pt x="261" y="14"/>
                    </a:lnTo>
                    <a:lnTo>
                      <a:pt x="233" y="12"/>
                    </a:lnTo>
                    <a:lnTo>
                      <a:pt x="206" y="10"/>
                    </a:lnTo>
                    <a:lnTo>
                      <a:pt x="181" y="10"/>
                    </a:lnTo>
                    <a:lnTo>
                      <a:pt x="156" y="9"/>
                    </a:lnTo>
                    <a:lnTo>
                      <a:pt x="134" y="9"/>
                    </a:lnTo>
                    <a:lnTo>
                      <a:pt x="112" y="7"/>
                    </a:lnTo>
                    <a:lnTo>
                      <a:pt x="93" y="5"/>
                    </a:lnTo>
                    <a:lnTo>
                      <a:pt x="76" y="4"/>
                    </a:lnTo>
                    <a:lnTo>
                      <a:pt x="61" y="4"/>
                    </a:lnTo>
                    <a:lnTo>
                      <a:pt x="49" y="2"/>
                    </a:lnTo>
                    <a:lnTo>
                      <a:pt x="39" y="0"/>
                    </a:lnTo>
                    <a:lnTo>
                      <a:pt x="32" y="0"/>
                    </a:lnTo>
                    <a:lnTo>
                      <a:pt x="22" y="119"/>
                    </a:lnTo>
                    <a:lnTo>
                      <a:pt x="22" y="117"/>
                    </a:lnTo>
                    <a:lnTo>
                      <a:pt x="0" y="366"/>
                    </a:lnTo>
                    <a:lnTo>
                      <a:pt x="7" y="368"/>
                    </a:lnTo>
                    <a:lnTo>
                      <a:pt x="13" y="368"/>
                    </a:lnTo>
                    <a:lnTo>
                      <a:pt x="24" y="369"/>
                    </a:lnTo>
                    <a:lnTo>
                      <a:pt x="35" y="369"/>
                    </a:lnTo>
                    <a:lnTo>
                      <a:pt x="49" y="371"/>
                    </a:lnTo>
                    <a:lnTo>
                      <a:pt x="64" y="373"/>
                    </a:lnTo>
                    <a:lnTo>
                      <a:pt x="81" y="373"/>
                    </a:lnTo>
                    <a:lnTo>
                      <a:pt x="98" y="374"/>
                    </a:lnTo>
                    <a:lnTo>
                      <a:pt x="118" y="374"/>
                    </a:lnTo>
                    <a:lnTo>
                      <a:pt x="137" y="376"/>
                    </a:lnTo>
                    <a:lnTo>
                      <a:pt x="157" y="378"/>
                    </a:lnTo>
                    <a:lnTo>
                      <a:pt x="179" y="378"/>
                    </a:lnTo>
                    <a:lnTo>
                      <a:pt x="201" y="379"/>
                    </a:lnTo>
                    <a:lnTo>
                      <a:pt x="223" y="379"/>
                    </a:lnTo>
                    <a:lnTo>
                      <a:pt x="245" y="381"/>
                    </a:lnTo>
                    <a:lnTo>
                      <a:pt x="267" y="381"/>
                    </a:lnTo>
                    <a:lnTo>
                      <a:pt x="289" y="383"/>
                    </a:lnTo>
                    <a:lnTo>
                      <a:pt x="311" y="384"/>
                    </a:lnTo>
                    <a:lnTo>
                      <a:pt x="333" y="384"/>
                    </a:lnTo>
                    <a:lnTo>
                      <a:pt x="354" y="386"/>
                    </a:lnTo>
                    <a:lnTo>
                      <a:pt x="374" y="386"/>
                    </a:lnTo>
                    <a:lnTo>
                      <a:pt x="393" y="386"/>
                    </a:lnTo>
                    <a:lnTo>
                      <a:pt x="409" y="388"/>
                    </a:lnTo>
                    <a:lnTo>
                      <a:pt x="426" y="388"/>
                    </a:lnTo>
                    <a:lnTo>
                      <a:pt x="443" y="390"/>
                    </a:lnTo>
                    <a:lnTo>
                      <a:pt x="457" y="390"/>
                    </a:lnTo>
                    <a:lnTo>
                      <a:pt x="469" y="390"/>
                    </a:lnTo>
                    <a:lnTo>
                      <a:pt x="479" y="390"/>
                    </a:lnTo>
                    <a:lnTo>
                      <a:pt x="487" y="390"/>
                    </a:lnTo>
                    <a:lnTo>
                      <a:pt x="492" y="391"/>
                    </a:lnTo>
                    <a:lnTo>
                      <a:pt x="496" y="391"/>
                    </a:lnTo>
                    <a:lnTo>
                      <a:pt x="497" y="391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7" name="Freeform 57"/>
              <p:cNvSpPr>
                <a:spLocks/>
              </p:cNvSpPr>
              <p:nvPr/>
            </p:nvSpPr>
            <p:spPr bwMode="auto">
              <a:xfrm>
                <a:off x="2059" y="1121"/>
                <a:ext cx="630" cy="394"/>
              </a:xfrm>
              <a:custGeom>
                <a:avLst/>
                <a:gdLst>
                  <a:gd name="T0" fmla="*/ 0 w 648"/>
                  <a:gd name="T1" fmla="*/ 246 h 406"/>
                  <a:gd name="T2" fmla="*/ 0 w 648"/>
                  <a:gd name="T3" fmla="*/ 233 h 406"/>
                  <a:gd name="T4" fmla="*/ 3 w 648"/>
                  <a:gd name="T5" fmla="*/ 209 h 406"/>
                  <a:gd name="T6" fmla="*/ 7 w 648"/>
                  <a:gd name="T7" fmla="*/ 180 h 406"/>
                  <a:gd name="T8" fmla="*/ 10 w 648"/>
                  <a:gd name="T9" fmla="*/ 147 h 406"/>
                  <a:gd name="T10" fmla="*/ 15 w 648"/>
                  <a:gd name="T11" fmla="*/ 112 h 406"/>
                  <a:gd name="T12" fmla="*/ 18 w 648"/>
                  <a:gd name="T13" fmla="*/ 79 h 406"/>
                  <a:gd name="T14" fmla="*/ 18 w 648"/>
                  <a:gd name="T15" fmla="*/ 47 h 406"/>
                  <a:gd name="T16" fmla="*/ 18 w 648"/>
                  <a:gd name="T17" fmla="*/ 22 h 406"/>
                  <a:gd name="T18" fmla="*/ 18 w 648"/>
                  <a:gd name="T19" fmla="*/ 9 h 406"/>
                  <a:gd name="T20" fmla="*/ 18 w 648"/>
                  <a:gd name="T21" fmla="*/ 0 h 406"/>
                  <a:gd name="T22" fmla="*/ 22 w 648"/>
                  <a:gd name="T23" fmla="*/ 4 h 406"/>
                  <a:gd name="T24" fmla="*/ 44 w 648"/>
                  <a:gd name="T25" fmla="*/ 4 h 406"/>
                  <a:gd name="T26" fmla="*/ 73 w 648"/>
                  <a:gd name="T27" fmla="*/ 7 h 406"/>
                  <a:gd name="T28" fmla="*/ 111 w 648"/>
                  <a:gd name="T29" fmla="*/ 9 h 406"/>
                  <a:gd name="T30" fmla="*/ 157 w 648"/>
                  <a:gd name="T31" fmla="*/ 12 h 406"/>
                  <a:gd name="T32" fmla="*/ 207 w 648"/>
                  <a:gd name="T33" fmla="*/ 15 h 406"/>
                  <a:gd name="T34" fmla="*/ 256 w 648"/>
                  <a:gd name="T35" fmla="*/ 16 h 406"/>
                  <a:gd name="T36" fmla="*/ 303 w 648"/>
                  <a:gd name="T37" fmla="*/ 16 h 406"/>
                  <a:gd name="T38" fmla="*/ 345 w 648"/>
                  <a:gd name="T39" fmla="*/ 16 h 406"/>
                  <a:gd name="T40" fmla="*/ 379 w 648"/>
                  <a:gd name="T41" fmla="*/ 16 h 406"/>
                  <a:gd name="T42" fmla="*/ 401 w 648"/>
                  <a:gd name="T43" fmla="*/ 16 h 406"/>
                  <a:gd name="T44" fmla="*/ 405 w 648"/>
                  <a:gd name="T45" fmla="*/ 44 h 406"/>
                  <a:gd name="T46" fmla="*/ 403 w 648"/>
                  <a:gd name="T47" fmla="*/ 56 h 406"/>
                  <a:gd name="T48" fmla="*/ 403 w 648"/>
                  <a:gd name="T49" fmla="*/ 73 h 406"/>
                  <a:gd name="T50" fmla="*/ 405 w 648"/>
                  <a:gd name="T51" fmla="*/ 91 h 406"/>
                  <a:gd name="T52" fmla="*/ 410 w 648"/>
                  <a:gd name="T53" fmla="*/ 108 h 406"/>
                  <a:gd name="T54" fmla="*/ 415 w 648"/>
                  <a:gd name="T55" fmla="*/ 116 h 406"/>
                  <a:gd name="T56" fmla="*/ 417 w 648"/>
                  <a:gd name="T57" fmla="*/ 128 h 406"/>
                  <a:gd name="T58" fmla="*/ 421 w 648"/>
                  <a:gd name="T59" fmla="*/ 147 h 406"/>
                  <a:gd name="T60" fmla="*/ 422 w 648"/>
                  <a:gd name="T61" fmla="*/ 159 h 406"/>
                  <a:gd name="T62" fmla="*/ 422 w 648"/>
                  <a:gd name="T63" fmla="*/ 173 h 406"/>
                  <a:gd name="T64" fmla="*/ 422 w 648"/>
                  <a:gd name="T65" fmla="*/ 180 h 406"/>
                  <a:gd name="T66" fmla="*/ 426 w 648"/>
                  <a:gd name="T67" fmla="*/ 224 h 406"/>
                  <a:gd name="T68" fmla="*/ 436 w 648"/>
                  <a:gd name="T69" fmla="*/ 266 h 406"/>
                  <a:gd name="T70" fmla="*/ 432 w 648"/>
                  <a:gd name="T71" fmla="*/ 267 h 406"/>
                  <a:gd name="T72" fmla="*/ 410 w 648"/>
                  <a:gd name="T73" fmla="*/ 266 h 406"/>
                  <a:gd name="T74" fmla="*/ 372 w 648"/>
                  <a:gd name="T75" fmla="*/ 264 h 406"/>
                  <a:gd name="T76" fmla="*/ 325 w 648"/>
                  <a:gd name="T77" fmla="*/ 263 h 406"/>
                  <a:gd name="T78" fmla="*/ 270 w 648"/>
                  <a:gd name="T79" fmla="*/ 262 h 406"/>
                  <a:gd name="T80" fmla="*/ 213 w 648"/>
                  <a:gd name="T81" fmla="*/ 261 h 406"/>
                  <a:gd name="T82" fmla="*/ 154 w 648"/>
                  <a:gd name="T83" fmla="*/ 258 h 406"/>
                  <a:gd name="T84" fmla="*/ 101 w 648"/>
                  <a:gd name="T85" fmla="*/ 255 h 406"/>
                  <a:gd name="T86" fmla="*/ 52 w 648"/>
                  <a:gd name="T87" fmla="*/ 254 h 406"/>
                  <a:gd name="T88" fmla="*/ 18 w 648"/>
                  <a:gd name="T89" fmla="*/ 252 h 406"/>
                  <a:gd name="T90" fmla="*/ 0 w 648"/>
                  <a:gd name="T91" fmla="*/ 248 h 40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w 648"/>
                  <a:gd name="T139" fmla="*/ 0 h 406"/>
                  <a:gd name="T140" fmla="*/ 648 w 648"/>
                  <a:gd name="T141" fmla="*/ 406 h 406"/>
                </a:gdLst>
                <a:ahLst/>
                <a:cxnLst>
                  <a:cxn ang="T92">
                    <a:pos x="T0" y="T1"/>
                  </a:cxn>
                  <a:cxn ang="T93">
                    <a:pos x="T2" y="T3"/>
                  </a:cxn>
                  <a:cxn ang="T94">
                    <a:pos x="T4" y="T5"/>
                  </a:cxn>
                  <a:cxn ang="T95">
                    <a:pos x="T6" y="T7"/>
                  </a:cxn>
                  <a:cxn ang="T96">
                    <a:pos x="T8" y="T9"/>
                  </a:cxn>
                  <a:cxn ang="T97">
                    <a:pos x="T10" y="T11"/>
                  </a:cxn>
                  <a:cxn ang="T98">
                    <a:pos x="T12" y="T13"/>
                  </a:cxn>
                  <a:cxn ang="T99">
                    <a:pos x="T14" y="T15"/>
                  </a:cxn>
                  <a:cxn ang="T100">
                    <a:pos x="T16" y="T17"/>
                  </a:cxn>
                  <a:cxn ang="T101">
                    <a:pos x="T18" y="T19"/>
                  </a:cxn>
                  <a:cxn ang="T102">
                    <a:pos x="T20" y="T21"/>
                  </a:cxn>
                  <a:cxn ang="T103">
                    <a:pos x="T22" y="T23"/>
                  </a:cxn>
                  <a:cxn ang="T104">
                    <a:pos x="T24" y="T25"/>
                  </a:cxn>
                  <a:cxn ang="T105">
                    <a:pos x="T26" y="T27"/>
                  </a:cxn>
                  <a:cxn ang="T106">
                    <a:pos x="T28" y="T29"/>
                  </a:cxn>
                  <a:cxn ang="T107">
                    <a:pos x="T30" y="T31"/>
                  </a:cxn>
                  <a:cxn ang="T108">
                    <a:pos x="T32" y="T33"/>
                  </a:cxn>
                  <a:cxn ang="T109">
                    <a:pos x="T34" y="T35"/>
                  </a:cxn>
                  <a:cxn ang="T110">
                    <a:pos x="T36" y="T37"/>
                  </a:cxn>
                  <a:cxn ang="T111">
                    <a:pos x="T38" y="T39"/>
                  </a:cxn>
                  <a:cxn ang="T112">
                    <a:pos x="T40" y="T41"/>
                  </a:cxn>
                  <a:cxn ang="T113">
                    <a:pos x="T42" y="T43"/>
                  </a:cxn>
                  <a:cxn ang="T114">
                    <a:pos x="T44" y="T45"/>
                  </a:cxn>
                  <a:cxn ang="T115">
                    <a:pos x="T46" y="T47"/>
                  </a:cxn>
                  <a:cxn ang="T116">
                    <a:pos x="T48" y="T49"/>
                  </a:cxn>
                  <a:cxn ang="T117">
                    <a:pos x="T50" y="T51"/>
                  </a:cxn>
                  <a:cxn ang="T118">
                    <a:pos x="T52" y="T53"/>
                  </a:cxn>
                  <a:cxn ang="T119">
                    <a:pos x="T54" y="T55"/>
                  </a:cxn>
                  <a:cxn ang="T120">
                    <a:pos x="T56" y="T57"/>
                  </a:cxn>
                  <a:cxn ang="T121">
                    <a:pos x="T58" y="T59"/>
                  </a:cxn>
                  <a:cxn ang="T122">
                    <a:pos x="T60" y="T61"/>
                  </a:cxn>
                  <a:cxn ang="T123">
                    <a:pos x="T62" y="T63"/>
                  </a:cxn>
                  <a:cxn ang="T124">
                    <a:pos x="T64" y="T65"/>
                  </a:cxn>
                  <a:cxn ang="T125">
                    <a:pos x="T66" y="T67"/>
                  </a:cxn>
                  <a:cxn ang="T126">
                    <a:pos x="T68" y="T69"/>
                  </a:cxn>
                  <a:cxn ang="T127">
                    <a:pos x="T70" y="T71"/>
                  </a:cxn>
                  <a:cxn ang="T128">
                    <a:pos x="T72" y="T73"/>
                  </a:cxn>
                  <a:cxn ang="T129">
                    <a:pos x="T74" y="T75"/>
                  </a:cxn>
                  <a:cxn ang="T130">
                    <a:pos x="T76" y="T77"/>
                  </a:cxn>
                  <a:cxn ang="T131">
                    <a:pos x="T78" y="T79"/>
                  </a:cxn>
                  <a:cxn ang="T132">
                    <a:pos x="T80" y="T81"/>
                  </a:cxn>
                  <a:cxn ang="T133">
                    <a:pos x="T82" y="T83"/>
                  </a:cxn>
                  <a:cxn ang="T134">
                    <a:pos x="T84" y="T85"/>
                  </a:cxn>
                  <a:cxn ang="T135">
                    <a:pos x="T86" y="T87"/>
                  </a:cxn>
                  <a:cxn ang="T136">
                    <a:pos x="T88" y="T89"/>
                  </a:cxn>
                  <a:cxn ang="T137">
                    <a:pos x="T90" y="T91"/>
                  </a:cxn>
                </a:cxnLst>
                <a:rect l="T138" t="T139" r="T140" b="T141"/>
                <a:pathLst>
                  <a:path w="648" h="406">
                    <a:moveTo>
                      <a:pt x="0" y="379"/>
                    </a:moveTo>
                    <a:lnTo>
                      <a:pt x="0" y="378"/>
                    </a:lnTo>
                    <a:lnTo>
                      <a:pt x="0" y="374"/>
                    </a:lnTo>
                    <a:lnTo>
                      <a:pt x="0" y="369"/>
                    </a:lnTo>
                    <a:lnTo>
                      <a:pt x="0" y="362"/>
                    </a:lnTo>
                    <a:lnTo>
                      <a:pt x="0" y="354"/>
                    </a:lnTo>
                    <a:lnTo>
                      <a:pt x="2" y="344"/>
                    </a:lnTo>
                    <a:lnTo>
                      <a:pt x="2" y="332"/>
                    </a:lnTo>
                    <a:lnTo>
                      <a:pt x="3" y="318"/>
                    </a:lnTo>
                    <a:lnTo>
                      <a:pt x="3" y="305"/>
                    </a:lnTo>
                    <a:lnTo>
                      <a:pt x="5" y="291"/>
                    </a:lnTo>
                    <a:lnTo>
                      <a:pt x="7" y="274"/>
                    </a:lnTo>
                    <a:lnTo>
                      <a:pt x="9" y="259"/>
                    </a:lnTo>
                    <a:lnTo>
                      <a:pt x="9" y="242"/>
                    </a:lnTo>
                    <a:lnTo>
                      <a:pt x="10" y="224"/>
                    </a:lnTo>
                    <a:lnTo>
                      <a:pt x="12" y="207"/>
                    </a:lnTo>
                    <a:lnTo>
                      <a:pt x="14" y="190"/>
                    </a:lnTo>
                    <a:lnTo>
                      <a:pt x="15" y="171"/>
                    </a:lnTo>
                    <a:lnTo>
                      <a:pt x="17" y="154"/>
                    </a:lnTo>
                    <a:lnTo>
                      <a:pt x="17" y="137"/>
                    </a:lnTo>
                    <a:lnTo>
                      <a:pt x="19" y="120"/>
                    </a:lnTo>
                    <a:lnTo>
                      <a:pt x="20" y="103"/>
                    </a:lnTo>
                    <a:lnTo>
                      <a:pt x="22" y="88"/>
                    </a:lnTo>
                    <a:lnTo>
                      <a:pt x="24" y="73"/>
                    </a:lnTo>
                    <a:lnTo>
                      <a:pt x="25" y="59"/>
                    </a:lnTo>
                    <a:lnTo>
                      <a:pt x="25" y="46"/>
                    </a:lnTo>
                    <a:lnTo>
                      <a:pt x="27" y="36"/>
                    </a:lnTo>
                    <a:lnTo>
                      <a:pt x="27" y="26"/>
                    </a:lnTo>
                    <a:lnTo>
                      <a:pt x="29" y="17"/>
                    </a:lnTo>
                    <a:lnTo>
                      <a:pt x="29" y="9"/>
                    </a:lnTo>
                    <a:lnTo>
                      <a:pt x="29" y="5"/>
                    </a:lnTo>
                    <a:lnTo>
                      <a:pt x="31" y="2"/>
                    </a:lnTo>
                    <a:lnTo>
                      <a:pt x="31" y="0"/>
                    </a:lnTo>
                    <a:lnTo>
                      <a:pt x="31" y="2"/>
                    </a:lnTo>
                    <a:lnTo>
                      <a:pt x="32" y="2"/>
                    </a:lnTo>
                    <a:lnTo>
                      <a:pt x="36" y="4"/>
                    </a:lnTo>
                    <a:lnTo>
                      <a:pt x="42" y="4"/>
                    </a:lnTo>
                    <a:lnTo>
                      <a:pt x="51" y="4"/>
                    </a:lnTo>
                    <a:lnTo>
                      <a:pt x="63" y="4"/>
                    </a:lnTo>
                    <a:lnTo>
                      <a:pt x="75" y="5"/>
                    </a:lnTo>
                    <a:lnTo>
                      <a:pt x="90" y="5"/>
                    </a:lnTo>
                    <a:lnTo>
                      <a:pt x="107" y="7"/>
                    </a:lnTo>
                    <a:lnTo>
                      <a:pt x="125" y="7"/>
                    </a:lnTo>
                    <a:lnTo>
                      <a:pt x="144" y="9"/>
                    </a:lnTo>
                    <a:lnTo>
                      <a:pt x="164" y="9"/>
                    </a:lnTo>
                    <a:lnTo>
                      <a:pt x="186" y="10"/>
                    </a:lnTo>
                    <a:lnTo>
                      <a:pt x="210" y="12"/>
                    </a:lnTo>
                    <a:lnTo>
                      <a:pt x="232" y="12"/>
                    </a:lnTo>
                    <a:lnTo>
                      <a:pt x="257" y="14"/>
                    </a:lnTo>
                    <a:lnTo>
                      <a:pt x="281" y="14"/>
                    </a:lnTo>
                    <a:lnTo>
                      <a:pt x="306" y="15"/>
                    </a:lnTo>
                    <a:lnTo>
                      <a:pt x="330" y="17"/>
                    </a:lnTo>
                    <a:lnTo>
                      <a:pt x="355" y="17"/>
                    </a:lnTo>
                    <a:lnTo>
                      <a:pt x="379" y="19"/>
                    </a:lnTo>
                    <a:lnTo>
                      <a:pt x="403" y="21"/>
                    </a:lnTo>
                    <a:lnTo>
                      <a:pt x="427" y="21"/>
                    </a:lnTo>
                    <a:lnTo>
                      <a:pt x="450" y="22"/>
                    </a:lnTo>
                    <a:lnTo>
                      <a:pt x="471" y="22"/>
                    </a:lnTo>
                    <a:lnTo>
                      <a:pt x="491" y="24"/>
                    </a:lnTo>
                    <a:lnTo>
                      <a:pt x="511" y="24"/>
                    </a:lnTo>
                    <a:lnTo>
                      <a:pt x="530" y="24"/>
                    </a:lnTo>
                    <a:lnTo>
                      <a:pt x="547" y="26"/>
                    </a:lnTo>
                    <a:lnTo>
                      <a:pt x="562" y="26"/>
                    </a:lnTo>
                    <a:lnTo>
                      <a:pt x="574" y="26"/>
                    </a:lnTo>
                    <a:lnTo>
                      <a:pt x="586" y="26"/>
                    </a:lnTo>
                    <a:lnTo>
                      <a:pt x="594" y="26"/>
                    </a:lnTo>
                    <a:lnTo>
                      <a:pt x="601" y="63"/>
                    </a:lnTo>
                    <a:lnTo>
                      <a:pt x="601" y="65"/>
                    </a:lnTo>
                    <a:lnTo>
                      <a:pt x="601" y="66"/>
                    </a:lnTo>
                    <a:lnTo>
                      <a:pt x="601" y="71"/>
                    </a:lnTo>
                    <a:lnTo>
                      <a:pt x="599" y="78"/>
                    </a:lnTo>
                    <a:lnTo>
                      <a:pt x="599" y="85"/>
                    </a:lnTo>
                    <a:lnTo>
                      <a:pt x="599" y="92"/>
                    </a:lnTo>
                    <a:lnTo>
                      <a:pt x="599" y="102"/>
                    </a:lnTo>
                    <a:lnTo>
                      <a:pt x="599" y="110"/>
                    </a:lnTo>
                    <a:lnTo>
                      <a:pt x="599" y="120"/>
                    </a:lnTo>
                    <a:lnTo>
                      <a:pt x="601" y="131"/>
                    </a:lnTo>
                    <a:lnTo>
                      <a:pt x="601" y="139"/>
                    </a:lnTo>
                    <a:lnTo>
                      <a:pt x="603" y="147"/>
                    </a:lnTo>
                    <a:lnTo>
                      <a:pt x="604" y="156"/>
                    </a:lnTo>
                    <a:lnTo>
                      <a:pt x="608" y="164"/>
                    </a:lnTo>
                    <a:lnTo>
                      <a:pt x="611" y="171"/>
                    </a:lnTo>
                    <a:lnTo>
                      <a:pt x="616" y="176"/>
                    </a:lnTo>
                    <a:lnTo>
                      <a:pt x="616" y="178"/>
                    </a:lnTo>
                    <a:lnTo>
                      <a:pt x="616" y="181"/>
                    </a:lnTo>
                    <a:lnTo>
                      <a:pt x="618" y="186"/>
                    </a:lnTo>
                    <a:lnTo>
                      <a:pt x="619" y="195"/>
                    </a:lnTo>
                    <a:lnTo>
                      <a:pt x="621" y="203"/>
                    </a:lnTo>
                    <a:lnTo>
                      <a:pt x="623" y="213"/>
                    </a:lnTo>
                    <a:lnTo>
                      <a:pt x="623" y="224"/>
                    </a:lnTo>
                    <a:lnTo>
                      <a:pt x="625" y="234"/>
                    </a:lnTo>
                    <a:lnTo>
                      <a:pt x="625" y="237"/>
                    </a:lnTo>
                    <a:lnTo>
                      <a:pt x="625" y="242"/>
                    </a:lnTo>
                    <a:lnTo>
                      <a:pt x="625" y="249"/>
                    </a:lnTo>
                    <a:lnTo>
                      <a:pt x="625" y="256"/>
                    </a:lnTo>
                    <a:lnTo>
                      <a:pt x="625" y="263"/>
                    </a:lnTo>
                    <a:lnTo>
                      <a:pt x="625" y="268"/>
                    </a:lnTo>
                    <a:lnTo>
                      <a:pt x="625" y="273"/>
                    </a:lnTo>
                    <a:lnTo>
                      <a:pt x="625" y="274"/>
                    </a:lnTo>
                    <a:lnTo>
                      <a:pt x="633" y="288"/>
                    </a:lnTo>
                    <a:lnTo>
                      <a:pt x="630" y="310"/>
                    </a:lnTo>
                    <a:lnTo>
                      <a:pt x="633" y="340"/>
                    </a:lnTo>
                    <a:lnTo>
                      <a:pt x="643" y="354"/>
                    </a:lnTo>
                    <a:lnTo>
                      <a:pt x="648" y="367"/>
                    </a:lnTo>
                    <a:lnTo>
                      <a:pt x="647" y="405"/>
                    </a:lnTo>
                    <a:lnTo>
                      <a:pt x="647" y="406"/>
                    </a:lnTo>
                    <a:lnTo>
                      <a:pt x="645" y="406"/>
                    </a:lnTo>
                    <a:lnTo>
                      <a:pt x="640" y="406"/>
                    </a:lnTo>
                    <a:lnTo>
                      <a:pt x="631" y="405"/>
                    </a:lnTo>
                    <a:lnTo>
                      <a:pt x="621" y="405"/>
                    </a:lnTo>
                    <a:lnTo>
                      <a:pt x="608" y="405"/>
                    </a:lnTo>
                    <a:lnTo>
                      <a:pt x="591" y="405"/>
                    </a:lnTo>
                    <a:lnTo>
                      <a:pt x="574" y="403"/>
                    </a:lnTo>
                    <a:lnTo>
                      <a:pt x="553" y="403"/>
                    </a:lnTo>
                    <a:lnTo>
                      <a:pt x="531" y="403"/>
                    </a:lnTo>
                    <a:lnTo>
                      <a:pt x="508" y="401"/>
                    </a:lnTo>
                    <a:lnTo>
                      <a:pt x="482" y="401"/>
                    </a:lnTo>
                    <a:lnTo>
                      <a:pt x="457" y="401"/>
                    </a:lnTo>
                    <a:lnTo>
                      <a:pt x="430" y="400"/>
                    </a:lnTo>
                    <a:lnTo>
                      <a:pt x="401" y="398"/>
                    </a:lnTo>
                    <a:lnTo>
                      <a:pt x="372" y="398"/>
                    </a:lnTo>
                    <a:lnTo>
                      <a:pt x="344" y="396"/>
                    </a:lnTo>
                    <a:lnTo>
                      <a:pt x="315" y="396"/>
                    </a:lnTo>
                    <a:lnTo>
                      <a:pt x="286" y="395"/>
                    </a:lnTo>
                    <a:lnTo>
                      <a:pt x="257" y="393"/>
                    </a:lnTo>
                    <a:lnTo>
                      <a:pt x="229" y="393"/>
                    </a:lnTo>
                    <a:lnTo>
                      <a:pt x="201" y="391"/>
                    </a:lnTo>
                    <a:lnTo>
                      <a:pt x="174" y="389"/>
                    </a:lnTo>
                    <a:lnTo>
                      <a:pt x="149" y="389"/>
                    </a:lnTo>
                    <a:lnTo>
                      <a:pt x="124" y="388"/>
                    </a:lnTo>
                    <a:lnTo>
                      <a:pt x="102" y="388"/>
                    </a:lnTo>
                    <a:lnTo>
                      <a:pt x="80" y="386"/>
                    </a:lnTo>
                    <a:lnTo>
                      <a:pt x="61" y="384"/>
                    </a:lnTo>
                    <a:lnTo>
                      <a:pt x="44" y="383"/>
                    </a:lnTo>
                    <a:lnTo>
                      <a:pt x="29" y="383"/>
                    </a:lnTo>
                    <a:lnTo>
                      <a:pt x="17" y="381"/>
                    </a:lnTo>
                    <a:lnTo>
                      <a:pt x="7" y="379"/>
                    </a:lnTo>
                    <a:lnTo>
                      <a:pt x="0" y="37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8" name="Freeform 58"/>
              <p:cNvSpPr>
                <a:spLocks/>
              </p:cNvSpPr>
              <p:nvPr/>
            </p:nvSpPr>
            <p:spPr bwMode="auto">
              <a:xfrm>
                <a:off x="2682" y="1797"/>
                <a:ext cx="572" cy="385"/>
              </a:xfrm>
              <a:custGeom>
                <a:avLst/>
                <a:gdLst>
                  <a:gd name="T0" fmla="*/ 47 w 588"/>
                  <a:gd name="T1" fmla="*/ 239 h 397"/>
                  <a:gd name="T2" fmla="*/ 46 w 588"/>
                  <a:gd name="T3" fmla="*/ 227 h 397"/>
                  <a:gd name="T4" fmla="*/ 47 w 588"/>
                  <a:gd name="T5" fmla="*/ 211 h 397"/>
                  <a:gd name="T6" fmla="*/ 48 w 588"/>
                  <a:gd name="T7" fmla="*/ 204 h 397"/>
                  <a:gd name="T8" fmla="*/ 42 w 588"/>
                  <a:gd name="T9" fmla="*/ 174 h 397"/>
                  <a:gd name="T10" fmla="*/ 32 w 588"/>
                  <a:gd name="T11" fmla="*/ 162 h 397"/>
                  <a:gd name="T12" fmla="*/ 34 w 588"/>
                  <a:gd name="T13" fmla="*/ 153 h 397"/>
                  <a:gd name="T14" fmla="*/ 27 w 588"/>
                  <a:gd name="T15" fmla="*/ 136 h 397"/>
                  <a:gd name="T16" fmla="*/ 20 w 588"/>
                  <a:gd name="T17" fmla="*/ 130 h 397"/>
                  <a:gd name="T18" fmla="*/ 18 w 588"/>
                  <a:gd name="T19" fmla="*/ 119 h 397"/>
                  <a:gd name="T20" fmla="*/ 18 w 588"/>
                  <a:gd name="T21" fmla="*/ 112 h 397"/>
                  <a:gd name="T22" fmla="*/ 0 w 588"/>
                  <a:gd name="T23" fmla="*/ 73 h 397"/>
                  <a:gd name="T24" fmla="*/ 4 w 588"/>
                  <a:gd name="T25" fmla="*/ 26 h 397"/>
                  <a:gd name="T26" fmla="*/ 4 w 588"/>
                  <a:gd name="T27" fmla="*/ 13 h 397"/>
                  <a:gd name="T28" fmla="*/ 18 w 588"/>
                  <a:gd name="T29" fmla="*/ 12 h 397"/>
                  <a:gd name="T30" fmla="*/ 46 w 588"/>
                  <a:gd name="T31" fmla="*/ 12 h 397"/>
                  <a:gd name="T32" fmla="*/ 89 w 588"/>
                  <a:gd name="T33" fmla="*/ 12 h 397"/>
                  <a:gd name="T34" fmla="*/ 141 w 588"/>
                  <a:gd name="T35" fmla="*/ 10 h 397"/>
                  <a:gd name="T36" fmla="*/ 197 w 588"/>
                  <a:gd name="T37" fmla="*/ 10 h 397"/>
                  <a:gd name="T38" fmla="*/ 251 w 588"/>
                  <a:gd name="T39" fmla="*/ 8 h 397"/>
                  <a:gd name="T40" fmla="*/ 294 w 588"/>
                  <a:gd name="T41" fmla="*/ 5 h 397"/>
                  <a:gd name="T42" fmla="*/ 322 w 588"/>
                  <a:gd name="T43" fmla="*/ 1 h 397"/>
                  <a:gd name="T44" fmla="*/ 333 w 588"/>
                  <a:gd name="T45" fmla="*/ 16 h 397"/>
                  <a:gd name="T46" fmla="*/ 337 w 588"/>
                  <a:gd name="T47" fmla="*/ 16 h 397"/>
                  <a:gd name="T48" fmla="*/ 331 w 588"/>
                  <a:gd name="T49" fmla="*/ 36 h 397"/>
                  <a:gd name="T50" fmla="*/ 333 w 588"/>
                  <a:gd name="T51" fmla="*/ 45 h 397"/>
                  <a:gd name="T52" fmla="*/ 339 w 588"/>
                  <a:gd name="T53" fmla="*/ 55 h 397"/>
                  <a:gd name="T54" fmla="*/ 340 w 588"/>
                  <a:gd name="T55" fmla="*/ 63 h 397"/>
                  <a:gd name="T56" fmla="*/ 357 w 588"/>
                  <a:gd name="T57" fmla="*/ 69 h 397"/>
                  <a:gd name="T58" fmla="*/ 362 w 588"/>
                  <a:gd name="T59" fmla="*/ 71 h 397"/>
                  <a:gd name="T60" fmla="*/ 367 w 588"/>
                  <a:gd name="T61" fmla="*/ 80 h 397"/>
                  <a:gd name="T62" fmla="*/ 368 w 588"/>
                  <a:gd name="T63" fmla="*/ 84 h 397"/>
                  <a:gd name="T64" fmla="*/ 378 w 588"/>
                  <a:gd name="T65" fmla="*/ 91 h 397"/>
                  <a:gd name="T66" fmla="*/ 383 w 588"/>
                  <a:gd name="T67" fmla="*/ 98 h 397"/>
                  <a:gd name="T68" fmla="*/ 382 w 588"/>
                  <a:gd name="T69" fmla="*/ 101 h 397"/>
                  <a:gd name="T70" fmla="*/ 393 w 588"/>
                  <a:gd name="T71" fmla="*/ 108 h 397"/>
                  <a:gd name="T72" fmla="*/ 400 w 588"/>
                  <a:gd name="T73" fmla="*/ 123 h 397"/>
                  <a:gd name="T74" fmla="*/ 391 w 588"/>
                  <a:gd name="T75" fmla="*/ 140 h 397"/>
                  <a:gd name="T76" fmla="*/ 388 w 588"/>
                  <a:gd name="T77" fmla="*/ 146 h 397"/>
                  <a:gd name="T78" fmla="*/ 388 w 588"/>
                  <a:gd name="T79" fmla="*/ 156 h 397"/>
                  <a:gd name="T80" fmla="*/ 381 w 588"/>
                  <a:gd name="T81" fmla="*/ 161 h 397"/>
                  <a:gd name="T82" fmla="*/ 375 w 588"/>
                  <a:gd name="T83" fmla="*/ 162 h 397"/>
                  <a:gd name="T84" fmla="*/ 369 w 588"/>
                  <a:gd name="T85" fmla="*/ 166 h 397"/>
                  <a:gd name="T86" fmla="*/ 351 w 588"/>
                  <a:gd name="T87" fmla="*/ 171 h 397"/>
                  <a:gd name="T88" fmla="*/ 345 w 588"/>
                  <a:gd name="T89" fmla="*/ 183 h 397"/>
                  <a:gd name="T90" fmla="*/ 355 w 588"/>
                  <a:gd name="T91" fmla="*/ 201 h 397"/>
                  <a:gd name="T92" fmla="*/ 354 w 588"/>
                  <a:gd name="T93" fmla="*/ 211 h 397"/>
                  <a:gd name="T94" fmla="*/ 348 w 588"/>
                  <a:gd name="T95" fmla="*/ 220 h 397"/>
                  <a:gd name="T96" fmla="*/ 347 w 588"/>
                  <a:gd name="T97" fmla="*/ 225 h 397"/>
                  <a:gd name="T98" fmla="*/ 345 w 588"/>
                  <a:gd name="T99" fmla="*/ 229 h 397"/>
                  <a:gd name="T100" fmla="*/ 339 w 588"/>
                  <a:gd name="T101" fmla="*/ 234 h 397"/>
                  <a:gd name="T102" fmla="*/ 329 w 588"/>
                  <a:gd name="T103" fmla="*/ 241 h 397"/>
                  <a:gd name="T104" fmla="*/ 330 w 588"/>
                  <a:gd name="T105" fmla="*/ 248 h 397"/>
                  <a:gd name="T106" fmla="*/ 331 w 588"/>
                  <a:gd name="T107" fmla="*/ 252 h 397"/>
                  <a:gd name="T108" fmla="*/ 327 w 588"/>
                  <a:gd name="T109" fmla="*/ 257 h 397"/>
                  <a:gd name="T110" fmla="*/ 321 w 588"/>
                  <a:gd name="T111" fmla="*/ 254 h 397"/>
                  <a:gd name="T112" fmla="*/ 310 w 588"/>
                  <a:gd name="T113" fmla="*/ 241 h 397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588"/>
                  <a:gd name="T172" fmla="*/ 0 h 397"/>
                  <a:gd name="T173" fmla="*/ 588 w 588"/>
                  <a:gd name="T174" fmla="*/ 397 h 397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588" h="397">
                    <a:moveTo>
                      <a:pt x="75" y="379"/>
                    </a:moveTo>
                    <a:lnTo>
                      <a:pt x="72" y="375"/>
                    </a:lnTo>
                    <a:lnTo>
                      <a:pt x="70" y="372"/>
                    </a:lnTo>
                    <a:lnTo>
                      <a:pt x="68" y="367"/>
                    </a:lnTo>
                    <a:lnTo>
                      <a:pt x="68" y="362"/>
                    </a:lnTo>
                    <a:lnTo>
                      <a:pt x="66" y="357"/>
                    </a:lnTo>
                    <a:lnTo>
                      <a:pt x="66" y="352"/>
                    </a:lnTo>
                    <a:lnTo>
                      <a:pt x="66" y="347"/>
                    </a:lnTo>
                    <a:lnTo>
                      <a:pt x="66" y="340"/>
                    </a:lnTo>
                    <a:lnTo>
                      <a:pt x="68" y="335"/>
                    </a:lnTo>
                    <a:lnTo>
                      <a:pt x="68" y="330"/>
                    </a:lnTo>
                    <a:lnTo>
                      <a:pt x="68" y="325"/>
                    </a:lnTo>
                    <a:lnTo>
                      <a:pt x="68" y="321"/>
                    </a:lnTo>
                    <a:lnTo>
                      <a:pt x="70" y="318"/>
                    </a:lnTo>
                    <a:lnTo>
                      <a:pt x="70" y="315"/>
                    </a:lnTo>
                    <a:lnTo>
                      <a:pt x="70" y="313"/>
                    </a:lnTo>
                    <a:lnTo>
                      <a:pt x="63" y="304"/>
                    </a:lnTo>
                    <a:lnTo>
                      <a:pt x="61" y="272"/>
                    </a:lnTo>
                    <a:lnTo>
                      <a:pt x="58" y="267"/>
                    </a:lnTo>
                    <a:lnTo>
                      <a:pt x="53" y="264"/>
                    </a:lnTo>
                    <a:lnTo>
                      <a:pt x="50" y="259"/>
                    </a:lnTo>
                    <a:lnTo>
                      <a:pt x="46" y="254"/>
                    </a:lnTo>
                    <a:lnTo>
                      <a:pt x="46" y="249"/>
                    </a:lnTo>
                    <a:lnTo>
                      <a:pt x="46" y="243"/>
                    </a:lnTo>
                    <a:lnTo>
                      <a:pt x="46" y="240"/>
                    </a:lnTo>
                    <a:lnTo>
                      <a:pt x="46" y="237"/>
                    </a:lnTo>
                    <a:lnTo>
                      <a:pt x="48" y="235"/>
                    </a:lnTo>
                    <a:lnTo>
                      <a:pt x="46" y="227"/>
                    </a:lnTo>
                    <a:lnTo>
                      <a:pt x="46" y="218"/>
                    </a:lnTo>
                    <a:lnTo>
                      <a:pt x="44" y="213"/>
                    </a:lnTo>
                    <a:lnTo>
                      <a:pt x="41" y="208"/>
                    </a:lnTo>
                    <a:lnTo>
                      <a:pt x="39" y="205"/>
                    </a:lnTo>
                    <a:lnTo>
                      <a:pt x="38" y="203"/>
                    </a:lnTo>
                    <a:lnTo>
                      <a:pt x="36" y="201"/>
                    </a:lnTo>
                    <a:lnTo>
                      <a:pt x="34" y="199"/>
                    </a:lnTo>
                    <a:lnTo>
                      <a:pt x="29" y="196"/>
                    </a:lnTo>
                    <a:lnTo>
                      <a:pt x="28" y="193"/>
                    </a:lnTo>
                    <a:lnTo>
                      <a:pt x="24" y="188"/>
                    </a:lnTo>
                    <a:lnTo>
                      <a:pt x="24" y="183"/>
                    </a:lnTo>
                    <a:lnTo>
                      <a:pt x="22" y="179"/>
                    </a:lnTo>
                    <a:lnTo>
                      <a:pt x="22" y="174"/>
                    </a:lnTo>
                    <a:lnTo>
                      <a:pt x="22" y="172"/>
                    </a:lnTo>
                    <a:lnTo>
                      <a:pt x="17" y="159"/>
                    </a:lnTo>
                    <a:lnTo>
                      <a:pt x="17" y="144"/>
                    </a:lnTo>
                    <a:lnTo>
                      <a:pt x="9" y="123"/>
                    </a:lnTo>
                    <a:lnTo>
                      <a:pt x="0" y="111"/>
                    </a:lnTo>
                    <a:lnTo>
                      <a:pt x="2" y="103"/>
                    </a:lnTo>
                    <a:lnTo>
                      <a:pt x="16" y="49"/>
                    </a:lnTo>
                    <a:lnTo>
                      <a:pt x="2" y="49"/>
                    </a:lnTo>
                    <a:lnTo>
                      <a:pt x="4" y="40"/>
                    </a:lnTo>
                    <a:lnTo>
                      <a:pt x="7" y="35"/>
                    </a:lnTo>
                    <a:lnTo>
                      <a:pt x="6" y="27"/>
                    </a:lnTo>
                    <a:lnTo>
                      <a:pt x="2" y="18"/>
                    </a:lnTo>
                    <a:lnTo>
                      <a:pt x="4" y="13"/>
                    </a:lnTo>
                    <a:lnTo>
                      <a:pt x="16" y="13"/>
                    </a:lnTo>
                    <a:lnTo>
                      <a:pt x="16" y="12"/>
                    </a:lnTo>
                    <a:lnTo>
                      <a:pt x="19" y="12"/>
                    </a:lnTo>
                    <a:lnTo>
                      <a:pt x="26" y="12"/>
                    </a:lnTo>
                    <a:lnTo>
                      <a:pt x="33" y="12"/>
                    </a:lnTo>
                    <a:lnTo>
                      <a:pt x="43" y="12"/>
                    </a:lnTo>
                    <a:lnTo>
                      <a:pt x="53" y="12"/>
                    </a:lnTo>
                    <a:lnTo>
                      <a:pt x="66" y="12"/>
                    </a:lnTo>
                    <a:lnTo>
                      <a:pt x="80" y="12"/>
                    </a:lnTo>
                    <a:lnTo>
                      <a:pt x="97" y="12"/>
                    </a:lnTo>
                    <a:lnTo>
                      <a:pt x="112" y="12"/>
                    </a:lnTo>
                    <a:lnTo>
                      <a:pt x="131" y="12"/>
                    </a:lnTo>
                    <a:lnTo>
                      <a:pt x="149" y="12"/>
                    </a:lnTo>
                    <a:lnTo>
                      <a:pt x="168" y="12"/>
                    </a:lnTo>
                    <a:lnTo>
                      <a:pt x="188" y="10"/>
                    </a:lnTo>
                    <a:lnTo>
                      <a:pt x="207" y="10"/>
                    </a:lnTo>
                    <a:lnTo>
                      <a:pt x="227" y="10"/>
                    </a:lnTo>
                    <a:lnTo>
                      <a:pt x="249" y="10"/>
                    </a:lnTo>
                    <a:lnTo>
                      <a:pt x="270" y="10"/>
                    </a:lnTo>
                    <a:lnTo>
                      <a:pt x="290" y="10"/>
                    </a:lnTo>
                    <a:lnTo>
                      <a:pt x="310" y="8"/>
                    </a:lnTo>
                    <a:lnTo>
                      <a:pt x="329" y="8"/>
                    </a:lnTo>
                    <a:lnTo>
                      <a:pt x="349" y="8"/>
                    </a:lnTo>
                    <a:lnTo>
                      <a:pt x="368" y="8"/>
                    </a:lnTo>
                    <a:lnTo>
                      <a:pt x="385" y="7"/>
                    </a:lnTo>
                    <a:lnTo>
                      <a:pt x="402" y="7"/>
                    </a:lnTo>
                    <a:lnTo>
                      <a:pt x="418" y="7"/>
                    </a:lnTo>
                    <a:lnTo>
                      <a:pt x="432" y="5"/>
                    </a:lnTo>
                    <a:lnTo>
                      <a:pt x="446" y="5"/>
                    </a:lnTo>
                    <a:lnTo>
                      <a:pt x="456" y="3"/>
                    </a:lnTo>
                    <a:lnTo>
                      <a:pt x="466" y="3"/>
                    </a:lnTo>
                    <a:lnTo>
                      <a:pt x="474" y="1"/>
                    </a:lnTo>
                    <a:lnTo>
                      <a:pt x="479" y="0"/>
                    </a:lnTo>
                    <a:lnTo>
                      <a:pt x="479" y="1"/>
                    </a:lnTo>
                    <a:lnTo>
                      <a:pt x="488" y="22"/>
                    </a:lnTo>
                    <a:lnTo>
                      <a:pt x="490" y="22"/>
                    </a:lnTo>
                    <a:lnTo>
                      <a:pt x="490" y="23"/>
                    </a:lnTo>
                    <a:lnTo>
                      <a:pt x="491" y="23"/>
                    </a:lnTo>
                    <a:lnTo>
                      <a:pt x="493" y="25"/>
                    </a:lnTo>
                    <a:lnTo>
                      <a:pt x="495" y="29"/>
                    </a:lnTo>
                    <a:lnTo>
                      <a:pt x="495" y="34"/>
                    </a:lnTo>
                    <a:lnTo>
                      <a:pt x="493" y="39"/>
                    </a:lnTo>
                    <a:lnTo>
                      <a:pt x="490" y="47"/>
                    </a:lnTo>
                    <a:lnTo>
                      <a:pt x="488" y="52"/>
                    </a:lnTo>
                    <a:lnTo>
                      <a:pt x="486" y="56"/>
                    </a:lnTo>
                    <a:lnTo>
                      <a:pt x="488" y="61"/>
                    </a:lnTo>
                    <a:lnTo>
                      <a:pt x="488" y="64"/>
                    </a:lnTo>
                    <a:lnTo>
                      <a:pt x="490" y="69"/>
                    </a:lnTo>
                    <a:lnTo>
                      <a:pt x="491" y="73"/>
                    </a:lnTo>
                    <a:lnTo>
                      <a:pt x="495" y="76"/>
                    </a:lnTo>
                    <a:lnTo>
                      <a:pt x="496" y="81"/>
                    </a:lnTo>
                    <a:lnTo>
                      <a:pt x="500" y="84"/>
                    </a:lnTo>
                    <a:lnTo>
                      <a:pt x="501" y="89"/>
                    </a:lnTo>
                    <a:lnTo>
                      <a:pt x="501" y="91"/>
                    </a:lnTo>
                    <a:lnTo>
                      <a:pt x="501" y="95"/>
                    </a:lnTo>
                    <a:lnTo>
                      <a:pt x="501" y="96"/>
                    </a:lnTo>
                    <a:lnTo>
                      <a:pt x="501" y="98"/>
                    </a:lnTo>
                    <a:lnTo>
                      <a:pt x="525" y="105"/>
                    </a:lnTo>
                    <a:lnTo>
                      <a:pt x="527" y="106"/>
                    </a:lnTo>
                    <a:lnTo>
                      <a:pt x="530" y="106"/>
                    </a:lnTo>
                    <a:lnTo>
                      <a:pt x="532" y="108"/>
                    </a:lnTo>
                    <a:lnTo>
                      <a:pt x="535" y="111"/>
                    </a:lnTo>
                    <a:lnTo>
                      <a:pt x="537" y="115"/>
                    </a:lnTo>
                    <a:lnTo>
                      <a:pt x="539" y="120"/>
                    </a:lnTo>
                    <a:lnTo>
                      <a:pt x="540" y="125"/>
                    </a:lnTo>
                    <a:lnTo>
                      <a:pt x="540" y="127"/>
                    </a:lnTo>
                    <a:lnTo>
                      <a:pt x="540" y="128"/>
                    </a:lnTo>
                    <a:lnTo>
                      <a:pt x="542" y="130"/>
                    </a:lnTo>
                    <a:lnTo>
                      <a:pt x="545" y="132"/>
                    </a:lnTo>
                    <a:lnTo>
                      <a:pt x="547" y="133"/>
                    </a:lnTo>
                    <a:lnTo>
                      <a:pt x="552" y="135"/>
                    </a:lnTo>
                    <a:lnTo>
                      <a:pt x="556" y="139"/>
                    </a:lnTo>
                    <a:lnTo>
                      <a:pt x="561" y="142"/>
                    </a:lnTo>
                    <a:lnTo>
                      <a:pt x="564" y="145"/>
                    </a:lnTo>
                    <a:lnTo>
                      <a:pt x="564" y="149"/>
                    </a:lnTo>
                    <a:lnTo>
                      <a:pt x="564" y="150"/>
                    </a:lnTo>
                    <a:lnTo>
                      <a:pt x="564" y="152"/>
                    </a:lnTo>
                    <a:lnTo>
                      <a:pt x="562" y="154"/>
                    </a:lnTo>
                    <a:lnTo>
                      <a:pt x="562" y="155"/>
                    </a:lnTo>
                    <a:lnTo>
                      <a:pt x="572" y="162"/>
                    </a:lnTo>
                    <a:lnTo>
                      <a:pt x="574" y="162"/>
                    </a:lnTo>
                    <a:lnTo>
                      <a:pt x="576" y="164"/>
                    </a:lnTo>
                    <a:lnTo>
                      <a:pt x="579" y="166"/>
                    </a:lnTo>
                    <a:lnTo>
                      <a:pt x="584" y="169"/>
                    </a:lnTo>
                    <a:lnTo>
                      <a:pt x="586" y="174"/>
                    </a:lnTo>
                    <a:lnTo>
                      <a:pt x="588" y="181"/>
                    </a:lnTo>
                    <a:lnTo>
                      <a:pt x="588" y="189"/>
                    </a:lnTo>
                    <a:lnTo>
                      <a:pt x="586" y="201"/>
                    </a:lnTo>
                    <a:lnTo>
                      <a:pt x="583" y="210"/>
                    </a:lnTo>
                    <a:lnTo>
                      <a:pt x="579" y="213"/>
                    </a:lnTo>
                    <a:lnTo>
                      <a:pt x="576" y="215"/>
                    </a:lnTo>
                    <a:lnTo>
                      <a:pt x="574" y="213"/>
                    </a:lnTo>
                    <a:lnTo>
                      <a:pt x="572" y="215"/>
                    </a:lnTo>
                    <a:lnTo>
                      <a:pt x="572" y="216"/>
                    </a:lnTo>
                    <a:lnTo>
                      <a:pt x="571" y="225"/>
                    </a:lnTo>
                    <a:lnTo>
                      <a:pt x="571" y="238"/>
                    </a:lnTo>
                    <a:lnTo>
                      <a:pt x="571" y="240"/>
                    </a:lnTo>
                    <a:lnTo>
                      <a:pt x="569" y="242"/>
                    </a:lnTo>
                    <a:lnTo>
                      <a:pt x="567" y="243"/>
                    </a:lnTo>
                    <a:lnTo>
                      <a:pt x="564" y="245"/>
                    </a:lnTo>
                    <a:lnTo>
                      <a:pt x="561" y="247"/>
                    </a:lnTo>
                    <a:lnTo>
                      <a:pt x="554" y="247"/>
                    </a:lnTo>
                    <a:lnTo>
                      <a:pt x="552" y="247"/>
                    </a:lnTo>
                    <a:lnTo>
                      <a:pt x="552" y="249"/>
                    </a:lnTo>
                    <a:lnTo>
                      <a:pt x="552" y="250"/>
                    </a:lnTo>
                    <a:lnTo>
                      <a:pt x="550" y="252"/>
                    </a:lnTo>
                    <a:lnTo>
                      <a:pt x="549" y="254"/>
                    </a:lnTo>
                    <a:lnTo>
                      <a:pt x="544" y="255"/>
                    </a:lnTo>
                    <a:lnTo>
                      <a:pt x="537" y="257"/>
                    </a:lnTo>
                    <a:lnTo>
                      <a:pt x="530" y="257"/>
                    </a:lnTo>
                    <a:lnTo>
                      <a:pt x="523" y="259"/>
                    </a:lnTo>
                    <a:lnTo>
                      <a:pt x="517" y="262"/>
                    </a:lnTo>
                    <a:lnTo>
                      <a:pt x="512" y="265"/>
                    </a:lnTo>
                    <a:lnTo>
                      <a:pt x="508" y="269"/>
                    </a:lnTo>
                    <a:lnTo>
                      <a:pt x="508" y="276"/>
                    </a:lnTo>
                    <a:lnTo>
                      <a:pt x="508" y="282"/>
                    </a:lnTo>
                    <a:lnTo>
                      <a:pt x="512" y="291"/>
                    </a:lnTo>
                    <a:lnTo>
                      <a:pt x="515" y="299"/>
                    </a:lnTo>
                    <a:lnTo>
                      <a:pt x="520" y="304"/>
                    </a:lnTo>
                    <a:lnTo>
                      <a:pt x="522" y="309"/>
                    </a:lnTo>
                    <a:lnTo>
                      <a:pt x="523" y="313"/>
                    </a:lnTo>
                    <a:lnTo>
                      <a:pt x="525" y="318"/>
                    </a:lnTo>
                    <a:lnTo>
                      <a:pt x="523" y="321"/>
                    </a:lnTo>
                    <a:lnTo>
                      <a:pt x="520" y="325"/>
                    </a:lnTo>
                    <a:lnTo>
                      <a:pt x="515" y="331"/>
                    </a:lnTo>
                    <a:lnTo>
                      <a:pt x="515" y="335"/>
                    </a:lnTo>
                    <a:lnTo>
                      <a:pt x="513" y="337"/>
                    </a:lnTo>
                    <a:lnTo>
                      <a:pt x="512" y="340"/>
                    </a:lnTo>
                    <a:lnTo>
                      <a:pt x="512" y="342"/>
                    </a:lnTo>
                    <a:lnTo>
                      <a:pt x="510" y="343"/>
                    </a:lnTo>
                    <a:lnTo>
                      <a:pt x="510" y="345"/>
                    </a:lnTo>
                    <a:lnTo>
                      <a:pt x="510" y="347"/>
                    </a:lnTo>
                    <a:lnTo>
                      <a:pt x="508" y="348"/>
                    </a:lnTo>
                    <a:lnTo>
                      <a:pt x="508" y="352"/>
                    </a:lnTo>
                    <a:lnTo>
                      <a:pt x="508" y="353"/>
                    </a:lnTo>
                    <a:lnTo>
                      <a:pt x="506" y="357"/>
                    </a:lnTo>
                    <a:lnTo>
                      <a:pt x="503" y="359"/>
                    </a:lnTo>
                    <a:lnTo>
                      <a:pt x="498" y="360"/>
                    </a:lnTo>
                    <a:lnTo>
                      <a:pt x="493" y="362"/>
                    </a:lnTo>
                    <a:lnTo>
                      <a:pt x="488" y="364"/>
                    </a:lnTo>
                    <a:lnTo>
                      <a:pt x="484" y="365"/>
                    </a:lnTo>
                    <a:lnTo>
                      <a:pt x="483" y="369"/>
                    </a:lnTo>
                    <a:lnTo>
                      <a:pt x="483" y="372"/>
                    </a:lnTo>
                    <a:lnTo>
                      <a:pt x="483" y="375"/>
                    </a:lnTo>
                    <a:lnTo>
                      <a:pt x="484" y="377"/>
                    </a:lnTo>
                    <a:lnTo>
                      <a:pt x="486" y="381"/>
                    </a:lnTo>
                    <a:lnTo>
                      <a:pt x="488" y="382"/>
                    </a:lnTo>
                    <a:lnTo>
                      <a:pt x="488" y="384"/>
                    </a:lnTo>
                    <a:lnTo>
                      <a:pt x="488" y="387"/>
                    </a:lnTo>
                    <a:lnTo>
                      <a:pt x="486" y="389"/>
                    </a:lnTo>
                    <a:lnTo>
                      <a:pt x="484" y="392"/>
                    </a:lnTo>
                    <a:lnTo>
                      <a:pt x="483" y="394"/>
                    </a:lnTo>
                    <a:lnTo>
                      <a:pt x="481" y="396"/>
                    </a:lnTo>
                    <a:lnTo>
                      <a:pt x="479" y="397"/>
                    </a:lnTo>
                    <a:lnTo>
                      <a:pt x="478" y="397"/>
                    </a:lnTo>
                    <a:lnTo>
                      <a:pt x="476" y="394"/>
                    </a:lnTo>
                    <a:lnTo>
                      <a:pt x="471" y="389"/>
                    </a:lnTo>
                    <a:lnTo>
                      <a:pt x="466" y="384"/>
                    </a:lnTo>
                    <a:lnTo>
                      <a:pt x="462" y="379"/>
                    </a:lnTo>
                    <a:lnTo>
                      <a:pt x="457" y="374"/>
                    </a:lnTo>
                    <a:lnTo>
                      <a:pt x="456" y="370"/>
                    </a:lnTo>
                    <a:lnTo>
                      <a:pt x="454" y="369"/>
                    </a:lnTo>
                    <a:lnTo>
                      <a:pt x="75" y="379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9" name="Freeform 59"/>
              <p:cNvSpPr>
                <a:spLocks/>
              </p:cNvSpPr>
              <p:nvPr/>
            </p:nvSpPr>
            <p:spPr bwMode="auto">
              <a:xfrm>
                <a:off x="2869" y="2644"/>
                <a:ext cx="478" cy="439"/>
              </a:xfrm>
              <a:custGeom>
                <a:avLst/>
                <a:gdLst>
                  <a:gd name="T0" fmla="*/ 242 w 492"/>
                  <a:gd name="T1" fmla="*/ 294 h 452"/>
                  <a:gd name="T2" fmla="*/ 243 w 492"/>
                  <a:gd name="T3" fmla="*/ 287 h 452"/>
                  <a:gd name="T4" fmla="*/ 244 w 492"/>
                  <a:gd name="T5" fmla="*/ 283 h 452"/>
                  <a:gd name="T6" fmla="*/ 247 w 492"/>
                  <a:gd name="T7" fmla="*/ 280 h 452"/>
                  <a:gd name="T8" fmla="*/ 247 w 492"/>
                  <a:gd name="T9" fmla="*/ 276 h 452"/>
                  <a:gd name="T10" fmla="*/ 242 w 492"/>
                  <a:gd name="T11" fmla="*/ 262 h 452"/>
                  <a:gd name="T12" fmla="*/ 237 w 492"/>
                  <a:gd name="T13" fmla="*/ 246 h 452"/>
                  <a:gd name="T14" fmla="*/ 239 w 492"/>
                  <a:gd name="T15" fmla="*/ 241 h 452"/>
                  <a:gd name="T16" fmla="*/ 247 w 492"/>
                  <a:gd name="T17" fmla="*/ 238 h 452"/>
                  <a:gd name="T18" fmla="*/ 247 w 492"/>
                  <a:gd name="T19" fmla="*/ 234 h 452"/>
                  <a:gd name="T20" fmla="*/ 243 w 492"/>
                  <a:gd name="T21" fmla="*/ 233 h 452"/>
                  <a:gd name="T22" fmla="*/ 243 w 492"/>
                  <a:gd name="T23" fmla="*/ 231 h 452"/>
                  <a:gd name="T24" fmla="*/ 247 w 492"/>
                  <a:gd name="T25" fmla="*/ 226 h 452"/>
                  <a:gd name="T26" fmla="*/ 247 w 492"/>
                  <a:gd name="T27" fmla="*/ 222 h 452"/>
                  <a:gd name="T28" fmla="*/ 245 w 492"/>
                  <a:gd name="T29" fmla="*/ 218 h 452"/>
                  <a:gd name="T30" fmla="*/ 247 w 492"/>
                  <a:gd name="T31" fmla="*/ 213 h 452"/>
                  <a:gd name="T32" fmla="*/ 251 w 492"/>
                  <a:gd name="T33" fmla="*/ 210 h 452"/>
                  <a:gd name="T34" fmla="*/ 254 w 492"/>
                  <a:gd name="T35" fmla="*/ 207 h 452"/>
                  <a:gd name="T36" fmla="*/ 253 w 492"/>
                  <a:gd name="T37" fmla="*/ 202 h 452"/>
                  <a:gd name="T38" fmla="*/ 258 w 492"/>
                  <a:gd name="T39" fmla="*/ 190 h 452"/>
                  <a:gd name="T40" fmla="*/ 278 w 492"/>
                  <a:gd name="T41" fmla="*/ 175 h 452"/>
                  <a:gd name="T42" fmla="*/ 294 w 492"/>
                  <a:gd name="T43" fmla="*/ 136 h 452"/>
                  <a:gd name="T44" fmla="*/ 295 w 492"/>
                  <a:gd name="T45" fmla="*/ 134 h 452"/>
                  <a:gd name="T46" fmla="*/ 297 w 492"/>
                  <a:gd name="T47" fmla="*/ 130 h 452"/>
                  <a:gd name="T48" fmla="*/ 293 w 492"/>
                  <a:gd name="T49" fmla="*/ 128 h 452"/>
                  <a:gd name="T50" fmla="*/ 294 w 492"/>
                  <a:gd name="T51" fmla="*/ 125 h 452"/>
                  <a:gd name="T52" fmla="*/ 301 w 492"/>
                  <a:gd name="T53" fmla="*/ 120 h 452"/>
                  <a:gd name="T54" fmla="*/ 306 w 492"/>
                  <a:gd name="T55" fmla="*/ 112 h 452"/>
                  <a:gd name="T56" fmla="*/ 305 w 492"/>
                  <a:gd name="T57" fmla="*/ 103 h 452"/>
                  <a:gd name="T58" fmla="*/ 302 w 492"/>
                  <a:gd name="T59" fmla="*/ 100 h 452"/>
                  <a:gd name="T60" fmla="*/ 307 w 492"/>
                  <a:gd name="T61" fmla="*/ 88 h 452"/>
                  <a:gd name="T62" fmla="*/ 312 w 492"/>
                  <a:gd name="T63" fmla="*/ 83 h 452"/>
                  <a:gd name="T64" fmla="*/ 315 w 492"/>
                  <a:gd name="T65" fmla="*/ 80 h 452"/>
                  <a:gd name="T66" fmla="*/ 320 w 492"/>
                  <a:gd name="T67" fmla="*/ 72 h 452"/>
                  <a:gd name="T68" fmla="*/ 314 w 492"/>
                  <a:gd name="T69" fmla="*/ 68 h 452"/>
                  <a:gd name="T70" fmla="*/ 312 w 492"/>
                  <a:gd name="T71" fmla="*/ 68 h 452"/>
                  <a:gd name="T72" fmla="*/ 317 w 492"/>
                  <a:gd name="T73" fmla="*/ 64 h 452"/>
                  <a:gd name="T74" fmla="*/ 320 w 492"/>
                  <a:gd name="T75" fmla="*/ 60 h 452"/>
                  <a:gd name="T76" fmla="*/ 327 w 492"/>
                  <a:gd name="T77" fmla="*/ 50 h 452"/>
                  <a:gd name="T78" fmla="*/ 329 w 492"/>
                  <a:gd name="T79" fmla="*/ 45 h 452"/>
                  <a:gd name="T80" fmla="*/ 326 w 492"/>
                  <a:gd name="T81" fmla="*/ 43 h 452"/>
                  <a:gd name="T82" fmla="*/ 283 w 492"/>
                  <a:gd name="T83" fmla="*/ 44 h 452"/>
                  <a:gd name="T84" fmla="*/ 287 w 492"/>
                  <a:gd name="T85" fmla="*/ 37 h 452"/>
                  <a:gd name="T86" fmla="*/ 293 w 492"/>
                  <a:gd name="T87" fmla="*/ 20 h 452"/>
                  <a:gd name="T88" fmla="*/ 302 w 492"/>
                  <a:gd name="T89" fmla="*/ 17 h 452"/>
                  <a:gd name="T90" fmla="*/ 295 w 492"/>
                  <a:gd name="T91" fmla="*/ 5 h 452"/>
                  <a:gd name="T92" fmla="*/ 288 w 492"/>
                  <a:gd name="T93" fmla="*/ 0 h 452"/>
                  <a:gd name="T94" fmla="*/ 280 w 492"/>
                  <a:gd name="T95" fmla="*/ 2 h 452"/>
                  <a:gd name="T96" fmla="*/ 261 w 492"/>
                  <a:gd name="T97" fmla="*/ 3 h 452"/>
                  <a:gd name="T98" fmla="*/ 232 w 492"/>
                  <a:gd name="T99" fmla="*/ 5 h 452"/>
                  <a:gd name="T100" fmla="*/ 198 w 492"/>
                  <a:gd name="T101" fmla="*/ 7 h 452"/>
                  <a:gd name="T102" fmla="*/ 158 w 492"/>
                  <a:gd name="T103" fmla="*/ 10 h 452"/>
                  <a:gd name="T104" fmla="*/ 119 w 492"/>
                  <a:gd name="T105" fmla="*/ 12 h 452"/>
                  <a:gd name="T106" fmla="*/ 83 w 492"/>
                  <a:gd name="T107" fmla="*/ 15 h 452"/>
                  <a:gd name="T108" fmla="*/ 48 w 492"/>
                  <a:gd name="T109" fmla="*/ 17 h 452"/>
                  <a:gd name="T110" fmla="*/ 18 w 492"/>
                  <a:gd name="T111" fmla="*/ 17 h 452"/>
                  <a:gd name="T112" fmla="*/ 6 w 492"/>
                  <a:gd name="T113" fmla="*/ 17 h 452"/>
                  <a:gd name="T114" fmla="*/ 17 w 492"/>
                  <a:gd name="T115" fmla="*/ 106 h 452"/>
                  <a:gd name="T116" fmla="*/ 17 w 492"/>
                  <a:gd name="T117" fmla="*/ 258 h 452"/>
                  <a:gd name="T118" fmla="*/ 44 w 492"/>
                  <a:gd name="T119" fmla="*/ 300 h 452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w 492"/>
                  <a:gd name="T181" fmla="*/ 0 h 452"/>
                  <a:gd name="T182" fmla="*/ 492 w 492"/>
                  <a:gd name="T183" fmla="*/ 452 h 452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T180" t="T181" r="T182" b="T183"/>
                <a:pathLst>
                  <a:path w="492" h="452">
                    <a:moveTo>
                      <a:pt x="362" y="443"/>
                    </a:moveTo>
                    <a:lnTo>
                      <a:pt x="362" y="443"/>
                    </a:lnTo>
                    <a:lnTo>
                      <a:pt x="362" y="442"/>
                    </a:lnTo>
                    <a:lnTo>
                      <a:pt x="362" y="438"/>
                    </a:lnTo>
                    <a:lnTo>
                      <a:pt x="362" y="435"/>
                    </a:lnTo>
                    <a:lnTo>
                      <a:pt x="364" y="432"/>
                    </a:lnTo>
                    <a:lnTo>
                      <a:pt x="364" y="428"/>
                    </a:lnTo>
                    <a:lnTo>
                      <a:pt x="365" y="426"/>
                    </a:lnTo>
                    <a:lnTo>
                      <a:pt x="369" y="425"/>
                    </a:lnTo>
                    <a:lnTo>
                      <a:pt x="370" y="423"/>
                    </a:lnTo>
                    <a:lnTo>
                      <a:pt x="370" y="421"/>
                    </a:lnTo>
                    <a:lnTo>
                      <a:pt x="370" y="420"/>
                    </a:lnTo>
                    <a:lnTo>
                      <a:pt x="369" y="416"/>
                    </a:lnTo>
                    <a:lnTo>
                      <a:pt x="369" y="415"/>
                    </a:lnTo>
                    <a:lnTo>
                      <a:pt x="367" y="413"/>
                    </a:lnTo>
                    <a:lnTo>
                      <a:pt x="362" y="393"/>
                    </a:lnTo>
                    <a:lnTo>
                      <a:pt x="360" y="386"/>
                    </a:lnTo>
                    <a:lnTo>
                      <a:pt x="352" y="377"/>
                    </a:lnTo>
                    <a:lnTo>
                      <a:pt x="355" y="369"/>
                    </a:lnTo>
                    <a:lnTo>
                      <a:pt x="355" y="364"/>
                    </a:lnTo>
                    <a:lnTo>
                      <a:pt x="357" y="362"/>
                    </a:lnTo>
                    <a:lnTo>
                      <a:pt x="358" y="362"/>
                    </a:lnTo>
                    <a:lnTo>
                      <a:pt x="362" y="360"/>
                    </a:lnTo>
                    <a:lnTo>
                      <a:pt x="364" y="360"/>
                    </a:lnTo>
                    <a:lnTo>
                      <a:pt x="369" y="357"/>
                    </a:lnTo>
                    <a:lnTo>
                      <a:pt x="370" y="355"/>
                    </a:lnTo>
                    <a:lnTo>
                      <a:pt x="370" y="354"/>
                    </a:lnTo>
                    <a:lnTo>
                      <a:pt x="369" y="352"/>
                    </a:lnTo>
                    <a:lnTo>
                      <a:pt x="367" y="350"/>
                    </a:lnTo>
                    <a:lnTo>
                      <a:pt x="365" y="350"/>
                    </a:lnTo>
                    <a:lnTo>
                      <a:pt x="364" y="350"/>
                    </a:lnTo>
                    <a:lnTo>
                      <a:pt x="362" y="350"/>
                    </a:lnTo>
                    <a:lnTo>
                      <a:pt x="362" y="349"/>
                    </a:lnTo>
                    <a:lnTo>
                      <a:pt x="364" y="347"/>
                    </a:lnTo>
                    <a:lnTo>
                      <a:pt x="365" y="345"/>
                    </a:lnTo>
                    <a:lnTo>
                      <a:pt x="367" y="344"/>
                    </a:lnTo>
                    <a:lnTo>
                      <a:pt x="369" y="340"/>
                    </a:lnTo>
                    <a:lnTo>
                      <a:pt x="370" y="338"/>
                    </a:lnTo>
                    <a:lnTo>
                      <a:pt x="370" y="337"/>
                    </a:lnTo>
                    <a:lnTo>
                      <a:pt x="370" y="335"/>
                    </a:lnTo>
                    <a:lnTo>
                      <a:pt x="369" y="332"/>
                    </a:lnTo>
                    <a:lnTo>
                      <a:pt x="367" y="330"/>
                    </a:lnTo>
                    <a:lnTo>
                      <a:pt x="367" y="327"/>
                    </a:lnTo>
                    <a:lnTo>
                      <a:pt x="367" y="323"/>
                    </a:lnTo>
                    <a:lnTo>
                      <a:pt x="367" y="322"/>
                    </a:lnTo>
                    <a:lnTo>
                      <a:pt x="369" y="320"/>
                    </a:lnTo>
                    <a:lnTo>
                      <a:pt x="370" y="318"/>
                    </a:lnTo>
                    <a:lnTo>
                      <a:pt x="372" y="318"/>
                    </a:lnTo>
                    <a:lnTo>
                      <a:pt x="377" y="316"/>
                    </a:lnTo>
                    <a:lnTo>
                      <a:pt x="380" y="315"/>
                    </a:lnTo>
                    <a:lnTo>
                      <a:pt x="380" y="311"/>
                    </a:lnTo>
                    <a:lnTo>
                      <a:pt x="380" y="310"/>
                    </a:lnTo>
                    <a:lnTo>
                      <a:pt x="380" y="308"/>
                    </a:lnTo>
                    <a:lnTo>
                      <a:pt x="379" y="306"/>
                    </a:lnTo>
                    <a:lnTo>
                      <a:pt x="379" y="305"/>
                    </a:lnTo>
                    <a:lnTo>
                      <a:pt x="377" y="305"/>
                    </a:lnTo>
                    <a:lnTo>
                      <a:pt x="392" y="296"/>
                    </a:lnTo>
                    <a:lnTo>
                      <a:pt x="387" y="286"/>
                    </a:lnTo>
                    <a:lnTo>
                      <a:pt x="402" y="271"/>
                    </a:lnTo>
                    <a:lnTo>
                      <a:pt x="408" y="271"/>
                    </a:lnTo>
                    <a:lnTo>
                      <a:pt x="416" y="262"/>
                    </a:lnTo>
                    <a:lnTo>
                      <a:pt x="416" y="232"/>
                    </a:lnTo>
                    <a:lnTo>
                      <a:pt x="426" y="217"/>
                    </a:lnTo>
                    <a:lnTo>
                      <a:pt x="441" y="205"/>
                    </a:lnTo>
                    <a:lnTo>
                      <a:pt x="441" y="203"/>
                    </a:lnTo>
                    <a:lnTo>
                      <a:pt x="443" y="201"/>
                    </a:lnTo>
                    <a:lnTo>
                      <a:pt x="443" y="198"/>
                    </a:lnTo>
                    <a:lnTo>
                      <a:pt x="443" y="196"/>
                    </a:lnTo>
                    <a:lnTo>
                      <a:pt x="445" y="195"/>
                    </a:lnTo>
                    <a:lnTo>
                      <a:pt x="445" y="193"/>
                    </a:lnTo>
                    <a:lnTo>
                      <a:pt x="440" y="193"/>
                    </a:lnTo>
                    <a:lnTo>
                      <a:pt x="438" y="191"/>
                    </a:lnTo>
                    <a:lnTo>
                      <a:pt x="438" y="190"/>
                    </a:lnTo>
                    <a:lnTo>
                      <a:pt x="441" y="188"/>
                    </a:lnTo>
                    <a:lnTo>
                      <a:pt x="445" y="184"/>
                    </a:lnTo>
                    <a:lnTo>
                      <a:pt x="446" y="183"/>
                    </a:lnTo>
                    <a:lnTo>
                      <a:pt x="450" y="181"/>
                    </a:lnTo>
                    <a:lnTo>
                      <a:pt x="452" y="181"/>
                    </a:lnTo>
                    <a:lnTo>
                      <a:pt x="457" y="174"/>
                    </a:lnTo>
                    <a:lnTo>
                      <a:pt x="458" y="168"/>
                    </a:lnTo>
                    <a:lnTo>
                      <a:pt x="460" y="162"/>
                    </a:lnTo>
                    <a:lnTo>
                      <a:pt x="458" y="157"/>
                    </a:lnTo>
                    <a:lnTo>
                      <a:pt x="457" y="154"/>
                    </a:lnTo>
                    <a:lnTo>
                      <a:pt x="455" y="152"/>
                    </a:lnTo>
                    <a:lnTo>
                      <a:pt x="453" y="149"/>
                    </a:lnTo>
                    <a:lnTo>
                      <a:pt x="458" y="137"/>
                    </a:lnTo>
                    <a:lnTo>
                      <a:pt x="458" y="135"/>
                    </a:lnTo>
                    <a:lnTo>
                      <a:pt x="460" y="134"/>
                    </a:lnTo>
                    <a:lnTo>
                      <a:pt x="462" y="132"/>
                    </a:lnTo>
                    <a:lnTo>
                      <a:pt x="463" y="129"/>
                    </a:lnTo>
                    <a:lnTo>
                      <a:pt x="467" y="125"/>
                    </a:lnTo>
                    <a:lnTo>
                      <a:pt x="468" y="122"/>
                    </a:lnTo>
                    <a:lnTo>
                      <a:pt x="470" y="120"/>
                    </a:lnTo>
                    <a:lnTo>
                      <a:pt x="472" y="120"/>
                    </a:lnTo>
                    <a:lnTo>
                      <a:pt x="477" y="113"/>
                    </a:lnTo>
                    <a:lnTo>
                      <a:pt x="479" y="108"/>
                    </a:lnTo>
                    <a:lnTo>
                      <a:pt x="479" y="107"/>
                    </a:lnTo>
                    <a:lnTo>
                      <a:pt x="477" y="103"/>
                    </a:lnTo>
                    <a:lnTo>
                      <a:pt x="474" y="103"/>
                    </a:lnTo>
                    <a:lnTo>
                      <a:pt x="470" y="102"/>
                    </a:lnTo>
                    <a:lnTo>
                      <a:pt x="468" y="102"/>
                    </a:lnTo>
                    <a:lnTo>
                      <a:pt x="470" y="100"/>
                    </a:lnTo>
                    <a:lnTo>
                      <a:pt x="472" y="98"/>
                    </a:lnTo>
                    <a:lnTo>
                      <a:pt x="474" y="96"/>
                    </a:lnTo>
                    <a:lnTo>
                      <a:pt x="477" y="93"/>
                    </a:lnTo>
                    <a:lnTo>
                      <a:pt x="479" y="91"/>
                    </a:lnTo>
                    <a:lnTo>
                      <a:pt x="480" y="90"/>
                    </a:lnTo>
                    <a:lnTo>
                      <a:pt x="482" y="88"/>
                    </a:lnTo>
                    <a:lnTo>
                      <a:pt x="487" y="81"/>
                    </a:lnTo>
                    <a:lnTo>
                      <a:pt x="490" y="76"/>
                    </a:lnTo>
                    <a:lnTo>
                      <a:pt x="492" y="73"/>
                    </a:lnTo>
                    <a:lnTo>
                      <a:pt x="492" y="69"/>
                    </a:lnTo>
                    <a:lnTo>
                      <a:pt x="492" y="66"/>
                    </a:lnTo>
                    <a:lnTo>
                      <a:pt x="490" y="64"/>
                    </a:lnTo>
                    <a:lnTo>
                      <a:pt x="489" y="63"/>
                    </a:lnTo>
                    <a:lnTo>
                      <a:pt x="424" y="66"/>
                    </a:lnTo>
                    <a:lnTo>
                      <a:pt x="424" y="64"/>
                    </a:lnTo>
                    <a:lnTo>
                      <a:pt x="426" y="61"/>
                    </a:lnTo>
                    <a:lnTo>
                      <a:pt x="428" y="58"/>
                    </a:lnTo>
                    <a:lnTo>
                      <a:pt x="430" y="51"/>
                    </a:lnTo>
                    <a:lnTo>
                      <a:pt x="433" y="46"/>
                    </a:lnTo>
                    <a:lnTo>
                      <a:pt x="436" y="39"/>
                    </a:lnTo>
                    <a:lnTo>
                      <a:pt x="440" y="34"/>
                    </a:lnTo>
                    <a:lnTo>
                      <a:pt x="446" y="29"/>
                    </a:lnTo>
                    <a:lnTo>
                      <a:pt x="450" y="24"/>
                    </a:lnTo>
                    <a:lnTo>
                      <a:pt x="452" y="19"/>
                    </a:lnTo>
                    <a:lnTo>
                      <a:pt x="450" y="14"/>
                    </a:lnTo>
                    <a:lnTo>
                      <a:pt x="446" y="8"/>
                    </a:lnTo>
                    <a:lnTo>
                      <a:pt x="443" y="5"/>
                    </a:lnTo>
                    <a:lnTo>
                      <a:pt x="438" y="2"/>
                    </a:lnTo>
                    <a:lnTo>
                      <a:pt x="435" y="0"/>
                    </a:lnTo>
                    <a:lnTo>
                      <a:pt x="431" y="0"/>
                    </a:lnTo>
                    <a:lnTo>
                      <a:pt x="430" y="2"/>
                    </a:lnTo>
                    <a:lnTo>
                      <a:pt x="426" y="2"/>
                    </a:lnTo>
                    <a:lnTo>
                      <a:pt x="419" y="2"/>
                    </a:lnTo>
                    <a:lnTo>
                      <a:pt x="411" y="2"/>
                    </a:lnTo>
                    <a:lnTo>
                      <a:pt x="402" y="3"/>
                    </a:lnTo>
                    <a:lnTo>
                      <a:pt x="391" y="3"/>
                    </a:lnTo>
                    <a:lnTo>
                      <a:pt x="377" y="3"/>
                    </a:lnTo>
                    <a:lnTo>
                      <a:pt x="364" y="5"/>
                    </a:lnTo>
                    <a:lnTo>
                      <a:pt x="348" y="5"/>
                    </a:lnTo>
                    <a:lnTo>
                      <a:pt x="331" y="7"/>
                    </a:lnTo>
                    <a:lnTo>
                      <a:pt x="314" y="7"/>
                    </a:lnTo>
                    <a:lnTo>
                      <a:pt x="296" y="7"/>
                    </a:lnTo>
                    <a:lnTo>
                      <a:pt x="277" y="8"/>
                    </a:lnTo>
                    <a:lnTo>
                      <a:pt x="259" y="8"/>
                    </a:lnTo>
                    <a:lnTo>
                      <a:pt x="238" y="10"/>
                    </a:lnTo>
                    <a:lnTo>
                      <a:pt x="220" y="10"/>
                    </a:lnTo>
                    <a:lnTo>
                      <a:pt x="199" y="12"/>
                    </a:lnTo>
                    <a:lnTo>
                      <a:pt x="179" y="12"/>
                    </a:lnTo>
                    <a:lnTo>
                      <a:pt x="160" y="14"/>
                    </a:lnTo>
                    <a:lnTo>
                      <a:pt x="142" y="14"/>
                    </a:lnTo>
                    <a:lnTo>
                      <a:pt x="123" y="15"/>
                    </a:lnTo>
                    <a:lnTo>
                      <a:pt x="105" y="15"/>
                    </a:lnTo>
                    <a:lnTo>
                      <a:pt x="88" y="17"/>
                    </a:lnTo>
                    <a:lnTo>
                      <a:pt x="72" y="17"/>
                    </a:lnTo>
                    <a:lnTo>
                      <a:pt x="57" y="17"/>
                    </a:lnTo>
                    <a:lnTo>
                      <a:pt x="45" y="19"/>
                    </a:lnTo>
                    <a:lnTo>
                      <a:pt x="32" y="19"/>
                    </a:lnTo>
                    <a:lnTo>
                      <a:pt x="22" y="19"/>
                    </a:lnTo>
                    <a:lnTo>
                      <a:pt x="13" y="19"/>
                    </a:lnTo>
                    <a:lnTo>
                      <a:pt x="6" y="19"/>
                    </a:lnTo>
                    <a:lnTo>
                      <a:pt x="1" y="20"/>
                    </a:lnTo>
                    <a:lnTo>
                      <a:pt x="0" y="20"/>
                    </a:lnTo>
                    <a:lnTo>
                      <a:pt x="20" y="159"/>
                    </a:lnTo>
                    <a:lnTo>
                      <a:pt x="18" y="377"/>
                    </a:lnTo>
                    <a:lnTo>
                      <a:pt x="17" y="374"/>
                    </a:lnTo>
                    <a:lnTo>
                      <a:pt x="28" y="389"/>
                    </a:lnTo>
                    <a:lnTo>
                      <a:pt x="54" y="386"/>
                    </a:lnTo>
                    <a:lnTo>
                      <a:pt x="64" y="388"/>
                    </a:lnTo>
                    <a:lnTo>
                      <a:pt x="64" y="452"/>
                    </a:lnTo>
                    <a:lnTo>
                      <a:pt x="362" y="443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30" name="Freeform 60"/>
              <p:cNvSpPr>
                <a:spLocks/>
              </p:cNvSpPr>
              <p:nvPr/>
            </p:nvSpPr>
            <p:spPr bwMode="auto">
              <a:xfrm>
                <a:off x="2931" y="3072"/>
                <a:ext cx="540" cy="475"/>
              </a:xfrm>
              <a:custGeom>
                <a:avLst/>
                <a:gdLst>
                  <a:gd name="T0" fmla="*/ 27 w 555"/>
                  <a:gd name="T1" fmla="*/ 234 h 489"/>
                  <a:gd name="T2" fmla="*/ 27 w 555"/>
                  <a:gd name="T3" fmla="*/ 209 h 489"/>
                  <a:gd name="T4" fmla="*/ 43 w 555"/>
                  <a:gd name="T5" fmla="*/ 176 h 489"/>
                  <a:gd name="T6" fmla="*/ 35 w 555"/>
                  <a:gd name="T7" fmla="*/ 153 h 489"/>
                  <a:gd name="T8" fmla="*/ 203 w 555"/>
                  <a:gd name="T9" fmla="*/ 0 h 489"/>
                  <a:gd name="T10" fmla="*/ 204 w 555"/>
                  <a:gd name="T11" fmla="*/ 12 h 489"/>
                  <a:gd name="T12" fmla="*/ 206 w 555"/>
                  <a:gd name="T13" fmla="*/ 30 h 489"/>
                  <a:gd name="T14" fmla="*/ 211 w 555"/>
                  <a:gd name="T15" fmla="*/ 45 h 489"/>
                  <a:gd name="T16" fmla="*/ 217 w 555"/>
                  <a:gd name="T17" fmla="*/ 51 h 489"/>
                  <a:gd name="T18" fmla="*/ 221 w 555"/>
                  <a:gd name="T19" fmla="*/ 63 h 489"/>
                  <a:gd name="T20" fmla="*/ 206 w 555"/>
                  <a:gd name="T21" fmla="*/ 70 h 489"/>
                  <a:gd name="T22" fmla="*/ 209 w 555"/>
                  <a:gd name="T23" fmla="*/ 84 h 489"/>
                  <a:gd name="T24" fmla="*/ 193 w 555"/>
                  <a:gd name="T25" fmla="*/ 118 h 489"/>
                  <a:gd name="T26" fmla="*/ 188 w 555"/>
                  <a:gd name="T27" fmla="*/ 130 h 489"/>
                  <a:gd name="T28" fmla="*/ 186 w 555"/>
                  <a:gd name="T29" fmla="*/ 141 h 489"/>
                  <a:gd name="T30" fmla="*/ 177 w 555"/>
                  <a:gd name="T31" fmla="*/ 153 h 489"/>
                  <a:gd name="T32" fmla="*/ 180 w 555"/>
                  <a:gd name="T33" fmla="*/ 162 h 489"/>
                  <a:gd name="T34" fmla="*/ 313 w 555"/>
                  <a:gd name="T35" fmla="*/ 179 h 489"/>
                  <a:gd name="T36" fmla="*/ 318 w 555"/>
                  <a:gd name="T37" fmla="*/ 202 h 489"/>
                  <a:gd name="T38" fmla="*/ 326 w 555"/>
                  <a:gd name="T39" fmla="*/ 227 h 489"/>
                  <a:gd name="T40" fmla="*/ 304 w 555"/>
                  <a:gd name="T41" fmla="*/ 222 h 489"/>
                  <a:gd name="T42" fmla="*/ 282 w 555"/>
                  <a:gd name="T43" fmla="*/ 220 h 489"/>
                  <a:gd name="T44" fmla="*/ 273 w 555"/>
                  <a:gd name="T45" fmla="*/ 230 h 489"/>
                  <a:gd name="T46" fmla="*/ 289 w 555"/>
                  <a:gd name="T47" fmla="*/ 242 h 489"/>
                  <a:gd name="T48" fmla="*/ 312 w 555"/>
                  <a:gd name="T49" fmla="*/ 234 h 489"/>
                  <a:gd name="T50" fmla="*/ 322 w 555"/>
                  <a:gd name="T51" fmla="*/ 242 h 489"/>
                  <a:gd name="T52" fmla="*/ 322 w 555"/>
                  <a:gd name="T53" fmla="*/ 249 h 489"/>
                  <a:gd name="T54" fmla="*/ 333 w 555"/>
                  <a:gd name="T55" fmla="*/ 247 h 489"/>
                  <a:gd name="T56" fmla="*/ 341 w 555"/>
                  <a:gd name="T57" fmla="*/ 238 h 489"/>
                  <a:gd name="T58" fmla="*/ 342 w 555"/>
                  <a:gd name="T59" fmla="*/ 242 h 489"/>
                  <a:gd name="T60" fmla="*/ 344 w 555"/>
                  <a:gd name="T61" fmla="*/ 263 h 489"/>
                  <a:gd name="T62" fmla="*/ 332 w 555"/>
                  <a:gd name="T63" fmla="*/ 284 h 489"/>
                  <a:gd name="T64" fmla="*/ 370 w 555"/>
                  <a:gd name="T65" fmla="*/ 304 h 489"/>
                  <a:gd name="T66" fmla="*/ 360 w 555"/>
                  <a:gd name="T67" fmla="*/ 320 h 489"/>
                  <a:gd name="T68" fmla="*/ 352 w 555"/>
                  <a:gd name="T69" fmla="*/ 314 h 489"/>
                  <a:gd name="T70" fmla="*/ 342 w 555"/>
                  <a:gd name="T71" fmla="*/ 304 h 489"/>
                  <a:gd name="T72" fmla="*/ 321 w 555"/>
                  <a:gd name="T73" fmla="*/ 300 h 489"/>
                  <a:gd name="T74" fmla="*/ 315 w 555"/>
                  <a:gd name="T75" fmla="*/ 288 h 489"/>
                  <a:gd name="T76" fmla="*/ 291 w 555"/>
                  <a:gd name="T77" fmla="*/ 283 h 489"/>
                  <a:gd name="T78" fmla="*/ 301 w 555"/>
                  <a:gd name="T79" fmla="*/ 300 h 489"/>
                  <a:gd name="T80" fmla="*/ 301 w 555"/>
                  <a:gd name="T81" fmla="*/ 310 h 489"/>
                  <a:gd name="T82" fmla="*/ 290 w 555"/>
                  <a:gd name="T83" fmla="*/ 322 h 489"/>
                  <a:gd name="T84" fmla="*/ 265 w 555"/>
                  <a:gd name="T85" fmla="*/ 313 h 489"/>
                  <a:gd name="T86" fmla="*/ 239 w 555"/>
                  <a:gd name="T87" fmla="*/ 318 h 489"/>
                  <a:gd name="T88" fmla="*/ 223 w 555"/>
                  <a:gd name="T89" fmla="*/ 314 h 489"/>
                  <a:gd name="T90" fmla="*/ 193 w 555"/>
                  <a:gd name="T91" fmla="*/ 291 h 489"/>
                  <a:gd name="T92" fmla="*/ 185 w 555"/>
                  <a:gd name="T93" fmla="*/ 278 h 489"/>
                  <a:gd name="T94" fmla="*/ 173 w 555"/>
                  <a:gd name="T95" fmla="*/ 275 h 489"/>
                  <a:gd name="T96" fmla="*/ 167 w 555"/>
                  <a:gd name="T97" fmla="*/ 268 h 489"/>
                  <a:gd name="T98" fmla="*/ 139 w 555"/>
                  <a:gd name="T99" fmla="*/ 292 h 489"/>
                  <a:gd name="T100" fmla="*/ 114 w 555"/>
                  <a:gd name="T101" fmla="*/ 290 h 489"/>
                  <a:gd name="T102" fmla="*/ 77 w 555"/>
                  <a:gd name="T103" fmla="*/ 278 h 489"/>
                  <a:gd name="T104" fmla="*/ 60 w 555"/>
                  <a:gd name="T105" fmla="*/ 276 h 489"/>
                  <a:gd name="T106" fmla="*/ 57 w 555"/>
                  <a:gd name="T107" fmla="*/ 272 h 489"/>
                  <a:gd name="T108" fmla="*/ 28 w 555"/>
                  <a:gd name="T109" fmla="*/ 280 h 489"/>
                  <a:gd name="T110" fmla="*/ 18 w 555"/>
                  <a:gd name="T111" fmla="*/ 275 h 489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555"/>
                  <a:gd name="T169" fmla="*/ 0 h 489"/>
                  <a:gd name="T170" fmla="*/ 555 w 555"/>
                  <a:gd name="T171" fmla="*/ 489 h 489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555" h="489">
                    <a:moveTo>
                      <a:pt x="41" y="390"/>
                    </a:moveTo>
                    <a:lnTo>
                      <a:pt x="47" y="381"/>
                    </a:lnTo>
                    <a:lnTo>
                      <a:pt x="51" y="373"/>
                    </a:lnTo>
                    <a:lnTo>
                      <a:pt x="51" y="366"/>
                    </a:lnTo>
                    <a:lnTo>
                      <a:pt x="49" y="361"/>
                    </a:lnTo>
                    <a:lnTo>
                      <a:pt x="46" y="356"/>
                    </a:lnTo>
                    <a:lnTo>
                      <a:pt x="44" y="352"/>
                    </a:lnTo>
                    <a:lnTo>
                      <a:pt x="41" y="351"/>
                    </a:lnTo>
                    <a:lnTo>
                      <a:pt x="44" y="329"/>
                    </a:lnTo>
                    <a:lnTo>
                      <a:pt x="42" y="327"/>
                    </a:lnTo>
                    <a:lnTo>
                      <a:pt x="41" y="325"/>
                    </a:lnTo>
                    <a:lnTo>
                      <a:pt x="39" y="322"/>
                    </a:lnTo>
                    <a:lnTo>
                      <a:pt x="39" y="319"/>
                    </a:lnTo>
                    <a:lnTo>
                      <a:pt x="41" y="313"/>
                    </a:lnTo>
                    <a:lnTo>
                      <a:pt x="44" y="307"/>
                    </a:lnTo>
                    <a:lnTo>
                      <a:pt x="51" y="298"/>
                    </a:lnTo>
                    <a:lnTo>
                      <a:pt x="54" y="293"/>
                    </a:lnTo>
                    <a:lnTo>
                      <a:pt x="56" y="288"/>
                    </a:lnTo>
                    <a:lnTo>
                      <a:pt x="58" y="281"/>
                    </a:lnTo>
                    <a:lnTo>
                      <a:pt x="59" y="276"/>
                    </a:lnTo>
                    <a:lnTo>
                      <a:pt x="59" y="271"/>
                    </a:lnTo>
                    <a:lnTo>
                      <a:pt x="59" y="264"/>
                    </a:lnTo>
                    <a:lnTo>
                      <a:pt x="59" y="259"/>
                    </a:lnTo>
                    <a:lnTo>
                      <a:pt x="58" y="254"/>
                    </a:lnTo>
                    <a:lnTo>
                      <a:pt x="56" y="249"/>
                    </a:lnTo>
                    <a:lnTo>
                      <a:pt x="54" y="244"/>
                    </a:lnTo>
                    <a:lnTo>
                      <a:pt x="54" y="241"/>
                    </a:lnTo>
                    <a:lnTo>
                      <a:pt x="52" y="236"/>
                    </a:lnTo>
                    <a:lnTo>
                      <a:pt x="51" y="232"/>
                    </a:lnTo>
                    <a:lnTo>
                      <a:pt x="49" y="231"/>
                    </a:lnTo>
                    <a:lnTo>
                      <a:pt x="49" y="229"/>
                    </a:lnTo>
                    <a:lnTo>
                      <a:pt x="42" y="209"/>
                    </a:lnTo>
                    <a:lnTo>
                      <a:pt x="29" y="195"/>
                    </a:lnTo>
                    <a:lnTo>
                      <a:pt x="29" y="165"/>
                    </a:lnTo>
                    <a:lnTo>
                      <a:pt x="5" y="134"/>
                    </a:lnTo>
                    <a:lnTo>
                      <a:pt x="0" y="9"/>
                    </a:lnTo>
                    <a:lnTo>
                      <a:pt x="298" y="0"/>
                    </a:lnTo>
                    <a:lnTo>
                      <a:pt x="296" y="0"/>
                    </a:lnTo>
                    <a:lnTo>
                      <a:pt x="296" y="2"/>
                    </a:lnTo>
                    <a:lnTo>
                      <a:pt x="296" y="4"/>
                    </a:lnTo>
                    <a:lnTo>
                      <a:pt x="296" y="5"/>
                    </a:lnTo>
                    <a:lnTo>
                      <a:pt x="296" y="9"/>
                    </a:lnTo>
                    <a:lnTo>
                      <a:pt x="296" y="11"/>
                    </a:lnTo>
                    <a:lnTo>
                      <a:pt x="298" y="12"/>
                    </a:lnTo>
                    <a:lnTo>
                      <a:pt x="300" y="12"/>
                    </a:lnTo>
                    <a:lnTo>
                      <a:pt x="301" y="11"/>
                    </a:lnTo>
                    <a:lnTo>
                      <a:pt x="303" y="11"/>
                    </a:lnTo>
                    <a:lnTo>
                      <a:pt x="305" y="14"/>
                    </a:lnTo>
                    <a:lnTo>
                      <a:pt x="305" y="16"/>
                    </a:lnTo>
                    <a:lnTo>
                      <a:pt x="306" y="17"/>
                    </a:lnTo>
                    <a:lnTo>
                      <a:pt x="305" y="29"/>
                    </a:lnTo>
                    <a:lnTo>
                      <a:pt x="311" y="34"/>
                    </a:lnTo>
                    <a:lnTo>
                      <a:pt x="303" y="44"/>
                    </a:lnTo>
                    <a:lnTo>
                      <a:pt x="305" y="49"/>
                    </a:lnTo>
                    <a:lnTo>
                      <a:pt x="316" y="48"/>
                    </a:lnTo>
                    <a:lnTo>
                      <a:pt x="316" y="60"/>
                    </a:lnTo>
                    <a:lnTo>
                      <a:pt x="315" y="60"/>
                    </a:lnTo>
                    <a:lnTo>
                      <a:pt x="315" y="61"/>
                    </a:lnTo>
                    <a:lnTo>
                      <a:pt x="313" y="63"/>
                    </a:lnTo>
                    <a:lnTo>
                      <a:pt x="311" y="65"/>
                    </a:lnTo>
                    <a:lnTo>
                      <a:pt x="310" y="66"/>
                    </a:lnTo>
                    <a:lnTo>
                      <a:pt x="311" y="68"/>
                    </a:lnTo>
                    <a:lnTo>
                      <a:pt x="313" y="70"/>
                    </a:lnTo>
                    <a:lnTo>
                      <a:pt x="320" y="70"/>
                    </a:lnTo>
                    <a:lnTo>
                      <a:pt x="320" y="71"/>
                    </a:lnTo>
                    <a:lnTo>
                      <a:pt x="320" y="73"/>
                    </a:lnTo>
                    <a:lnTo>
                      <a:pt x="318" y="75"/>
                    </a:lnTo>
                    <a:lnTo>
                      <a:pt x="318" y="78"/>
                    </a:lnTo>
                    <a:lnTo>
                      <a:pt x="320" y="80"/>
                    </a:lnTo>
                    <a:lnTo>
                      <a:pt x="323" y="82"/>
                    </a:lnTo>
                    <a:lnTo>
                      <a:pt x="328" y="82"/>
                    </a:lnTo>
                    <a:lnTo>
                      <a:pt x="327" y="85"/>
                    </a:lnTo>
                    <a:lnTo>
                      <a:pt x="325" y="87"/>
                    </a:lnTo>
                    <a:lnTo>
                      <a:pt x="325" y="90"/>
                    </a:lnTo>
                    <a:lnTo>
                      <a:pt x="323" y="93"/>
                    </a:lnTo>
                    <a:lnTo>
                      <a:pt x="322" y="97"/>
                    </a:lnTo>
                    <a:lnTo>
                      <a:pt x="320" y="99"/>
                    </a:lnTo>
                    <a:lnTo>
                      <a:pt x="320" y="100"/>
                    </a:lnTo>
                    <a:lnTo>
                      <a:pt x="318" y="100"/>
                    </a:lnTo>
                    <a:lnTo>
                      <a:pt x="315" y="100"/>
                    </a:lnTo>
                    <a:lnTo>
                      <a:pt x="310" y="102"/>
                    </a:lnTo>
                    <a:lnTo>
                      <a:pt x="306" y="102"/>
                    </a:lnTo>
                    <a:lnTo>
                      <a:pt x="303" y="104"/>
                    </a:lnTo>
                    <a:lnTo>
                      <a:pt x="303" y="105"/>
                    </a:lnTo>
                    <a:lnTo>
                      <a:pt x="306" y="107"/>
                    </a:lnTo>
                    <a:lnTo>
                      <a:pt x="313" y="110"/>
                    </a:lnTo>
                    <a:lnTo>
                      <a:pt x="313" y="112"/>
                    </a:lnTo>
                    <a:lnTo>
                      <a:pt x="313" y="114"/>
                    </a:lnTo>
                    <a:lnTo>
                      <a:pt x="311" y="119"/>
                    </a:lnTo>
                    <a:lnTo>
                      <a:pt x="308" y="122"/>
                    </a:lnTo>
                    <a:lnTo>
                      <a:pt x="306" y="126"/>
                    </a:lnTo>
                    <a:lnTo>
                      <a:pt x="303" y="129"/>
                    </a:lnTo>
                    <a:lnTo>
                      <a:pt x="303" y="132"/>
                    </a:lnTo>
                    <a:lnTo>
                      <a:pt x="301" y="134"/>
                    </a:lnTo>
                    <a:lnTo>
                      <a:pt x="300" y="146"/>
                    </a:lnTo>
                    <a:lnTo>
                      <a:pt x="291" y="146"/>
                    </a:lnTo>
                    <a:lnTo>
                      <a:pt x="284" y="173"/>
                    </a:lnTo>
                    <a:lnTo>
                      <a:pt x="276" y="178"/>
                    </a:lnTo>
                    <a:lnTo>
                      <a:pt x="284" y="178"/>
                    </a:lnTo>
                    <a:lnTo>
                      <a:pt x="284" y="180"/>
                    </a:lnTo>
                    <a:lnTo>
                      <a:pt x="283" y="180"/>
                    </a:lnTo>
                    <a:lnTo>
                      <a:pt x="279" y="183"/>
                    </a:lnTo>
                    <a:lnTo>
                      <a:pt x="278" y="185"/>
                    </a:lnTo>
                    <a:lnTo>
                      <a:pt x="274" y="188"/>
                    </a:lnTo>
                    <a:lnTo>
                      <a:pt x="274" y="190"/>
                    </a:lnTo>
                    <a:lnTo>
                      <a:pt x="274" y="193"/>
                    </a:lnTo>
                    <a:lnTo>
                      <a:pt x="276" y="195"/>
                    </a:lnTo>
                    <a:lnTo>
                      <a:pt x="276" y="197"/>
                    </a:lnTo>
                    <a:lnTo>
                      <a:pt x="274" y="198"/>
                    </a:lnTo>
                    <a:lnTo>
                      <a:pt x="272" y="200"/>
                    </a:lnTo>
                    <a:lnTo>
                      <a:pt x="269" y="203"/>
                    </a:lnTo>
                    <a:lnTo>
                      <a:pt x="269" y="207"/>
                    </a:lnTo>
                    <a:lnTo>
                      <a:pt x="267" y="209"/>
                    </a:lnTo>
                    <a:lnTo>
                      <a:pt x="269" y="210"/>
                    </a:lnTo>
                    <a:lnTo>
                      <a:pt x="272" y="210"/>
                    </a:lnTo>
                    <a:lnTo>
                      <a:pt x="274" y="212"/>
                    </a:lnTo>
                    <a:lnTo>
                      <a:pt x="274" y="215"/>
                    </a:lnTo>
                    <a:lnTo>
                      <a:pt x="272" y="217"/>
                    </a:lnTo>
                    <a:lnTo>
                      <a:pt x="267" y="222"/>
                    </a:lnTo>
                    <a:lnTo>
                      <a:pt x="264" y="224"/>
                    </a:lnTo>
                    <a:lnTo>
                      <a:pt x="261" y="225"/>
                    </a:lnTo>
                    <a:lnTo>
                      <a:pt x="259" y="227"/>
                    </a:lnTo>
                    <a:lnTo>
                      <a:pt x="259" y="231"/>
                    </a:lnTo>
                    <a:lnTo>
                      <a:pt x="259" y="232"/>
                    </a:lnTo>
                    <a:lnTo>
                      <a:pt x="261" y="234"/>
                    </a:lnTo>
                    <a:lnTo>
                      <a:pt x="262" y="236"/>
                    </a:lnTo>
                    <a:lnTo>
                      <a:pt x="264" y="236"/>
                    </a:lnTo>
                    <a:lnTo>
                      <a:pt x="266" y="237"/>
                    </a:lnTo>
                    <a:lnTo>
                      <a:pt x="264" y="239"/>
                    </a:lnTo>
                    <a:lnTo>
                      <a:pt x="264" y="242"/>
                    </a:lnTo>
                    <a:lnTo>
                      <a:pt x="264" y="244"/>
                    </a:lnTo>
                    <a:lnTo>
                      <a:pt x="262" y="247"/>
                    </a:lnTo>
                    <a:lnTo>
                      <a:pt x="262" y="251"/>
                    </a:lnTo>
                    <a:lnTo>
                      <a:pt x="262" y="253"/>
                    </a:lnTo>
                    <a:lnTo>
                      <a:pt x="262" y="254"/>
                    </a:lnTo>
                    <a:lnTo>
                      <a:pt x="462" y="241"/>
                    </a:lnTo>
                    <a:lnTo>
                      <a:pt x="462" y="264"/>
                    </a:lnTo>
                    <a:lnTo>
                      <a:pt x="460" y="264"/>
                    </a:lnTo>
                    <a:lnTo>
                      <a:pt x="459" y="268"/>
                    </a:lnTo>
                    <a:lnTo>
                      <a:pt x="457" y="273"/>
                    </a:lnTo>
                    <a:lnTo>
                      <a:pt x="455" y="276"/>
                    </a:lnTo>
                    <a:lnTo>
                      <a:pt x="454" y="283"/>
                    </a:lnTo>
                    <a:lnTo>
                      <a:pt x="454" y="288"/>
                    </a:lnTo>
                    <a:lnTo>
                      <a:pt x="457" y="293"/>
                    </a:lnTo>
                    <a:lnTo>
                      <a:pt x="462" y="297"/>
                    </a:lnTo>
                    <a:lnTo>
                      <a:pt x="464" y="298"/>
                    </a:lnTo>
                    <a:lnTo>
                      <a:pt x="467" y="302"/>
                    </a:lnTo>
                    <a:lnTo>
                      <a:pt x="470" y="307"/>
                    </a:lnTo>
                    <a:lnTo>
                      <a:pt x="476" y="313"/>
                    </a:lnTo>
                    <a:lnTo>
                      <a:pt x="479" y="320"/>
                    </a:lnTo>
                    <a:lnTo>
                      <a:pt x="482" y="327"/>
                    </a:lnTo>
                    <a:lnTo>
                      <a:pt x="482" y="335"/>
                    </a:lnTo>
                    <a:lnTo>
                      <a:pt x="481" y="342"/>
                    </a:lnTo>
                    <a:lnTo>
                      <a:pt x="479" y="342"/>
                    </a:lnTo>
                    <a:lnTo>
                      <a:pt x="477" y="342"/>
                    </a:lnTo>
                    <a:lnTo>
                      <a:pt x="474" y="342"/>
                    </a:lnTo>
                    <a:lnTo>
                      <a:pt x="472" y="342"/>
                    </a:lnTo>
                    <a:lnTo>
                      <a:pt x="470" y="342"/>
                    </a:lnTo>
                    <a:lnTo>
                      <a:pt x="469" y="342"/>
                    </a:lnTo>
                    <a:lnTo>
                      <a:pt x="467" y="342"/>
                    </a:lnTo>
                    <a:lnTo>
                      <a:pt x="450" y="334"/>
                    </a:lnTo>
                    <a:lnTo>
                      <a:pt x="445" y="335"/>
                    </a:lnTo>
                    <a:lnTo>
                      <a:pt x="443" y="334"/>
                    </a:lnTo>
                    <a:lnTo>
                      <a:pt x="442" y="332"/>
                    </a:lnTo>
                    <a:lnTo>
                      <a:pt x="440" y="329"/>
                    </a:lnTo>
                    <a:lnTo>
                      <a:pt x="437" y="325"/>
                    </a:lnTo>
                    <a:lnTo>
                      <a:pt x="432" y="322"/>
                    </a:lnTo>
                    <a:lnTo>
                      <a:pt x="426" y="322"/>
                    </a:lnTo>
                    <a:lnTo>
                      <a:pt x="421" y="324"/>
                    </a:lnTo>
                    <a:lnTo>
                      <a:pt x="415" y="329"/>
                    </a:lnTo>
                    <a:lnTo>
                      <a:pt x="413" y="330"/>
                    </a:lnTo>
                    <a:lnTo>
                      <a:pt x="411" y="332"/>
                    </a:lnTo>
                    <a:lnTo>
                      <a:pt x="410" y="335"/>
                    </a:lnTo>
                    <a:lnTo>
                      <a:pt x="408" y="339"/>
                    </a:lnTo>
                    <a:lnTo>
                      <a:pt x="404" y="341"/>
                    </a:lnTo>
                    <a:lnTo>
                      <a:pt x="403" y="344"/>
                    </a:lnTo>
                    <a:lnTo>
                      <a:pt x="403" y="346"/>
                    </a:lnTo>
                    <a:lnTo>
                      <a:pt x="401" y="346"/>
                    </a:lnTo>
                    <a:lnTo>
                      <a:pt x="401" y="347"/>
                    </a:lnTo>
                    <a:lnTo>
                      <a:pt x="399" y="349"/>
                    </a:lnTo>
                    <a:lnTo>
                      <a:pt x="398" y="352"/>
                    </a:lnTo>
                    <a:lnTo>
                      <a:pt x="398" y="356"/>
                    </a:lnTo>
                    <a:lnTo>
                      <a:pt x="399" y="359"/>
                    </a:lnTo>
                    <a:lnTo>
                      <a:pt x="403" y="361"/>
                    </a:lnTo>
                    <a:lnTo>
                      <a:pt x="411" y="364"/>
                    </a:lnTo>
                    <a:lnTo>
                      <a:pt x="423" y="364"/>
                    </a:lnTo>
                    <a:lnTo>
                      <a:pt x="426" y="366"/>
                    </a:lnTo>
                    <a:lnTo>
                      <a:pt x="428" y="366"/>
                    </a:lnTo>
                    <a:lnTo>
                      <a:pt x="433" y="366"/>
                    </a:lnTo>
                    <a:lnTo>
                      <a:pt x="437" y="364"/>
                    </a:lnTo>
                    <a:lnTo>
                      <a:pt x="443" y="363"/>
                    </a:lnTo>
                    <a:lnTo>
                      <a:pt x="450" y="359"/>
                    </a:lnTo>
                    <a:lnTo>
                      <a:pt x="457" y="352"/>
                    </a:lnTo>
                    <a:lnTo>
                      <a:pt x="459" y="352"/>
                    </a:lnTo>
                    <a:lnTo>
                      <a:pt x="462" y="352"/>
                    </a:lnTo>
                    <a:lnTo>
                      <a:pt x="464" y="356"/>
                    </a:lnTo>
                    <a:lnTo>
                      <a:pt x="465" y="356"/>
                    </a:lnTo>
                    <a:lnTo>
                      <a:pt x="474" y="347"/>
                    </a:lnTo>
                    <a:lnTo>
                      <a:pt x="481" y="352"/>
                    </a:lnTo>
                    <a:lnTo>
                      <a:pt x="474" y="363"/>
                    </a:lnTo>
                    <a:lnTo>
                      <a:pt x="472" y="363"/>
                    </a:lnTo>
                    <a:lnTo>
                      <a:pt x="469" y="364"/>
                    </a:lnTo>
                    <a:lnTo>
                      <a:pt x="465" y="366"/>
                    </a:lnTo>
                    <a:lnTo>
                      <a:pt x="462" y="368"/>
                    </a:lnTo>
                    <a:lnTo>
                      <a:pt x="460" y="369"/>
                    </a:lnTo>
                    <a:lnTo>
                      <a:pt x="459" y="373"/>
                    </a:lnTo>
                    <a:lnTo>
                      <a:pt x="462" y="373"/>
                    </a:lnTo>
                    <a:lnTo>
                      <a:pt x="470" y="374"/>
                    </a:lnTo>
                    <a:lnTo>
                      <a:pt x="472" y="374"/>
                    </a:lnTo>
                    <a:lnTo>
                      <a:pt x="474" y="376"/>
                    </a:lnTo>
                    <a:lnTo>
                      <a:pt x="479" y="378"/>
                    </a:lnTo>
                    <a:lnTo>
                      <a:pt x="484" y="379"/>
                    </a:lnTo>
                    <a:lnTo>
                      <a:pt x="487" y="381"/>
                    </a:lnTo>
                    <a:lnTo>
                      <a:pt x="491" y="379"/>
                    </a:lnTo>
                    <a:lnTo>
                      <a:pt x="491" y="378"/>
                    </a:lnTo>
                    <a:lnTo>
                      <a:pt x="489" y="373"/>
                    </a:lnTo>
                    <a:lnTo>
                      <a:pt x="489" y="371"/>
                    </a:lnTo>
                    <a:lnTo>
                      <a:pt x="491" y="369"/>
                    </a:lnTo>
                    <a:lnTo>
                      <a:pt x="492" y="368"/>
                    </a:lnTo>
                    <a:lnTo>
                      <a:pt x="494" y="364"/>
                    </a:lnTo>
                    <a:lnTo>
                      <a:pt x="496" y="363"/>
                    </a:lnTo>
                    <a:lnTo>
                      <a:pt x="496" y="361"/>
                    </a:lnTo>
                    <a:lnTo>
                      <a:pt x="498" y="359"/>
                    </a:lnTo>
                    <a:lnTo>
                      <a:pt x="499" y="357"/>
                    </a:lnTo>
                    <a:lnTo>
                      <a:pt x="503" y="357"/>
                    </a:lnTo>
                    <a:lnTo>
                      <a:pt x="504" y="357"/>
                    </a:lnTo>
                    <a:lnTo>
                      <a:pt x="506" y="357"/>
                    </a:lnTo>
                    <a:lnTo>
                      <a:pt x="504" y="359"/>
                    </a:lnTo>
                    <a:lnTo>
                      <a:pt x="503" y="361"/>
                    </a:lnTo>
                    <a:lnTo>
                      <a:pt x="503" y="364"/>
                    </a:lnTo>
                    <a:lnTo>
                      <a:pt x="504" y="366"/>
                    </a:lnTo>
                    <a:lnTo>
                      <a:pt x="506" y="369"/>
                    </a:lnTo>
                    <a:lnTo>
                      <a:pt x="508" y="369"/>
                    </a:lnTo>
                    <a:lnTo>
                      <a:pt x="506" y="383"/>
                    </a:lnTo>
                    <a:lnTo>
                      <a:pt x="509" y="388"/>
                    </a:lnTo>
                    <a:lnTo>
                      <a:pt x="523" y="388"/>
                    </a:lnTo>
                    <a:lnTo>
                      <a:pt x="521" y="395"/>
                    </a:lnTo>
                    <a:lnTo>
                      <a:pt x="506" y="395"/>
                    </a:lnTo>
                    <a:lnTo>
                      <a:pt x="499" y="400"/>
                    </a:lnTo>
                    <a:lnTo>
                      <a:pt x="486" y="400"/>
                    </a:lnTo>
                    <a:lnTo>
                      <a:pt x="486" y="417"/>
                    </a:lnTo>
                    <a:lnTo>
                      <a:pt x="486" y="418"/>
                    </a:lnTo>
                    <a:lnTo>
                      <a:pt x="486" y="422"/>
                    </a:lnTo>
                    <a:lnTo>
                      <a:pt x="486" y="423"/>
                    </a:lnTo>
                    <a:lnTo>
                      <a:pt x="486" y="427"/>
                    </a:lnTo>
                    <a:lnTo>
                      <a:pt x="487" y="429"/>
                    </a:lnTo>
                    <a:lnTo>
                      <a:pt x="489" y="430"/>
                    </a:lnTo>
                    <a:lnTo>
                      <a:pt x="494" y="432"/>
                    </a:lnTo>
                    <a:lnTo>
                      <a:pt x="499" y="437"/>
                    </a:lnTo>
                    <a:lnTo>
                      <a:pt x="504" y="442"/>
                    </a:lnTo>
                    <a:lnTo>
                      <a:pt x="516" y="442"/>
                    </a:lnTo>
                    <a:lnTo>
                      <a:pt x="523" y="449"/>
                    </a:lnTo>
                    <a:lnTo>
                      <a:pt x="543" y="456"/>
                    </a:lnTo>
                    <a:lnTo>
                      <a:pt x="542" y="462"/>
                    </a:lnTo>
                    <a:lnTo>
                      <a:pt x="555" y="462"/>
                    </a:lnTo>
                    <a:lnTo>
                      <a:pt x="553" y="474"/>
                    </a:lnTo>
                    <a:lnTo>
                      <a:pt x="542" y="479"/>
                    </a:lnTo>
                    <a:lnTo>
                      <a:pt x="540" y="486"/>
                    </a:lnTo>
                    <a:lnTo>
                      <a:pt x="531" y="478"/>
                    </a:lnTo>
                    <a:lnTo>
                      <a:pt x="530" y="478"/>
                    </a:lnTo>
                    <a:lnTo>
                      <a:pt x="528" y="481"/>
                    </a:lnTo>
                    <a:lnTo>
                      <a:pt x="525" y="484"/>
                    </a:lnTo>
                    <a:lnTo>
                      <a:pt x="521" y="488"/>
                    </a:lnTo>
                    <a:lnTo>
                      <a:pt x="520" y="489"/>
                    </a:lnTo>
                    <a:lnTo>
                      <a:pt x="518" y="489"/>
                    </a:lnTo>
                    <a:lnTo>
                      <a:pt x="518" y="486"/>
                    </a:lnTo>
                    <a:lnTo>
                      <a:pt x="521" y="478"/>
                    </a:lnTo>
                    <a:lnTo>
                      <a:pt x="521" y="474"/>
                    </a:lnTo>
                    <a:lnTo>
                      <a:pt x="518" y="471"/>
                    </a:lnTo>
                    <a:lnTo>
                      <a:pt x="514" y="469"/>
                    </a:lnTo>
                    <a:lnTo>
                      <a:pt x="513" y="467"/>
                    </a:lnTo>
                    <a:lnTo>
                      <a:pt x="513" y="466"/>
                    </a:lnTo>
                    <a:lnTo>
                      <a:pt x="513" y="464"/>
                    </a:lnTo>
                    <a:lnTo>
                      <a:pt x="511" y="462"/>
                    </a:lnTo>
                    <a:lnTo>
                      <a:pt x="508" y="461"/>
                    </a:lnTo>
                    <a:lnTo>
                      <a:pt x="503" y="457"/>
                    </a:lnTo>
                    <a:lnTo>
                      <a:pt x="494" y="456"/>
                    </a:lnTo>
                    <a:lnTo>
                      <a:pt x="484" y="454"/>
                    </a:lnTo>
                    <a:lnTo>
                      <a:pt x="481" y="454"/>
                    </a:lnTo>
                    <a:lnTo>
                      <a:pt x="477" y="454"/>
                    </a:lnTo>
                    <a:lnTo>
                      <a:pt x="476" y="452"/>
                    </a:lnTo>
                    <a:lnTo>
                      <a:pt x="472" y="452"/>
                    </a:lnTo>
                    <a:lnTo>
                      <a:pt x="470" y="452"/>
                    </a:lnTo>
                    <a:lnTo>
                      <a:pt x="469" y="451"/>
                    </a:lnTo>
                    <a:lnTo>
                      <a:pt x="469" y="447"/>
                    </a:lnTo>
                    <a:lnTo>
                      <a:pt x="467" y="442"/>
                    </a:lnTo>
                    <a:lnTo>
                      <a:pt x="465" y="439"/>
                    </a:lnTo>
                    <a:lnTo>
                      <a:pt x="464" y="435"/>
                    </a:lnTo>
                    <a:lnTo>
                      <a:pt x="462" y="432"/>
                    </a:lnTo>
                    <a:lnTo>
                      <a:pt x="459" y="432"/>
                    </a:lnTo>
                    <a:lnTo>
                      <a:pt x="454" y="435"/>
                    </a:lnTo>
                    <a:lnTo>
                      <a:pt x="452" y="435"/>
                    </a:lnTo>
                    <a:lnTo>
                      <a:pt x="447" y="432"/>
                    </a:lnTo>
                    <a:lnTo>
                      <a:pt x="440" y="429"/>
                    </a:lnTo>
                    <a:lnTo>
                      <a:pt x="435" y="425"/>
                    </a:lnTo>
                    <a:lnTo>
                      <a:pt x="430" y="423"/>
                    </a:lnTo>
                    <a:lnTo>
                      <a:pt x="428" y="425"/>
                    </a:lnTo>
                    <a:lnTo>
                      <a:pt x="433" y="430"/>
                    </a:lnTo>
                    <a:lnTo>
                      <a:pt x="443" y="440"/>
                    </a:lnTo>
                    <a:lnTo>
                      <a:pt x="443" y="444"/>
                    </a:lnTo>
                    <a:lnTo>
                      <a:pt x="443" y="445"/>
                    </a:lnTo>
                    <a:lnTo>
                      <a:pt x="445" y="449"/>
                    </a:lnTo>
                    <a:lnTo>
                      <a:pt x="445" y="451"/>
                    </a:lnTo>
                    <a:lnTo>
                      <a:pt x="443" y="451"/>
                    </a:lnTo>
                    <a:lnTo>
                      <a:pt x="442" y="451"/>
                    </a:lnTo>
                    <a:lnTo>
                      <a:pt x="438" y="449"/>
                    </a:lnTo>
                    <a:lnTo>
                      <a:pt x="435" y="451"/>
                    </a:lnTo>
                    <a:lnTo>
                      <a:pt x="433" y="451"/>
                    </a:lnTo>
                    <a:lnTo>
                      <a:pt x="432" y="452"/>
                    </a:lnTo>
                    <a:lnTo>
                      <a:pt x="433" y="456"/>
                    </a:lnTo>
                    <a:lnTo>
                      <a:pt x="437" y="461"/>
                    </a:lnTo>
                    <a:lnTo>
                      <a:pt x="438" y="462"/>
                    </a:lnTo>
                    <a:lnTo>
                      <a:pt x="442" y="466"/>
                    </a:lnTo>
                    <a:lnTo>
                      <a:pt x="445" y="469"/>
                    </a:lnTo>
                    <a:lnTo>
                      <a:pt x="445" y="471"/>
                    </a:lnTo>
                    <a:lnTo>
                      <a:pt x="432" y="484"/>
                    </a:lnTo>
                    <a:lnTo>
                      <a:pt x="430" y="484"/>
                    </a:lnTo>
                    <a:lnTo>
                      <a:pt x="428" y="484"/>
                    </a:lnTo>
                    <a:lnTo>
                      <a:pt x="425" y="483"/>
                    </a:lnTo>
                    <a:lnTo>
                      <a:pt x="425" y="481"/>
                    </a:lnTo>
                    <a:lnTo>
                      <a:pt x="423" y="478"/>
                    </a:lnTo>
                    <a:lnTo>
                      <a:pt x="423" y="473"/>
                    </a:lnTo>
                    <a:lnTo>
                      <a:pt x="411" y="459"/>
                    </a:lnTo>
                    <a:lnTo>
                      <a:pt x="401" y="454"/>
                    </a:lnTo>
                    <a:lnTo>
                      <a:pt x="393" y="462"/>
                    </a:lnTo>
                    <a:lnTo>
                      <a:pt x="386" y="459"/>
                    </a:lnTo>
                    <a:lnTo>
                      <a:pt x="388" y="469"/>
                    </a:lnTo>
                    <a:lnTo>
                      <a:pt x="369" y="484"/>
                    </a:lnTo>
                    <a:lnTo>
                      <a:pt x="366" y="486"/>
                    </a:lnTo>
                    <a:lnTo>
                      <a:pt x="362" y="486"/>
                    </a:lnTo>
                    <a:lnTo>
                      <a:pt x="359" y="486"/>
                    </a:lnTo>
                    <a:lnTo>
                      <a:pt x="355" y="484"/>
                    </a:lnTo>
                    <a:lnTo>
                      <a:pt x="352" y="481"/>
                    </a:lnTo>
                    <a:lnTo>
                      <a:pt x="352" y="478"/>
                    </a:lnTo>
                    <a:lnTo>
                      <a:pt x="355" y="471"/>
                    </a:lnTo>
                    <a:lnTo>
                      <a:pt x="355" y="469"/>
                    </a:lnTo>
                    <a:lnTo>
                      <a:pt x="359" y="467"/>
                    </a:lnTo>
                    <a:lnTo>
                      <a:pt x="360" y="466"/>
                    </a:lnTo>
                    <a:lnTo>
                      <a:pt x="362" y="466"/>
                    </a:lnTo>
                    <a:lnTo>
                      <a:pt x="345" y="467"/>
                    </a:lnTo>
                    <a:lnTo>
                      <a:pt x="342" y="478"/>
                    </a:lnTo>
                    <a:lnTo>
                      <a:pt x="327" y="471"/>
                    </a:lnTo>
                    <a:lnTo>
                      <a:pt x="330" y="462"/>
                    </a:lnTo>
                    <a:lnTo>
                      <a:pt x="308" y="440"/>
                    </a:lnTo>
                    <a:lnTo>
                      <a:pt x="301" y="440"/>
                    </a:lnTo>
                    <a:lnTo>
                      <a:pt x="289" y="435"/>
                    </a:lnTo>
                    <a:lnTo>
                      <a:pt x="288" y="437"/>
                    </a:lnTo>
                    <a:lnTo>
                      <a:pt x="286" y="437"/>
                    </a:lnTo>
                    <a:lnTo>
                      <a:pt x="284" y="439"/>
                    </a:lnTo>
                    <a:lnTo>
                      <a:pt x="281" y="439"/>
                    </a:lnTo>
                    <a:lnTo>
                      <a:pt x="281" y="437"/>
                    </a:lnTo>
                    <a:lnTo>
                      <a:pt x="279" y="435"/>
                    </a:lnTo>
                    <a:lnTo>
                      <a:pt x="278" y="432"/>
                    </a:lnTo>
                    <a:lnTo>
                      <a:pt x="278" y="423"/>
                    </a:lnTo>
                    <a:lnTo>
                      <a:pt x="271" y="420"/>
                    </a:lnTo>
                    <a:lnTo>
                      <a:pt x="271" y="418"/>
                    </a:lnTo>
                    <a:lnTo>
                      <a:pt x="271" y="417"/>
                    </a:lnTo>
                    <a:lnTo>
                      <a:pt x="269" y="413"/>
                    </a:lnTo>
                    <a:lnTo>
                      <a:pt x="269" y="412"/>
                    </a:lnTo>
                    <a:lnTo>
                      <a:pt x="267" y="408"/>
                    </a:lnTo>
                    <a:lnTo>
                      <a:pt x="264" y="407"/>
                    </a:lnTo>
                    <a:lnTo>
                      <a:pt x="261" y="408"/>
                    </a:lnTo>
                    <a:lnTo>
                      <a:pt x="256" y="412"/>
                    </a:lnTo>
                    <a:lnTo>
                      <a:pt x="254" y="413"/>
                    </a:lnTo>
                    <a:lnTo>
                      <a:pt x="252" y="415"/>
                    </a:lnTo>
                    <a:lnTo>
                      <a:pt x="250" y="417"/>
                    </a:lnTo>
                    <a:lnTo>
                      <a:pt x="247" y="417"/>
                    </a:lnTo>
                    <a:lnTo>
                      <a:pt x="245" y="415"/>
                    </a:lnTo>
                    <a:lnTo>
                      <a:pt x="244" y="412"/>
                    </a:lnTo>
                    <a:lnTo>
                      <a:pt x="244" y="405"/>
                    </a:lnTo>
                    <a:lnTo>
                      <a:pt x="245" y="403"/>
                    </a:lnTo>
                    <a:lnTo>
                      <a:pt x="245" y="401"/>
                    </a:lnTo>
                    <a:lnTo>
                      <a:pt x="245" y="400"/>
                    </a:lnTo>
                    <a:lnTo>
                      <a:pt x="232" y="401"/>
                    </a:lnTo>
                    <a:lnTo>
                      <a:pt x="215" y="412"/>
                    </a:lnTo>
                    <a:lnTo>
                      <a:pt x="210" y="415"/>
                    </a:lnTo>
                    <a:lnTo>
                      <a:pt x="225" y="429"/>
                    </a:lnTo>
                    <a:lnTo>
                      <a:pt x="223" y="435"/>
                    </a:lnTo>
                    <a:lnTo>
                      <a:pt x="203" y="440"/>
                    </a:lnTo>
                    <a:lnTo>
                      <a:pt x="200" y="440"/>
                    </a:lnTo>
                    <a:lnTo>
                      <a:pt x="196" y="440"/>
                    </a:lnTo>
                    <a:lnTo>
                      <a:pt x="193" y="440"/>
                    </a:lnTo>
                    <a:lnTo>
                      <a:pt x="186" y="440"/>
                    </a:lnTo>
                    <a:lnTo>
                      <a:pt x="179" y="439"/>
                    </a:lnTo>
                    <a:lnTo>
                      <a:pt x="173" y="439"/>
                    </a:lnTo>
                    <a:lnTo>
                      <a:pt x="166" y="437"/>
                    </a:lnTo>
                    <a:lnTo>
                      <a:pt x="159" y="435"/>
                    </a:lnTo>
                    <a:lnTo>
                      <a:pt x="151" y="434"/>
                    </a:lnTo>
                    <a:lnTo>
                      <a:pt x="142" y="432"/>
                    </a:lnTo>
                    <a:lnTo>
                      <a:pt x="135" y="430"/>
                    </a:lnTo>
                    <a:lnTo>
                      <a:pt x="129" y="427"/>
                    </a:lnTo>
                    <a:lnTo>
                      <a:pt x="122" y="423"/>
                    </a:lnTo>
                    <a:lnTo>
                      <a:pt x="117" y="420"/>
                    </a:lnTo>
                    <a:lnTo>
                      <a:pt x="112" y="417"/>
                    </a:lnTo>
                    <a:lnTo>
                      <a:pt x="108" y="417"/>
                    </a:lnTo>
                    <a:lnTo>
                      <a:pt x="105" y="417"/>
                    </a:lnTo>
                    <a:lnTo>
                      <a:pt x="100" y="415"/>
                    </a:lnTo>
                    <a:lnTo>
                      <a:pt x="95" y="415"/>
                    </a:lnTo>
                    <a:lnTo>
                      <a:pt x="91" y="415"/>
                    </a:lnTo>
                    <a:lnTo>
                      <a:pt x="90" y="415"/>
                    </a:lnTo>
                    <a:lnTo>
                      <a:pt x="88" y="415"/>
                    </a:lnTo>
                    <a:lnTo>
                      <a:pt x="90" y="407"/>
                    </a:lnTo>
                    <a:lnTo>
                      <a:pt x="98" y="400"/>
                    </a:lnTo>
                    <a:lnTo>
                      <a:pt x="88" y="381"/>
                    </a:lnTo>
                    <a:lnTo>
                      <a:pt x="81" y="391"/>
                    </a:lnTo>
                    <a:lnTo>
                      <a:pt x="85" y="396"/>
                    </a:lnTo>
                    <a:lnTo>
                      <a:pt x="81" y="400"/>
                    </a:lnTo>
                    <a:lnTo>
                      <a:pt x="76" y="405"/>
                    </a:lnTo>
                    <a:lnTo>
                      <a:pt x="85" y="408"/>
                    </a:lnTo>
                    <a:lnTo>
                      <a:pt x="81" y="417"/>
                    </a:lnTo>
                    <a:lnTo>
                      <a:pt x="76" y="417"/>
                    </a:lnTo>
                    <a:lnTo>
                      <a:pt x="71" y="417"/>
                    </a:lnTo>
                    <a:lnTo>
                      <a:pt x="64" y="417"/>
                    </a:lnTo>
                    <a:lnTo>
                      <a:pt x="56" y="417"/>
                    </a:lnTo>
                    <a:lnTo>
                      <a:pt x="49" y="418"/>
                    </a:lnTo>
                    <a:lnTo>
                      <a:pt x="42" y="420"/>
                    </a:lnTo>
                    <a:lnTo>
                      <a:pt x="36" y="423"/>
                    </a:lnTo>
                    <a:lnTo>
                      <a:pt x="34" y="423"/>
                    </a:lnTo>
                    <a:lnTo>
                      <a:pt x="32" y="422"/>
                    </a:lnTo>
                    <a:lnTo>
                      <a:pt x="32" y="420"/>
                    </a:lnTo>
                    <a:lnTo>
                      <a:pt x="30" y="417"/>
                    </a:lnTo>
                    <a:lnTo>
                      <a:pt x="29" y="415"/>
                    </a:lnTo>
                    <a:lnTo>
                      <a:pt x="29" y="413"/>
                    </a:lnTo>
                    <a:lnTo>
                      <a:pt x="27" y="413"/>
                    </a:lnTo>
                    <a:lnTo>
                      <a:pt x="39" y="400"/>
                    </a:lnTo>
                    <a:lnTo>
                      <a:pt x="41" y="39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31" name="Freeform 61"/>
              <p:cNvSpPr>
                <a:spLocks/>
              </p:cNvSpPr>
              <p:nvPr/>
            </p:nvSpPr>
            <p:spPr bwMode="auto">
              <a:xfrm>
                <a:off x="3486" y="1959"/>
                <a:ext cx="289" cy="512"/>
              </a:xfrm>
              <a:custGeom>
                <a:avLst/>
                <a:gdLst>
                  <a:gd name="T0" fmla="*/ 0 w 298"/>
                  <a:gd name="T1" fmla="*/ 333 h 528"/>
                  <a:gd name="T2" fmla="*/ 5 w 298"/>
                  <a:gd name="T3" fmla="*/ 327 h 528"/>
                  <a:gd name="T4" fmla="*/ 7 w 298"/>
                  <a:gd name="T5" fmla="*/ 317 h 528"/>
                  <a:gd name="T6" fmla="*/ 10 w 298"/>
                  <a:gd name="T7" fmla="*/ 307 h 528"/>
                  <a:gd name="T8" fmla="*/ 16 w 298"/>
                  <a:gd name="T9" fmla="*/ 297 h 528"/>
                  <a:gd name="T10" fmla="*/ 20 w 298"/>
                  <a:gd name="T11" fmla="*/ 277 h 528"/>
                  <a:gd name="T12" fmla="*/ 24 w 298"/>
                  <a:gd name="T13" fmla="*/ 271 h 528"/>
                  <a:gd name="T14" fmla="*/ 29 w 298"/>
                  <a:gd name="T15" fmla="*/ 255 h 528"/>
                  <a:gd name="T16" fmla="*/ 18 w 298"/>
                  <a:gd name="T17" fmla="*/ 238 h 528"/>
                  <a:gd name="T18" fmla="*/ 16 w 298"/>
                  <a:gd name="T19" fmla="*/ 217 h 528"/>
                  <a:gd name="T20" fmla="*/ 18 w 298"/>
                  <a:gd name="T21" fmla="*/ 208 h 528"/>
                  <a:gd name="T22" fmla="*/ 16 w 298"/>
                  <a:gd name="T23" fmla="*/ 189 h 528"/>
                  <a:gd name="T24" fmla="*/ 16 w 298"/>
                  <a:gd name="T25" fmla="*/ 161 h 528"/>
                  <a:gd name="T26" fmla="*/ 16 w 298"/>
                  <a:gd name="T27" fmla="*/ 127 h 528"/>
                  <a:gd name="T28" fmla="*/ 16 w 298"/>
                  <a:gd name="T29" fmla="*/ 91 h 528"/>
                  <a:gd name="T30" fmla="*/ 12 w 298"/>
                  <a:gd name="T31" fmla="*/ 59 h 528"/>
                  <a:gd name="T32" fmla="*/ 9 w 298"/>
                  <a:gd name="T33" fmla="*/ 37 h 528"/>
                  <a:gd name="T34" fmla="*/ 7 w 298"/>
                  <a:gd name="T35" fmla="*/ 20 h 528"/>
                  <a:gd name="T36" fmla="*/ 9 w 298"/>
                  <a:gd name="T37" fmla="*/ 22 h 528"/>
                  <a:gd name="T38" fmla="*/ 16 w 298"/>
                  <a:gd name="T39" fmla="*/ 29 h 528"/>
                  <a:gd name="T40" fmla="*/ 18 w 298"/>
                  <a:gd name="T41" fmla="*/ 30 h 528"/>
                  <a:gd name="T42" fmla="*/ 41 w 298"/>
                  <a:gd name="T43" fmla="*/ 16 h 528"/>
                  <a:gd name="T44" fmla="*/ 168 w 298"/>
                  <a:gd name="T45" fmla="*/ 16 h 528"/>
                  <a:gd name="T46" fmla="*/ 191 w 298"/>
                  <a:gd name="T47" fmla="*/ 218 h 528"/>
                  <a:gd name="T48" fmla="*/ 189 w 298"/>
                  <a:gd name="T49" fmla="*/ 228 h 528"/>
                  <a:gd name="T50" fmla="*/ 192 w 298"/>
                  <a:gd name="T51" fmla="*/ 238 h 528"/>
                  <a:gd name="T52" fmla="*/ 193 w 298"/>
                  <a:gd name="T53" fmla="*/ 245 h 528"/>
                  <a:gd name="T54" fmla="*/ 179 w 298"/>
                  <a:gd name="T55" fmla="*/ 247 h 528"/>
                  <a:gd name="T56" fmla="*/ 170 w 298"/>
                  <a:gd name="T57" fmla="*/ 249 h 528"/>
                  <a:gd name="T58" fmla="*/ 166 w 298"/>
                  <a:gd name="T59" fmla="*/ 249 h 528"/>
                  <a:gd name="T60" fmla="*/ 156 w 298"/>
                  <a:gd name="T61" fmla="*/ 256 h 528"/>
                  <a:gd name="T62" fmla="*/ 159 w 298"/>
                  <a:gd name="T63" fmla="*/ 267 h 528"/>
                  <a:gd name="T64" fmla="*/ 156 w 298"/>
                  <a:gd name="T65" fmla="*/ 271 h 528"/>
                  <a:gd name="T66" fmla="*/ 149 w 298"/>
                  <a:gd name="T67" fmla="*/ 278 h 528"/>
                  <a:gd name="T68" fmla="*/ 146 w 298"/>
                  <a:gd name="T69" fmla="*/ 286 h 528"/>
                  <a:gd name="T70" fmla="*/ 146 w 298"/>
                  <a:gd name="T71" fmla="*/ 288 h 528"/>
                  <a:gd name="T72" fmla="*/ 143 w 298"/>
                  <a:gd name="T73" fmla="*/ 289 h 528"/>
                  <a:gd name="T74" fmla="*/ 137 w 298"/>
                  <a:gd name="T75" fmla="*/ 293 h 528"/>
                  <a:gd name="T76" fmla="*/ 133 w 298"/>
                  <a:gd name="T77" fmla="*/ 306 h 528"/>
                  <a:gd name="T78" fmla="*/ 132 w 298"/>
                  <a:gd name="T79" fmla="*/ 311 h 528"/>
                  <a:gd name="T80" fmla="*/ 123 w 298"/>
                  <a:gd name="T81" fmla="*/ 315 h 528"/>
                  <a:gd name="T82" fmla="*/ 110 w 298"/>
                  <a:gd name="T83" fmla="*/ 306 h 528"/>
                  <a:gd name="T84" fmla="*/ 104 w 298"/>
                  <a:gd name="T85" fmla="*/ 302 h 528"/>
                  <a:gd name="T86" fmla="*/ 98 w 298"/>
                  <a:gd name="T87" fmla="*/ 317 h 528"/>
                  <a:gd name="T88" fmla="*/ 92 w 298"/>
                  <a:gd name="T89" fmla="*/ 332 h 528"/>
                  <a:gd name="T90" fmla="*/ 81 w 298"/>
                  <a:gd name="T91" fmla="*/ 324 h 528"/>
                  <a:gd name="T92" fmla="*/ 76 w 298"/>
                  <a:gd name="T93" fmla="*/ 321 h 528"/>
                  <a:gd name="T94" fmla="*/ 67 w 298"/>
                  <a:gd name="T95" fmla="*/ 332 h 528"/>
                  <a:gd name="T96" fmla="*/ 59 w 298"/>
                  <a:gd name="T97" fmla="*/ 337 h 528"/>
                  <a:gd name="T98" fmla="*/ 48 w 298"/>
                  <a:gd name="T99" fmla="*/ 332 h 528"/>
                  <a:gd name="T100" fmla="*/ 42 w 298"/>
                  <a:gd name="T101" fmla="*/ 328 h 528"/>
                  <a:gd name="T102" fmla="*/ 37 w 298"/>
                  <a:gd name="T103" fmla="*/ 329 h 528"/>
                  <a:gd name="T104" fmla="*/ 32 w 298"/>
                  <a:gd name="T105" fmla="*/ 328 h 528"/>
                  <a:gd name="T106" fmla="*/ 32 w 298"/>
                  <a:gd name="T107" fmla="*/ 336 h 528"/>
                  <a:gd name="T108" fmla="*/ 29 w 298"/>
                  <a:gd name="T109" fmla="*/ 339 h 528"/>
                  <a:gd name="T110" fmla="*/ 16 w 298"/>
                  <a:gd name="T111" fmla="*/ 335 h 528"/>
                  <a:gd name="T112" fmla="*/ 12 w 298"/>
                  <a:gd name="T113" fmla="*/ 333 h 528"/>
                  <a:gd name="T114" fmla="*/ 16 w 298"/>
                  <a:gd name="T115" fmla="*/ 339 h 528"/>
                  <a:gd name="T116" fmla="*/ 10 w 298"/>
                  <a:gd name="T117" fmla="*/ 343 h 528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298"/>
                  <a:gd name="T178" fmla="*/ 0 h 528"/>
                  <a:gd name="T179" fmla="*/ 298 w 298"/>
                  <a:gd name="T180" fmla="*/ 528 h 528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298" h="528">
                    <a:moveTo>
                      <a:pt x="7" y="528"/>
                    </a:moveTo>
                    <a:lnTo>
                      <a:pt x="2" y="523"/>
                    </a:lnTo>
                    <a:lnTo>
                      <a:pt x="0" y="518"/>
                    </a:lnTo>
                    <a:lnTo>
                      <a:pt x="0" y="513"/>
                    </a:lnTo>
                    <a:lnTo>
                      <a:pt x="0" y="510"/>
                    </a:lnTo>
                    <a:lnTo>
                      <a:pt x="2" y="506"/>
                    </a:lnTo>
                    <a:lnTo>
                      <a:pt x="4" y="505"/>
                    </a:lnTo>
                    <a:lnTo>
                      <a:pt x="5" y="503"/>
                    </a:lnTo>
                    <a:lnTo>
                      <a:pt x="7" y="493"/>
                    </a:lnTo>
                    <a:lnTo>
                      <a:pt x="7" y="491"/>
                    </a:lnTo>
                    <a:lnTo>
                      <a:pt x="7" y="489"/>
                    </a:lnTo>
                    <a:lnTo>
                      <a:pt x="7" y="486"/>
                    </a:lnTo>
                    <a:lnTo>
                      <a:pt x="9" y="481"/>
                    </a:lnTo>
                    <a:lnTo>
                      <a:pt x="9" y="478"/>
                    </a:lnTo>
                    <a:lnTo>
                      <a:pt x="10" y="474"/>
                    </a:lnTo>
                    <a:lnTo>
                      <a:pt x="10" y="471"/>
                    </a:lnTo>
                    <a:lnTo>
                      <a:pt x="10" y="469"/>
                    </a:lnTo>
                    <a:lnTo>
                      <a:pt x="17" y="464"/>
                    </a:lnTo>
                    <a:lnTo>
                      <a:pt x="22" y="456"/>
                    </a:lnTo>
                    <a:lnTo>
                      <a:pt x="26" y="447"/>
                    </a:lnTo>
                    <a:lnTo>
                      <a:pt x="29" y="440"/>
                    </a:lnTo>
                    <a:lnTo>
                      <a:pt x="32" y="432"/>
                    </a:lnTo>
                    <a:lnTo>
                      <a:pt x="34" y="427"/>
                    </a:lnTo>
                    <a:lnTo>
                      <a:pt x="36" y="422"/>
                    </a:lnTo>
                    <a:lnTo>
                      <a:pt x="36" y="420"/>
                    </a:lnTo>
                    <a:lnTo>
                      <a:pt x="38" y="417"/>
                    </a:lnTo>
                    <a:lnTo>
                      <a:pt x="39" y="413"/>
                    </a:lnTo>
                    <a:lnTo>
                      <a:pt x="41" y="412"/>
                    </a:lnTo>
                    <a:lnTo>
                      <a:pt x="43" y="401"/>
                    </a:lnTo>
                    <a:lnTo>
                      <a:pt x="43" y="393"/>
                    </a:lnTo>
                    <a:lnTo>
                      <a:pt x="41" y="384"/>
                    </a:lnTo>
                    <a:lnTo>
                      <a:pt x="38" y="378"/>
                    </a:lnTo>
                    <a:lnTo>
                      <a:pt x="36" y="371"/>
                    </a:lnTo>
                    <a:lnTo>
                      <a:pt x="32" y="366"/>
                    </a:lnTo>
                    <a:lnTo>
                      <a:pt x="31" y="362"/>
                    </a:lnTo>
                    <a:lnTo>
                      <a:pt x="29" y="361"/>
                    </a:lnTo>
                    <a:lnTo>
                      <a:pt x="29" y="357"/>
                    </a:lnTo>
                    <a:lnTo>
                      <a:pt x="29" y="334"/>
                    </a:lnTo>
                    <a:lnTo>
                      <a:pt x="32" y="329"/>
                    </a:lnTo>
                    <a:lnTo>
                      <a:pt x="32" y="327"/>
                    </a:lnTo>
                    <a:lnTo>
                      <a:pt x="32" y="325"/>
                    </a:lnTo>
                    <a:lnTo>
                      <a:pt x="32" y="320"/>
                    </a:lnTo>
                    <a:lnTo>
                      <a:pt x="31" y="315"/>
                    </a:lnTo>
                    <a:lnTo>
                      <a:pt x="31" y="308"/>
                    </a:lnTo>
                    <a:lnTo>
                      <a:pt x="31" y="300"/>
                    </a:lnTo>
                    <a:lnTo>
                      <a:pt x="29" y="291"/>
                    </a:lnTo>
                    <a:lnTo>
                      <a:pt x="29" y="281"/>
                    </a:lnTo>
                    <a:lnTo>
                      <a:pt x="27" y="271"/>
                    </a:lnTo>
                    <a:lnTo>
                      <a:pt x="27" y="259"/>
                    </a:lnTo>
                    <a:lnTo>
                      <a:pt x="26" y="247"/>
                    </a:lnTo>
                    <a:lnTo>
                      <a:pt x="24" y="234"/>
                    </a:lnTo>
                    <a:lnTo>
                      <a:pt x="24" y="222"/>
                    </a:lnTo>
                    <a:lnTo>
                      <a:pt x="22" y="208"/>
                    </a:lnTo>
                    <a:lnTo>
                      <a:pt x="21" y="195"/>
                    </a:lnTo>
                    <a:lnTo>
                      <a:pt x="21" y="181"/>
                    </a:lnTo>
                    <a:lnTo>
                      <a:pt x="19" y="166"/>
                    </a:lnTo>
                    <a:lnTo>
                      <a:pt x="17" y="153"/>
                    </a:lnTo>
                    <a:lnTo>
                      <a:pt x="17" y="139"/>
                    </a:lnTo>
                    <a:lnTo>
                      <a:pt x="16" y="127"/>
                    </a:lnTo>
                    <a:lnTo>
                      <a:pt x="14" y="114"/>
                    </a:lnTo>
                    <a:lnTo>
                      <a:pt x="14" y="102"/>
                    </a:lnTo>
                    <a:lnTo>
                      <a:pt x="12" y="90"/>
                    </a:lnTo>
                    <a:lnTo>
                      <a:pt x="12" y="80"/>
                    </a:lnTo>
                    <a:lnTo>
                      <a:pt x="10" y="70"/>
                    </a:lnTo>
                    <a:lnTo>
                      <a:pt x="10" y="60"/>
                    </a:lnTo>
                    <a:lnTo>
                      <a:pt x="9" y="53"/>
                    </a:lnTo>
                    <a:lnTo>
                      <a:pt x="9" y="46"/>
                    </a:lnTo>
                    <a:lnTo>
                      <a:pt x="9" y="41"/>
                    </a:lnTo>
                    <a:lnTo>
                      <a:pt x="7" y="36"/>
                    </a:lnTo>
                    <a:lnTo>
                      <a:pt x="7" y="34"/>
                    </a:lnTo>
                    <a:lnTo>
                      <a:pt x="7" y="32"/>
                    </a:lnTo>
                    <a:lnTo>
                      <a:pt x="7" y="34"/>
                    </a:lnTo>
                    <a:lnTo>
                      <a:pt x="9" y="36"/>
                    </a:lnTo>
                    <a:lnTo>
                      <a:pt x="10" y="38"/>
                    </a:lnTo>
                    <a:lnTo>
                      <a:pt x="12" y="39"/>
                    </a:lnTo>
                    <a:lnTo>
                      <a:pt x="14" y="41"/>
                    </a:lnTo>
                    <a:lnTo>
                      <a:pt x="16" y="43"/>
                    </a:lnTo>
                    <a:lnTo>
                      <a:pt x="19" y="44"/>
                    </a:lnTo>
                    <a:lnTo>
                      <a:pt x="22" y="44"/>
                    </a:lnTo>
                    <a:lnTo>
                      <a:pt x="27" y="44"/>
                    </a:lnTo>
                    <a:lnTo>
                      <a:pt x="32" y="44"/>
                    </a:lnTo>
                    <a:lnTo>
                      <a:pt x="38" y="43"/>
                    </a:lnTo>
                    <a:lnTo>
                      <a:pt x="46" y="39"/>
                    </a:lnTo>
                    <a:lnTo>
                      <a:pt x="53" y="36"/>
                    </a:lnTo>
                    <a:lnTo>
                      <a:pt x="61" y="29"/>
                    </a:lnTo>
                    <a:lnTo>
                      <a:pt x="71" y="22"/>
                    </a:lnTo>
                    <a:lnTo>
                      <a:pt x="70" y="22"/>
                    </a:lnTo>
                    <a:lnTo>
                      <a:pt x="254" y="0"/>
                    </a:lnTo>
                    <a:lnTo>
                      <a:pt x="258" y="17"/>
                    </a:lnTo>
                    <a:lnTo>
                      <a:pt x="293" y="335"/>
                    </a:lnTo>
                    <a:lnTo>
                      <a:pt x="295" y="334"/>
                    </a:lnTo>
                    <a:lnTo>
                      <a:pt x="293" y="334"/>
                    </a:lnTo>
                    <a:lnTo>
                      <a:pt x="293" y="335"/>
                    </a:lnTo>
                    <a:lnTo>
                      <a:pt x="291" y="337"/>
                    </a:lnTo>
                    <a:lnTo>
                      <a:pt x="291" y="340"/>
                    </a:lnTo>
                    <a:lnTo>
                      <a:pt x="290" y="346"/>
                    </a:lnTo>
                    <a:lnTo>
                      <a:pt x="290" y="351"/>
                    </a:lnTo>
                    <a:lnTo>
                      <a:pt x="290" y="356"/>
                    </a:lnTo>
                    <a:lnTo>
                      <a:pt x="291" y="362"/>
                    </a:lnTo>
                    <a:lnTo>
                      <a:pt x="293" y="364"/>
                    </a:lnTo>
                    <a:lnTo>
                      <a:pt x="295" y="366"/>
                    </a:lnTo>
                    <a:lnTo>
                      <a:pt x="296" y="369"/>
                    </a:lnTo>
                    <a:lnTo>
                      <a:pt x="298" y="371"/>
                    </a:lnTo>
                    <a:lnTo>
                      <a:pt x="298" y="374"/>
                    </a:lnTo>
                    <a:lnTo>
                      <a:pt x="296" y="376"/>
                    </a:lnTo>
                    <a:lnTo>
                      <a:pt x="290" y="378"/>
                    </a:lnTo>
                    <a:lnTo>
                      <a:pt x="281" y="379"/>
                    </a:lnTo>
                    <a:lnTo>
                      <a:pt x="280" y="379"/>
                    </a:lnTo>
                    <a:lnTo>
                      <a:pt x="276" y="379"/>
                    </a:lnTo>
                    <a:lnTo>
                      <a:pt x="273" y="381"/>
                    </a:lnTo>
                    <a:lnTo>
                      <a:pt x="268" y="383"/>
                    </a:lnTo>
                    <a:lnTo>
                      <a:pt x="264" y="383"/>
                    </a:lnTo>
                    <a:lnTo>
                      <a:pt x="261" y="384"/>
                    </a:lnTo>
                    <a:lnTo>
                      <a:pt x="259" y="384"/>
                    </a:lnTo>
                    <a:lnTo>
                      <a:pt x="258" y="384"/>
                    </a:lnTo>
                    <a:lnTo>
                      <a:pt x="254" y="384"/>
                    </a:lnTo>
                    <a:lnTo>
                      <a:pt x="251" y="386"/>
                    </a:lnTo>
                    <a:lnTo>
                      <a:pt x="246" y="388"/>
                    </a:lnTo>
                    <a:lnTo>
                      <a:pt x="242" y="390"/>
                    </a:lnTo>
                    <a:lnTo>
                      <a:pt x="239" y="395"/>
                    </a:lnTo>
                    <a:lnTo>
                      <a:pt x="241" y="400"/>
                    </a:lnTo>
                    <a:lnTo>
                      <a:pt x="244" y="408"/>
                    </a:lnTo>
                    <a:lnTo>
                      <a:pt x="244" y="410"/>
                    </a:lnTo>
                    <a:lnTo>
                      <a:pt x="244" y="412"/>
                    </a:lnTo>
                    <a:lnTo>
                      <a:pt x="242" y="413"/>
                    </a:lnTo>
                    <a:lnTo>
                      <a:pt x="241" y="417"/>
                    </a:lnTo>
                    <a:lnTo>
                      <a:pt x="239" y="418"/>
                    </a:lnTo>
                    <a:lnTo>
                      <a:pt x="236" y="422"/>
                    </a:lnTo>
                    <a:lnTo>
                      <a:pt x="232" y="425"/>
                    </a:lnTo>
                    <a:lnTo>
                      <a:pt x="232" y="427"/>
                    </a:lnTo>
                    <a:lnTo>
                      <a:pt x="230" y="428"/>
                    </a:lnTo>
                    <a:lnTo>
                      <a:pt x="229" y="430"/>
                    </a:lnTo>
                    <a:lnTo>
                      <a:pt x="229" y="434"/>
                    </a:lnTo>
                    <a:lnTo>
                      <a:pt x="227" y="435"/>
                    </a:lnTo>
                    <a:lnTo>
                      <a:pt x="225" y="439"/>
                    </a:lnTo>
                    <a:lnTo>
                      <a:pt x="225" y="440"/>
                    </a:lnTo>
                    <a:lnTo>
                      <a:pt x="225" y="442"/>
                    </a:lnTo>
                    <a:lnTo>
                      <a:pt x="224" y="442"/>
                    </a:lnTo>
                    <a:lnTo>
                      <a:pt x="224" y="444"/>
                    </a:lnTo>
                    <a:lnTo>
                      <a:pt x="222" y="445"/>
                    </a:lnTo>
                    <a:lnTo>
                      <a:pt x="220" y="445"/>
                    </a:lnTo>
                    <a:lnTo>
                      <a:pt x="217" y="447"/>
                    </a:lnTo>
                    <a:lnTo>
                      <a:pt x="212" y="447"/>
                    </a:lnTo>
                    <a:lnTo>
                      <a:pt x="210" y="450"/>
                    </a:lnTo>
                    <a:lnTo>
                      <a:pt x="208" y="456"/>
                    </a:lnTo>
                    <a:lnTo>
                      <a:pt x="207" y="461"/>
                    </a:lnTo>
                    <a:lnTo>
                      <a:pt x="205" y="467"/>
                    </a:lnTo>
                    <a:lnTo>
                      <a:pt x="203" y="471"/>
                    </a:lnTo>
                    <a:lnTo>
                      <a:pt x="203" y="474"/>
                    </a:lnTo>
                    <a:lnTo>
                      <a:pt x="203" y="476"/>
                    </a:lnTo>
                    <a:lnTo>
                      <a:pt x="203" y="478"/>
                    </a:lnTo>
                    <a:lnTo>
                      <a:pt x="202" y="479"/>
                    </a:lnTo>
                    <a:lnTo>
                      <a:pt x="200" y="481"/>
                    </a:lnTo>
                    <a:lnTo>
                      <a:pt x="198" y="483"/>
                    </a:lnTo>
                    <a:lnTo>
                      <a:pt x="193" y="484"/>
                    </a:lnTo>
                    <a:lnTo>
                      <a:pt x="188" y="484"/>
                    </a:lnTo>
                    <a:lnTo>
                      <a:pt x="180" y="483"/>
                    </a:lnTo>
                    <a:lnTo>
                      <a:pt x="170" y="478"/>
                    </a:lnTo>
                    <a:lnTo>
                      <a:pt x="170" y="476"/>
                    </a:lnTo>
                    <a:lnTo>
                      <a:pt x="170" y="472"/>
                    </a:lnTo>
                    <a:lnTo>
                      <a:pt x="168" y="469"/>
                    </a:lnTo>
                    <a:lnTo>
                      <a:pt x="166" y="466"/>
                    </a:lnTo>
                    <a:lnTo>
                      <a:pt x="163" y="464"/>
                    </a:lnTo>
                    <a:lnTo>
                      <a:pt x="159" y="464"/>
                    </a:lnTo>
                    <a:lnTo>
                      <a:pt x="156" y="471"/>
                    </a:lnTo>
                    <a:lnTo>
                      <a:pt x="151" y="481"/>
                    </a:lnTo>
                    <a:lnTo>
                      <a:pt x="151" y="484"/>
                    </a:lnTo>
                    <a:lnTo>
                      <a:pt x="149" y="489"/>
                    </a:lnTo>
                    <a:lnTo>
                      <a:pt x="149" y="496"/>
                    </a:lnTo>
                    <a:lnTo>
                      <a:pt x="148" y="503"/>
                    </a:lnTo>
                    <a:lnTo>
                      <a:pt x="144" y="506"/>
                    </a:lnTo>
                    <a:lnTo>
                      <a:pt x="141" y="510"/>
                    </a:lnTo>
                    <a:lnTo>
                      <a:pt x="134" y="508"/>
                    </a:lnTo>
                    <a:lnTo>
                      <a:pt x="127" y="501"/>
                    </a:lnTo>
                    <a:lnTo>
                      <a:pt x="126" y="500"/>
                    </a:lnTo>
                    <a:lnTo>
                      <a:pt x="126" y="498"/>
                    </a:lnTo>
                    <a:lnTo>
                      <a:pt x="126" y="496"/>
                    </a:lnTo>
                    <a:lnTo>
                      <a:pt x="124" y="493"/>
                    </a:lnTo>
                    <a:lnTo>
                      <a:pt x="122" y="493"/>
                    </a:lnTo>
                    <a:lnTo>
                      <a:pt x="117" y="493"/>
                    </a:lnTo>
                    <a:lnTo>
                      <a:pt x="112" y="498"/>
                    </a:lnTo>
                    <a:lnTo>
                      <a:pt x="104" y="505"/>
                    </a:lnTo>
                    <a:lnTo>
                      <a:pt x="104" y="506"/>
                    </a:lnTo>
                    <a:lnTo>
                      <a:pt x="102" y="510"/>
                    </a:lnTo>
                    <a:lnTo>
                      <a:pt x="100" y="513"/>
                    </a:lnTo>
                    <a:lnTo>
                      <a:pt x="98" y="516"/>
                    </a:lnTo>
                    <a:lnTo>
                      <a:pt x="95" y="520"/>
                    </a:lnTo>
                    <a:lnTo>
                      <a:pt x="90" y="520"/>
                    </a:lnTo>
                    <a:lnTo>
                      <a:pt x="85" y="518"/>
                    </a:lnTo>
                    <a:lnTo>
                      <a:pt x="78" y="513"/>
                    </a:lnTo>
                    <a:lnTo>
                      <a:pt x="78" y="511"/>
                    </a:lnTo>
                    <a:lnTo>
                      <a:pt x="76" y="510"/>
                    </a:lnTo>
                    <a:lnTo>
                      <a:pt x="73" y="508"/>
                    </a:lnTo>
                    <a:lnTo>
                      <a:pt x="70" y="506"/>
                    </a:lnTo>
                    <a:lnTo>
                      <a:pt x="66" y="505"/>
                    </a:lnTo>
                    <a:lnTo>
                      <a:pt x="63" y="505"/>
                    </a:lnTo>
                    <a:lnTo>
                      <a:pt x="58" y="505"/>
                    </a:lnTo>
                    <a:lnTo>
                      <a:pt x="54" y="508"/>
                    </a:lnTo>
                    <a:lnTo>
                      <a:pt x="53" y="506"/>
                    </a:lnTo>
                    <a:lnTo>
                      <a:pt x="51" y="505"/>
                    </a:lnTo>
                    <a:lnTo>
                      <a:pt x="49" y="505"/>
                    </a:lnTo>
                    <a:lnTo>
                      <a:pt x="48" y="505"/>
                    </a:lnTo>
                    <a:lnTo>
                      <a:pt x="46" y="505"/>
                    </a:lnTo>
                    <a:lnTo>
                      <a:pt x="46" y="510"/>
                    </a:lnTo>
                    <a:lnTo>
                      <a:pt x="46" y="515"/>
                    </a:lnTo>
                    <a:lnTo>
                      <a:pt x="46" y="516"/>
                    </a:lnTo>
                    <a:lnTo>
                      <a:pt x="46" y="518"/>
                    </a:lnTo>
                    <a:lnTo>
                      <a:pt x="44" y="520"/>
                    </a:lnTo>
                    <a:lnTo>
                      <a:pt x="44" y="522"/>
                    </a:lnTo>
                    <a:lnTo>
                      <a:pt x="43" y="522"/>
                    </a:lnTo>
                    <a:lnTo>
                      <a:pt x="39" y="520"/>
                    </a:lnTo>
                    <a:lnTo>
                      <a:pt x="36" y="516"/>
                    </a:lnTo>
                    <a:lnTo>
                      <a:pt x="34" y="516"/>
                    </a:lnTo>
                    <a:lnTo>
                      <a:pt x="29" y="515"/>
                    </a:lnTo>
                    <a:lnTo>
                      <a:pt x="24" y="513"/>
                    </a:lnTo>
                    <a:lnTo>
                      <a:pt x="19" y="513"/>
                    </a:lnTo>
                    <a:lnTo>
                      <a:pt x="16" y="513"/>
                    </a:lnTo>
                    <a:lnTo>
                      <a:pt x="12" y="513"/>
                    </a:lnTo>
                    <a:lnTo>
                      <a:pt x="12" y="516"/>
                    </a:lnTo>
                    <a:lnTo>
                      <a:pt x="16" y="520"/>
                    </a:lnTo>
                    <a:lnTo>
                      <a:pt x="16" y="522"/>
                    </a:lnTo>
                    <a:lnTo>
                      <a:pt x="14" y="525"/>
                    </a:lnTo>
                    <a:lnTo>
                      <a:pt x="14" y="527"/>
                    </a:lnTo>
                    <a:lnTo>
                      <a:pt x="12" y="527"/>
                    </a:lnTo>
                    <a:lnTo>
                      <a:pt x="10" y="528"/>
                    </a:lnTo>
                    <a:lnTo>
                      <a:pt x="9" y="528"/>
                    </a:lnTo>
                    <a:lnTo>
                      <a:pt x="7" y="528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32" name="Freeform 62"/>
              <p:cNvSpPr>
                <a:spLocks/>
              </p:cNvSpPr>
              <p:nvPr/>
            </p:nvSpPr>
            <p:spPr bwMode="auto">
              <a:xfrm>
                <a:off x="3357" y="2283"/>
                <a:ext cx="703" cy="359"/>
              </a:xfrm>
              <a:custGeom>
                <a:avLst/>
                <a:gdLst>
                  <a:gd name="T0" fmla="*/ 426 w 723"/>
                  <a:gd name="T1" fmla="*/ 23 h 370"/>
                  <a:gd name="T2" fmla="*/ 415 w 723"/>
                  <a:gd name="T3" fmla="*/ 16 h 370"/>
                  <a:gd name="T4" fmla="*/ 394 w 723"/>
                  <a:gd name="T5" fmla="*/ 26 h 370"/>
                  <a:gd name="T6" fmla="*/ 378 w 723"/>
                  <a:gd name="T7" fmla="*/ 21 h 370"/>
                  <a:gd name="T8" fmla="*/ 362 w 723"/>
                  <a:gd name="T9" fmla="*/ 28 h 370"/>
                  <a:gd name="T10" fmla="*/ 329 w 723"/>
                  <a:gd name="T11" fmla="*/ 16 h 370"/>
                  <a:gd name="T12" fmla="*/ 300 w 723"/>
                  <a:gd name="T13" fmla="*/ 1 h 370"/>
                  <a:gd name="T14" fmla="*/ 289 w 723"/>
                  <a:gd name="T15" fmla="*/ 0 h 370"/>
                  <a:gd name="T16" fmla="*/ 285 w 723"/>
                  <a:gd name="T17" fmla="*/ 16 h 370"/>
                  <a:gd name="T18" fmla="*/ 289 w 723"/>
                  <a:gd name="T19" fmla="*/ 28 h 370"/>
                  <a:gd name="T20" fmla="*/ 267 w 723"/>
                  <a:gd name="T21" fmla="*/ 35 h 370"/>
                  <a:gd name="T22" fmla="*/ 256 w 723"/>
                  <a:gd name="T23" fmla="*/ 38 h 370"/>
                  <a:gd name="T24" fmla="*/ 254 w 723"/>
                  <a:gd name="T25" fmla="*/ 50 h 370"/>
                  <a:gd name="T26" fmla="*/ 245 w 723"/>
                  <a:gd name="T27" fmla="*/ 62 h 370"/>
                  <a:gd name="T28" fmla="*/ 241 w 723"/>
                  <a:gd name="T29" fmla="*/ 70 h 370"/>
                  <a:gd name="T30" fmla="*/ 232 w 723"/>
                  <a:gd name="T31" fmla="*/ 75 h 370"/>
                  <a:gd name="T32" fmla="*/ 226 w 723"/>
                  <a:gd name="T33" fmla="*/ 92 h 370"/>
                  <a:gd name="T34" fmla="*/ 216 w 723"/>
                  <a:gd name="T35" fmla="*/ 99 h 370"/>
                  <a:gd name="T36" fmla="*/ 199 w 723"/>
                  <a:gd name="T37" fmla="*/ 84 h 370"/>
                  <a:gd name="T38" fmla="*/ 188 w 723"/>
                  <a:gd name="T39" fmla="*/ 111 h 370"/>
                  <a:gd name="T40" fmla="*/ 174 w 723"/>
                  <a:gd name="T41" fmla="*/ 106 h 370"/>
                  <a:gd name="T42" fmla="*/ 158 w 723"/>
                  <a:gd name="T43" fmla="*/ 115 h 370"/>
                  <a:gd name="T44" fmla="*/ 142 w 723"/>
                  <a:gd name="T45" fmla="*/ 115 h 370"/>
                  <a:gd name="T46" fmla="*/ 125 w 723"/>
                  <a:gd name="T47" fmla="*/ 114 h 370"/>
                  <a:gd name="T48" fmla="*/ 120 w 723"/>
                  <a:gd name="T49" fmla="*/ 115 h 370"/>
                  <a:gd name="T50" fmla="*/ 118 w 723"/>
                  <a:gd name="T51" fmla="*/ 123 h 370"/>
                  <a:gd name="T52" fmla="*/ 100 w 723"/>
                  <a:gd name="T53" fmla="*/ 117 h 370"/>
                  <a:gd name="T54" fmla="*/ 97 w 723"/>
                  <a:gd name="T55" fmla="*/ 127 h 370"/>
                  <a:gd name="T56" fmla="*/ 90 w 723"/>
                  <a:gd name="T57" fmla="*/ 131 h 370"/>
                  <a:gd name="T58" fmla="*/ 88 w 723"/>
                  <a:gd name="T59" fmla="*/ 146 h 370"/>
                  <a:gd name="T60" fmla="*/ 86 w 723"/>
                  <a:gd name="T61" fmla="*/ 156 h 370"/>
                  <a:gd name="T62" fmla="*/ 65 w 723"/>
                  <a:gd name="T63" fmla="*/ 167 h 370"/>
                  <a:gd name="T64" fmla="*/ 71 w 723"/>
                  <a:gd name="T65" fmla="*/ 188 h 370"/>
                  <a:gd name="T66" fmla="*/ 43 w 723"/>
                  <a:gd name="T67" fmla="*/ 178 h 370"/>
                  <a:gd name="T68" fmla="*/ 18 w 723"/>
                  <a:gd name="T69" fmla="*/ 188 h 370"/>
                  <a:gd name="T70" fmla="*/ 18 w 723"/>
                  <a:gd name="T71" fmla="*/ 198 h 370"/>
                  <a:gd name="T72" fmla="*/ 0 w 723"/>
                  <a:gd name="T73" fmla="*/ 243 h 370"/>
                  <a:gd name="T74" fmla="*/ 108 w 723"/>
                  <a:gd name="T75" fmla="*/ 219 h 370"/>
                  <a:gd name="T76" fmla="*/ 134 w 723"/>
                  <a:gd name="T77" fmla="*/ 219 h 370"/>
                  <a:gd name="T78" fmla="*/ 184 w 723"/>
                  <a:gd name="T79" fmla="*/ 215 h 370"/>
                  <a:gd name="T80" fmla="*/ 264 w 723"/>
                  <a:gd name="T81" fmla="*/ 209 h 370"/>
                  <a:gd name="T82" fmla="*/ 339 w 723"/>
                  <a:gd name="T83" fmla="*/ 203 h 370"/>
                  <a:gd name="T84" fmla="*/ 376 w 723"/>
                  <a:gd name="T85" fmla="*/ 199 h 370"/>
                  <a:gd name="T86" fmla="*/ 390 w 723"/>
                  <a:gd name="T87" fmla="*/ 194 h 370"/>
                  <a:gd name="T88" fmla="*/ 413 w 723"/>
                  <a:gd name="T89" fmla="*/ 181 h 370"/>
                  <a:gd name="T90" fmla="*/ 423 w 723"/>
                  <a:gd name="T91" fmla="*/ 174 h 370"/>
                  <a:gd name="T92" fmla="*/ 436 w 723"/>
                  <a:gd name="T93" fmla="*/ 166 h 370"/>
                  <a:gd name="T94" fmla="*/ 439 w 723"/>
                  <a:gd name="T95" fmla="*/ 156 h 370"/>
                  <a:gd name="T96" fmla="*/ 449 w 723"/>
                  <a:gd name="T97" fmla="*/ 142 h 370"/>
                  <a:gd name="T98" fmla="*/ 473 w 723"/>
                  <a:gd name="T99" fmla="*/ 124 h 370"/>
                  <a:gd name="T100" fmla="*/ 473 w 723"/>
                  <a:gd name="T101" fmla="*/ 123 h 370"/>
                  <a:gd name="T102" fmla="*/ 477 w 723"/>
                  <a:gd name="T103" fmla="*/ 100 h 370"/>
                  <a:gd name="T104" fmla="*/ 464 w 723"/>
                  <a:gd name="T105" fmla="*/ 90 h 370"/>
                  <a:gd name="T106" fmla="*/ 439 w 723"/>
                  <a:gd name="T107" fmla="*/ 58 h 370"/>
                  <a:gd name="T108" fmla="*/ 437 w 723"/>
                  <a:gd name="T109" fmla="*/ 39 h 370"/>
                  <a:gd name="T110" fmla="*/ 439 w 723"/>
                  <a:gd name="T111" fmla="*/ 37 h 370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723"/>
                  <a:gd name="T169" fmla="*/ 0 h 370"/>
                  <a:gd name="T170" fmla="*/ 723 w 723"/>
                  <a:gd name="T171" fmla="*/ 370 h 370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723" h="370">
                    <a:moveTo>
                      <a:pt x="650" y="52"/>
                    </a:moveTo>
                    <a:lnTo>
                      <a:pt x="648" y="50"/>
                    </a:lnTo>
                    <a:lnTo>
                      <a:pt x="647" y="49"/>
                    </a:lnTo>
                    <a:lnTo>
                      <a:pt x="643" y="45"/>
                    </a:lnTo>
                    <a:lnTo>
                      <a:pt x="640" y="42"/>
                    </a:lnTo>
                    <a:lnTo>
                      <a:pt x="635" y="39"/>
                    </a:lnTo>
                    <a:lnTo>
                      <a:pt x="631" y="37"/>
                    </a:lnTo>
                    <a:lnTo>
                      <a:pt x="626" y="37"/>
                    </a:lnTo>
                    <a:lnTo>
                      <a:pt x="623" y="40"/>
                    </a:lnTo>
                    <a:lnTo>
                      <a:pt x="621" y="39"/>
                    </a:lnTo>
                    <a:lnTo>
                      <a:pt x="621" y="35"/>
                    </a:lnTo>
                    <a:lnTo>
                      <a:pt x="621" y="30"/>
                    </a:lnTo>
                    <a:lnTo>
                      <a:pt x="620" y="25"/>
                    </a:lnTo>
                    <a:lnTo>
                      <a:pt x="616" y="22"/>
                    </a:lnTo>
                    <a:lnTo>
                      <a:pt x="611" y="20"/>
                    </a:lnTo>
                    <a:lnTo>
                      <a:pt x="604" y="23"/>
                    </a:lnTo>
                    <a:lnTo>
                      <a:pt x="594" y="32"/>
                    </a:lnTo>
                    <a:lnTo>
                      <a:pt x="593" y="34"/>
                    </a:lnTo>
                    <a:lnTo>
                      <a:pt x="591" y="35"/>
                    </a:lnTo>
                    <a:lnTo>
                      <a:pt x="588" y="39"/>
                    </a:lnTo>
                    <a:lnTo>
                      <a:pt x="584" y="40"/>
                    </a:lnTo>
                    <a:lnTo>
                      <a:pt x="579" y="42"/>
                    </a:lnTo>
                    <a:lnTo>
                      <a:pt x="574" y="44"/>
                    </a:lnTo>
                    <a:lnTo>
                      <a:pt x="567" y="40"/>
                    </a:lnTo>
                    <a:lnTo>
                      <a:pt x="562" y="37"/>
                    </a:lnTo>
                    <a:lnTo>
                      <a:pt x="560" y="35"/>
                    </a:lnTo>
                    <a:lnTo>
                      <a:pt x="559" y="35"/>
                    </a:lnTo>
                    <a:lnTo>
                      <a:pt x="557" y="34"/>
                    </a:lnTo>
                    <a:lnTo>
                      <a:pt x="554" y="35"/>
                    </a:lnTo>
                    <a:lnTo>
                      <a:pt x="550" y="35"/>
                    </a:lnTo>
                    <a:lnTo>
                      <a:pt x="547" y="39"/>
                    </a:lnTo>
                    <a:lnTo>
                      <a:pt x="542" y="44"/>
                    </a:lnTo>
                    <a:lnTo>
                      <a:pt x="540" y="44"/>
                    </a:lnTo>
                    <a:lnTo>
                      <a:pt x="537" y="42"/>
                    </a:lnTo>
                    <a:lnTo>
                      <a:pt x="533" y="42"/>
                    </a:lnTo>
                    <a:lnTo>
                      <a:pt x="532" y="42"/>
                    </a:lnTo>
                    <a:lnTo>
                      <a:pt x="518" y="30"/>
                    </a:lnTo>
                    <a:lnTo>
                      <a:pt x="488" y="28"/>
                    </a:lnTo>
                    <a:lnTo>
                      <a:pt x="488" y="27"/>
                    </a:lnTo>
                    <a:lnTo>
                      <a:pt x="488" y="23"/>
                    </a:lnTo>
                    <a:lnTo>
                      <a:pt x="486" y="20"/>
                    </a:lnTo>
                    <a:lnTo>
                      <a:pt x="484" y="15"/>
                    </a:lnTo>
                    <a:lnTo>
                      <a:pt x="479" y="10"/>
                    </a:lnTo>
                    <a:lnTo>
                      <a:pt x="472" y="5"/>
                    </a:lnTo>
                    <a:lnTo>
                      <a:pt x="462" y="3"/>
                    </a:lnTo>
                    <a:lnTo>
                      <a:pt x="450" y="1"/>
                    </a:lnTo>
                    <a:lnTo>
                      <a:pt x="449" y="1"/>
                    </a:lnTo>
                    <a:lnTo>
                      <a:pt x="445" y="1"/>
                    </a:lnTo>
                    <a:lnTo>
                      <a:pt x="442" y="1"/>
                    </a:lnTo>
                    <a:lnTo>
                      <a:pt x="437" y="1"/>
                    </a:lnTo>
                    <a:lnTo>
                      <a:pt x="432" y="1"/>
                    </a:lnTo>
                    <a:lnTo>
                      <a:pt x="428" y="1"/>
                    </a:lnTo>
                    <a:lnTo>
                      <a:pt x="427" y="1"/>
                    </a:lnTo>
                    <a:lnTo>
                      <a:pt x="425" y="1"/>
                    </a:lnTo>
                    <a:lnTo>
                      <a:pt x="427" y="0"/>
                    </a:lnTo>
                    <a:lnTo>
                      <a:pt x="425" y="0"/>
                    </a:lnTo>
                    <a:lnTo>
                      <a:pt x="425" y="1"/>
                    </a:lnTo>
                    <a:lnTo>
                      <a:pt x="423" y="3"/>
                    </a:lnTo>
                    <a:lnTo>
                      <a:pt x="423" y="6"/>
                    </a:lnTo>
                    <a:lnTo>
                      <a:pt x="422" y="12"/>
                    </a:lnTo>
                    <a:lnTo>
                      <a:pt x="422" y="17"/>
                    </a:lnTo>
                    <a:lnTo>
                      <a:pt x="422" y="22"/>
                    </a:lnTo>
                    <a:lnTo>
                      <a:pt x="423" y="28"/>
                    </a:lnTo>
                    <a:lnTo>
                      <a:pt x="425" y="30"/>
                    </a:lnTo>
                    <a:lnTo>
                      <a:pt x="427" y="32"/>
                    </a:lnTo>
                    <a:lnTo>
                      <a:pt x="428" y="35"/>
                    </a:lnTo>
                    <a:lnTo>
                      <a:pt x="430" y="37"/>
                    </a:lnTo>
                    <a:lnTo>
                      <a:pt x="430" y="40"/>
                    </a:lnTo>
                    <a:lnTo>
                      <a:pt x="428" y="42"/>
                    </a:lnTo>
                    <a:lnTo>
                      <a:pt x="422" y="44"/>
                    </a:lnTo>
                    <a:lnTo>
                      <a:pt x="413" y="45"/>
                    </a:lnTo>
                    <a:lnTo>
                      <a:pt x="412" y="45"/>
                    </a:lnTo>
                    <a:lnTo>
                      <a:pt x="408" y="45"/>
                    </a:lnTo>
                    <a:lnTo>
                      <a:pt x="405" y="47"/>
                    </a:lnTo>
                    <a:lnTo>
                      <a:pt x="400" y="49"/>
                    </a:lnTo>
                    <a:lnTo>
                      <a:pt x="396" y="49"/>
                    </a:lnTo>
                    <a:lnTo>
                      <a:pt x="393" y="50"/>
                    </a:lnTo>
                    <a:lnTo>
                      <a:pt x="391" y="50"/>
                    </a:lnTo>
                    <a:lnTo>
                      <a:pt x="390" y="50"/>
                    </a:lnTo>
                    <a:lnTo>
                      <a:pt x="386" y="50"/>
                    </a:lnTo>
                    <a:lnTo>
                      <a:pt x="383" y="52"/>
                    </a:lnTo>
                    <a:lnTo>
                      <a:pt x="378" y="54"/>
                    </a:lnTo>
                    <a:lnTo>
                      <a:pt x="374" y="56"/>
                    </a:lnTo>
                    <a:lnTo>
                      <a:pt x="371" y="61"/>
                    </a:lnTo>
                    <a:lnTo>
                      <a:pt x="373" y="66"/>
                    </a:lnTo>
                    <a:lnTo>
                      <a:pt x="376" y="74"/>
                    </a:lnTo>
                    <a:lnTo>
                      <a:pt x="376" y="76"/>
                    </a:lnTo>
                    <a:lnTo>
                      <a:pt x="376" y="78"/>
                    </a:lnTo>
                    <a:lnTo>
                      <a:pt x="374" y="79"/>
                    </a:lnTo>
                    <a:lnTo>
                      <a:pt x="373" y="83"/>
                    </a:lnTo>
                    <a:lnTo>
                      <a:pt x="371" y="84"/>
                    </a:lnTo>
                    <a:lnTo>
                      <a:pt x="368" y="88"/>
                    </a:lnTo>
                    <a:lnTo>
                      <a:pt x="364" y="91"/>
                    </a:lnTo>
                    <a:lnTo>
                      <a:pt x="364" y="93"/>
                    </a:lnTo>
                    <a:lnTo>
                      <a:pt x="362" y="94"/>
                    </a:lnTo>
                    <a:lnTo>
                      <a:pt x="361" y="96"/>
                    </a:lnTo>
                    <a:lnTo>
                      <a:pt x="361" y="100"/>
                    </a:lnTo>
                    <a:lnTo>
                      <a:pt x="359" y="101"/>
                    </a:lnTo>
                    <a:lnTo>
                      <a:pt x="357" y="105"/>
                    </a:lnTo>
                    <a:lnTo>
                      <a:pt x="357" y="106"/>
                    </a:lnTo>
                    <a:lnTo>
                      <a:pt x="357" y="108"/>
                    </a:lnTo>
                    <a:lnTo>
                      <a:pt x="356" y="108"/>
                    </a:lnTo>
                    <a:lnTo>
                      <a:pt x="356" y="110"/>
                    </a:lnTo>
                    <a:lnTo>
                      <a:pt x="354" y="111"/>
                    </a:lnTo>
                    <a:lnTo>
                      <a:pt x="352" y="111"/>
                    </a:lnTo>
                    <a:lnTo>
                      <a:pt x="349" y="113"/>
                    </a:lnTo>
                    <a:lnTo>
                      <a:pt x="344" y="113"/>
                    </a:lnTo>
                    <a:lnTo>
                      <a:pt x="342" y="116"/>
                    </a:lnTo>
                    <a:lnTo>
                      <a:pt x="340" y="122"/>
                    </a:lnTo>
                    <a:lnTo>
                      <a:pt x="339" y="127"/>
                    </a:lnTo>
                    <a:lnTo>
                      <a:pt x="337" y="133"/>
                    </a:lnTo>
                    <a:lnTo>
                      <a:pt x="335" y="137"/>
                    </a:lnTo>
                    <a:lnTo>
                      <a:pt x="335" y="140"/>
                    </a:lnTo>
                    <a:lnTo>
                      <a:pt x="335" y="142"/>
                    </a:lnTo>
                    <a:lnTo>
                      <a:pt x="335" y="144"/>
                    </a:lnTo>
                    <a:lnTo>
                      <a:pt x="334" y="145"/>
                    </a:lnTo>
                    <a:lnTo>
                      <a:pt x="332" y="147"/>
                    </a:lnTo>
                    <a:lnTo>
                      <a:pt x="330" y="149"/>
                    </a:lnTo>
                    <a:lnTo>
                      <a:pt x="325" y="150"/>
                    </a:lnTo>
                    <a:lnTo>
                      <a:pt x="320" y="150"/>
                    </a:lnTo>
                    <a:lnTo>
                      <a:pt x="312" y="149"/>
                    </a:lnTo>
                    <a:lnTo>
                      <a:pt x="302" y="144"/>
                    </a:lnTo>
                    <a:lnTo>
                      <a:pt x="302" y="142"/>
                    </a:lnTo>
                    <a:lnTo>
                      <a:pt x="302" y="138"/>
                    </a:lnTo>
                    <a:lnTo>
                      <a:pt x="300" y="135"/>
                    </a:lnTo>
                    <a:lnTo>
                      <a:pt x="298" y="132"/>
                    </a:lnTo>
                    <a:lnTo>
                      <a:pt x="295" y="130"/>
                    </a:lnTo>
                    <a:lnTo>
                      <a:pt x="291" y="130"/>
                    </a:lnTo>
                    <a:lnTo>
                      <a:pt x="288" y="137"/>
                    </a:lnTo>
                    <a:lnTo>
                      <a:pt x="283" y="147"/>
                    </a:lnTo>
                    <a:lnTo>
                      <a:pt x="283" y="150"/>
                    </a:lnTo>
                    <a:lnTo>
                      <a:pt x="281" y="155"/>
                    </a:lnTo>
                    <a:lnTo>
                      <a:pt x="281" y="162"/>
                    </a:lnTo>
                    <a:lnTo>
                      <a:pt x="280" y="169"/>
                    </a:lnTo>
                    <a:lnTo>
                      <a:pt x="276" y="172"/>
                    </a:lnTo>
                    <a:lnTo>
                      <a:pt x="273" y="176"/>
                    </a:lnTo>
                    <a:lnTo>
                      <a:pt x="266" y="174"/>
                    </a:lnTo>
                    <a:lnTo>
                      <a:pt x="259" y="167"/>
                    </a:lnTo>
                    <a:lnTo>
                      <a:pt x="258" y="166"/>
                    </a:lnTo>
                    <a:lnTo>
                      <a:pt x="258" y="164"/>
                    </a:lnTo>
                    <a:lnTo>
                      <a:pt x="258" y="162"/>
                    </a:lnTo>
                    <a:lnTo>
                      <a:pt x="256" y="159"/>
                    </a:lnTo>
                    <a:lnTo>
                      <a:pt x="254" y="159"/>
                    </a:lnTo>
                    <a:lnTo>
                      <a:pt x="249" y="159"/>
                    </a:lnTo>
                    <a:lnTo>
                      <a:pt x="244" y="164"/>
                    </a:lnTo>
                    <a:lnTo>
                      <a:pt x="236" y="171"/>
                    </a:lnTo>
                    <a:lnTo>
                      <a:pt x="236" y="172"/>
                    </a:lnTo>
                    <a:lnTo>
                      <a:pt x="234" y="176"/>
                    </a:lnTo>
                    <a:lnTo>
                      <a:pt x="232" y="179"/>
                    </a:lnTo>
                    <a:lnTo>
                      <a:pt x="230" y="182"/>
                    </a:lnTo>
                    <a:lnTo>
                      <a:pt x="227" y="186"/>
                    </a:lnTo>
                    <a:lnTo>
                      <a:pt x="222" y="186"/>
                    </a:lnTo>
                    <a:lnTo>
                      <a:pt x="217" y="184"/>
                    </a:lnTo>
                    <a:lnTo>
                      <a:pt x="210" y="179"/>
                    </a:lnTo>
                    <a:lnTo>
                      <a:pt x="210" y="177"/>
                    </a:lnTo>
                    <a:lnTo>
                      <a:pt x="208" y="176"/>
                    </a:lnTo>
                    <a:lnTo>
                      <a:pt x="205" y="174"/>
                    </a:lnTo>
                    <a:lnTo>
                      <a:pt x="202" y="172"/>
                    </a:lnTo>
                    <a:lnTo>
                      <a:pt x="198" y="171"/>
                    </a:lnTo>
                    <a:lnTo>
                      <a:pt x="195" y="171"/>
                    </a:lnTo>
                    <a:lnTo>
                      <a:pt x="190" y="171"/>
                    </a:lnTo>
                    <a:lnTo>
                      <a:pt x="186" y="174"/>
                    </a:lnTo>
                    <a:lnTo>
                      <a:pt x="185" y="172"/>
                    </a:lnTo>
                    <a:lnTo>
                      <a:pt x="183" y="171"/>
                    </a:lnTo>
                    <a:lnTo>
                      <a:pt x="181" y="171"/>
                    </a:lnTo>
                    <a:lnTo>
                      <a:pt x="180" y="171"/>
                    </a:lnTo>
                    <a:lnTo>
                      <a:pt x="178" y="171"/>
                    </a:lnTo>
                    <a:lnTo>
                      <a:pt x="178" y="176"/>
                    </a:lnTo>
                    <a:lnTo>
                      <a:pt x="178" y="181"/>
                    </a:lnTo>
                    <a:lnTo>
                      <a:pt x="178" y="182"/>
                    </a:lnTo>
                    <a:lnTo>
                      <a:pt x="178" y="184"/>
                    </a:lnTo>
                    <a:lnTo>
                      <a:pt x="176" y="186"/>
                    </a:lnTo>
                    <a:lnTo>
                      <a:pt x="176" y="188"/>
                    </a:lnTo>
                    <a:lnTo>
                      <a:pt x="175" y="188"/>
                    </a:lnTo>
                    <a:lnTo>
                      <a:pt x="171" y="186"/>
                    </a:lnTo>
                    <a:lnTo>
                      <a:pt x="168" y="182"/>
                    </a:lnTo>
                    <a:lnTo>
                      <a:pt x="166" y="182"/>
                    </a:lnTo>
                    <a:lnTo>
                      <a:pt x="161" y="181"/>
                    </a:lnTo>
                    <a:lnTo>
                      <a:pt x="156" y="179"/>
                    </a:lnTo>
                    <a:lnTo>
                      <a:pt x="151" y="179"/>
                    </a:lnTo>
                    <a:lnTo>
                      <a:pt x="148" y="179"/>
                    </a:lnTo>
                    <a:lnTo>
                      <a:pt x="144" y="179"/>
                    </a:lnTo>
                    <a:lnTo>
                      <a:pt x="144" y="182"/>
                    </a:lnTo>
                    <a:lnTo>
                      <a:pt x="148" y="186"/>
                    </a:lnTo>
                    <a:lnTo>
                      <a:pt x="148" y="188"/>
                    </a:lnTo>
                    <a:lnTo>
                      <a:pt x="146" y="188"/>
                    </a:lnTo>
                    <a:lnTo>
                      <a:pt x="146" y="191"/>
                    </a:lnTo>
                    <a:lnTo>
                      <a:pt x="144" y="193"/>
                    </a:lnTo>
                    <a:lnTo>
                      <a:pt x="142" y="193"/>
                    </a:lnTo>
                    <a:lnTo>
                      <a:pt x="141" y="194"/>
                    </a:lnTo>
                    <a:lnTo>
                      <a:pt x="139" y="194"/>
                    </a:lnTo>
                    <a:lnTo>
                      <a:pt x="136" y="194"/>
                    </a:lnTo>
                    <a:lnTo>
                      <a:pt x="136" y="196"/>
                    </a:lnTo>
                    <a:lnTo>
                      <a:pt x="136" y="198"/>
                    </a:lnTo>
                    <a:lnTo>
                      <a:pt x="134" y="199"/>
                    </a:lnTo>
                    <a:lnTo>
                      <a:pt x="134" y="201"/>
                    </a:lnTo>
                    <a:lnTo>
                      <a:pt x="132" y="204"/>
                    </a:lnTo>
                    <a:lnTo>
                      <a:pt x="131" y="206"/>
                    </a:lnTo>
                    <a:lnTo>
                      <a:pt x="129" y="208"/>
                    </a:lnTo>
                    <a:lnTo>
                      <a:pt x="129" y="210"/>
                    </a:lnTo>
                    <a:lnTo>
                      <a:pt x="127" y="218"/>
                    </a:lnTo>
                    <a:lnTo>
                      <a:pt x="131" y="223"/>
                    </a:lnTo>
                    <a:lnTo>
                      <a:pt x="132" y="225"/>
                    </a:lnTo>
                    <a:lnTo>
                      <a:pt x="134" y="226"/>
                    </a:lnTo>
                    <a:lnTo>
                      <a:pt x="134" y="228"/>
                    </a:lnTo>
                    <a:lnTo>
                      <a:pt x="136" y="232"/>
                    </a:lnTo>
                    <a:lnTo>
                      <a:pt x="136" y="235"/>
                    </a:lnTo>
                    <a:lnTo>
                      <a:pt x="134" y="237"/>
                    </a:lnTo>
                    <a:lnTo>
                      <a:pt x="127" y="238"/>
                    </a:lnTo>
                    <a:lnTo>
                      <a:pt x="119" y="240"/>
                    </a:lnTo>
                    <a:lnTo>
                      <a:pt x="117" y="240"/>
                    </a:lnTo>
                    <a:lnTo>
                      <a:pt x="112" y="240"/>
                    </a:lnTo>
                    <a:lnTo>
                      <a:pt x="107" y="243"/>
                    </a:lnTo>
                    <a:lnTo>
                      <a:pt x="102" y="245"/>
                    </a:lnTo>
                    <a:lnTo>
                      <a:pt x="97" y="250"/>
                    </a:lnTo>
                    <a:lnTo>
                      <a:pt x="95" y="255"/>
                    </a:lnTo>
                    <a:lnTo>
                      <a:pt x="95" y="264"/>
                    </a:lnTo>
                    <a:lnTo>
                      <a:pt x="100" y="272"/>
                    </a:lnTo>
                    <a:lnTo>
                      <a:pt x="100" y="274"/>
                    </a:lnTo>
                    <a:lnTo>
                      <a:pt x="104" y="277"/>
                    </a:lnTo>
                    <a:lnTo>
                      <a:pt x="104" y="281"/>
                    </a:lnTo>
                    <a:lnTo>
                      <a:pt x="105" y="284"/>
                    </a:lnTo>
                    <a:lnTo>
                      <a:pt x="104" y="287"/>
                    </a:lnTo>
                    <a:lnTo>
                      <a:pt x="98" y="289"/>
                    </a:lnTo>
                    <a:lnTo>
                      <a:pt x="88" y="287"/>
                    </a:lnTo>
                    <a:lnTo>
                      <a:pt x="75" y="282"/>
                    </a:lnTo>
                    <a:lnTo>
                      <a:pt x="71" y="281"/>
                    </a:lnTo>
                    <a:lnTo>
                      <a:pt x="68" y="277"/>
                    </a:lnTo>
                    <a:lnTo>
                      <a:pt x="65" y="276"/>
                    </a:lnTo>
                    <a:lnTo>
                      <a:pt x="60" y="272"/>
                    </a:lnTo>
                    <a:lnTo>
                      <a:pt x="54" y="272"/>
                    </a:lnTo>
                    <a:lnTo>
                      <a:pt x="49" y="272"/>
                    </a:lnTo>
                    <a:lnTo>
                      <a:pt x="44" y="276"/>
                    </a:lnTo>
                    <a:lnTo>
                      <a:pt x="38" y="282"/>
                    </a:lnTo>
                    <a:lnTo>
                      <a:pt x="38" y="284"/>
                    </a:lnTo>
                    <a:lnTo>
                      <a:pt x="36" y="286"/>
                    </a:lnTo>
                    <a:lnTo>
                      <a:pt x="32" y="287"/>
                    </a:lnTo>
                    <a:lnTo>
                      <a:pt x="31" y="289"/>
                    </a:lnTo>
                    <a:lnTo>
                      <a:pt x="27" y="292"/>
                    </a:lnTo>
                    <a:lnTo>
                      <a:pt x="26" y="294"/>
                    </a:lnTo>
                    <a:lnTo>
                      <a:pt x="26" y="296"/>
                    </a:lnTo>
                    <a:lnTo>
                      <a:pt x="24" y="296"/>
                    </a:lnTo>
                    <a:lnTo>
                      <a:pt x="26" y="298"/>
                    </a:lnTo>
                    <a:lnTo>
                      <a:pt x="29" y="301"/>
                    </a:lnTo>
                    <a:lnTo>
                      <a:pt x="32" y="303"/>
                    </a:lnTo>
                    <a:lnTo>
                      <a:pt x="34" y="304"/>
                    </a:lnTo>
                    <a:lnTo>
                      <a:pt x="43" y="311"/>
                    </a:lnTo>
                    <a:lnTo>
                      <a:pt x="38" y="320"/>
                    </a:lnTo>
                    <a:lnTo>
                      <a:pt x="38" y="355"/>
                    </a:lnTo>
                    <a:lnTo>
                      <a:pt x="19" y="357"/>
                    </a:lnTo>
                    <a:lnTo>
                      <a:pt x="0" y="370"/>
                    </a:lnTo>
                    <a:lnTo>
                      <a:pt x="0" y="369"/>
                    </a:lnTo>
                    <a:lnTo>
                      <a:pt x="148" y="357"/>
                    </a:lnTo>
                    <a:lnTo>
                      <a:pt x="148" y="333"/>
                    </a:lnTo>
                    <a:lnTo>
                      <a:pt x="149" y="335"/>
                    </a:lnTo>
                    <a:lnTo>
                      <a:pt x="153" y="335"/>
                    </a:lnTo>
                    <a:lnTo>
                      <a:pt x="158" y="335"/>
                    </a:lnTo>
                    <a:lnTo>
                      <a:pt x="164" y="335"/>
                    </a:lnTo>
                    <a:lnTo>
                      <a:pt x="171" y="336"/>
                    </a:lnTo>
                    <a:lnTo>
                      <a:pt x="178" y="336"/>
                    </a:lnTo>
                    <a:lnTo>
                      <a:pt x="186" y="336"/>
                    </a:lnTo>
                    <a:lnTo>
                      <a:pt x="188" y="336"/>
                    </a:lnTo>
                    <a:lnTo>
                      <a:pt x="192" y="336"/>
                    </a:lnTo>
                    <a:lnTo>
                      <a:pt x="197" y="335"/>
                    </a:lnTo>
                    <a:lnTo>
                      <a:pt x="203" y="335"/>
                    </a:lnTo>
                    <a:lnTo>
                      <a:pt x="212" y="333"/>
                    </a:lnTo>
                    <a:lnTo>
                      <a:pt x="222" y="333"/>
                    </a:lnTo>
                    <a:lnTo>
                      <a:pt x="232" y="331"/>
                    </a:lnTo>
                    <a:lnTo>
                      <a:pt x="246" y="331"/>
                    </a:lnTo>
                    <a:lnTo>
                      <a:pt x="259" y="330"/>
                    </a:lnTo>
                    <a:lnTo>
                      <a:pt x="273" y="328"/>
                    </a:lnTo>
                    <a:lnTo>
                      <a:pt x="288" y="328"/>
                    </a:lnTo>
                    <a:lnTo>
                      <a:pt x="305" y="326"/>
                    </a:lnTo>
                    <a:lnTo>
                      <a:pt x="322" y="325"/>
                    </a:lnTo>
                    <a:lnTo>
                      <a:pt x="339" y="323"/>
                    </a:lnTo>
                    <a:lnTo>
                      <a:pt x="356" y="321"/>
                    </a:lnTo>
                    <a:lnTo>
                      <a:pt x="373" y="320"/>
                    </a:lnTo>
                    <a:lnTo>
                      <a:pt x="391" y="318"/>
                    </a:lnTo>
                    <a:lnTo>
                      <a:pt x="408" y="318"/>
                    </a:lnTo>
                    <a:lnTo>
                      <a:pt x="425" y="316"/>
                    </a:lnTo>
                    <a:lnTo>
                      <a:pt x="440" y="314"/>
                    </a:lnTo>
                    <a:lnTo>
                      <a:pt x="457" y="313"/>
                    </a:lnTo>
                    <a:lnTo>
                      <a:pt x="472" y="311"/>
                    </a:lnTo>
                    <a:lnTo>
                      <a:pt x="488" y="309"/>
                    </a:lnTo>
                    <a:lnTo>
                      <a:pt x="501" y="309"/>
                    </a:lnTo>
                    <a:lnTo>
                      <a:pt x="513" y="308"/>
                    </a:lnTo>
                    <a:lnTo>
                      <a:pt x="525" y="306"/>
                    </a:lnTo>
                    <a:lnTo>
                      <a:pt x="535" y="306"/>
                    </a:lnTo>
                    <a:lnTo>
                      <a:pt x="544" y="306"/>
                    </a:lnTo>
                    <a:lnTo>
                      <a:pt x="549" y="304"/>
                    </a:lnTo>
                    <a:lnTo>
                      <a:pt x="554" y="304"/>
                    </a:lnTo>
                    <a:lnTo>
                      <a:pt x="557" y="304"/>
                    </a:lnTo>
                    <a:lnTo>
                      <a:pt x="559" y="304"/>
                    </a:lnTo>
                    <a:lnTo>
                      <a:pt x="560" y="303"/>
                    </a:lnTo>
                    <a:lnTo>
                      <a:pt x="564" y="301"/>
                    </a:lnTo>
                    <a:lnTo>
                      <a:pt x="567" y="299"/>
                    </a:lnTo>
                    <a:lnTo>
                      <a:pt x="571" y="298"/>
                    </a:lnTo>
                    <a:lnTo>
                      <a:pt x="576" y="296"/>
                    </a:lnTo>
                    <a:lnTo>
                      <a:pt x="581" y="292"/>
                    </a:lnTo>
                    <a:lnTo>
                      <a:pt x="586" y="291"/>
                    </a:lnTo>
                    <a:lnTo>
                      <a:pt x="591" y="287"/>
                    </a:lnTo>
                    <a:lnTo>
                      <a:pt x="596" y="286"/>
                    </a:lnTo>
                    <a:lnTo>
                      <a:pt x="601" y="282"/>
                    </a:lnTo>
                    <a:lnTo>
                      <a:pt x="606" y="281"/>
                    </a:lnTo>
                    <a:lnTo>
                      <a:pt x="611" y="277"/>
                    </a:lnTo>
                    <a:lnTo>
                      <a:pt x="615" y="276"/>
                    </a:lnTo>
                    <a:lnTo>
                      <a:pt x="618" y="274"/>
                    </a:lnTo>
                    <a:lnTo>
                      <a:pt x="620" y="274"/>
                    </a:lnTo>
                    <a:lnTo>
                      <a:pt x="621" y="272"/>
                    </a:lnTo>
                    <a:lnTo>
                      <a:pt x="621" y="270"/>
                    </a:lnTo>
                    <a:lnTo>
                      <a:pt x="623" y="269"/>
                    </a:lnTo>
                    <a:lnTo>
                      <a:pt x="625" y="265"/>
                    </a:lnTo>
                    <a:lnTo>
                      <a:pt x="626" y="264"/>
                    </a:lnTo>
                    <a:lnTo>
                      <a:pt x="630" y="260"/>
                    </a:lnTo>
                    <a:lnTo>
                      <a:pt x="635" y="259"/>
                    </a:lnTo>
                    <a:lnTo>
                      <a:pt x="640" y="255"/>
                    </a:lnTo>
                    <a:lnTo>
                      <a:pt x="643" y="255"/>
                    </a:lnTo>
                    <a:lnTo>
                      <a:pt x="643" y="254"/>
                    </a:lnTo>
                    <a:lnTo>
                      <a:pt x="645" y="252"/>
                    </a:lnTo>
                    <a:lnTo>
                      <a:pt x="647" y="252"/>
                    </a:lnTo>
                    <a:lnTo>
                      <a:pt x="647" y="248"/>
                    </a:lnTo>
                    <a:lnTo>
                      <a:pt x="647" y="247"/>
                    </a:lnTo>
                    <a:lnTo>
                      <a:pt x="648" y="245"/>
                    </a:lnTo>
                    <a:lnTo>
                      <a:pt x="648" y="243"/>
                    </a:lnTo>
                    <a:lnTo>
                      <a:pt x="650" y="240"/>
                    </a:lnTo>
                    <a:lnTo>
                      <a:pt x="652" y="238"/>
                    </a:lnTo>
                    <a:lnTo>
                      <a:pt x="653" y="237"/>
                    </a:lnTo>
                    <a:lnTo>
                      <a:pt x="655" y="235"/>
                    </a:lnTo>
                    <a:lnTo>
                      <a:pt x="657" y="232"/>
                    </a:lnTo>
                    <a:lnTo>
                      <a:pt x="659" y="228"/>
                    </a:lnTo>
                    <a:lnTo>
                      <a:pt x="660" y="225"/>
                    </a:lnTo>
                    <a:lnTo>
                      <a:pt x="662" y="221"/>
                    </a:lnTo>
                    <a:lnTo>
                      <a:pt x="664" y="215"/>
                    </a:lnTo>
                    <a:lnTo>
                      <a:pt x="667" y="211"/>
                    </a:lnTo>
                    <a:lnTo>
                      <a:pt x="672" y="208"/>
                    </a:lnTo>
                    <a:lnTo>
                      <a:pt x="677" y="204"/>
                    </a:lnTo>
                    <a:lnTo>
                      <a:pt x="684" y="201"/>
                    </a:lnTo>
                    <a:lnTo>
                      <a:pt x="689" y="198"/>
                    </a:lnTo>
                    <a:lnTo>
                      <a:pt x="694" y="194"/>
                    </a:lnTo>
                    <a:lnTo>
                      <a:pt x="699" y="189"/>
                    </a:lnTo>
                    <a:lnTo>
                      <a:pt x="701" y="184"/>
                    </a:lnTo>
                    <a:lnTo>
                      <a:pt x="703" y="182"/>
                    </a:lnTo>
                    <a:lnTo>
                      <a:pt x="704" y="182"/>
                    </a:lnTo>
                    <a:lnTo>
                      <a:pt x="703" y="184"/>
                    </a:lnTo>
                    <a:lnTo>
                      <a:pt x="701" y="186"/>
                    </a:lnTo>
                    <a:lnTo>
                      <a:pt x="701" y="188"/>
                    </a:lnTo>
                    <a:lnTo>
                      <a:pt x="699" y="188"/>
                    </a:lnTo>
                    <a:lnTo>
                      <a:pt x="699" y="189"/>
                    </a:lnTo>
                    <a:lnTo>
                      <a:pt x="723" y="157"/>
                    </a:lnTo>
                    <a:lnTo>
                      <a:pt x="711" y="157"/>
                    </a:lnTo>
                    <a:lnTo>
                      <a:pt x="711" y="155"/>
                    </a:lnTo>
                    <a:lnTo>
                      <a:pt x="709" y="154"/>
                    </a:lnTo>
                    <a:lnTo>
                      <a:pt x="709" y="152"/>
                    </a:lnTo>
                    <a:lnTo>
                      <a:pt x="708" y="150"/>
                    </a:lnTo>
                    <a:lnTo>
                      <a:pt x="704" y="150"/>
                    </a:lnTo>
                    <a:lnTo>
                      <a:pt x="701" y="149"/>
                    </a:lnTo>
                    <a:lnTo>
                      <a:pt x="696" y="149"/>
                    </a:lnTo>
                    <a:lnTo>
                      <a:pt x="696" y="147"/>
                    </a:lnTo>
                    <a:lnTo>
                      <a:pt x="692" y="142"/>
                    </a:lnTo>
                    <a:lnTo>
                      <a:pt x="687" y="137"/>
                    </a:lnTo>
                    <a:lnTo>
                      <a:pt x="682" y="128"/>
                    </a:lnTo>
                    <a:lnTo>
                      <a:pt x="675" y="120"/>
                    </a:lnTo>
                    <a:lnTo>
                      <a:pt x="669" y="110"/>
                    </a:lnTo>
                    <a:lnTo>
                      <a:pt x="660" y="101"/>
                    </a:lnTo>
                    <a:lnTo>
                      <a:pt x="652" y="91"/>
                    </a:lnTo>
                    <a:lnTo>
                      <a:pt x="652" y="88"/>
                    </a:lnTo>
                    <a:lnTo>
                      <a:pt x="652" y="84"/>
                    </a:lnTo>
                    <a:lnTo>
                      <a:pt x="653" y="79"/>
                    </a:lnTo>
                    <a:lnTo>
                      <a:pt x="653" y="76"/>
                    </a:lnTo>
                    <a:lnTo>
                      <a:pt x="653" y="71"/>
                    </a:lnTo>
                    <a:lnTo>
                      <a:pt x="652" y="64"/>
                    </a:lnTo>
                    <a:lnTo>
                      <a:pt x="650" y="59"/>
                    </a:lnTo>
                    <a:lnTo>
                      <a:pt x="647" y="56"/>
                    </a:lnTo>
                    <a:lnTo>
                      <a:pt x="647" y="52"/>
                    </a:lnTo>
                    <a:lnTo>
                      <a:pt x="647" y="50"/>
                    </a:lnTo>
                    <a:lnTo>
                      <a:pt x="648" y="50"/>
                    </a:lnTo>
                    <a:lnTo>
                      <a:pt x="648" y="52"/>
                    </a:lnTo>
                    <a:lnTo>
                      <a:pt x="650" y="52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33" name="Group 63"/>
              <p:cNvGrpSpPr>
                <a:grpSpLocks/>
              </p:cNvGrpSpPr>
              <p:nvPr/>
            </p:nvGrpSpPr>
            <p:grpSpPr bwMode="auto">
              <a:xfrm>
                <a:off x="4830" y="1006"/>
                <a:ext cx="350" cy="562"/>
                <a:chOff x="5086" y="1113"/>
                <a:chExt cx="359" cy="579"/>
              </a:xfrm>
            </p:grpSpPr>
            <p:sp>
              <p:nvSpPr>
                <p:cNvPr id="160" name="Freeform 64"/>
                <p:cNvSpPr>
                  <a:spLocks/>
                </p:cNvSpPr>
                <p:nvPr/>
              </p:nvSpPr>
              <p:spPr bwMode="auto">
                <a:xfrm>
                  <a:off x="5086" y="1113"/>
                  <a:ext cx="359" cy="579"/>
                </a:xfrm>
                <a:custGeom>
                  <a:avLst/>
                  <a:gdLst>
                    <a:gd name="T0" fmla="*/ 90 w 359"/>
                    <a:gd name="T1" fmla="*/ 565 h 579"/>
                    <a:gd name="T2" fmla="*/ 74 w 359"/>
                    <a:gd name="T3" fmla="*/ 550 h 579"/>
                    <a:gd name="T4" fmla="*/ 0 w 359"/>
                    <a:gd name="T5" fmla="*/ 318 h 579"/>
                    <a:gd name="T6" fmla="*/ 15 w 359"/>
                    <a:gd name="T7" fmla="*/ 311 h 579"/>
                    <a:gd name="T8" fmla="*/ 18 w 359"/>
                    <a:gd name="T9" fmla="*/ 311 h 579"/>
                    <a:gd name="T10" fmla="*/ 18 w 359"/>
                    <a:gd name="T11" fmla="*/ 294 h 579"/>
                    <a:gd name="T12" fmla="*/ 27 w 359"/>
                    <a:gd name="T13" fmla="*/ 289 h 579"/>
                    <a:gd name="T14" fmla="*/ 30 w 359"/>
                    <a:gd name="T15" fmla="*/ 259 h 579"/>
                    <a:gd name="T16" fmla="*/ 39 w 359"/>
                    <a:gd name="T17" fmla="*/ 250 h 579"/>
                    <a:gd name="T18" fmla="*/ 39 w 359"/>
                    <a:gd name="T19" fmla="*/ 238 h 579"/>
                    <a:gd name="T20" fmla="*/ 47 w 359"/>
                    <a:gd name="T21" fmla="*/ 221 h 579"/>
                    <a:gd name="T22" fmla="*/ 39 w 359"/>
                    <a:gd name="T23" fmla="*/ 198 h 579"/>
                    <a:gd name="T24" fmla="*/ 39 w 359"/>
                    <a:gd name="T25" fmla="*/ 169 h 579"/>
                    <a:gd name="T26" fmla="*/ 44 w 359"/>
                    <a:gd name="T27" fmla="*/ 154 h 579"/>
                    <a:gd name="T28" fmla="*/ 44 w 359"/>
                    <a:gd name="T29" fmla="*/ 125 h 579"/>
                    <a:gd name="T30" fmla="*/ 51 w 359"/>
                    <a:gd name="T31" fmla="*/ 98 h 579"/>
                    <a:gd name="T32" fmla="*/ 91 w 359"/>
                    <a:gd name="T33" fmla="*/ 12 h 579"/>
                    <a:gd name="T34" fmla="*/ 105 w 359"/>
                    <a:gd name="T35" fmla="*/ 34 h 579"/>
                    <a:gd name="T36" fmla="*/ 125 w 359"/>
                    <a:gd name="T37" fmla="*/ 29 h 579"/>
                    <a:gd name="T38" fmla="*/ 145 w 359"/>
                    <a:gd name="T39" fmla="*/ 12 h 579"/>
                    <a:gd name="T40" fmla="*/ 152 w 359"/>
                    <a:gd name="T41" fmla="*/ 3 h 579"/>
                    <a:gd name="T42" fmla="*/ 174 w 359"/>
                    <a:gd name="T43" fmla="*/ 7 h 579"/>
                    <a:gd name="T44" fmla="*/ 205 w 359"/>
                    <a:gd name="T45" fmla="*/ 22 h 579"/>
                    <a:gd name="T46" fmla="*/ 255 w 359"/>
                    <a:gd name="T47" fmla="*/ 177 h 579"/>
                    <a:gd name="T48" fmla="*/ 294 w 359"/>
                    <a:gd name="T49" fmla="*/ 213 h 579"/>
                    <a:gd name="T50" fmla="*/ 311 w 359"/>
                    <a:gd name="T51" fmla="*/ 237 h 579"/>
                    <a:gd name="T52" fmla="*/ 332 w 359"/>
                    <a:gd name="T53" fmla="*/ 243 h 579"/>
                    <a:gd name="T54" fmla="*/ 340 w 359"/>
                    <a:gd name="T55" fmla="*/ 265 h 579"/>
                    <a:gd name="T56" fmla="*/ 359 w 359"/>
                    <a:gd name="T57" fmla="*/ 267 h 579"/>
                    <a:gd name="T58" fmla="*/ 350 w 359"/>
                    <a:gd name="T59" fmla="*/ 289 h 579"/>
                    <a:gd name="T60" fmla="*/ 335 w 359"/>
                    <a:gd name="T61" fmla="*/ 293 h 579"/>
                    <a:gd name="T62" fmla="*/ 323 w 359"/>
                    <a:gd name="T63" fmla="*/ 306 h 579"/>
                    <a:gd name="T64" fmla="*/ 320 w 359"/>
                    <a:gd name="T65" fmla="*/ 320 h 579"/>
                    <a:gd name="T66" fmla="*/ 304 w 359"/>
                    <a:gd name="T67" fmla="*/ 326 h 579"/>
                    <a:gd name="T68" fmla="*/ 299 w 359"/>
                    <a:gd name="T69" fmla="*/ 323 h 579"/>
                    <a:gd name="T70" fmla="*/ 296 w 359"/>
                    <a:gd name="T71" fmla="*/ 330 h 579"/>
                    <a:gd name="T72" fmla="*/ 284 w 359"/>
                    <a:gd name="T73" fmla="*/ 357 h 579"/>
                    <a:gd name="T74" fmla="*/ 264 w 359"/>
                    <a:gd name="T75" fmla="*/ 335 h 579"/>
                    <a:gd name="T76" fmla="*/ 262 w 359"/>
                    <a:gd name="T77" fmla="*/ 348 h 579"/>
                    <a:gd name="T78" fmla="*/ 244 w 359"/>
                    <a:gd name="T79" fmla="*/ 362 h 579"/>
                    <a:gd name="T80" fmla="*/ 220 w 359"/>
                    <a:gd name="T81" fmla="*/ 362 h 579"/>
                    <a:gd name="T82" fmla="*/ 213 w 359"/>
                    <a:gd name="T83" fmla="*/ 353 h 579"/>
                    <a:gd name="T84" fmla="*/ 208 w 359"/>
                    <a:gd name="T85" fmla="*/ 372 h 579"/>
                    <a:gd name="T86" fmla="*/ 198 w 359"/>
                    <a:gd name="T87" fmla="*/ 436 h 579"/>
                    <a:gd name="T88" fmla="*/ 171 w 359"/>
                    <a:gd name="T89" fmla="*/ 450 h 579"/>
                    <a:gd name="T90" fmla="*/ 162 w 359"/>
                    <a:gd name="T91" fmla="*/ 448 h 579"/>
                    <a:gd name="T92" fmla="*/ 156 w 359"/>
                    <a:gd name="T93" fmla="*/ 448 h 579"/>
                    <a:gd name="T94" fmla="*/ 157 w 359"/>
                    <a:gd name="T95" fmla="*/ 475 h 579"/>
                    <a:gd name="T96" fmla="*/ 144 w 359"/>
                    <a:gd name="T97" fmla="*/ 460 h 579"/>
                    <a:gd name="T98" fmla="*/ 125 w 359"/>
                    <a:gd name="T99" fmla="*/ 475 h 579"/>
                    <a:gd name="T100" fmla="*/ 122 w 359"/>
                    <a:gd name="T101" fmla="*/ 506 h 579"/>
                    <a:gd name="T102" fmla="*/ 120 w 359"/>
                    <a:gd name="T103" fmla="*/ 528 h 579"/>
                    <a:gd name="T104" fmla="*/ 106 w 359"/>
                    <a:gd name="T105" fmla="*/ 541 h 579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w 359"/>
                    <a:gd name="T160" fmla="*/ 0 h 579"/>
                    <a:gd name="T161" fmla="*/ 359 w 359"/>
                    <a:gd name="T162" fmla="*/ 579 h 579"/>
                  </a:gdLst>
                  <a:ahLst/>
                  <a:cxnLst>
                    <a:cxn ang="T106">
                      <a:pos x="T0" y="T1"/>
                    </a:cxn>
                    <a:cxn ang="T107">
                      <a:pos x="T2" y="T3"/>
                    </a:cxn>
                    <a:cxn ang="T108">
                      <a:pos x="T4" y="T5"/>
                    </a:cxn>
                    <a:cxn ang="T109">
                      <a:pos x="T6" y="T7"/>
                    </a:cxn>
                    <a:cxn ang="T110">
                      <a:pos x="T8" y="T9"/>
                    </a:cxn>
                    <a:cxn ang="T111">
                      <a:pos x="T10" y="T11"/>
                    </a:cxn>
                    <a:cxn ang="T112">
                      <a:pos x="T12" y="T13"/>
                    </a:cxn>
                    <a:cxn ang="T113">
                      <a:pos x="T14" y="T15"/>
                    </a:cxn>
                    <a:cxn ang="T114">
                      <a:pos x="T16" y="T17"/>
                    </a:cxn>
                    <a:cxn ang="T115">
                      <a:pos x="T18" y="T19"/>
                    </a:cxn>
                    <a:cxn ang="T116">
                      <a:pos x="T20" y="T21"/>
                    </a:cxn>
                    <a:cxn ang="T117">
                      <a:pos x="T22" y="T23"/>
                    </a:cxn>
                    <a:cxn ang="T118">
                      <a:pos x="T24" y="T25"/>
                    </a:cxn>
                    <a:cxn ang="T119">
                      <a:pos x="T26" y="T27"/>
                    </a:cxn>
                    <a:cxn ang="T120">
                      <a:pos x="T28" y="T29"/>
                    </a:cxn>
                    <a:cxn ang="T121">
                      <a:pos x="T30" y="T31"/>
                    </a:cxn>
                    <a:cxn ang="T122">
                      <a:pos x="T32" y="T33"/>
                    </a:cxn>
                    <a:cxn ang="T123">
                      <a:pos x="T34" y="T35"/>
                    </a:cxn>
                    <a:cxn ang="T124">
                      <a:pos x="T36" y="T37"/>
                    </a:cxn>
                    <a:cxn ang="T125">
                      <a:pos x="T38" y="T39"/>
                    </a:cxn>
                    <a:cxn ang="T126">
                      <a:pos x="T40" y="T41"/>
                    </a:cxn>
                    <a:cxn ang="T127">
                      <a:pos x="T42" y="T43"/>
                    </a:cxn>
                    <a:cxn ang="T128">
                      <a:pos x="T44" y="T45"/>
                    </a:cxn>
                    <a:cxn ang="T129">
                      <a:pos x="T46" y="T47"/>
                    </a:cxn>
                    <a:cxn ang="T130">
                      <a:pos x="T48" y="T49"/>
                    </a:cxn>
                    <a:cxn ang="T131">
                      <a:pos x="T50" y="T51"/>
                    </a:cxn>
                    <a:cxn ang="T132">
                      <a:pos x="T52" y="T53"/>
                    </a:cxn>
                    <a:cxn ang="T133">
                      <a:pos x="T54" y="T55"/>
                    </a:cxn>
                    <a:cxn ang="T134">
                      <a:pos x="T56" y="T57"/>
                    </a:cxn>
                    <a:cxn ang="T135">
                      <a:pos x="T58" y="T59"/>
                    </a:cxn>
                    <a:cxn ang="T136">
                      <a:pos x="T60" y="T61"/>
                    </a:cxn>
                    <a:cxn ang="T137">
                      <a:pos x="T62" y="T63"/>
                    </a:cxn>
                    <a:cxn ang="T138">
                      <a:pos x="T64" y="T65"/>
                    </a:cxn>
                    <a:cxn ang="T139">
                      <a:pos x="T66" y="T67"/>
                    </a:cxn>
                    <a:cxn ang="T140">
                      <a:pos x="T68" y="T69"/>
                    </a:cxn>
                    <a:cxn ang="T141">
                      <a:pos x="T70" y="T71"/>
                    </a:cxn>
                    <a:cxn ang="T142">
                      <a:pos x="T72" y="T73"/>
                    </a:cxn>
                    <a:cxn ang="T143">
                      <a:pos x="T74" y="T75"/>
                    </a:cxn>
                    <a:cxn ang="T144">
                      <a:pos x="T76" y="T77"/>
                    </a:cxn>
                    <a:cxn ang="T145">
                      <a:pos x="T78" y="T79"/>
                    </a:cxn>
                    <a:cxn ang="T146">
                      <a:pos x="T80" y="T81"/>
                    </a:cxn>
                    <a:cxn ang="T147">
                      <a:pos x="T82" y="T83"/>
                    </a:cxn>
                    <a:cxn ang="T148">
                      <a:pos x="T84" y="T85"/>
                    </a:cxn>
                    <a:cxn ang="T149">
                      <a:pos x="T86" y="T87"/>
                    </a:cxn>
                    <a:cxn ang="T150">
                      <a:pos x="T88" y="T89"/>
                    </a:cxn>
                    <a:cxn ang="T151">
                      <a:pos x="T90" y="T91"/>
                    </a:cxn>
                    <a:cxn ang="T152">
                      <a:pos x="T92" y="T93"/>
                    </a:cxn>
                    <a:cxn ang="T153">
                      <a:pos x="T94" y="T95"/>
                    </a:cxn>
                    <a:cxn ang="T154">
                      <a:pos x="T96" y="T97"/>
                    </a:cxn>
                    <a:cxn ang="T155">
                      <a:pos x="T98" y="T99"/>
                    </a:cxn>
                    <a:cxn ang="T156">
                      <a:pos x="T100" y="T101"/>
                    </a:cxn>
                    <a:cxn ang="T157">
                      <a:pos x="T102" y="T103"/>
                    </a:cxn>
                    <a:cxn ang="T158">
                      <a:pos x="T104" y="T105"/>
                    </a:cxn>
                  </a:cxnLst>
                  <a:rect l="T159" t="T160" r="T161" b="T162"/>
                  <a:pathLst>
                    <a:path w="359" h="579">
                      <a:moveTo>
                        <a:pt x="98" y="579"/>
                      </a:moveTo>
                      <a:lnTo>
                        <a:pt x="96" y="577"/>
                      </a:lnTo>
                      <a:lnTo>
                        <a:pt x="95" y="575"/>
                      </a:lnTo>
                      <a:lnTo>
                        <a:pt x="91" y="573"/>
                      </a:lnTo>
                      <a:lnTo>
                        <a:pt x="90" y="572"/>
                      </a:lnTo>
                      <a:lnTo>
                        <a:pt x="90" y="565"/>
                      </a:lnTo>
                      <a:lnTo>
                        <a:pt x="88" y="560"/>
                      </a:lnTo>
                      <a:lnTo>
                        <a:pt x="84" y="557"/>
                      </a:lnTo>
                      <a:lnTo>
                        <a:pt x="83" y="553"/>
                      </a:lnTo>
                      <a:lnTo>
                        <a:pt x="79" y="551"/>
                      </a:lnTo>
                      <a:lnTo>
                        <a:pt x="78" y="551"/>
                      </a:lnTo>
                      <a:lnTo>
                        <a:pt x="74" y="550"/>
                      </a:lnTo>
                      <a:lnTo>
                        <a:pt x="68" y="541"/>
                      </a:lnTo>
                      <a:lnTo>
                        <a:pt x="2" y="323"/>
                      </a:lnTo>
                      <a:lnTo>
                        <a:pt x="0" y="323"/>
                      </a:lnTo>
                      <a:lnTo>
                        <a:pt x="0" y="321"/>
                      </a:lnTo>
                      <a:lnTo>
                        <a:pt x="0" y="318"/>
                      </a:lnTo>
                      <a:lnTo>
                        <a:pt x="0" y="315"/>
                      </a:lnTo>
                      <a:lnTo>
                        <a:pt x="2" y="311"/>
                      </a:lnTo>
                      <a:lnTo>
                        <a:pt x="3" y="308"/>
                      </a:lnTo>
                      <a:lnTo>
                        <a:pt x="7" y="306"/>
                      </a:lnTo>
                      <a:lnTo>
                        <a:pt x="10" y="308"/>
                      </a:lnTo>
                      <a:lnTo>
                        <a:pt x="15" y="311"/>
                      </a:lnTo>
                      <a:lnTo>
                        <a:pt x="15" y="313"/>
                      </a:lnTo>
                      <a:lnTo>
                        <a:pt x="17" y="313"/>
                      </a:lnTo>
                      <a:lnTo>
                        <a:pt x="17" y="315"/>
                      </a:lnTo>
                      <a:lnTo>
                        <a:pt x="18" y="315"/>
                      </a:lnTo>
                      <a:lnTo>
                        <a:pt x="18" y="313"/>
                      </a:lnTo>
                      <a:lnTo>
                        <a:pt x="18" y="311"/>
                      </a:lnTo>
                      <a:lnTo>
                        <a:pt x="20" y="306"/>
                      </a:lnTo>
                      <a:lnTo>
                        <a:pt x="20" y="301"/>
                      </a:lnTo>
                      <a:lnTo>
                        <a:pt x="20" y="299"/>
                      </a:lnTo>
                      <a:lnTo>
                        <a:pt x="18" y="298"/>
                      </a:lnTo>
                      <a:lnTo>
                        <a:pt x="18" y="296"/>
                      </a:lnTo>
                      <a:lnTo>
                        <a:pt x="18" y="294"/>
                      </a:lnTo>
                      <a:lnTo>
                        <a:pt x="18" y="293"/>
                      </a:lnTo>
                      <a:lnTo>
                        <a:pt x="20" y="291"/>
                      </a:lnTo>
                      <a:lnTo>
                        <a:pt x="24" y="293"/>
                      </a:lnTo>
                      <a:lnTo>
                        <a:pt x="30" y="294"/>
                      </a:lnTo>
                      <a:lnTo>
                        <a:pt x="29" y="293"/>
                      </a:lnTo>
                      <a:lnTo>
                        <a:pt x="27" y="289"/>
                      </a:lnTo>
                      <a:lnTo>
                        <a:pt x="25" y="284"/>
                      </a:lnTo>
                      <a:lnTo>
                        <a:pt x="24" y="279"/>
                      </a:lnTo>
                      <a:lnTo>
                        <a:pt x="22" y="274"/>
                      </a:lnTo>
                      <a:lnTo>
                        <a:pt x="24" y="267"/>
                      </a:lnTo>
                      <a:lnTo>
                        <a:pt x="25" y="262"/>
                      </a:lnTo>
                      <a:lnTo>
                        <a:pt x="30" y="259"/>
                      </a:lnTo>
                      <a:lnTo>
                        <a:pt x="32" y="257"/>
                      </a:lnTo>
                      <a:lnTo>
                        <a:pt x="34" y="255"/>
                      </a:lnTo>
                      <a:lnTo>
                        <a:pt x="35" y="254"/>
                      </a:lnTo>
                      <a:lnTo>
                        <a:pt x="37" y="252"/>
                      </a:lnTo>
                      <a:lnTo>
                        <a:pt x="39" y="250"/>
                      </a:lnTo>
                      <a:lnTo>
                        <a:pt x="39" y="249"/>
                      </a:lnTo>
                      <a:lnTo>
                        <a:pt x="40" y="249"/>
                      </a:lnTo>
                      <a:lnTo>
                        <a:pt x="40" y="247"/>
                      </a:lnTo>
                      <a:lnTo>
                        <a:pt x="39" y="245"/>
                      </a:lnTo>
                      <a:lnTo>
                        <a:pt x="39" y="242"/>
                      </a:lnTo>
                      <a:lnTo>
                        <a:pt x="39" y="238"/>
                      </a:lnTo>
                      <a:lnTo>
                        <a:pt x="40" y="235"/>
                      </a:lnTo>
                      <a:lnTo>
                        <a:pt x="42" y="230"/>
                      </a:lnTo>
                      <a:lnTo>
                        <a:pt x="44" y="227"/>
                      </a:lnTo>
                      <a:lnTo>
                        <a:pt x="49" y="223"/>
                      </a:lnTo>
                      <a:lnTo>
                        <a:pt x="47" y="223"/>
                      </a:lnTo>
                      <a:lnTo>
                        <a:pt x="47" y="221"/>
                      </a:lnTo>
                      <a:lnTo>
                        <a:pt x="47" y="218"/>
                      </a:lnTo>
                      <a:lnTo>
                        <a:pt x="46" y="215"/>
                      </a:lnTo>
                      <a:lnTo>
                        <a:pt x="44" y="211"/>
                      </a:lnTo>
                      <a:lnTo>
                        <a:pt x="42" y="208"/>
                      </a:lnTo>
                      <a:lnTo>
                        <a:pt x="40" y="203"/>
                      </a:lnTo>
                      <a:lnTo>
                        <a:pt x="39" y="198"/>
                      </a:lnTo>
                      <a:lnTo>
                        <a:pt x="39" y="193"/>
                      </a:lnTo>
                      <a:lnTo>
                        <a:pt x="37" y="188"/>
                      </a:lnTo>
                      <a:lnTo>
                        <a:pt x="37" y="183"/>
                      </a:lnTo>
                      <a:lnTo>
                        <a:pt x="37" y="177"/>
                      </a:lnTo>
                      <a:lnTo>
                        <a:pt x="39" y="172"/>
                      </a:lnTo>
                      <a:lnTo>
                        <a:pt x="39" y="169"/>
                      </a:lnTo>
                      <a:lnTo>
                        <a:pt x="42" y="164"/>
                      </a:lnTo>
                      <a:lnTo>
                        <a:pt x="46" y="161"/>
                      </a:lnTo>
                      <a:lnTo>
                        <a:pt x="46" y="159"/>
                      </a:lnTo>
                      <a:lnTo>
                        <a:pt x="44" y="157"/>
                      </a:lnTo>
                      <a:lnTo>
                        <a:pt x="44" y="154"/>
                      </a:lnTo>
                      <a:lnTo>
                        <a:pt x="44" y="149"/>
                      </a:lnTo>
                      <a:lnTo>
                        <a:pt x="44" y="145"/>
                      </a:lnTo>
                      <a:lnTo>
                        <a:pt x="44" y="140"/>
                      </a:lnTo>
                      <a:lnTo>
                        <a:pt x="44" y="135"/>
                      </a:lnTo>
                      <a:lnTo>
                        <a:pt x="44" y="130"/>
                      </a:lnTo>
                      <a:lnTo>
                        <a:pt x="44" y="125"/>
                      </a:lnTo>
                      <a:lnTo>
                        <a:pt x="44" y="120"/>
                      </a:lnTo>
                      <a:lnTo>
                        <a:pt x="44" y="115"/>
                      </a:lnTo>
                      <a:lnTo>
                        <a:pt x="46" y="110"/>
                      </a:lnTo>
                      <a:lnTo>
                        <a:pt x="47" y="105"/>
                      </a:lnTo>
                      <a:lnTo>
                        <a:pt x="49" y="101"/>
                      </a:lnTo>
                      <a:lnTo>
                        <a:pt x="51" y="98"/>
                      </a:lnTo>
                      <a:lnTo>
                        <a:pt x="78" y="15"/>
                      </a:lnTo>
                      <a:lnTo>
                        <a:pt x="79" y="13"/>
                      </a:lnTo>
                      <a:lnTo>
                        <a:pt x="81" y="13"/>
                      </a:lnTo>
                      <a:lnTo>
                        <a:pt x="84" y="12"/>
                      </a:lnTo>
                      <a:lnTo>
                        <a:pt x="88" y="10"/>
                      </a:lnTo>
                      <a:lnTo>
                        <a:pt x="91" y="12"/>
                      </a:lnTo>
                      <a:lnTo>
                        <a:pt x="95" y="13"/>
                      </a:lnTo>
                      <a:lnTo>
                        <a:pt x="98" y="18"/>
                      </a:lnTo>
                      <a:lnTo>
                        <a:pt x="101" y="29"/>
                      </a:lnTo>
                      <a:lnTo>
                        <a:pt x="101" y="30"/>
                      </a:lnTo>
                      <a:lnTo>
                        <a:pt x="103" y="32"/>
                      </a:lnTo>
                      <a:lnTo>
                        <a:pt x="105" y="34"/>
                      </a:lnTo>
                      <a:lnTo>
                        <a:pt x="108" y="35"/>
                      </a:lnTo>
                      <a:lnTo>
                        <a:pt x="110" y="37"/>
                      </a:lnTo>
                      <a:lnTo>
                        <a:pt x="115" y="37"/>
                      </a:lnTo>
                      <a:lnTo>
                        <a:pt x="118" y="34"/>
                      </a:lnTo>
                      <a:lnTo>
                        <a:pt x="125" y="30"/>
                      </a:lnTo>
                      <a:lnTo>
                        <a:pt x="125" y="29"/>
                      </a:lnTo>
                      <a:lnTo>
                        <a:pt x="128" y="27"/>
                      </a:lnTo>
                      <a:lnTo>
                        <a:pt x="132" y="23"/>
                      </a:lnTo>
                      <a:lnTo>
                        <a:pt x="135" y="20"/>
                      </a:lnTo>
                      <a:lnTo>
                        <a:pt x="139" y="17"/>
                      </a:lnTo>
                      <a:lnTo>
                        <a:pt x="142" y="13"/>
                      </a:lnTo>
                      <a:lnTo>
                        <a:pt x="145" y="12"/>
                      </a:lnTo>
                      <a:lnTo>
                        <a:pt x="152" y="10"/>
                      </a:lnTo>
                      <a:lnTo>
                        <a:pt x="152" y="8"/>
                      </a:lnTo>
                      <a:lnTo>
                        <a:pt x="152" y="5"/>
                      </a:lnTo>
                      <a:lnTo>
                        <a:pt x="152" y="3"/>
                      </a:lnTo>
                      <a:lnTo>
                        <a:pt x="154" y="1"/>
                      </a:lnTo>
                      <a:lnTo>
                        <a:pt x="157" y="0"/>
                      </a:lnTo>
                      <a:lnTo>
                        <a:pt x="162" y="1"/>
                      </a:lnTo>
                      <a:lnTo>
                        <a:pt x="169" y="3"/>
                      </a:lnTo>
                      <a:lnTo>
                        <a:pt x="171" y="5"/>
                      </a:lnTo>
                      <a:lnTo>
                        <a:pt x="174" y="7"/>
                      </a:lnTo>
                      <a:lnTo>
                        <a:pt x="179" y="10"/>
                      </a:lnTo>
                      <a:lnTo>
                        <a:pt x="186" y="13"/>
                      </a:lnTo>
                      <a:lnTo>
                        <a:pt x="193" y="15"/>
                      </a:lnTo>
                      <a:lnTo>
                        <a:pt x="198" y="18"/>
                      </a:lnTo>
                      <a:lnTo>
                        <a:pt x="203" y="20"/>
                      </a:lnTo>
                      <a:lnTo>
                        <a:pt x="205" y="22"/>
                      </a:lnTo>
                      <a:lnTo>
                        <a:pt x="213" y="30"/>
                      </a:lnTo>
                      <a:lnTo>
                        <a:pt x="254" y="164"/>
                      </a:lnTo>
                      <a:lnTo>
                        <a:pt x="254" y="166"/>
                      </a:lnTo>
                      <a:lnTo>
                        <a:pt x="254" y="169"/>
                      </a:lnTo>
                      <a:lnTo>
                        <a:pt x="254" y="172"/>
                      </a:lnTo>
                      <a:lnTo>
                        <a:pt x="255" y="177"/>
                      </a:lnTo>
                      <a:lnTo>
                        <a:pt x="260" y="184"/>
                      </a:lnTo>
                      <a:lnTo>
                        <a:pt x="266" y="188"/>
                      </a:lnTo>
                      <a:lnTo>
                        <a:pt x="276" y="191"/>
                      </a:lnTo>
                      <a:lnTo>
                        <a:pt x="289" y="193"/>
                      </a:lnTo>
                      <a:lnTo>
                        <a:pt x="294" y="196"/>
                      </a:lnTo>
                      <a:lnTo>
                        <a:pt x="294" y="213"/>
                      </a:lnTo>
                      <a:lnTo>
                        <a:pt x="303" y="221"/>
                      </a:lnTo>
                      <a:lnTo>
                        <a:pt x="304" y="225"/>
                      </a:lnTo>
                      <a:lnTo>
                        <a:pt x="306" y="228"/>
                      </a:lnTo>
                      <a:lnTo>
                        <a:pt x="308" y="233"/>
                      </a:lnTo>
                      <a:lnTo>
                        <a:pt x="311" y="237"/>
                      </a:lnTo>
                      <a:lnTo>
                        <a:pt x="315" y="238"/>
                      </a:lnTo>
                      <a:lnTo>
                        <a:pt x="318" y="238"/>
                      </a:lnTo>
                      <a:lnTo>
                        <a:pt x="321" y="237"/>
                      </a:lnTo>
                      <a:lnTo>
                        <a:pt x="323" y="237"/>
                      </a:lnTo>
                      <a:lnTo>
                        <a:pt x="326" y="240"/>
                      </a:lnTo>
                      <a:lnTo>
                        <a:pt x="332" y="243"/>
                      </a:lnTo>
                      <a:lnTo>
                        <a:pt x="337" y="247"/>
                      </a:lnTo>
                      <a:lnTo>
                        <a:pt x="340" y="250"/>
                      </a:lnTo>
                      <a:lnTo>
                        <a:pt x="345" y="254"/>
                      </a:lnTo>
                      <a:lnTo>
                        <a:pt x="348" y="257"/>
                      </a:lnTo>
                      <a:lnTo>
                        <a:pt x="340" y="265"/>
                      </a:lnTo>
                      <a:lnTo>
                        <a:pt x="347" y="276"/>
                      </a:lnTo>
                      <a:lnTo>
                        <a:pt x="350" y="272"/>
                      </a:lnTo>
                      <a:lnTo>
                        <a:pt x="354" y="271"/>
                      </a:lnTo>
                      <a:lnTo>
                        <a:pt x="357" y="267"/>
                      </a:lnTo>
                      <a:lnTo>
                        <a:pt x="359" y="267"/>
                      </a:lnTo>
                      <a:lnTo>
                        <a:pt x="359" y="269"/>
                      </a:lnTo>
                      <a:lnTo>
                        <a:pt x="359" y="274"/>
                      </a:lnTo>
                      <a:lnTo>
                        <a:pt x="354" y="284"/>
                      </a:lnTo>
                      <a:lnTo>
                        <a:pt x="352" y="287"/>
                      </a:lnTo>
                      <a:lnTo>
                        <a:pt x="350" y="289"/>
                      </a:lnTo>
                      <a:lnTo>
                        <a:pt x="347" y="293"/>
                      </a:lnTo>
                      <a:lnTo>
                        <a:pt x="345" y="296"/>
                      </a:lnTo>
                      <a:lnTo>
                        <a:pt x="343" y="298"/>
                      </a:lnTo>
                      <a:lnTo>
                        <a:pt x="342" y="299"/>
                      </a:lnTo>
                      <a:lnTo>
                        <a:pt x="342" y="301"/>
                      </a:lnTo>
                      <a:lnTo>
                        <a:pt x="335" y="293"/>
                      </a:lnTo>
                      <a:lnTo>
                        <a:pt x="330" y="298"/>
                      </a:lnTo>
                      <a:lnTo>
                        <a:pt x="333" y="306"/>
                      </a:lnTo>
                      <a:lnTo>
                        <a:pt x="326" y="308"/>
                      </a:lnTo>
                      <a:lnTo>
                        <a:pt x="325" y="308"/>
                      </a:lnTo>
                      <a:lnTo>
                        <a:pt x="323" y="306"/>
                      </a:lnTo>
                      <a:lnTo>
                        <a:pt x="321" y="306"/>
                      </a:lnTo>
                      <a:lnTo>
                        <a:pt x="318" y="306"/>
                      </a:lnTo>
                      <a:lnTo>
                        <a:pt x="318" y="308"/>
                      </a:lnTo>
                      <a:lnTo>
                        <a:pt x="318" y="311"/>
                      </a:lnTo>
                      <a:lnTo>
                        <a:pt x="320" y="316"/>
                      </a:lnTo>
                      <a:lnTo>
                        <a:pt x="320" y="320"/>
                      </a:lnTo>
                      <a:lnTo>
                        <a:pt x="318" y="321"/>
                      </a:lnTo>
                      <a:lnTo>
                        <a:pt x="316" y="323"/>
                      </a:lnTo>
                      <a:lnTo>
                        <a:pt x="313" y="325"/>
                      </a:lnTo>
                      <a:lnTo>
                        <a:pt x="310" y="326"/>
                      </a:lnTo>
                      <a:lnTo>
                        <a:pt x="306" y="326"/>
                      </a:lnTo>
                      <a:lnTo>
                        <a:pt x="304" y="326"/>
                      </a:lnTo>
                      <a:lnTo>
                        <a:pt x="301" y="325"/>
                      </a:lnTo>
                      <a:lnTo>
                        <a:pt x="298" y="321"/>
                      </a:lnTo>
                      <a:lnTo>
                        <a:pt x="299" y="323"/>
                      </a:lnTo>
                      <a:lnTo>
                        <a:pt x="299" y="321"/>
                      </a:lnTo>
                      <a:lnTo>
                        <a:pt x="298" y="321"/>
                      </a:lnTo>
                      <a:lnTo>
                        <a:pt x="298" y="323"/>
                      </a:lnTo>
                      <a:lnTo>
                        <a:pt x="296" y="326"/>
                      </a:lnTo>
                      <a:lnTo>
                        <a:pt x="296" y="330"/>
                      </a:lnTo>
                      <a:lnTo>
                        <a:pt x="296" y="338"/>
                      </a:lnTo>
                      <a:lnTo>
                        <a:pt x="294" y="340"/>
                      </a:lnTo>
                      <a:lnTo>
                        <a:pt x="293" y="345"/>
                      </a:lnTo>
                      <a:lnTo>
                        <a:pt x="289" y="347"/>
                      </a:lnTo>
                      <a:lnTo>
                        <a:pt x="289" y="348"/>
                      </a:lnTo>
                      <a:lnTo>
                        <a:pt x="284" y="357"/>
                      </a:lnTo>
                      <a:lnTo>
                        <a:pt x="277" y="348"/>
                      </a:lnTo>
                      <a:lnTo>
                        <a:pt x="277" y="342"/>
                      </a:lnTo>
                      <a:lnTo>
                        <a:pt x="267" y="337"/>
                      </a:lnTo>
                      <a:lnTo>
                        <a:pt x="267" y="335"/>
                      </a:lnTo>
                      <a:lnTo>
                        <a:pt x="266" y="335"/>
                      </a:lnTo>
                      <a:lnTo>
                        <a:pt x="264" y="335"/>
                      </a:lnTo>
                      <a:lnTo>
                        <a:pt x="262" y="335"/>
                      </a:lnTo>
                      <a:lnTo>
                        <a:pt x="260" y="337"/>
                      </a:lnTo>
                      <a:lnTo>
                        <a:pt x="260" y="338"/>
                      </a:lnTo>
                      <a:lnTo>
                        <a:pt x="260" y="342"/>
                      </a:lnTo>
                      <a:lnTo>
                        <a:pt x="262" y="347"/>
                      </a:lnTo>
                      <a:lnTo>
                        <a:pt x="262" y="348"/>
                      </a:lnTo>
                      <a:lnTo>
                        <a:pt x="260" y="350"/>
                      </a:lnTo>
                      <a:lnTo>
                        <a:pt x="257" y="353"/>
                      </a:lnTo>
                      <a:lnTo>
                        <a:pt x="254" y="355"/>
                      </a:lnTo>
                      <a:lnTo>
                        <a:pt x="249" y="359"/>
                      </a:lnTo>
                      <a:lnTo>
                        <a:pt x="245" y="360"/>
                      </a:lnTo>
                      <a:lnTo>
                        <a:pt x="244" y="362"/>
                      </a:lnTo>
                      <a:lnTo>
                        <a:pt x="242" y="362"/>
                      </a:lnTo>
                      <a:lnTo>
                        <a:pt x="244" y="375"/>
                      </a:lnTo>
                      <a:lnTo>
                        <a:pt x="223" y="375"/>
                      </a:lnTo>
                      <a:lnTo>
                        <a:pt x="230" y="364"/>
                      </a:lnTo>
                      <a:lnTo>
                        <a:pt x="220" y="364"/>
                      </a:lnTo>
                      <a:lnTo>
                        <a:pt x="220" y="362"/>
                      </a:lnTo>
                      <a:lnTo>
                        <a:pt x="220" y="359"/>
                      </a:lnTo>
                      <a:lnTo>
                        <a:pt x="218" y="353"/>
                      </a:lnTo>
                      <a:lnTo>
                        <a:pt x="218" y="350"/>
                      </a:lnTo>
                      <a:lnTo>
                        <a:pt x="216" y="348"/>
                      </a:lnTo>
                      <a:lnTo>
                        <a:pt x="215" y="348"/>
                      </a:lnTo>
                      <a:lnTo>
                        <a:pt x="213" y="353"/>
                      </a:lnTo>
                      <a:lnTo>
                        <a:pt x="210" y="364"/>
                      </a:lnTo>
                      <a:lnTo>
                        <a:pt x="210" y="365"/>
                      </a:lnTo>
                      <a:lnTo>
                        <a:pt x="210" y="367"/>
                      </a:lnTo>
                      <a:lnTo>
                        <a:pt x="210" y="370"/>
                      </a:lnTo>
                      <a:lnTo>
                        <a:pt x="208" y="372"/>
                      </a:lnTo>
                      <a:lnTo>
                        <a:pt x="208" y="375"/>
                      </a:lnTo>
                      <a:lnTo>
                        <a:pt x="208" y="377"/>
                      </a:lnTo>
                      <a:lnTo>
                        <a:pt x="210" y="411"/>
                      </a:lnTo>
                      <a:lnTo>
                        <a:pt x="205" y="421"/>
                      </a:lnTo>
                      <a:lnTo>
                        <a:pt x="198" y="436"/>
                      </a:lnTo>
                      <a:lnTo>
                        <a:pt x="193" y="428"/>
                      </a:lnTo>
                      <a:lnTo>
                        <a:pt x="183" y="431"/>
                      </a:lnTo>
                      <a:lnTo>
                        <a:pt x="179" y="450"/>
                      </a:lnTo>
                      <a:lnTo>
                        <a:pt x="171" y="448"/>
                      </a:lnTo>
                      <a:lnTo>
                        <a:pt x="171" y="450"/>
                      </a:lnTo>
                      <a:lnTo>
                        <a:pt x="171" y="453"/>
                      </a:lnTo>
                      <a:lnTo>
                        <a:pt x="169" y="453"/>
                      </a:lnTo>
                      <a:lnTo>
                        <a:pt x="169" y="455"/>
                      </a:lnTo>
                      <a:lnTo>
                        <a:pt x="167" y="455"/>
                      </a:lnTo>
                      <a:lnTo>
                        <a:pt x="166" y="453"/>
                      </a:lnTo>
                      <a:lnTo>
                        <a:pt x="162" y="448"/>
                      </a:lnTo>
                      <a:lnTo>
                        <a:pt x="162" y="447"/>
                      </a:lnTo>
                      <a:lnTo>
                        <a:pt x="161" y="447"/>
                      </a:lnTo>
                      <a:lnTo>
                        <a:pt x="161" y="445"/>
                      </a:lnTo>
                      <a:lnTo>
                        <a:pt x="159" y="445"/>
                      </a:lnTo>
                      <a:lnTo>
                        <a:pt x="157" y="447"/>
                      </a:lnTo>
                      <a:lnTo>
                        <a:pt x="156" y="448"/>
                      </a:lnTo>
                      <a:lnTo>
                        <a:pt x="156" y="453"/>
                      </a:lnTo>
                      <a:lnTo>
                        <a:pt x="154" y="462"/>
                      </a:lnTo>
                      <a:lnTo>
                        <a:pt x="156" y="463"/>
                      </a:lnTo>
                      <a:lnTo>
                        <a:pt x="156" y="467"/>
                      </a:lnTo>
                      <a:lnTo>
                        <a:pt x="156" y="472"/>
                      </a:lnTo>
                      <a:lnTo>
                        <a:pt x="157" y="475"/>
                      </a:lnTo>
                      <a:lnTo>
                        <a:pt x="156" y="477"/>
                      </a:lnTo>
                      <a:lnTo>
                        <a:pt x="154" y="475"/>
                      </a:lnTo>
                      <a:lnTo>
                        <a:pt x="152" y="469"/>
                      </a:lnTo>
                      <a:lnTo>
                        <a:pt x="147" y="457"/>
                      </a:lnTo>
                      <a:lnTo>
                        <a:pt x="144" y="460"/>
                      </a:lnTo>
                      <a:lnTo>
                        <a:pt x="140" y="462"/>
                      </a:lnTo>
                      <a:lnTo>
                        <a:pt x="137" y="465"/>
                      </a:lnTo>
                      <a:lnTo>
                        <a:pt x="132" y="469"/>
                      </a:lnTo>
                      <a:lnTo>
                        <a:pt x="128" y="472"/>
                      </a:lnTo>
                      <a:lnTo>
                        <a:pt x="127" y="475"/>
                      </a:lnTo>
                      <a:lnTo>
                        <a:pt x="125" y="475"/>
                      </a:lnTo>
                      <a:lnTo>
                        <a:pt x="122" y="497"/>
                      </a:lnTo>
                      <a:lnTo>
                        <a:pt x="127" y="499"/>
                      </a:lnTo>
                      <a:lnTo>
                        <a:pt x="127" y="506"/>
                      </a:lnTo>
                      <a:lnTo>
                        <a:pt x="123" y="506"/>
                      </a:lnTo>
                      <a:lnTo>
                        <a:pt x="122" y="506"/>
                      </a:lnTo>
                      <a:lnTo>
                        <a:pt x="118" y="507"/>
                      </a:lnTo>
                      <a:lnTo>
                        <a:pt x="117" y="511"/>
                      </a:lnTo>
                      <a:lnTo>
                        <a:pt x="115" y="514"/>
                      </a:lnTo>
                      <a:lnTo>
                        <a:pt x="117" y="519"/>
                      </a:lnTo>
                      <a:lnTo>
                        <a:pt x="120" y="528"/>
                      </a:lnTo>
                      <a:lnTo>
                        <a:pt x="118" y="529"/>
                      </a:lnTo>
                      <a:lnTo>
                        <a:pt x="117" y="533"/>
                      </a:lnTo>
                      <a:lnTo>
                        <a:pt x="113" y="536"/>
                      </a:lnTo>
                      <a:lnTo>
                        <a:pt x="110" y="538"/>
                      </a:lnTo>
                      <a:lnTo>
                        <a:pt x="108" y="541"/>
                      </a:lnTo>
                      <a:lnTo>
                        <a:pt x="106" y="541"/>
                      </a:lnTo>
                      <a:lnTo>
                        <a:pt x="106" y="543"/>
                      </a:lnTo>
                      <a:lnTo>
                        <a:pt x="106" y="565"/>
                      </a:lnTo>
                      <a:lnTo>
                        <a:pt x="98" y="579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61" name="Freeform 65"/>
                <p:cNvSpPr>
                  <a:spLocks/>
                </p:cNvSpPr>
                <p:nvPr/>
              </p:nvSpPr>
              <p:spPr bwMode="auto">
                <a:xfrm>
                  <a:off x="5343" y="1465"/>
                  <a:ext cx="17" cy="23"/>
                </a:xfrm>
                <a:custGeom>
                  <a:avLst/>
                  <a:gdLst>
                    <a:gd name="T0" fmla="*/ 9 w 17"/>
                    <a:gd name="T1" fmla="*/ 0 h 23"/>
                    <a:gd name="T2" fmla="*/ 17 w 17"/>
                    <a:gd name="T3" fmla="*/ 7 h 23"/>
                    <a:gd name="T4" fmla="*/ 14 w 17"/>
                    <a:gd name="T5" fmla="*/ 15 h 23"/>
                    <a:gd name="T6" fmla="*/ 10 w 17"/>
                    <a:gd name="T7" fmla="*/ 17 h 23"/>
                    <a:gd name="T8" fmla="*/ 10 w 17"/>
                    <a:gd name="T9" fmla="*/ 17 h 23"/>
                    <a:gd name="T10" fmla="*/ 12 w 17"/>
                    <a:gd name="T11" fmla="*/ 18 h 23"/>
                    <a:gd name="T12" fmla="*/ 12 w 17"/>
                    <a:gd name="T13" fmla="*/ 20 h 23"/>
                    <a:gd name="T14" fmla="*/ 12 w 17"/>
                    <a:gd name="T15" fmla="*/ 23 h 23"/>
                    <a:gd name="T16" fmla="*/ 10 w 17"/>
                    <a:gd name="T17" fmla="*/ 23 h 23"/>
                    <a:gd name="T18" fmla="*/ 9 w 17"/>
                    <a:gd name="T19" fmla="*/ 23 h 23"/>
                    <a:gd name="T20" fmla="*/ 5 w 17"/>
                    <a:gd name="T21" fmla="*/ 22 h 23"/>
                    <a:gd name="T22" fmla="*/ 0 w 17"/>
                    <a:gd name="T23" fmla="*/ 18 h 23"/>
                    <a:gd name="T24" fmla="*/ 0 w 17"/>
                    <a:gd name="T25" fmla="*/ 17 h 23"/>
                    <a:gd name="T26" fmla="*/ 0 w 17"/>
                    <a:gd name="T27" fmla="*/ 12 h 23"/>
                    <a:gd name="T28" fmla="*/ 0 w 17"/>
                    <a:gd name="T29" fmla="*/ 10 h 23"/>
                    <a:gd name="T30" fmla="*/ 2 w 17"/>
                    <a:gd name="T31" fmla="*/ 8 h 23"/>
                    <a:gd name="T32" fmla="*/ 9 w 17"/>
                    <a:gd name="T33" fmla="*/ 0 h 23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7"/>
                    <a:gd name="T52" fmla="*/ 0 h 23"/>
                    <a:gd name="T53" fmla="*/ 17 w 17"/>
                    <a:gd name="T54" fmla="*/ 23 h 23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7" h="23">
                      <a:moveTo>
                        <a:pt x="9" y="0"/>
                      </a:moveTo>
                      <a:lnTo>
                        <a:pt x="17" y="7"/>
                      </a:lnTo>
                      <a:lnTo>
                        <a:pt x="14" y="15"/>
                      </a:lnTo>
                      <a:lnTo>
                        <a:pt x="10" y="17"/>
                      </a:lnTo>
                      <a:lnTo>
                        <a:pt x="12" y="18"/>
                      </a:lnTo>
                      <a:lnTo>
                        <a:pt x="12" y="20"/>
                      </a:lnTo>
                      <a:lnTo>
                        <a:pt x="12" y="23"/>
                      </a:lnTo>
                      <a:lnTo>
                        <a:pt x="10" y="23"/>
                      </a:lnTo>
                      <a:lnTo>
                        <a:pt x="9" y="23"/>
                      </a:lnTo>
                      <a:lnTo>
                        <a:pt x="5" y="22"/>
                      </a:lnTo>
                      <a:lnTo>
                        <a:pt x="0" y="18"/>
                      </a:lnTo>
                      <a:lnTo>
                        <a:pt x="0" y="17"/>
                      </a:lnTo>
                      <a:lnTo>
                        <a:pt x="0" y="12"/>
                      </a:lnTo>
                      <a:lnTo>
                        <a:pt x="0" y="10"/>
                      </a:lnTo>
                      <a:lnTo>
                        <a:pt x="2" y="8"/>
                      </a:lnTo>
                      <a:lnTo>
                        <a:pt x="9" y="0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34" name="Group 66"/>
              <p:cNvGrpSpPr>
                <a:grpSpLocks/>
              </p:cNvGrpSpPr>
              <p:nvPr/>
            </p:nvGrpSpPr>
            <p:grpSpPr bwMode="auto">
              <a:xfrm>
                <a:off x="4607" y="1852"/>
                <a:ext cx="126" cy="291"/>
                <a:chOff x="4856" y="1462"/>
                <a:chExt cx="130" cy="300"/>
              </a:xfrm>
            </p:grpSpPr>
            <p:sp>
              <p:nvSpPr>
                <p:cNvPr id="158" name="Freeform 67"/>
                <p:cNvSpPr>
                  <a:spLocks/>
                </p:cNvSpPr>
                <p:nvPr/>
              </p:nvSpPr>
              <p:spPr bwMode="auto">
                <a:xfrm>
                  <a:off x="4856" y="1462"/>
                  <a:ext cx="130" cy="300"/>
                </a:xfrm>
                <a:custGeom>
                  <a:avLst/>
                  <a:gdLst>
                    <a:gd name="T0" fmla="*/ 12 w 130"/>
                    <a:gd name="T1" fmla="*/ 202 h 300"/>
                    <a:gd name="T2" fmla="*/ 23 w 130"/>
                    <a:gd name="T3" fmla="*/ 192 h 300"/>
                    <a:gd name="T4" fmla="*/ 32 w 130"/>
                    <a:gd name="T5" fmla="*/ 186 h 300"/>
                    <a:gd name="T6" fmla="*/ 39 w 130"/>
                    <a:gd name="T7" fmla="*/ 171 h 300"/>
                    <a:gd name="T8" fmla="*/ 49 w 130"/>
                    <a:gd name="T9" fmla="*/ 159 h 300"/>
                    <a:gd name="T10" fmla="*/ 57 w 130"/>
                    <a:gd name="T11" fmla="*/ 154 h 300"/>
                    <a:gd name="T12" fmla="*/ 59 w 130"/>
                    <a:gd name="T13" fmla="*/ 146 h 300"/>
                    <a:gd name="T14" fmla="*/ 56 w 130"/>
                    <a:gd name="T15" fmla="*/ 141 h 300"/>
                    <a:gd name="T16" fmla="*/ 49 w 130"/>
                    <a:gd name="T17" fmla="*/ 137 h 300"/>
                    <a:gd name="T18" fmla="*/ 32 w 130"/>
                    <a:gd name="T19" fmla="*/ 122 h 300"/>
                    <a:gd name="T20" fmla="*/ 20 w 130"/>
                    <a:gd name="T21" fmla="*/ 112 h 300"/>
                    <a:gd name="T22" fmla="*/ 3 w 130"/>
                    <a:gd name="T23" fmla="*/ 93 h 300"/>
                    <a:gd name="T24" fmla="*/ 6 w 130"/>
                    <a:gd name="T25" fmla="*/ 76 h 300"/>
                    <a:gd name="T26" fmla="*/ 0 w 130"/>
                    <a:gd name="T27" fmla="*/ 56 h 300"/>
                    <a:gd name="T28" fmla="*/ 28 w 130"/>
                    <a:gd name="T29" fmla="*/ 0 h 300"/>
                    <a:gd name="T30" fmla="*/ 113 w 130"/>
                    <a:gd name="T31" fmla="*/ 60 h 300"/>
                    <a:gd name="T32" fmla="*/ 106 w 130"/>
                    <a:gd name="T33" fmla="*/ 76 h 300"/>
                    <a:gd name="T34" fmla="*/ 106 w 130"/>
                    <a:gd name="T35" fmla="*/ 87 h 300"/>
                    <a:gd name="T36" fmla="*/ 96 w 130"/>
                    <a:gd name="T37" fmla="*/ 95 h 300"/>
                    <a:gd name="T38" fmla="*/ 113 w 130"/>
                    <a:gd name="T39" fmla="*/ 102 h 300"/>
                    <a:gd name="T40" fmla="*/ 118 w 130"/>
                    <a:gd name="T41" fmla="*/ 100 h 300"/>
                    <a:gd name="T42" fmla="*/ 120 w 130"/>
                    <a:gd name="T43" fmla="*/ 97 h 300"/>
                    <a:gd name="T44" fmla="*/ 122 w 130"/>
                    <a:gd name="T45" fmla="*/ 95 h 300"/>
                    <a:gd name="T46" fmla="*/ 125 w 130"/>
                    <a:gd name="T47" fmla="*/ 98 h 300"/>
                    <a:gd name="T48" fmla="*/ 127 w 130"/>
                    <a:gd name="T49" fmla="*/ 107 h 300"/>
                    <a:gd name="T50" fmla="*/ 127 w 130"/>
                    <a:gd name="T51" fmla="*/ 127 h 300"/>
                    <a:gd name="T52" fmla="*/ 127 w 130"/>
                    <a:gd name="T53" fmla="*/ 141 h 300"/>
                    <a:gd name="T54" fmla="*/ 127 w 130"/>
                    <a:gd name="T55" fmla="*/ 146 h 300"/>
                    <a:gd name="T56" fmla="*/ 127 w 130"/>
                    <a:gd name="T57" fmla="*/ 151 h 300"/>
                    <a:gd name="T58" fmla="*/ 130 w 130"/>
                    <a:gd name="T59" fmla="*/ 161 h 300"/>
                    <a:gd name="T60" fmla="*/ 130 w 130"/>
                    <a:gd name="T61" fmla="*/ 173 h 300"/>
                    <a:gd name="T62" fmla="*/ 130 w 130"/>
                    <a:gd name="T63" fmla="*/ 183 h 300"/>
                    <a:gd name="T64" fmla="*/ 128 w 130"/>
                    <a:gd name="T65" fmla="*/ 181 h 300"/>
                    <a:gd name="T66" fmla="*/ 125 w 130"/>
                    <a:gd name="T67" fmla="*/ 163 h 300"/>
                    <a:gd name="T68" fmla="*/ 122 w 130"/>
                    <a:gd name="T69" fmla="*/ 151 h 300"/>
                    <a:gd name="T70" fmla="*/ 118 w 130"/>
                    <a:gd name="T71" fmla="*/ 151 h 300"/>
                    <a:gd name="T72" fmla="*/ 122 w 130"/>
                    <a:gd name="T73" fmla="*/ 168 h 300"/>
                    <a:gd name="T74" fmla="*/ 122 w 130"/>
                    <a:gd name="T75" fmla="*/ 175 h 300"/>
                    <a:gd name="T76" fmla="*/ 122 w 130"/>
                    <a:gd name="T77" fmla="*/ 186 h 300"/>
                    <a:gd name="T78" fmla="*/ 122 w 130"/>
                    <a:gd name="T79" fmla="*/ 190 h 300"/>
                    <a:gd name="T80" fmla="*/ 122 w 130"/>
                    <a:gd name="T81" fmla="*/ 193 h 300"/>
                    <a:gd name="T82" fmla="*/ 118 w 130"/>
                    <a:gd name="T83" fmla="*/ 202 h 300"/>
                    <a:gd name="T84" fmla="*/ 115 w 130"/>
                    <a:gd name="T85" fmla="*/ 208 h 300"/>
                    <a:gd name="T86" fmla="*/ 110 w 130"/>
                    <a:gd name="T87" fmla="*/ 219 h 300"/>
                    <a:gd name="T88" fmla="*/ 108 w 130"/>
                    <a:gd name="T89" fmla="*/ 230 h 300"/>
                    <a:gd name="T90" fmla="*/ 103 w 130"/>
                    <a:gd name="T91" fmla="*/ 239 h 300"/>
                    <a:gd name="T92" fmla="*/ 94 w 130"/>
                    <a:gd name="T93" fmla="*/ 249 h 300"/>
                    <a:gd name="T94" fmla="*/ 96 w 130"/>
                    <a:gd name="T95" fmla="*/ 256 h 300"/>
                    <a:gd name="T96" fmla="*/ 86 w 130"/>
                    <a:gd name="T97" fmla="*/ 290 h 300"/>
                    <a:gd name="T98" fmla="*/ 76 w 130"/>
                    <a:gd name="T99" fmla="*/ 300 h 300"/>
                    <a:gd name="T100" fmla="*/ 71 w 130"/>
                    <a:gd name="T101" fmla="*/ 295 h 300"/>
                    <a:gd name="T102" fmla="*/ 72 w 130"/>
                    <a:gd name="T103" fmla="*/ 285 h 300"/>
                    <a:gd name="T104" fmla="*/ 74 w 130"/>
                    <a:gd name="T105" fmla="*/ 276 h 300"/>
                    <a:gd name="T106" fmla="*/ 64 w 130"/>
                    <a:gd name="T107" fmla="*/ 271 h 300"/>
                    <a:gd name="T108" fmla="*/ 49 w 130"/>
                    <a:gd name="T109" fmla="*/ 278 h 300"/>
                    <a:gd name="T110" fmla="*/ 44 w 130"/>
                    <a:gd name="T111" fmla="*/ 271 h 300"/>
                    <a:gd name="T112" fmla="*/ 34 w 130"/>
                    <a:gd name="T113" fmla="*/ 266 h 300"/>
                    <a:gd name="T114" fmla="*/ 23 w 130"/>
                    <a:gd name="T115" fmla="*/ 261 h 300"/>
                    <a:gd name="T116" fmla="*/ 6 w 130"/>
                    <a:gd name="T117" fmla="*/ 247 h 300"/>
                    <a:gd name="T118" fmla="*/ 3 w 130"/>
                    <a:gd name="T119" fmla="*/ 237 h 300"/>
                    <a:gd name="T120" fmla="*/ 1 w 130"/>
                    <a:gd name="T121" fmla="*/ 227 h 300"/>
                    <a:gd name="T122" fmla="*/ 3 w 130"/>
                    <a:gd name="T123" fmla="*/ 219 h 300"/>
                    <a:gd name="T124" fmla="*/ 13 w 130"/>
                    <a:gd name="T125" fmla="*/ 205 h 300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60000 65536"/>
                    <a:gd name="T187" fmla="*/ 0 60000 65536"/>
                    <a:gd name="T188" fmla="*/ 0 60000 65536"/>
                    <a:gd name="T189" fmla="*/ 0 w 130"/>
                    <a:gd name="T190" fmla="*/ 0 h 300"/>
                    <a:gd name="T191" fmla="*/ 130 w 130"/>
                    <a:gd name="T192" fmla="*/ 300 h 300"/>
                  </a:gdLst>
                  <a:ahLst/>
                  <a:cxnLst>
                    <a:cxn ang="T126">
                      <a:pos x="T0" y="T1"/>
                    </a:cxn>
                    <a:cxn ang="T127">
                      <a:pos x="T2" y="T3"/>
                    </a:cxn>
                    <a:cxn ang="T128">
                      <a:pos x="T4" y="T5"/>
                    </a:cxn>
                    <a:cxn ang="T129">
                      <a:pos x="T6" y="T7"/>
                    </a:cxn>
                    <a:cxn ang="T130">
                      <a:pos x="T8" y="T9"/>
                    </a:cxn>
                    <a:cxn ang="T131">
                      <a:pos x="T10" y="T11"/>
                    </a:cxn>
                    <a:cxn ang="T132">
                      <a:pos x="T12" y="T13"/>
                    </a:cxn>
                    <a:cxn ang="T133">
                      <a:pos x="T14" y="T15"/>
                    </a:cxn>
                    <a:cxn ang="T134">
                      <a:pos x="T16" y="T17"/>
                    </a:cxn>
                    <a:cxn ang="T135">
                      <a:pos x="T18" y="T19"/>
                    </a:cxn>
                    <a:cxn ang="T136">
                      <a:pos x="T20" y="T21"/>
                    </a:cxn>
                    <a:cxn ang="T137">
                      <a:pos x="T22" y="T23"/>
                    </a:cxn>
                    <a:cxn ang="T138">
                      <a:pos x="T24" y="T25"/>
                    </a:cxn>
                    <a:cxn ang="T139">
                      <a:pos x="T26" y="T27"/>
                    </a:cxn>
                    <a:cxn ang="T140">
                      <a:pos x="T28" y="T29"/>
                    </a:cxn>
                    <a:cxn ang="T141">
                      <a:pos x="T30" y="T31"/>
                    </a:cxn>
                    <a:cxn ang="T142">
                      <a:pos x="T32" y="T33"/>
                    </a:cxn>
                    <a:cxn ang="T143">
                      <a:pos x="T34" y="T35"/>
                    </a:cxn>
                    <a:cxn ang="T144">
                      <a:pos x="T36" y="T37"/>
                    </a:cxn>
                    <a:cxn ang="T145">
                      <a:pos x="T38" y="T39"/>
                    </a:cxn>
                    <a:cxn ang="T146">
                      <a:pos x="T40" y="T41"/>
                    </a:cxn>
                    <a:cxn ang="T147">
                      <a:pos x="T42" y="T43"/>
                    </a:cxn>
                    <a:cxn ang="T148">
                      <a:pos x="T44" y="T45"/>
                    </a:cxn>
                    <a:cxn ang="T149">
                      <a:pos x="T46" y="T47"/>
                    </a:cxn>
                    <a:cxn ang="T150">
                      <a:pos x="T48" y="T49"/>
                    </a:cxn>
                    <a:cxn ang="T151">
                      <a:pos x="T50" y="T51"/>
                    </a:cxn>
                    <a:cxn ang="T152">
                      <a:pos x="T52" y="T53"/>
                    </a:cxn>
                    <a:cxn ang="T153">
                      <a:pos x="T54" y="T55"/>
                    </a:cxn>
                    <a:cxn ang="T154">
                      <a:pos x="T56" y="T57"/>
                    </a:cxn>
                    <a:cxn ang="T155">
                      <a:pos x="T58" y="T59"/>
                    </a:cxn>
                    <a:cxn ang="T156">
                      <a:pos x="T60" y="T61"/>
                    </a:cxn>
                    <a:cxn ang="T157">
                      <a:pos x="T62" y="T63"/>
                    </a:cxn>
                    <a:cxn ang="T158">
                      <a:pos x="T64" y="T65"/>
                    </a:cxn>
                    <a:cxn ang="T159">
                      <a:pos x="T66" y="T67"/>
                    </a:cxn>
                    <a:cxn ang="T160">
                      <a:pos x="T68" y="T69"/>
                    </a:cxn>
                    <a:cxn ang="T161">
                      <a:pos x="T70" y="T71"/>
                    </a:cxn>
                    <a:cxn ang="T162">
                      <a:pos x="T72" y="T73"/>
                    </a:cxn>
                    <a:cxn ang="T163">
                      <a:pos x="T74" y="T75"/>
                    </a:cxn>
                    <a:cxn ang="T164">
                      <a:pos x="T76" y="T77"/>
                    </a:cxn>
                    <a:cxn ang="T165">
                      <a:pos x="T78" y="T79"/>
                    </a:cxn>
                    <a:cxn ang="T166">
                      <a:pos x="T80" y="T81"/>
                    </a:cxn>
                    <a:cxn ang="T167">
                      <a:pos x="T82" y="T83"/>
                    </a:cxn>
                    <a:cxn ang="T168">
                      <a:pos x="T84" y="T85"/>
                    </a:cxn>
                    <a:cxn ang="T169">
                      <a:pos x="T86" y="T87"/>
                    </a:cxn>
                    <a:cxn ang="T170">
                      <a:pos x="T88" y="T89"/>
                    </a:cxn>
                    <a:cxn ang="T171">
                      <a:pos x="T90" y="T91"/>
                    </a:cxn>
                    <a:cxn ang="T172">
                      <a:pos x="T92" y="T93"/>
                    </a:cxn>
                    <a:cxn ang="T173">
                      <a:pos x="T94" y="T95"/>
                    </a:cxn>
                    <a:cxn ang="T174">
                      <a:pos x="T96" y="T97"/>
                    </a:cxn>
                    <a:cxn ang="T175">
                      <a:pos x="T98" y="T99"/>
                    </a:cxn>
                    <a:cxn ang="T176">
                      <a:pos x="T100" y="T101"/>
                    </a:cxn>
                    <a:cxn ang="T177">
                      <a:pos x="T102" y="T103"/>
                    </a:cxn>
                    <a:cxn ang="T178">
                      <a:pos x="T104" y="T105"/>
                    </a:cxn>
                    <a:cxn ang="T179">
                      <a:pos x="T106" y="T107"/>
                    </a:cxn>
                    <a:cxn ang="T180">
                      <a:pos x="T108" y="T109"/>
                    </a:cxn>
                    <a:cxn ang="T181">
                      <a:pos x="T110" y="T111"/>
                    </a:cxn>
                    <a:cxn ang="T182">
                      <a:pos x="T112" y="T113"/>
                    </a:cxn>
                    <a:cxn ang="T183">
                      <a:pos x="T114" y="T115"/>
                    </a:cxn>
                    <a:cxn ang="T184">
                      <a:pos x="T116" y="T117"/>
                    </a:cxn>
                    <a:cxn ang="T185">
                      <a:pos x="T118" y="T119"/>
                    </a:cxn>
                    <a:cxn ang="T186">
                      <a:pos x="T120" y="T121"/>
                    </a:cxn>
                    <a:cxn ang="T187">
                      <a:pos x="T122" y="T123"/>
                    </a:cxn>
                    <a:cxn ang="T188">
                      <a:pos x="T124" y="T125"/>
                    </a:cxn>
                  </a:cxnLst>
                  <a:rect l="T189" t="T190" r="T191" b="T192"/>
                  <a:pathLst>
                    <a:path w="130" h="300">
                      <a:moveTo>
                        <a:pt x="8" y="205"/>
                      </a:moveTo>
                      <a:lnTo>
                        <a:pt x="8" y="203"/>
                      </a:lnTo>
                      <a:lnTo>
                        <a:pt x="12" y="202"/>
                      </a:lnTo>
                      <a:lnTo>
                        <a:pt x="15" y="198"/>
                      </a:lnTo>
                      <a:lnTo>
                        <a:pt x="20" y="195"/>
                      </a:lnTo>
                      <a:lnTo>
                        <a:pt x="23" y="192"/>
                      </a:lnTo>
                      <a:lnTo>
                        <a:pt x="28" y="190"/>
                      </a:lnTo>
                      <a:lnTo>
                        <a:pt x="30" y="186"/>
                      </a:lnTo>
                      <a:lnTo>
                        <a:pt x="32" y="186"/>
                      </a:lnTo>
                      <a:lnTo>
                        <a:pt x="32" y="181"/>
                      </a:lnTo>
                      <a:lnTo>
                        <a:pt x="35" y="176"/>
                      </a:lnTo>
                      <a:lnTo>
                        <a:pt x="39" y="171"/>
                      </a:lnTo>
                      <a:lnTo>
                        <a:pt x="42" y="166"/>
                      </a:lnTo>
                      <a:lnTo>
                        <a:pt x="45" y="163"/>
                      </a:lnTo>
                      <a:lnTo>
                        <a:pt x="49" y="159"/>
                      </a:lnTo>
                      <a:lnTo>
                        <a:pt x="52" y="158"/>
                      </a:lnTo>
                      <a:lnTo>
                        <a:pt x="54" y="156"/>
                      </a:lnTo>
                      <a:lnTo>
                        <a:pt x="57" y="154"/>
                      </a:lnTo>
                      <a:lnTo>
                        <a:pt x="59" y="151"/>
                      </a:lnTo>
                      <a:lnTo>
                        <a:pt x="59" y="149"/>
                      </a:lnTo>
                      <a:lnTo>
                        <a:pt x="59" y="146"/>
                      </a:lnTo>
                      <a:lnTo>
                        <a:pt x="57" y="144"/>
                      </a:lnTo>
                      <a:lnTo>
                        <a:pt x="56" y="142"/>
                      </a:lnTo>
                      <a:lnTo>
                        <a:pt x="56" y="141"/>
                      </a:lnTo>
                      <a:lnTo>
                        <a:pt x="54" y="141"/>
                      </a:lnTo>
                      <a:lnTo>
                        <a:pt x="52" y="139"/>
                      </a:lnTo>
                      <a:lnTo>
                        <a:pt x="49" y="137"/>
                      </a:lnTo>
                      <a:lnTo>
                        <a:pt x="44" y="132"/>
                      </a:lnTo>
                      <a:lnTo>
                        <a:pt x="39" y="127"/>
                      </a:lnTo>
                      <a:lnTo>
                        <a:pt x="32" y="122"/>
                      </a:lnTo>
                      <a:lnTo>
                        <a:pt x="27" y="117"/>
                      </a:lnTo>
                      <a:lnTo>
                        <a:pt x="22" y="114"/>
                      </a:lnTo>
                      <a:lnTo>
                        <a:pt x="20" y="112"/>
                      </a:lnTo>
                      <a:lnTo>
                        <a:pt x="10" y="107"/>
                      </a:lnTo>
                      <a:lnTo>
                        <a:pt x="5" y="100"/>
                      </a:lnTo>
                      <a:lnTo>
                        <a:pt x="3" y="93"/>
                      </a:lnTo>
                      <a:lnTo>
                        <a:pt x="3" y="87"/>
                      </a:lnTo>
                      <a:lnTo>
                        <a:pt x="5" y="82"/>
                      </a:lnTo>
                      <a:lnTo>
                        <a:pt x="6" y="76"/>
                      </a:lnTo>
                      <a:lnTo>
                        <a:pt x="8" y="73"/>
                      </a:lnTo>
                      <a:lnTo>
                        <a:pt x="10" y="73"/>
                      </a:lnTo>
                      <a:lnTo>
                        <a:pt x="0" y="56"/>
                      </a:lnTo>
                      <a:lnTo>
                        <a:pt x="17" y="31"/>
                      </a:lnTo>
                      <a:lnTo>
                        <a:pt x="23" y="9"/>
                      </a:lnTo>
                      <a:lnTo>
                        <a:pt x="28" y="0"/>
                      </a:lnTo>
                      <a:lnTo>
                        <a:pt x="113" y="27"/>
                      </a:lnTo>
                      <a:lnTo>
                        <a:pt x="115" y="60"/>
                      </a:lnTo>
                      <a:lnTo>
                        <a:pt x="113" y="60"/>
                      </a:lnTo>
                      <a:lnTo>
                        <a:pt x="105" y="75"/>
                      </a:lnTo>
                      <a:lnTo>
                        <a:pt x="105" y="76"/>
                      </a:lnTo>
                      <a:lnTo>
                        <a:pt x="106" y="76"/>
                      </a:lnTo>
                      <a:lnTo>
                        <a:pt x="106" y="80"/>
                      </a:lnTo>
                      <a:lnTo>
                        <a:pt x="106" y="83"/>
                      </a:lnTo>
                      <a:lnTo>
                        <a:pt x="106" y="87"/>
                      </a:lnTo>
                      <a:lnTo>
                        <a:pt x="105" y="90"/>
                      </a:lnTo>
                      <a:lnTo>
                        <a:pt x="101" y="93"/>
                      </a:lnTo>
                      <a:lnTo>
                        <a:pt x="96" y="95"/>
                      </a:lnTo>
                      <a:lnTo>
                        <a:pt x="94" y="100"/>
                      </a:lnTo>
                      <a:lnTo>
                        <a:pt x="113" y="100"/>
                      </a:lnTo>
                      <a:lnTo>
                        <a:pt x="113" y="102"/>
                      </a:lnTo>
                      <a:lnTo>
                        <a:pt x="116" y="104"/>
                      </a:lnTo>
                      <a:lnTo>
                        <a:pt x="118" y="104"/>
                      </a:lnTo>
                      <a:lnTo>
                        <a:pt x="118" y="100"/>
                      </a:lnTo>
                      <a:lnTo>
                        <a:pt x="118" y="98"/>
                      </a:lnTo>
                      <a:lnTo>
                        <a:pt x="120" y="97"/>
                      </a:lnTo>
                      <a:lnTo>
                        <a:pt x="122" y="95"/>
                      </a:lnTo>
                      <a:lnTo>
                        <a:pt x="123" y="95"/>
                      </a:lnTo>
                      <a:lnTo>
                        <a:pt x="123" y="97"/>
                      </a:lnTo>
                      <a:lnTo>
                        <a:pt x="125" y="98"/>
                      </a:lnTo>
                      <a:lnTo>
                        <a:pt x="125" y="100"/>
                      </a:lnTo>
                      <a:lnTo>
                        <a:pt x="125" y="104"/>
                      </a:lnTo>
                      <a:lnTo>
                        <a:pt x="127" y="107"/>
                      </a:lnTo>
                      <a:lnTo>
                        <a:pt x="127" y="112"/>
                      </a:lnTo>
                      <a:lnTo>
                        <a:pt x="127" y="119"/>
                      </a:lnTo>
                      <a:lnTo>
                        <a:pt x="127" y="127"/>
                      </a:lnTo>
                      <a:lnTo>
                        <a:pt x="125" y="137"/>
                      </a:lnTo>
                      <a:lnTo>
                        <a:pt x="125" y="139"/>
                      </a:lnTo>
                      <a:lnTo>
                        <a:pt x="127" y="141"/>
                      </a:lnTo>
                      <a:lnTo>
                        <a:pt x="127" y="142"/>
                      </a:lnTo>
                      <a:lnTo>
                        <a:pt x="127" y="144"/>
                      </a:lnTo>
                      <a:lnTo>
                        <a:pt x="127" y="146"/>
                      </a:lnTo>
                      <a:lnTo>
                        <a:pt x="127" y="148"/>
                      </a:lnTo>
                      <a:lnTo>
                        <a:pt x="127" y="149"/>
                      </a:lnTo>
                      <a:lnTo>
                        <a:pt x="127" y="151"/>
                      </a:lnTo>
                      <a:lnTo>
                        <a:pt x="128" y="153"/>
                      </a:lnTo>
                      <a:lnTo>
                        <a:pt x="128" y="156"/>
                      </a:lnTo>
                      <a:lnTo>
                        <a:pt x="130" y="161"/>
                      </a:lnTo>
                      <a:lnTo>
                        <a:pt x="130" y="164"/>
                      </a:lnTo>
                      <a:lnTo>
                        <a:pt x="130" y="170"/>
                      </a:lnTo>
                      <a:lnTo>
                        <a:pt x="130" y="173"/>
                      </a:lnTo>
                      <a:lnTo>
                        <a:pt x="130" y="178"/>
                      </a:lnTo>
                      <a:lnTo>
                        <a:pt x="130" y="180"/>
                      </a:lnTo>
                      <a:lnTo>
                        <a:pt x="130" y="183"/>
                      </a:lnTo>
                      <a:lnTo>
                        <a:pt x="128" y="181"/>
                      </a:lnTo>
                      <a:lnTo>
                        <a:pt x="127" y="178"/>
                      </a:lnTo>
                      <a:lnTo>
                        <a:pt x="127" y="171"/>
                      </a:lnTo>
                      <a:lnTo>
                        <a:pt x="125" y="163"/>
                      </a:lnTo>
                      <a:lnTo>
                        <a:pt x="123" y="153"/>
                      </a:lnTo>
                      <a:lnTo>
                        <a:pt x="123" y="151"/>
                      </a:lnTo>
                      <a:lnTo>
                        <a:pt x="122" y="151"/>
                      </a:lnTo>
                      <a:lnTo>
                        <a:pt x="120" y="149"/>
                      </a:lnTo>
                      <a:lnTo>
                        <a:pt x="118" y="151"/>
                      </a:lnTo>
                      <a:lnTo>
                        <a:pt x="118" y="154"/>
                      </a:lnTo>
                      <a:lnTo>
                        <a:pt x="120" y="159"/>
                      </a:lnTo>
                      <a:lnTo>
                        <a:pt x="122" y="168"/>
                      </a:lnTo>
                      <a:lnTo>
                        <a:pt x="122" y="170"/>
                      </a:lnTo>
                      <a:lnTo>
                        <a:pt x="122" y="171"/>
                      </a:lnTo>
                      <a:lnTo>
                        <a:pt x="122" y="175"/>
                      </a:lnTo>
                      <a:lnTo>
                        <a:pt x="122" y="178"/>
                      </a:lnTo>
                      <a:lnTo>
                        <a:pt x="122" y="183"/>
                      </a:lnTo>
                      <a:lnTo>
                        <a:pt x="122" y="186"/>
                      </a:lnTo>
                      <a:lnTo>
                        <a:pt x="122" y="188"/>
                      </a:lnTo>
                      <a:lnTo>
                        <a:pt x="122" y="190"/>
                      </a:lnTo>
                      <a:lnTo>
                        <a:pt x="122" y="192"/>
                      </a:lnTo>
                      <a:lnTo>
                        <a:pt x="122" y="193"/>
                      </a:lnTo>
                      <a:lnTo>
                        <a:pt x="122" y="197"/>
                      </a:lnTo>
                      <a:lnTo>
                        <a:pt x="122" y="198"/>
                      </a:lnTo>
                      <a:lnTo>
                        <a:pt x="118" y="202"/>
                      </a:lnTo>
                      <a:lnTo>
                        <a:pt x="116" y="205"/>
                      </a:lnTo>
                      <a:lnTo>
                        <a:pt x="116" y="207"/>
                      </a:lnTo>
                      <a:lnTo>
                        <a:pt x="115" y="208"/>
                      </a:lnTo>
                      <a:lnTo>
                        <a:pt x="115" y="212"/>
                      </a:lnTo>
                      <a:lnTo>
                        <a:pt x="115" y="214"/>
                      </a:lnTo>
                      <a:lnTo>
                        <a:pt x="110" y="219"/>
                      </a:lnTo>
                      <a:lnTo>
                        <a:pt x="108" y="227"/>
                      </a:lnTo>
                      <a:lnTo>
                        <a:pt x="108" y="229"/>
                      </a:lnTo>
                      <a:lnTo>
                        <a:pt x="108" y="230"/>
                      </a:lnTo>
                      <a:lnTo>
                        <a:pt x="106" y="232"/>
                      </a:lnTo>
                      <a:lnTo>
                        <a:pt x="105" y="236"/>
                      </a:lnTo>
                      <a:lnTo>
                        <a:pt x="103" y="239"/>
                      </a:lnTo>
                      <a:lnTo>
                        <a:pt x="100" y="244"/>
                      </a:lnTo>
                      <a:lnTo>
                        <a:pt x="98" y="247"/>
                      </a:lnTo>
                      <a:lnTo>
                        <a:pt x="94" y="249"/>
                      </a:lnTo>
                      <a:lnTo>
                        <a:pt x="94" y="251"/>
                      </a:lnTo>
                      <a:lnTo>
                        <a:pt x="96" y="254"/>
                      </a:lnTo>
                      <a:lnTo>
                        <a:pt x="96" y="256"/>
                      </a:lnTo>
                      <a:lnTo>
                        <a:pt x="96" y="258"/>
                      </a:lnTo>
                      <a:lnTo>
                        <a:pt x="89" y="281"/>
                      </a:lnTo>
                      <a:lnTo>
                        <a:pt x="86" y="290"/>
                      </a:lnTo>
                      <a:lnTo>
                        <a:pt x="83" y="296"/>
                      </a:lnTo>
                      <a:lnTo>
                        <a:pt x="79" y="300"/>
                      </a:lnTo>
                      <a:lnTo>
                        <a:pt x="76" y="300"/>
                      </a:lnTo>
                      <a:lnTo>
                        <a:pt x="74" y="300"/>
                      </a:lnTo>
                      <a:lnTo>
                        <a:pt x="72" y="296"/>
                      </a:lnTo>
                      <a:lnTo>
                        <a:pt x="71" y="295"/>
                      </a:lnTo>
                      <a:lnTo>
                        <a:pt x="71" y="290"/>
                      </a:lnTo>
                      <a:lnTo>
                        <a:pt x="72" y="286"/>
                      </a:lnTo>
                      <a:lnTo>
                        <a:pt x="72" y="285"/>
                      </a:lnTo>
                      <a:lnTo>
                        <a:pt x="74" y="283"/>
                      </a:lnTo>
                      <a:lnTo>
                        <a:pt x="74" y="280"/>
                      </a:lnTo>
                      <a:lnTo>
                        <a:pt x="74" y="276"/>
                      </a:lnTo>
                      <a:lnTo>
                        <a:pt x="72" y="273"/>
                      </a:lnTo>
                      <a:lnTo>
                        <a:pt x="69" y="271"/>
                      </a:lnTo>
                      <a:lnTo>
                        <a:pt x="64" y="271"/>
                      </a:lnTo>
                      <a:lnTo>
                        <a:pt x="56" y="273"/>
                      </a:lnTo>
                      <a:lnTo>
                        <a:pt x="49" y="278"/>
                      </a:lnTo>
                      <a:lnTo>
                        <a:pt x="49" y="276"/>
                      </a:lnTo>
                      <a:lnTo>
                        <a:pt x="47" y="274"/>
                      </a:lnTo>
                      <a:lnTo>
                        <a:pt x="44" y="271"/>
                      </a:lnTo>
                      <a:lnTo>
                        <a:pt x="42" y="269"/>
                      </a:lnTo>
                      <a:lnTo>
                        <a:pt x="39" y="266"/>
                      </a:lnTo>
                      <a:lnTo>
                        <a:pt x="34" y="266"/>
                      </a:lnTo>
                      <a:lnTo>
                        <a:pt x="28" y="264"/>
                      </a:lnTo>
                      <a:lnTo>
                        <a:pt x="27" y="263"/>
                      </a:lnTo>
                      <a:lnTo>
                        <a:pt x="23" y="261"/>
                      </a:lnTo>
                      <a:lnTo>
                        <a:pt x="20" y="258"/>
                      </a:lnTo>
                      <a:lnTo>
                        <a:pt x="18" y="256"/>
                      </a:lnTo>
                      <a:lnTo>
                        <a:pt x="6" y="247"/>
                      </a:lnTo>
                      <a:lnTo>
                        <a:pt x="6" y="239"/>
                      </a:lnTo>
                      <a:lnTo>
                        <a:pt x="3" y="237"/>
                      </a:lnTo>
                      <a:lnTo>
                        <a:pt x="1" y="234"/>
                      </a:lnTo>
                      <a:lnTo>
                        <a:pt x="1" y="230"/>
                      </a:lnTo>
                      <a:lnTo>
                        <a:pt x="1" y="227"/>
                      </a:lnTo>
                      <a:lnTo>
                        <a:pt x="1" y="224"/>
                      </a:lnTo>
                      <a:lnTo>
                        <a:pt x="1" y="220"/>
                      </a:lnTo>
                      <a:lnTo>
                        <a:pt x="3" y="219"/>
                      </a:lnTo>
                      <a:lnTo>
                        <a:pt x="5" y="217"/>
                      </a:lnTo>
                      <a:lnTo>
                        <a:pt x="12" y="208"/>
                      </a:lnTo>
                      <a:lnTo>
                        <a:pt x="13" y="205"/>
                      </a:lnTo>
                      <a:lnTo>
                        <a:pt x="8" y="20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59" name="Freeform 68"/>
                <p:cNvSpPr>
                  <a:spLocks/>
                </p:cNvSpPr>
                <p:nvPr/>
              </p:nvSpPr>
              <p:spPr bwMode="auto">
                <a:xfrm>
                  <a:off x="4856" y="1462"/>
                  <a:ext cx="130" cy="300"/>
                </a:xfrm>
                <a:custGeom>
                  <a:avLst/>
                  <a:gdLst>
                    <a:gd name="T0" fmla="*/ 12 w 130"/>
                    <a:gd name="T1" fmla="*/ 202 h 300"/>
                    <a:gd name="T2" fmla="*/ 28 w 130"/>
                    <a:gd name="T3" fmla="*/ 190 h 300"/>
                    <a:gd name="T4" fmla="*/ 32 w 130"/>
                    <a:gd name="T5" fmla="*/ 181 h 300"/>
                    <a:gd name="T6" fmla="*/ 45 w 130"/>
                    <a:gd name="T7" fmla="*/ 163 h 300"/>
                    <a:gd name="T8" fmla="*/ 54 w 130"/>
                    <a:gd name="T9" fmla="*/ 156 h 300"/>
                    <a:gd name="T10" fmla="*/ 59 w 130"/>
                    <a:gd name="T11" fmla="*/ 146 h 300"/>
                    <a:gd name="T12" fmla="*/ 54 w 130"/>
                    <a:gd name="T13" fmla="*/ 141 h 300"/>
                    <a:gd name="T14" fmla="*/ 44 w 130"/>
                    <a:gd name="T15" fmla="*/ 132 h 300"/>
                    <a:gd name="T16" fmla="*/ 22 w 130"/>
                    <a:gd name="T17" fmla="*/ 114 h 300"/>
                    <a:gd name="T18" fmla="*/ 5 w 130"/>
                    <a:gd name="T19" fmla="*/ 100 h 300"/>
                    <a:gd name="T20" fmla="*/ 6 w 130"/>
                    <a:gd name="T21" fmla="*/ 76 h 300"/>
                    <a:gd name="T22" fmla="*/ 17 w 130"/>
                    <a:gd name="T23" fmla="*/ 31 h 300"/>
                    <a:gd name="T24" fmla="*/ 115 w 130"/>
                    <a:gd name="T25" fmla="*/ 60 h 300"/>
                    <a:gd name="T26" fmla="*/ 105 w 130"/>
                    <a:gd name="T27" fmla="*/ 76 h 300"/>
                    <a:gd name="T28" fmla="*/ 106 w 130"/>
                    <a:gd name="T29" fmla="*/ 87 h 300"/>
                    <a:gd name="T30" fmla="*/ 94 w 130"/>
                    <a:gd name="T31" fmla="*/ 100 h 300"/>
                    <a:gd name="T32" fmla="*/ 116 w 130"/>
                    <a:gd name="T33" fmla="*/ 104 h 300"/>
                    <a:gd name="T34" fmla="*/ 118 w 130"/>
                    <a:gd name="T35" fmla="*/ 98 h 300"/>
                    <a:gd name="T36" fmla="*/ 122 w 130"/>
                    <a:gd name="T37" fmla="*/ 95 h 300"/>
                    <a:gd name="T38" fmla="*/ 125 w 130"/>
                    <a:gd name="T39" fmla="*/ 98 h 300"/>
                    <a:gd name="T40" fmla="*/ 127 w 130"/>
                    <a:gd name="T41" fmla="*/ 112 h 300"/>
                    <a:gd name="T42" fmla="*/ 125 w 130"/>
                    <a:gd name="T43" fmla="*/ 137 h 300"/>
                    <a:gd name="T44" fmla="*/ 127 w 130"/>
                    <a:gd name="T45" fmla="*/ 144 h 300"/>
                    <a:gd name="T46" fmla="*/ 127 w 130"/>
                    <a:gd name="T47" fmla="*/ 151 h 300"/>
                    <a:gd name="T48" fmla="*/ 130 w 130"/>
                    <a:gd name="T49" fmla="*/ 161 h 300"/>
                    <a:gd name="T50" fmla="*/ 130 w 130"/>
                    <a:gd name="T51" fmla="*/ 178 h 300"/>
                    <a:gd name="T52" fmla="*/ 130 w 130"/>
                    <a:gd name="T53" fmla="*/ 183 h 300"/>
                    <a:gd name="T54" fmla="*/ 125 w 130"/>
                    <a:gd name="T55" fmla="*/ 163 h 300"/>
                    <a:gd name="T56" fmla="*/ 122 w 130"/>
                    <a:gd name="T57" fmla="*/ 151 h 300"/>
                    <a:gd name="T58" fmla="*/ 118 w 130"/>
                    <a:gd name="T59" fmla="*/ 154 h 300"/>
                    <a:gd name="T60" fmla="*/ 122 w 130"/>
                    <a:gd name="T61" fmla="*/ 170 h 300"/>
                    <a:gd name="T62" fmla="*/ 122 w 130"/>
                    <a:gd name="T63" fmla="*/ 183 h 300"/>
                    <a:gd name="T64" fmla="*/ 122 w 130"/>
                    <a:gd name="T65" fmla="*/ 190 h 300"/>
                    <a:gd name="T66" fmla="*/ 122 w 130"/>
                    <a:gd name="T67" fmla="*/ 193 h 300"/>
                    <a:gd name="T68" fmla="*/ 116 w 130"/>
                    <a:gd name="T69" fmla="*/ 205 h 300"/>
                    <a:gd name="T70" fmla="*/ 115 w 130"/>
                    <a:gd name="T71" fmla="*/ 212 h 300"/>
                    <a:gd name="T72" fmla="*/ 108 w 130"/>
                    <a:gd name="T73" fmla="*/ 227 h 300"/>
                    <a:gd name="T74" fmla="*/ 105 w 130"/>
                    <a:gd name="T75" fmla="*/ 236 h 300"/>
                    <a:gd name="T76" fmla="*/ 94 w 130"/>
                    <a:gd name="T77" fmla="*/ 249 h 300"/>
                    <a:gd name="T78" fmla="*/ 96 w 130"/>
                    <a:gd name="T79" fmla="*/ 256 h 300"/>
                    <a:gd name="T80" fmla="*/ 86 w 130"/>
                    <a:gd name="T81" fmla="*/ 290 h 300"/>
                    <a:gd name="T82" fmla="*/ 74 w 130"/>
                    <a:gd name="T83" fmla="*/ 300 h 300"/>
                    <a:gd name="T84" fmla="*/ 72 w 130"/>
                    <a:gd name="T85" fmla="*/ 286 h 300"/>
                    <a:gd name="T86" fmla="*/ 74 w 130"/>
                    <a:gd name="T87" fmla="*/ 280 h 300"/>
                    <a:gd name="T88" fmla="*/ 64 w 130"/>
                    <a:gd name="T89" fmla="*/ 271 h 300"/>
                    <a:gd name="T90" fmla="*/ 49 w 130"/>
                    <a:gd name="T91" fmla="*/ 278 h 300"/>
                    <a:gd name="T92" fmla="*/ 42 w 130"/>
                    <a:gd name="T93" fmla="*/ 269 h 300"/>
                    <a:gd name="T94" fmla="*/ 28 w 130"/>
                    <a:gd name="T95" fmla="*/ 264 h 300"/>
                    <a:gd name="T96" fmla="*/ 18 w 130"/>
                    <a:gd name="T97" fmla="*/ 256 h 300"/>
                    <a:gd name="T98" fmla="*/ 3 w 130"/>
                    <a:gd name="T99" fmla="*/ 237 h 300"/>
                    <a:gd name="T100" fmla="*/ 1 w 130"/>
                    <a:gd name="T101" fmla="*/ 227 h 300"/>
                    <a:gd name="T102" fmla="*/ 5 w 130"/>
                    <a:gd name="T103" fmla="*/ 217 h 300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w 130"/>
                    <a:gd name="T157" fmla="*/ 0 h 300"/>
                    <a:gd name="T158" fmla="*/ 130 w 130"/>
                    <a:gd name="T159" fmla="*/ 300 h 300"/>
                  </a:gdLst>
                  <a:ahLst/>
                  <a:cxnLst>
                    <a:cxn ang="T104">
                      <a:pos x="T0" y="T1"/>
                    </a:cxn>
                    <a:cxn ang="T105">
                      <a:pos x="T2" y="T3"/>
                    </a:cxn>
                    <a:cxn ang="T106">
                      <a:pos x="T4" y="T5"/>
                    </a:cxn>
                    <a:cxn ang="T107">
                      <a:pos x="T6" y="T7"/>
                    </a:cxn>
                    <a:cxn ang="T108">
                      <a:pos x="T8" y="T9"/>
                    </a:cxn>
                    <a:cxn ang="T109">
                      <a:pos x="T10" y="T11"/>
                    </a:cxn>
                    <a:cxn ang="T110">
                      <a:pos x="T12" y="T13"/>
                    </a:cxn>
                    <a:cxn ang="T111">
                      <a:pos x="T14" y="T15"/>
                    </a:cxn>
                    <a:cxn ang="T112">
                      <a:pos x="T16" y="T17"/>
                    </a:cxn>
                    <a:cxn ang="T113">
                      <a:pos x="T18" y="T19"/>
                    </a:cxn>
                    <a:cxn ang="T114">
                      <a:pos x="T20" y="T21"/>
                    </a:cxn>
                    <a:cxn ang="T115">
                      <a:pos x="T22" y="T23"/>
                    </a:cxn>
                    <a:cxn ang="T116">
                      <a:pos x="T24" y="T25"/>
                    </a:cxn>
                    <a:cxn ang="T117">
                      <a:pos x="T26" y="T27"/>
                    </a:cxn>
                    <a:cxn ang="T118">
                      <a:pos x="T28" y="T29"/>
                    </a:cxn>
                    <a:cxn ang="T119">
                      <a:pos x="T30" y="T31"/>
                    </a:cxn>
                    <a:cxn ang="T120">
                      <a:pos x="T32" y="T33"/>
                    </a:cxn>
                    <a:cxn ang="T121">
                      <a:pos x="T34" y="T35"/>
                    </a:cxn>
                    <a:cxn ang="T122">
                      <a:pos x="T36" y="T37"/>
                    </a:cxn>
                    <a:cxn ang="T123">
                      <a:pos x="T38" y="T39"/>
                    </a:cxn>
                    <a:cxn ang="T124">
                      <a:pos x="T40" y="T41"/>
                    </a:cxn>
                    <a:cxn ang="T125">
                      <a:pos x="T42" y="T43"/>
                    </a:cxn>
                    <a:cxn ang="T126">
                      <a:pos x="T44" y="T45"/>
                    </a:cxn>
                    <a:cxn ang="T127">
                      <a:pos x="T46" y="T47"/>
                    </a:cxn>
                    <a:cxn ang="T128">
                      <a:pos x="T48" y="T49"/>
                    </a:cxn>
                    <a:cxn ang="T129">
                      <a:pos x="T50" y="T51"/>
                    </a:cxn>
                    <a:cxn ang="T130">
                      <a:pos x="T52" y="T53"/>
                    </a:cxn>
                    <a:cxn ang="T131">
                      <a:pos x="T54" y="T55"/>
                    </a:cxn>
                    <a:cxn ang="T132">
                      <a:pos x="T56" y="T57"/>
                    </a:cxn>
                    <a:cxn ang="T133">
                      <a:pos x="T58" y="T59"/>
                    </a:cxn>
                    <a:cxn ang="T134">
                      <a:pos x="T60" y="T61"/>
                    </a:cxn>
                    <a:cxn ang="T135">
                      <a:pos x="T62" y="T63"/>
                    </a:cxn>
                    <a:cxn ang="T136">
                      <a:pos x="T64" y="T65"/>
                    </a:cxn>
                    <a:cxn ang="T137">
                      <a:pos x="T66" y="T67"/>
                    </a:cxn>
                    <a:cxn ang="T138">
                      <a:pos x="T68" y="T69"/>
                    </a:cxn>
                    <a:cxn ang="T139">
                      <a:pos x="T70" y="T71"/>
                    </a:cxn>
                    <a:cxn ang="T140">
                      <a:pos x="T72" y="T73"/>
                    </a:cxn>
                    <a:cxn ang="T141">
                      <a:pos x="T74" y="T75"/>
                    </a:cxn>
                    <a:cxn ang="T142">
                      <a:pos x="T76" y="T77"/>
                    </a:cxn>
                    <a:cxn ang="T143">
                      <a:pos x="T78" y="T79"/>
                    </a:cxn>
                    <a:cxn ang="T144">
                      <a:pos x="T80" y="T81"/>
                    </a:cxn>
                    <a:cxn ang="T145">
                      <a:pos x="T82" y="T83"/>
                    </a:cxn>
                    <a:cxn ang="T146">
                      <a:pos x="T84" y="T85"/>
                    </a:cxn>
                    <a:cxn ang="T147">
                      <a:pos x="T86" y="T87"/>
                    </a:cxn>
                    <a:cxn ang="T148">
                      <a:pos x="T88" y="T89"/>
                    </a:cxn>
                    <a:cxn ang="T149">
                      <a:pos x="T90" y="T91"/>
                    </a:cxn>
                    <a:cxn ang="T150">
                      <a:pos x="T92" y="T93"/>
                    </a:cxn>
                    <a:cxn ang="T151">
                      <a:pos x="T94" y="T95"/>
                    </a:cxn>
                    <a:cxn ang="T152">
                      <a:pos x="T96" y="T97"/>
                    </a:cxn>
                    <a:cxn ang="T153">
                      <a:pos x="T98" y="T99"/>
                    </a:cxn>
                    <a:cxn ang="T154">
                      <a:pos x="T100" y="T101"/>
                    </a:cxn>
                    <a:cxn ang="T155">
                      <a:pos x="T102" y="T103"/>
                    </a:cxn>
                  </a:cxnLst>
                  <a:rect l="T156" t="T157" r="T158" b="T159"/>
                  <a:pathLst>
                    <a:path w="130" h="300">
                      <a:moveTo>
                        <a:pt x="8" y="205"/>
                      </a:moveTo>
                      <a:lnTo>
                        <a:pt x="8" y="205"/>
                      </a:lnTo>
                      <a:lnTo>
                        <a:pt x="8" y="203"/>
                      </a:lnTo>
                      <a:lnTo>
                        <a:pt x="12" y="202"/>
                      </a:lnTo>
                      <a:lnTo>
                        <a:pt x="15" y="198"/>
                      </a:lnTo>
                      <a:lnTo>
                        <a:pt x="20" y="195"/>
                      </a:lnTo>
                      <a:lnTo>
                        <a:pt x="23" y="192"/>
                      </a:lnTo>
                      <a:lnTo>
                        <a:pt x="28" y="190"/>
                      </a:lnTo>
                      <a:lnTo>
                        <a:pt x="30" y="186"/>
                      </a:lnTo>
                      <a:lnTo>
                        <a:pt x="32" y="186"/>
                      </a:lnTo>
                      <a:lnTo>
                        <a:pt x="32" y="181"/>
                      </a:lnTo>
                      <a:lnTo>
                        <a:pt x="35" y="176"/>
                      </a:lnTo>
                      <a:lnTo>
                        <a:pt x="39" y="171"/>
                      </a:lnTo>
                      <a:lnTo>
                        <a:pt x="42" y="166"/>
                      </a:lnTo>
                      <a:lnTo>
                        <a:pt x="45" y="163"/>
                      </a:lnTo>
                      <a:lnTo>
                        <a:pt x="49" y="159"/>
                      </a:lnTo>
                      <a:lnTo>
                        <a:pt x="52" y="158"/>
                      </a:lnTo>
                      <a:lnTo>
                        <a:pt x="54" y="156"/>
                      </a:lnTo>
                      <a:lnTo>
                        <a:pt x="57" y="154"/>
                      </a:lnTo>
                      <a:lnTo>
                        <a:pt x="59" y="151"/>
                      </a:lnTo>
                      <a:lnTo>
                        <a:pt x="59" y="149"/>
                      </a:lnTo>
                      <a:lnTo>
                        <a:pt x="59" y="146"/>
                      </a:lnTo>
                      <a:lnTo>
                        <a:pt x="57" y="144"/>
                      </a:lnTo>
                      <a:lnTo>
                        <a:pt x="56" y="142"/>
                      </a:lnTo>
                      <a:lnTo>
                        <a:pt x="56" y="141"/>
                      </a:lnTo>
                      <a:lnTo>
                        <a:pt x="54" y="141"/>
                      </a:lnTo>
                      <a:lnTo>
                        <a:pt x="52" y="139"/>
                      </a:lnTo>
                      <a:lnTo>
                        <a:pt x="49" y="137"/>
                      </a:lnTo>
                      <a:lnTo>
                        <a:pt x="44" y="132"/>
                      </a:lnTo>
                      <a:lnTo>
                        <a:pt x="39" y="127"/>
                      </a:lnTo>
                      <a:lnTo>
                        <a:pt x="32" y="122"/>
                      </a:lnTo>
                      <a:lnTo>
                        <a:pt x="27" y="117"/>
                      </a:lnTo>
                      <a:lnTo>
                        <a:pt x="22" y="114"/>
                      </a:lnTo>
                      <a:lnTo>
                        <a:pt x="20" y="112"/>
                      </a:lnTo>
                      <a:lnTo>
                        <a:pt x="10" y="107"/>
                      </a:lnTo>
                      <a:lnTo>
                        <a:pt x="5" y="100"/>
                      </a:lnTo>
                      <a:lnTo>
                        <a:pt x="3" y="93"/>
                      </a:lnTo>
                      <a:lnTo>
                        <a:pt x="3" y="87"/>
                      </a:lnTo>
                      <a:lnTo>
                        <a:pt x="5" y="82"/>
                      </a:lnTo>
                      <a:lnTo>
                        <a:pt x="6" y="76"/>
                      </a:lnTo>
                      <a:lnTo>
                        <a:pt x="8" y="73"/>
                      </a:lnTo>
                      <a:lnTo>
                        <a:pt x="10" y="73"/>
                      </a:lnTo>
                      <a:lnTo>
                        <a:pt x="0" y="56"/>
                      </a:lnTo>
                      <a:lnTo>
                        <a:pt x="17" y="31"/>
                      </a:lnTo>
                      <a:lnTo>
                        <a:pt x="23" y="9"/>
                      </a:lnTo>
                      <a:lnTo>
                        <a:pt x="28" y="0"/>
                      </a:lnTo>
                      <a:lnTo>
                        <a:pt x="113" y="27"/>
                      </a:lnTo>
                      <a:lnTo>
                        <a:pt x="115" y="60"/>
                      </a:lnTo>
                      <a:lnTo>
                        <a:pt x="113" y="60"/>
                      </a:lnTo>
                      <a:lnTo>
                        <a:pt x="105" y="75"/>
                      </a:lnTo>
                      <a:lnTo>
                        <a:pt x="105" y="76"/>
                      </a:lnTo>
                      <a:lnTo>
                        <a:pt x="106" y="76"/>
                      </a:lnTo>
                      <a:lnTo>
                        <a:pt x="106" y="80"/>
                      </a:lnTo>
                      <a:lnTo>
                        <a:pt x="106" y="83"/>
                      </a:lnTo>
                      <a:lnTo>
                        <a:pt x="106" y="87"/>
                      </a:lnTo>
                      <a:lnTo>
                        <a:pt x="105" y="90"/>
                      </a:lnTo>
                      <a:lnTo>
                        <a:pt x="101" y="93"/>
                      </a:lnTo>
                      <a:lnTo>
                        <a:pt x="96" y="95"/>
                      </a:lnTo>
                      <a:lnTo>
                        <a:pt x="94" y="100"/>
                      </a:lnTo>
                      <a:lnTo>
                        <a:pt x="113" y="100"/>
                      </a:lnTo>
                      <a:lnTo>
                        <a:pt x="113" y="102"/>
                      </a:lnTo>
                      <a:lnTo>
                        <a:pt x="116" y="104"/>
                      </a:lnTo>
                      <a:lnTo>
                        <a:pt x="118" y="104"/>
                      </a:lnTo>
                      <a:lnTo>
                        <a:pt x="118" y="100"/>
                      </a:lnTo>
                      <a:lnTo>
                        <a:pt x="118" y="98"/>
                      </a:lnTo>
                      <a:lnTo>
                        <a:pt x="120" y="97"/>
                      </a:lnTo>
                      <a:lnTo>
                        <a:pt x="122" y="95"/>
                      </a:lnTo>
                      <a:lnTo>
                        <a:pt x="123" y="95"/>
                      </a:lnTo>
                      <a:lnTo>
                        <a:pt x="123" y="97"/>
                      </a:lnTo>
                      <a:lnTo>
                        <a:pt x="125" y="98"/>
                      </a:lnTo>
                      <a:lnTo>
                        <a:pt x="125" y="100"/>
                      </a:lnTo>
                      <a:lnTo>
                        <a:pt x="125" y="104"/>
                      </a:lnTo>
                      <a:lnTo>
                        <a:pt x="127" y="107"/>
                      </a:lnTo>
                      <a:lnTo>
                        <a:pt x="127" y="112"/>
                      </a:lnTo>
                      <a:lnTo>
                        <a:pt x="127" y="119"/>
                      </a:lnTo>
                      <a:lnTo>
                        <a:pt x="127" y="127"/>
                      </a:lnTo>
                      <a:lnTo>
                        <a:pt x="125" y="137"/>
                      </a:lnTo>
                      <a:lnTo>
                        <a:pt x="125" y="139"/>
                      </a:lnTo>
                      <a:lnTo>
                        <a:pt x="127" y="141"/>
                      </a:lnTo>
                      <a:lnTo>
                        <a:pt x="127" y="142"/>
                      </a:lnTo>
                      <a:lnTo>
                        <a:pt x="127" y="144"/>
                      </a:lnTo>
                      <a:lnTo>
                        <a:pt x="127" y="146"/>
                      </a:lnTo>
                      <a:lnTo>
                        <a:pt x="127" y="148"/>
                      </a:lnTo>
                      <a:lnTo>
                        <a:pt x="127" y="149"/>
                      </a:lnTo>
                      <a:lnTo>
                        <a:pt x="127" y="151"/>
                      </a:lnTo>
                      <a:lnTo>
                        <a:pt x="128" y="153"/>
                      </a:lnTo>
                      <a:lnTo>
                        <a:pt x="128" y="156"/>
                      </a:lnTo>
                      <a:lnTo>
                        <a:pt x="130" y="161"/>
                      </a:lnTo>
                      <a:lnTo>
                        <a:pt x="130" y="164"/>
                      </a:lnTo>
                      <a:lnTo>
                        <a:pt x="130" y="170"/>
                      </a:lnTo>
                      <a:lnTo>
                        <a:pt x="130" y="173"/>
                      </a:lnTo>
                      <a:lnTo>
                        <a:pt x="130" y="178"/>
                      </a:lnTo>
                      <a:lnTo>
                        <a:pt x="130" y="180"/>
                      </a:lnTo>
                      <a:lnTo>
                        <a:pt x="130" y="183"/>
                      </a:lnTo>
                      <a:lnTo>
                        <a:pt x="128" y="181"/>
                      </a:lnTo>
                      <a:lnTo>
                        <a:pt x="127" y="178"/>
                      </a:lnTo>
                      <a:lnTo>
                        <a:pt x="127" y="171"/>
                      </a:lnTo>
                      <a:lnTo>
                        <a:pt x="125" y="163"/>
                      </a:lnTo>
                      <a:lnTo>
                        <a:pt x="123" y="153"/>
                      </a:lnTo>
                      <a:lnTo>
                        <a:pt x="123" y="151"/>
                      </a:lnTo>
                      <a:lnTo>
                        <a:pt x="122" y="151"/>
                      </a:lnTo>
                      <a:lnTo>
                        <a:pt x="120" y="149"/>
                      </a:lnTo>
                      <a:lnTo>
                        <a:pt x="118" y="151"/>
                      </a:lnTo>
                      <a:lnTo>
                        <a:pt x="118" y="154"/>
                      </a:lnTo>
                      <a:lnTo>
                        <a:pt x="120" y="159"/>
                      </a:lnTo>
                      <a:lnTo>
                        <a:pt x="122" y="168"/>
                      </a:lnTo>
                      <a:lnTo>
                        <a:pt x="122" y="170"/>
                      </a:lnTo>
                      <a:lnTo>
                        <a:pt x="122" y="171"/>
                      </a:lnTo>
                      <a:lnTo>
                        <a:pt x="122" y="175"/>
                      </a:lnTo>
                      <a:lnTo>
                        <a:pt x="122" y="178"/>
                      </a:lnTo>
                      <a:lnTo>
                        <a:pt x="122" y="183"/>
                      </a:lnTo>
                      <a:lnTo>
                        <a:pt x="122" y="186"/>
                      </a:lnTo>
                      <a:lnTo>
                        <a:pt x="122" y="188"/>
                      </a:lnTo>
                      <a:lnTo>
                        <a:pt x="122" y="190"/>
                      </a:lnTo>
                      <a:lnTo>
                        <a:pt x="122" y="192"/>
                      </a:lnTo>
                      <a:lnTo>
                        <a:pt x="122" y="193"/>
                      </a:lnTo>
                      <a:lnTo>
                        <a:pt x="122" y="197"/>
                      </a:lnTo>
                      <a:lnTo>
                        <a:pt x="122" y="198"/>
                      </a:lnTo>
                      <a:lnTo>
                        <a:pt x="118" y="202"/>
                      </a:lnTo>
                      <a:lnTo>
                        <a:pt x="116" y="205"/>
                      </a:lnTo>
                      <a:lnTo>
                        <a:pt x="116" y="207"/>
                      </a:lnTo>
                      <a:lnTo>
                        <a:pt x="115" y="208"/>
                      </a:lnTo>
                      <a:lnTo>
                        <a:pt x="115" y="212"/>
                      </a:lnTo>
                      <a:lnTo>
                        <a:pt x="115" y="214"/>
                      </a:lnTo>
                      <a:lnTo>
                        <a:pt x="110" y="219"/>
                      </a:lnTo>
                      <a:lnTo>
                        <a:pt x="108" y="227"/>
                      </a:lnTo>
                      <a:lnTo>
                        <a:pt x="108" y="229"/>
                      </a:lnTo>
                      <a:lnTo>
                        <a:pt x="108" y="230"/>
                      </a:lnTo>
                      <a:lnTo>
                        <a:pt x="106" y="232"/>
                      </a:lnTo>
                      <a:lnTo>
                        <a:pt x="105" y="236"/>
                      </a:lnTo>
                      <a:lnTo>
                        <a:pt x="103" y="239"/>
                      </a:lnTo>
                      <a:lnTo>
                        <a:pt x="100" y="244"/>
                      </a:lnTo>
                      <a:lnTo>
                        <a:pt x="98" y="247"/>
                      </a:lnTo>
                      <a:lnTo>
                        <a:pt x="94" y="249"/>
                      </a:lnTo>
                      <a:lnTo>
                        <a:pt x="94" y="251"/>
                      </a:lnTo>
                      <a:lnTo>
                        <a:pt x="96" y="254"/>
                      </a:lnTo>
                      <a:lnTo>
                        <a:pt x="96" y="256"/>
                      </a:lnTo>
                      <a:lnTo>
                        <a:pt x="96" y="258"/>
                      </a:lnTo>
                      <a:lnTo>
                        <a:pt x="89" y="281"/>
                      </a:lnTo>
                      <a:lnTo>
                        <a:pt x="86" y="290"/>
                      </a:lnTo>
                      <a:lnTo>
                        <a:pt x="83" y="296"/>
                      </a:lnTo>
                      <a:lnTo>
                        <a:pt x="79" y="300"/>
                      </a:lnTo>
                      <a:lnTo>
                        <a:pt x="76" y="300"/>
                      </a:lnTo>
                      <a:lnTo>
                        <a:pt x="74" y="300"/>
                      </a:lnTo>
                      <a:lnTo>
                        <a:pt x="72" y="296"/>
                      </a:lnTo>
                      <a:lnTo>
                        <a:pt x="71" y="295"/>
                      </a:lnTo>
                      <a:lnTo>
                        <a:pt x="71" y="290"/>
                      </a:lnTo>
                      <a:lnTo>
                        <a:pt x="72" y="286"/>
                      </a:lnTo>
                      <a:lnTo>
                        <a:pt x="72" y="285"/>
                      </a:lnTo>
                      <a:lnTo>
                        <a:pt x="74" y="283"/>
                      </a:lnTo>
                      <a:lnTo>
                        <a:pt x="74" y="280"/>
                      </a:lnTo>
                      <a:lnTo>
                        <a:pt x="74" y="276"/>
                      </a:lnTo>
                      <a:lnTo>
                        <a:pt x="72" y="273"/>
                      </a:lnTo>
                      <a:lnTo>
                        <a:pt x="69" y="271"/>
                      </a:lnTo>
                      <a:lnTo>
                        <a:pt x="64" y="271"/>
                      </a:lnTo>
                      <a:lnTo>
                        <a:pt x="56" y="273"/>
                      </a:lnTo>
                      <a:lnTo>
                        <a:pt x="49" y="278"/>
                      </a:lnTo>
                      <a:lnTo>
                        <a:pt x="49" y="276"/>
                      </a:lnTo>
                      <a:lnTo>
                        <a:pt x="47" y="274"/>
                      </a:lnTo>
                      <a:lnTo>
                        <a:pt x="44" y="271"/>
                      </a:lnTo>
                      <a:lnTo>
                        <a:pt x="42" y="269"/>
                      </a:lnTo>
                      <a:lnTo>
                        <a:pt x="39" y="266"/>
                      </a:lnTo>
                      <a:lnTo>
                        <a:pt x="34" y="266"/>
                      </a:lnTo>
                      <a:lnTo>
                        <a:pt x="28" y="264"/>
                      </a:lnTo>
                      <a:lnTo>
                        <a:pt x="27" y="263"/>
                      </a:lnTo>
                      <a:lnTo>
                        <a:pt x="23" y="261"/>
                      </a:lnTo>
                      <a:lnTo>
                        <a:pt x="20" y="258"/>
                      </a:lnTo>
                      <a:lnTo>
                        <a:pt x="18" y="256"/>
                      </a:lnTo>
                      <a:lnTo>
                        <a:pt x="6" y="247"/>
                      </a:lnTo>
                      <a:lnTo>
                        <a:pt x="6" y="239"/>
                      </a:lnTo>
                      <a:lnTo>
                        <a:pt x="3" y="237"/>
                      </a:lnTo>
                      <a:lnTo>
                        <a:pt x="1" y="234"/>
                      </a:lnTo>
                      <a:lnTo>
                        <a:pt x="1" y="230"/>
                      </a:lnTo>
                      <a:lnTo>
                        <a:pt x="1" y="227"/>
                      </a:lnTo>
                      <a:lnTo>
                        <a:pt x="1" y="224"/>
                      </a:lnTo>
                      <a:lnTo>
                        <a:pt x="1" y="220"/>
                      </a:lnTo>
                      <a:lnTo>
                        <a:pt x="3" y="219"/>
                      </a:lnTo>
                      <a:lnTo>
                        <a:pt x="5" y="217"/>
                      </a:lnTo>
                      <a:lnTo>
                        <a:pt x="12" y="208"/>
                      </a:lnTo>
                      <a:lnTo>
                        <a:pt x="13" y="205"/>
                      </a:lnTo>
                      <a:lnTo>
                        <a:pt x="8" y="205"/>
                      </a:lnTo>
                    </a:path>
                  </a:pathLst>
                </a:custGeom>
                <a:solidFill>
                  <a:srgbClr val="2D73FF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35" name="Freeform 69"/>
              <p:cNvSpPr>
                <a:spLocks/>
              </p:cNvSpPr>
              <p:nvPr/>
            </p:nvSpPr>
            <p:spPr bwMode="auto">
              <a:xfrm>
                <a:off x="3295" y="2545"/>
                <a:ext cx="810" cy="287"/>
              </a:xfrm>
              <a:custGeom>
                <a:avLst/>
                <a:gdLst>
                  <a:gd name="T0" fmla="*/ 562 w 833"/>
                  <a:gd name="T1" fmla="*/ 0 h 295"/>
                  <a:gd name="T2" fmla="*/ 562 w 833"/>
                  <a:gd name="T3" fmla="*/ 12 h 295"/>
                  <a:gd name="T4" fmla="*/ 562 w 833"/>
                  <a:gd name="T5" fmla="*/ 18 h 295"/>
                  <a:gd name="T6" fmla="*/ 556 w 833"/>
                  <a:gd name="T7" fmla="*/ 22 h 295"/>
                  <a:gd name="T8" fmla="*/ 549 w 833"/>
                  <a:gd name="T9" fmla="*/ 37 h 295"/>
                  <a:gd name="T10" fmla="*/ 544 w 833"/>
                  <a:gd name="T11" fmla="*/ 46 h 295"/>
                  <a:gd name="T12" fmla="*/ 534 w 833"/>
                  <a:gd name="T13" fmla="*/ 45 h 295"/>
                  <a:gd name="T14" fmla="*/ 519 w 833"/>
                  <a:gd name="T15" fmla="*/ 55 h 295"/>
                  <a:gd name="T16" fmla="*/ 508 w 833"/>
                  <a:gd name="T17" fmla="*/ 65 h 295"/>
                  <a:gd name="T18" fmla="*/ 505 w 833"/>
                  <a:gd name="T19" fmla="*/ 57 h 295"/>
                  <a:gd name="T20" fmla="*/ 497 w 833"/>
                  <a:gd name="T21" fmla="*/ 60 h 295"/>
                  <a:gd name="T22" fmla="*/ 492 w 833"/>
                  <a:gd name="T23" fmla="*/ 69 h 295"/>
                  <a:gd name="T24" fmla="*/ 488 w 833"/>
                  <a:gd name="T25" fmla="*/ 78 h 295"/>
                  <a:gd name="T26" fmla="*/ 483 w 833"/>
                  <a:gd name="T27" fmla="*/ 84 h 295"/>
                  <a:gd name="T28" fmla="*/ 473 w 833"/>
                  <a:gd name="T29" fmla="*/ 88 h 295"/>
                  <a:gd name="T30" fmla="*/ 457 w 833"/>
                  <a:gd name="T31" fmla="*/ 99 h 295"/>
                  <a:gd name="T32" fmla="*/ 449 w 833"/>
                  <a:gd name="T33" fmla="*/ 108 h 295"/>
                  <a:gd name="T34" fmla="*/ 432 w 833"/>
                  <a:gd name="T35" fmla="*/ 114 h 295"/>
                  <a:gd name="T36" fmla="*/ 424 w 833"/>
                  <a:gd name="T37" fmla="*/ 123 h 295"/>
                  <a:gd name="T38" fmla="*/ 421 w 833"/>
                  <a:gd name="T39" fmla="*/ 130 h 295"/>
                  <a:gd name="T40" fmla="*/ 413 w 833"/>
                  <a:gd name="T41" fmla="*/ 139 h 295"/>
                  <a:gd name="T42" fmla="*/ 405 w 833"/>
                  <a:gd name="T43" fmla="*/ 140 h 295"/>
                  <a:gd name="T44" fmla="*/ 317 w 833"/>
                  <a:gd name="T45" fmla="*/ 172 h 295"/>
                  <a:gd name="T46" fmla="*/ 7 w 833"/>
                  <a:gd name="T47" fmla="*/ 200 h 295"/>
                  <a:gd name="T48" fmla="*/ 0 w 833"/>
                  <a:gd name="T49" fmla="*/ 198 h 295"/>
                  <a:gd name="T50" fmla="*/ 8 w 833"/>
                  <a:gd name="T51" fmla="*/ 193 h 295"/>
                  <a:gd name="T52" fmla="*/ 18 w 833"/>
                  <a:gd name="T53" fmla="*/ 188 h 295"/>
                  <a:gd name="T54" fmla="*/ 18 w 833"/>
                  <a:gd name="T55" fmla="*/ 177 h 295"/>
                  <a:gd name="T56" fmla="*/ 15 w 833"/>
                  <a:gd name="T57" fmla="*/ 171 h 295"/>
                  <a:gd name="T58" fmla="*/ 18 w 833"/>
                  <a:gd name="T59" fmla="*/ 161 h 295"/>
                  <a:gd name="T60" fmla="*/ 18 w 833"/>
                  <a:gd name="T61" fmla="*/ 157 h 295"/>
                  <a:gd name="T62" fmla="*/ 18 w 833"/>
                  <a:gd name="T63" fmla="*/ 151 h 295"/>
                  <a:gd name="T64" fmla="*/ 27 w 833"/>
                  <a:gd name="T65" fmla="*/ 143 h 295"/>
                  <a:gd name="T66" fmla="*/ 22 w 833"/>
                  <a:gd name="T67" fmla="*/ 140 h 295"/>
                  <a:gd name="T68" fmla="*/ 18 w 833"/>
                  <a:gd name="T69" fmla="*/ 139 h 295"/>
                  <a:gd name="T70" fmla="*/ 20 w 833"/>
                  <a:gd name="T71" fmla="*/ 137 h 295"/>
                  <a:gd name="T72" fmla="*/ 27 w 833"/>
                  <a:gd name="T73" fmla="*/ 131 h 295"/>
                  <a:gd name="T74" fmla="*/ 35 w 833"/>
                  <a:gd name="T75" fmla="*/ 124 h 295"/>
                  <a:gd name="T76" fmla="*/ 40 w 833"/>
                  <a:gd name="T77" fmla="*/ 117 h 295"/>
                  <a:gd name="T78" fmla="*/ 37 w 833"/>
                  <a:gd name="T79" fmla="*/ 114 h 295"/>
                  <a:gd name="T80" fmla="*/ 43 w 833"/>
                  <a:gd name="T81" fmla="*/ 101 h 295"/>
                  <a:gd name="T82" fmla="*/ 45 w 833"/>
                  <a:gd name="T83" fmla="*/ 101 h 295"/>
                  <a:gd name="T84" fmla="*/ 44 w 833"/>
                  <a:gd name="T85" fmla="*/ 97 h 295"/>
                  <a:gd name="T86" fmla="*/ 38 w 833"/>
                  <a:gd name="T87" fmla="*/ 90 h 295"/>
                  <a:gd name="T88" fmla="*/ 42 w 833"/>
                  <a:gd name="T89" fmla="*/ 88 h 295"/>
                  <a:gd name="T90" fmla="*/ 44 w 833"/>
                  <a:gd name="T91" fmla="*/ 88 h 295"/>
                  <a:gd name="T92" fmla="*/ 143 w 833"/>
                  <a:gd name="T93" fmla="*/ 59 h 295"/>
                  <a:gd name="T94" fmla="*/ 144 w 833"/>
                  <a:gd name="T95" fmla="*/ 46 h 295"/>
                  <a:gd name="T96" fmla="*/ 154 w 833"/>
                  <a:gd name="T97" fmla="*/ 46 h 295"/>
                  <a:gd name="T98" fmla="*/ 169 w 833"/>
                  <a:gd name="T99" fmla="*/ 46 h 295"/>
                  <a:gd name="T100" fmla="*/ 177 w 833"/>
                  <a:gd name="T101" fmla="*/ 46 h 295"/>
                  <a:gd name="T102" fmla="*/ 194 w 833"/>
                  <a:gd name="T103" fmla="*/ 45 h 295"/>
                  <a:gd name="T104" fmla="*/ 218 w 833"/>
                  <a:gd name="T105" fmla="*/ 43 h 295"/>
                  <a:gd name="T106" fmla="*/ 250 w 833"/>
                  <a:gd name="T107" fmla="*/ 41 h 295"/>
                  <a:gd name="T108" fmla="*/ 283 w 833"/>
                  <a:gd name="T109" fmla="*/ 37 h 295"/>
                  <a:gd name="T110" fmla="*/ 319 w 833"/>
                  <a:gd name="T111" fmla="*/ 34 h 295"/>
                  <a:gd name="T112" fmla="*/ 352 w 833"/>
                  <a:gd name="T113" fmla="*/ 29 h 295"/>
                  <a:gd name="T114" fmla="*/ 382 w 833"/>
                  <a:gd name="T115" fmla="*/ 25 h 295"/>
                  <a:gd name="T116" fmla="*/ 405 w 833"/>
                  <a:gd name="T117" fmla="*/ 22 h 295"/>
                  <a:gd name="T118" fmla="*/ 417 w 833"/>
                  <a:gd name="T119" fmla="*/ 20 h 295"/>
                  <a:gd name="T120" fmla="*/ 544 w 833"/>
                  <a:gd name="T121" fmla="*/ 7 h 295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w 833"/>
                  <a:gd name="T184" fmla="*/ 0 h 295"/>
                  <a:gd name="T185" fmla="*/ 833 w 833"/>
                  <a:gd name="T186" fmla="*/ 295 h 295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T183" t="T184" r="T185" b="T186"/>
                <a:pathLst>
                  <a:path w="833" h="295">
                    <a:moveTo>
                      <a:pt x="804" y="7"/>
                    </a:moveTo>
                    <a:lnTo>
                      <a:pt x="816" y="0"/>
                    </a:lnTo>
                    <a:lnTo>
                      <a:pt x="831" y="0"/>
                    </a:lnTo>
                    <a:lnTo>
                      <a:pt x="831" y="2"/>
                    </a:lnTo>
                    <a:lnTo>
                      <a:pt x="831" y="6"/>
                    </a:lnTo>
                    <a:lnTo>
                      <a:pt x="831" y="12"/>
                    </a:lnTo>
                    <a:lnTo>
                      <a:pt x="831" y="17"/>
                    </a:lnTo>
                    <a:lnTo>
                      <a:pt x="833" y="24"/>
                    </a:lnTo>
                    <a:lnTo>
                      <a:pt x="831" y="31"/>
                    </a:lnTo>
                    <a:lnTo>
                      <a:pt x="831" y="34"/>
                    </a:lnTo>
                    <a:lnTo>
                      <a:pt x="831" y="36"/>
                    </a:lnTo>
                    <a:lnTo>
                      <a:pt x="824" y="36"/>
                    </a:lnTo>
                    <a:lnTo>
                      <a:pt x="819" y="39"/>
                    </a:lnTo>
                    <a:lnTo>
                      <a:pt x="814" y="44"/>
                    </a:lnTo>
                    <a:lnTo>
                      <a:pt x="811" y="51"/>
                    </a:lnTo>
                    <a:lnTo>
                      <a:pt x="807" y="58"/>
                    </a:lnTo>
                    <a:lnTo>
                      <a:pt x="805" y="63"/>
                    </a:lnTo>
                    <a:lnTo>
                      <a:pt x="804" y="66"/>
                    </a:lnTo>
                    <a:lnTo>
                      <a:pt x="797" y="63"/>
                    </a:lnTo>
                    <a:lnTo>
                      <a:pt x="790" y="63"/>
                    </a:lnTo>
                    <a:lnTo>
                      <a:pt x="782" y="68"/>
                    </a:lnTo>
                    <a:lnTo>
                      <a:pt x="773" y="75"/>
                    </a:lnTo>
                    <a:lnTo>
                      <a:pt x="767" y="83"/>
                    </a:lnTo>
                    <a:lnTo>
                      <a:pt x="760" y="90"/>
                    </a:lnTo>
                    <a:lnTo>
                      <a:pt x="755" y="94"/>
                    </a:lnTo>
                    <a:lnTo>
                      <a:pt x="753" y="94"/>
                    </a:lnTo>
                    <a:lnTo>
                      <a:pt x="751" y="88"/>
                    </a:lnTo>
                    <a:lnTo>
                      <a:pt x="748" y="87"/>
                    </a:lnTo>
                    <a:lnTo>
                      <a:pt x="746" y="85"/>
                    </a:lnTo>
                    <a:lnTo>
                      <a:pt x="743" y="85"/>
                    </a:lnTo>
                    <a:lnTo>
                      <a:pt x="739" y="87"/>
                    </a:lnTo>
                    <a:lnTo>
                      <a:pt x="736" y="88"/>
                    </a:lnTo>
                    <a:lnTo>
                      <a:pt x="733" y="92"/>
                    </a:lnTo>
                    <a:lnTo>
                      <a:pt x="731" y="97"/>
                    </a:lnTo>
                    <a:lnTo>
                      <a:pt x="728" y="100"/>
                    </a:lnTo>
                    <a:lnTo>
                      <a:pt x="724" y="105"/>
                    </a:lnTo>
                    <a:lnTo>
                      <a:pt x="723" y="110"/>
                    </a:lnTo>
                    <a:lnTo>
                      <a:pt x="721" y="114"/>
                    </a:lnTo>
                    <a:lnTo>
                      <a:pt x="717" y="119"/>
                    </a:lnTo>
                    <a:lnTo>
                      <a:pt x="717" y="121"/>
                    </a:lnTo>
                    <a:lnTo>
                      <a:pt x="716" y="122"/>
                    </a:lnTo>
                    <a:lnTo>
                      <a:pt x="716" y="124"/>
                    </a:lnTo>
                    <a:lnTo>
                      <a:pt x="707" y="126"/>
                    </a:lnTo>
                    <a:lnTo>
                      <a:pt x="699" y="129"/>
                    </a:lnTo>
                    <a:lnTo>
                      <a:pt x="690" y="134"/>
                    </a:lnTo>
                    <a:lnTo>
                      <a:pt x="682" y="141"/>
                    </a:lnTo>
                    <a:lnTo>
                      <a:pt x="677" y="146"/>
                    </a:lnTo>
                    <a:lnTo>
                      <a:pt x="670" y="153"/>
                    </a:lnTo>
                    <a:lnTo>
                      <a:pt x="667" y="156"/>
                    </a:lnTo>
                    <a:lnTo>
                      <a:pt x="665" y="158"/>
                    </a:lnTo>
                    <a:lnTo>
                      <a:pt x="655" y="158"/>
                    </a:lnTo>
                    <a:lnTo>
                      <a:pt x="646" y="161"/>
                    </a:lnTo>
                    <a:lnTo>
                      <a:pt x="640" y="165"/>
                    </a:lnTo>
                    <a:lnTo>
                      <a:pt x="633" y="170"/>
                    </a:lnTo>
                    <a:lnTo>
                      <a:pt x="630" y="175"/>
                    </a:lnTo>
                    <a:lnTo>
                      <a:pt x="626" y="180"/>
                    </a:lnTo>
                    <a:lnTo>
                      <a:pt x="624" y="183"/>
                    </a:lnTo>
                    <a:lnTo>
                      <a:pt x="624" y="185"/>
                    </a:lnTo>
                    <a:lnTo>
                      <a:pt x="623" y="192"/>
                    </a:lnTo>
                    <a:lnTo>
                      <a:pt x="619" y="197"/>
                    </a:lnTo>
                    <a:lnTo>
                      <a:pt x="616" y="202"/>
                    </a:lnTo>
                    <a:lnTo>
                      <a:pt x="611" y="204"/>
                    </a:lnTo>
                    <a:lnTo>
                      <a:pt x="608" y="205"/>
                    </a:lnTo>
                    <a:lnTo>
                      <a:pt x="602" y="205"/>
                    </a:lnTo>
                    <a:lnTo>
                      <a:pt x="599" y="205"/>
                    </a:lnTo>
                    <a:lnTo>
                      <a:pt x="599" y="239"/>
                    </a:lnTo>
                    <a:lnTo>
                      <a:pt x="470" y="253"/>
                    </a:lnTo>
                    <a:lnTo>
                      <a:pt x="218" y="275"/>
                    </a:lnTo>
                    <a:lnTo>
                      <a:pt x="7" y="293"/>
                    </a:lnTo>
                    <a:lnTo>
                      <a:pt x="7" y="295"/>
                    </a:lnTo>
                    <a:lnTo>
                      <a:pt x="2" y="295"/>
                    </a:lnTo>
                    <a:lnTo>
                      <a:pt x="0" y="293"/>
                    </a:lnTo>
                    <a:lnTo>
                      <a:pt x="0" y="292"/>
                    </a:lnTo>
                    <a:lnTo>
                      <a:pt x="3" y="290"/>
                    </a:lnTo>
                    <a:lnTo>
                      <a:pt x="7" y="286"/>
                    </a:lnTo>
                    <a:lnTo>
                      <a:pt x="8" y="285"/>
                    </a:lnTo>
                    <a:lnTo>
                      <a:pt x="12" y="283"/>
                    </a:lnTo>
                    <a:lnTo>
                      <a:pt x="14" y="283"/>
                    </a:lnTo>
                    <a:lnTo>
                      <a:pt x="19" y="276"/>
                    </a:lnTo>
                    <a:lnTo>
                      <a:pt x="20" y="270"/>
                    </a:lnTo>
                    <a:lnTo>
                      <a:pt x="22" y="264"/>
                    </a:lnTo>
                    <a:lnTo>
                      <a:pt x="20" y="259"/>
                    </a:lnTo>
                    <a:lnTo>
                      <a:pt x="19" y="256"/>
                    </a:lnTo>
                    <a:lnTo>
                      <a:pt x="17" y="254"/>
                    </a:lnTo>
                    <a:lnTo>
                      <a:pt x="15" y="251"/>
                    </a:lnTo>
                    <a:lnTo>
                      <a:pt x="20" y="239"/>
                    </a:lnTo>
                    <a:lnTo>
                      <a:pt x="20" y="237"/>
                    </a:lnTo>
                    <a:lnTo>
                      <a:pt x="22" y="236"/>
                    </a:lnTo>
                    <a:lnTo>
                      <a:pt x="24" y="234"/>
                    </a:lnTo>
                    <a:lnTo>
                      <a:pt x="25" y="231"/>
                    </a:lnTo>
                    <a:lnTo>
                      <a:pt x="29" y="227"/>
                    </a:lnTo>
                    <a:lnTo>
                      <a:pt x="30" y="224"/>
                    </a:lnTo>
                    <a:lnTo>
                      <a:pt x="32" y="222"/>
                    </a:lnTo>
                    <a:lnTo>
                      <a:pt x="34" y="222"/>
                    </a:lnTo>
                    <a:lnTo>
                      <a:pt x="39" y="215"/>
                    </a:lnTo>
                    <a:lnTo>
                      <a:pt x="41" y="210"/>
                    </a:lnTo>
                    <a:lnTo>
                      <a:pt x="41" y="209"/>
                    </a:lnTo>
                    <a:lnTo>
                      <a:pt x="39" y="205"/>
                    </a:lnTo>
                    <a:lnTo>
                      <a:pt x="36" y="205"/>
                    </a:lnTo>
                    <a:lnTo>
                      <a:pt x="32" y="204"/>
                    </a:lnTo>
                    <a:lnTo>
                      <a:pt x="30" y="204"/>
                    </a:lnTo>
                    <a:lnTo>
                      <a:pt x="32" y="202"/>
                    </a:lnTo>
                    <a:lnTo>
                      <a:pt x="34" y="200"/>
                    </a:lnTo>
                    <a:lnTo>
                      <a:pt x="36" y="198"/>
                    </a:lnTo>
                    <a:lnTo>
                      <a:pt x="39" y="195"/>
                    </a:lnTo>
                    <a:lnTo>
                      <a:pt x="41" y="193"/>
                    </a:lnTo>
                    <a:lnTo>
                      <a:pt x="42" y="192"/>
                    </a:lnTo>
                    <a:lnTo>
                      <a:pt x="44" y="190"/>
                    </a:lnTo>
                    <a:lnTo>
                      <a:pt x="49" y="183"/>
                    </a:lnTo>
                    <a:lnTo>
                      <a:pt x="52" y="178"/>
                    </a:lnTo>
                    <a:lnTo>
                      <a:pt x="54" y="175"/>
                    </a:lnTo>
                    <a:lnTo>
                      <a:pt x="54" y="171"/>
                    </a:lnTo>
                    <a:lnTo>
                      <a:pt x="54" y="168"/>
                    </a:lnTo>
                    <a:lnTo>
                      <a:pt x="52" y="166"/>
                    </a:lnTo>
                    <a:lnTo>
                      <a:pt x="51" y="165"/>
                    </a:lnTo>
                    <a:lnTo>
                      <a:pt x="61" y="148"/>
                    </a:lnTo>
                    <a:lnTo>
                      <a:pt x="63" y="148"/>
                    </a:lnTo>
                    <a:lnTo>
                      <a:pt x="64" y="148"/>
                    </a:lnTo>
                    <a:lnTo>
                      <a:pt x="64" y="146"/>
                    </a:lnTo>
                    <a:lnTo>
                      <a:pt x="63" y="143"/>
                    </a:lnTo>
                    <a:lnTo>
                      <a:pt x="58" y="139"/>
                    </a:lnTo>
                    <a:lnTo>
                      <a:pt x="54" y="136"/>
                    </a:lnTo>
                    <a:lnTo>
                      <a:pt x="52" y="132"/>
                    </a:lnTo>
                    <a:lnTo>
                      <a:pt x="52" y="131"/>
                    </a:lnTo>
                    <a:lnTo>
                      <a:pt x="54" y="129"/>
                    </a:lnTo>
                    <a:lnTo>
                      <a:pt x="58" y="129"/>
                    </a:lnTo>
                    <a:lnTo>
                      <a:pt x="59" y="129"/>
                    </a:lnTo>
                    <a:lnTo>
                      <a:pt x="61" y="129"/>
                    </a:lnTo>
                    <a:lnTo>
                      <a:pt x="63" y="129"/>
                    </a:lnTo>
                    <a:lnTo>
                      <a:pt x="64" y="100"/>
                    </a:lnTo>
                    <a:lnTo>
                      <a:pt x="64" y="99"/>
                    </a:lnTo>
                    <a:lnTo>
                      <a:pt x="212" y="87"/>
                    </a:lnTo>
                    <a:lnTo>
                      <a:pt x="212" y="63"/>
                    </a:lnTo>
                    <a:lnTo>
                      <a:pt x="213" y="65"/>
                    </a:lnTo>
                    <a:lnTo>
                      <a:pt x="217" y="65"/>
                    </a:lnTo>
                    <a:lnTo>
                      <a:pt x="222" y="65"/>
                    </a:lnTo>
                    <a:lnTo>
                      <a:pt x="228" y="65"/>
                    </a:lnTo>
                    <a:lnTo>
                      <a:pt x="235" y="66"/>
                    </a:lnTo>
                    <a:lnTo>
                      <a:pt x="242" y="66"/>
                    </a:lnTo>
                    <a:lnTo>
                      <a:pt x="250" y="66"/>
                    </a:lnTo>
                    <a:lnTo>
                      <a:pt x="252" y="66"/>
                    </a:lnTo>
                    <a:lnTo>
                      <a:pt x="256" y="66"/>
                    </a:lnTo>
                    <a:lnTo>
                      <a:pt x="261" y="65"/>
                    </a:lnTo>
                    <a:lnTo>
                      <a:pt x="267" y="65"/>
                    </a:lnTo>
                    <a:lnTo>
                      <a:pt x="276" y="63"/>
                    </a:lnTo>
                    <a:lnTo>
                      <a:pt x="286" y="63"/>
                    </a:lnTo>
                    <a:lnTo>
                      <a:pt x="296" y="61"/>
                    </a:lnTo>
                    <a:lnTo>
                      <a:pt x="310" y="61"/>
                    </a:lnTo>
                    <a:lnTo>
                      <a:pt x="323" y="60"/>
                    </a:lnTo>
                    <a:lnTo>
                      <a:pt x="337" y="58"/>
                    </a:lnTo>
                    <a:lnTo>
                      <a:pt x="352" y="58"/>
                    </a:lnTo>
                    <a:lnTo>
                      <a:pt x="369" y="56"/>
                    </a:lnTo>
                    <a:lnTo>
                      <a:pt x="386" y="55"/>
                    </a:lnTo>
                    <a:lnTo>
                      <a:pt x="403" y="53"/>
                    </a:lnTo>
                    <a:lnTo>
                      <a:pt x="420" y="51"/>
                    </a:lnTo>
                    <a:lnTo>
                      <a:pt x="437" y="50"/>
                    </a:lnTo>
                    <a:lnTo>
                      <a:pt x="455" y="48"/>
                    </a:lnTo>
                    <a:lnTo>
                      <a:pt x="472" y="48"/>
                    </a:lnTo>
                    <a:lnTo>
                      <a:pt x="489" y="46"/>
                    </a:lnTo>
                    <a:lnTo>
                      <a:pt x="504" y="44"/>
                    </a:lnTo>
                    <a:lnTo>
                      <a:pt x="521" y="43"/>
                    </a:lnTo>
                    <a:lnTo>
                      <a:pt x="536" y="41"/>
                    </a:lnTo>
                    <a:lnTo>
                      <a:pt x="552" y="39"/>
                    </a:lnTo>
                    <a:lnTo>
                      <a:pt x="565" y="39"/>
                    </a:lnTo>
                    <a:lnTo>
                      <a:pt x="577" y="38"/>
                    </a:lnTo>
                    <a:lnTo>
                      <a:pt x="589" y="36"/>
                    </a:lnTo>
                    <a:lnTo>
                      <a:pt x="599" y="36"/>
                    </a:lnTo>
                    <a:lnTo>
                      <a:pt x="608" y="36"/>
                    </a:lnTo>
                    <a:lnTo>
                      <a:pt x="613" y="34"/>
                    </a:lnTo>
                    <a:lnTo>
                      <a:pt x="618" y="34"/>
                    </a:lnTo>
                    <a:lnTo>
                      <a:pt x="621" y="34"/>
                    </a:lnTo>
                    <a:lnTo>
                      <a:pt x="623" y="34"/>
                    </a:lnTo>
                    <a:lnTo>
                      <a:pt x="804" y="7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36" name="Group 70"/>
              <p:cNvGrpSpPr>
                <a:grpSpLocks/>
              </p:cNvGrpSpPr>
              <p:nvPr/>
            </p:nvGrpSpPr>
            <p:grpSpPr bwMode="auto">
              <a:xfrm>
                <a:off x="3183" y="2812"/>
                <a:ext cx="342" cy="594"/>
                <a:chOff x="3392" y="2451"/>
                <a:chExt cx="352" cy="612"/>
              </a:xfrm>
            </p:grpSpPr>
            <p:sp>
              <p:nvSpPr>
                <p:cNvPr id="156" name="Freeform 71"/>
                <p:cNvSpPr>
                  <a:spLocks/>
                </p:cNvSpPr>
                <p:nvPr/>
              </p:nvSpPr>
              <p:spPr bwMode="auto">
                <a:xfrm>
                  <a:off x="3392" y="2451"/>
                  <a:ext cx="352" cy="612"/>
                </a:xfrm>
                <a:custGeom>
                  <a:avLst/>
                  <a:gdLst>
                    <a:gd name="T0" fmla="*/ 262 w 352"/>
                    <a:gd name="T1" fmla="*/ 594 h 612"/>
                    <a:gd name="T2" fmla="*/ 276 w 352"/>
                    <a:gd name="T3" fmla="*/ 589 h 612"/>
                    <a:gd name="T4" fmla="*/ 291 w 352"/>
                    <a:gd name="T5" fmla="*/ 585 h 612"/>
                    <a:gd name="T6" fmla="*/ 305 w 352"/>
                    <a:gd name="T7" fmla="*/ 580 h 612"/>
                    <a:gd name="T8" fmla="*/ 293 w 352"/>
                    <a:gd name="T9" fmla="*/ 577 h 612"/>
                    <a:gd name="T10" fmla="*/ 313 w 352"/>
                    <a:gd name="T11" fmla="*/ 577 h 612"/>
                    <a:gd name="T12" fmla="*/ 315 w 352"/>
                    <a:gd name="T13" fmla="*/ 583 h 612"/>
                    <a:gd name="T14" fmla="*/ 333 w 352"/>
                    <a:gd name="T15" fmla="*/ 577 h 612"/>
                    <a:gd name="T16" fmla="*/ 343 w 352"/>
                    <a:gd name="T17" fmla="*/ 585 h 612"/>
                    <a:gd name="T18" fmla="*/ 352 w 352"/>
                    <a:gd name="T19" fmla="*/ 578 h 612"/>
                    <a:gd name="T20" fmla="*/ 333 w 352"/>
                    <a:gd name="T21" fmla="*/ 0 h 612"/>
                    <a:gd name="T22" fmla="*/ 122 w 352"/>
                    <a:gd name="T23" fmla="*/ 20 h 612"/>
                    <a:gd name="T24" fmla="*/ 120 w 352"/>
                    <a:gd name="T25" fmla="*/ 28 h 612"/>
                    <a:gd name="T26" fmla="*/ 93 w 352"/>
                    <a:gd name="T27" fmla="*/ 59 h 612"/>
                    <a:gd name="T28" fmla="*/ 64 w 352"/>
                    <a:gd name="T29" fmla="*/ 113 h 612"/>
                    <a:gd name="T30" fmla="*/ 56 w 352"/>
                    <a:gd name="T31" fmla="*/ 133 h 612"/>
                    <a:gd name="T32" fmla="*/ 57 w 352"/>
                    <a:gd name="T33" fmla="*/ 142 h 612"/>
                    <a:gd name="T34" fmla="*/ 46 w 352"/>
                    <a:gd name="T35" fmla="*/ 147 h 612"/>
                    <a:gd name="T36" fmla="*/ 44 w 352"/>
                    <a:gd name="T37" fmla="*/ 157 h 612"/>
                    <a:gd name="T38" fmla="*/ 47 w 352"/>
                    <a:gd name="T39" fmla="*/ 165 h 612"/>
                    <a:gd name="T40" fmla="*/ 41 w 352"/>
                    <a:gd name="T41" fmla="*/ 174 h 612"/>
                    <a:gd name="T42" fmla="*/ 42 w 352"/>
                    <a:gd name="T43" fmla="*/ 177 h 612"/>
                    <a:gd name="T44" fmla="*/ 47 w 352"/>
                    <a:gd name="T45" fmla="*/ 182 h 612"/>
                    <a:gd name="T46" fmla="*/ 35 w 352"/>
                    <a:gd name="T47" fmla="*/ 189 h 612"/>
                    <a:gd name="T48" fmla="*/ 29 w 352"/>
                    <a:gd name="T49" fmla="*/ 204 h 612"/>
                    <a:gd name="T50" fmla="*/ 44 w 352"/>
                    <a:gd name="T51" fmla="*/ 240 h 612"/>
                    <a:gd name="T52" fmla="*/ 47 w 352"/>
                    <a:gd name="T53" fmla="*/ 248 h 612"/>
                    <a:gd name="T54" fmla="*/ 42 w 352"/>
                    <a:gd name="T55" fmla="*/ 253 h 612"/>
                    <a:gd name="T56" fmla="*/ 39 w 352"/>
                    <a:gd name="T57" fmla="*/ 265 h 612"/>
                    <a:gd name="T58" fmla="*/ 37 w 352"/>
                    <a:gd name="T59" fmla="*/ 270 h 612"/>
                    <a:gd name="T60" fmla="*/ 37 w 352"/>
                    <a:gd name="T61" fmla="*/ 279 h 612"/>
                    <a:gd name="T62" fmla="*/ 42 w 352"/>
                    <a:gd name="T63" fmla="*/ 281 h 612"/>
                    <a:gd name="T64" fmla="*/ 47 w 352"/>
                    <a:gd name="T65" fmla="*/ 287 h 612"/>
                    <a:gd name="T66" fmla="*/ 46 w 352"/>
                    <a:gd name="T67" fmla="*/ 319 h 612"/>
                    <a:gd name="T68" fmla="*/ 56 w 352"/>
                    <a:gd name="T69" fmla="*/ 331 h 612"/>
                    <a:gd name="T70" fmla="*/ 52 w 352"/>
                    <a:gd name="T71" fmla="*/ 338 h 612"/>
                    <a:gd name="T72" fmla="*/ 61 w 352"/>
                    <a:gd name="T73" fmla="*/ 341 h 612"/>
                    <a:gd name="T74" fmla="*/ 61 w 352"/>
                    <a:gd name="T75" fmla="*/ 350 h 612"/>
                    <a:gd name="T76" fmla="*/ 68 w 352"/>
                    <a:gd name="T77" fmla="*/ 355 h 612"/>
                    <a:gd name="T78" fmla="*/ 63 w 352"/>
                    <a:gd name="T79" fmla="*/ 367 h 612"/>
                    <a:gd name="T80" fmla="*/ 56 w 352"/>
                    <a:gd name="T81" fmla="*/ 370 h 612"/>
                    <a:gd name="T82" fmla="*/ 44 w 352"/>
                    <a:gd name="T83" fmla="*/ 375 h 612"/>
                    <a:gd name="T84" fmla="*/ 54 w 352"/>
                    <a:gd name="T85" fmla="*/ 384 h 612"/>
                    <a:gd name="T86" fmla="*/ 44 w 352"/>
                    <a:gd name="T87" fmla="*/ 399 h 612"/>
                    <a:gd name="T88" fmla="*/ 32 w 352"/>
                    <a:gd name="T89" fmla="*/ 416 h 612"/>
                    <a:gd name="T90" fmla="*/ 25 w 352"/>
                    <a:gd name="T91" fmla="*/ 450 h 612"/>
                    <a:gd name="T92" fmla="*/ 15 w 352"/>
                    <a:gd name="T93" fmla="*/ 458 h 612"/>
                    <a:gd name="T94" fmla="*/ 17 w 352"/>
                    <a:gd name="T95" fmla="*/ 467 h 612"/>
                    <a:gd name="T96" fmla="*/ 10 w 352"/>
                    <a:gd name="T97" fmla="*/ 477 h 612"/>
                    <a:gd name="T98" fmla="*/ 15 w 352"/>
                    <a:gd name="T99" fmla="*/ 482 h 612"/>
                    <a:gd name="T100" fmla="*/ 5 w 352"/>
                    <a:gd name="T101" fmla="*/ 494 h 612"/>
                    <a:gd name="T102" fmla="*/ 0 w 352"/>
                    <a:gd name="T103" fmla="*/ 502 h 612"/>
                    <a:gd name="T104" fmla="*/ 7 w 352"/>
                    <a:gd name="T105" fmla="*/ 507 h 612"/>
                    <a:gd name="T106" fmla="*/ 3 w 352"/>
                    <a:gd name="T107" fmla="*/ 517 h 612"/>
                    <a:gd name="T108" fmla="*/ 203 w 352"/>
                    <a:gd name="T109" fmla="*/ 511 h 612"/>
                    <a:gd name="T110" fmla="*/ 198 w 352"/>
                    <a:gd name="T111" fmla="*/ 543 h 612"/>
                    <a:gd name="T112" fmla="*/ 198 w 352"/>
                    <a:gd name="T113" fmla="*/ 563 h 612"/>
                    <a:gd name="T114" fmla="*/ 211 w 352"/>
                    <a:gd name="T115" fmla="*/ 577 h 612"/>
                    <a:gd name="T116" fmla="*/ 223 w 352"/>
                    <a:gd name="T117" fmla="*/ 605 h 612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w 352"/>
                    <a:gd name="T178" fmla="*/ 0 h 612"/>
                    <a:gd name="T179" fmla="*/ 352 w 352"/>
                    <a:gd name="T180" fmla="*/ 612 h 612"/>
                  </a:gdLst>
                  <a:ahLst/>
                  <a:cxnLst>
                    <a:cxn ang="T118">
                      <a:pos x="T0" y="T1"/>
                    </a:cxn>
                    <a:cxn ang="T119">
                      <a:pos x="T2" y="T3"/>
                    </a:cxn>
                    <a:cxn ang="T120">
                      <a:pos x="T4" y="T5"/>
                    </a:cxn>
                    <a:cxn ang="T121">
                      <a:pos x="T6" y="T7"/>
                    </a:cxn>
                    <a:cxn ang="T122">
                      <a:pos x="T8" y="T9"/>
                    </a:cxn>
                    <a:cxn ang="T123">
                      <a:pos x="T10" y="T11"/>
                    </a:cxn>
                    <a:cxn ang="T124">
                      <a:pos x="T12" y="T13"/>
                    </a:cxn>
                    <a:cxn ang="T125">
                      <a:pos x="T14" y="T15"/>
                    </a:cxn>
                    <a:cxn ang="T126">
                      <a:pos x="T16" y="T17"/>
                    </a:cxn>
                    <a:cxn ang="T127">
                      <a:pos x="T18" y="T19"/>
                    </a:cxn>
                    <a:cxn ang="T128">
                      <a:pos x="T20" y="T21"/>
                    </a:cxn>
                    <a:cxn ang="T129">
                      <a:pos x="T22" y="T23"/>
                    </a:cxn>
                    <a:cxn ang="T130">
                      <a:pos x="T24" y="T25"/>
                    </a:cxn>
                    <a:cxn ang="T131">
                      <a:pos x="T26" y="T27"/>
                    </a:cxn>
                    <a:cxn ang="T132">
                      <a:pos x="T28" y="T29"/>
                    </a:cxn>
                    <a:cxn ang="T133">
                      <a:pos x="T30" y="T31"/>
                    </a:cxn>
                    <a:cxn ang="T134">
                      <a:pos x="T32" y="T33"/>
                    </a:cxn>
                    <a:cxn ang="T135">
                      <a:pos x="T34" y="T35"/>
                    </a:cxn>
                    <a:cxn ang="T136">
                      <a:pos x="T36" y="T37"/>
                    </a:cxn>
                    <a:cxn ang="T137">
                      <a:pos x="T38" y="T39"/>
                    </a:cxn>
                    <a:cxn ang="T138">
                      <a:pos x="T40" y="T41"/>
                    </a:cxn>
                    <a:cxn ang="T139">
                      <a:pos x="T42" y="T43"/>
                    </a:cxn>
                    <a:cxn ang="T140">
                      <a:pos x="T44" y="T45"/>
                    </a:cxn>
                    <a:cxn ang="T141">
                      <a:pos x="T46" y="T47"/>
                    </a:cxn>
                    <a:cxn ang="T142">
                      <a:pos x="T48" y="T49"/>
                    </a:cxn>
                    <a:cxn ang="T143">
                      <a:pos x="T50" y="T51"/>
                    </a:cxn>
                    <a:cxn ang="T144">
                      <a:pos x="T52" y="T53"/>
                    </a:cxn>
                    <a:cxn ang="T145">
                      <a:pos x="T54" y="T55"/>
                    </a:cxn>
                    <a:cxn ang="T146">
                      <a:pos x="T56" y="T57"/>
                    </a:cxn>
                    <a:cxn ang="T147">
                      <a:pos x="T58" y="T59"/>
                    </a:cxn>
                    <a:cxn ang="T148">
                      <a:pos x="T60" y="T61"/>
                    </a:cxn>
                    <a:cxn ang="T149">
                      <a:pos x="T62" y="T63"/>
                    </a:cxn>
                    <a:cxn ang="T150">
                      <a:pos x="T64" y="T65"/>
                    </a:cxn>
                    <a:cxn ang="T151">
                      <a:pos x="T66" y="T67"/>
                    </a:cxn>
                    <a:cxn ang="T152">
                      <a:pos x="T68" y="T69"/>
                    </a:cxn>
                    <a:cxn ang="T153">
                      <a:pos x="T70" y="T71"/>
                    </a:cxn>
                    <a:cxn ang="T154">
                      <a:pos x="T72" y="T73"/>
                    </a:cxn>
                    <a:cxn ang="T155">
                      <a:pos x="T74" y="T75"/>
                    </a:cxn>
                    <a:cxn ang="T156">
                      <a:pos x="T76" y="T77"/>
                    </a:cxn>
                    <a:cxn ang="T157">
                      <a:pos x="T78" y="T79"/>
                    </a:cxn>
                    <a:cxn ang="T158">
                      <a:pos x="T80" y="T81"/>
                    </a:cxn>
                    <a:cxn ang="T159">
                      <a:pos x="T82" y="T83"/>
                    </a:cxn>
                    <a:cxn ang="T160">
                      <a:pos x="T84" y="T85"/>
                    </a:cxn>
                    <a:cxn ang="T161">
                      <a:pos x="T86" y="T87"/>
                    </a:cxn>
                    <a:cxn ang="T162">
                      <a:pos x="T88" y="T89"/>
                    </a:cxn>
                    <a:cxn ang="T163">
                      <a:pos x="T90" y="T91"/>
                    </a:cxn>
                    <a:cxn ang="T164">
                      <a:pos x="T92" y="T93"/>
                    </a:cxn>
                    <a:cxn ang="T165">
                      <a:pos x="T94" y="T95"/>
                    </a:cxn>
                    <a:cxn ang="T166">
                      <a:pos x="T96" y="T97"/>
                    </a:cxn>
                    <a:cxn ang="T167">
                      <a:pos x="T98" y="T99"/>
                    </a:cxn>
                    <a:cxn ang="T168">
                      <a:pos x="T100" y="T101"/>
                    </a:cxn>
                    <a:cxn ang="T169">
                      <a:pos x="T102" y="T103"/>
                    </a:cxn>
                    <a:cxn ang="T170">
                      <a:pos x="T104" y="T105"/>
                    </a:cxn>
                    <a:cxn ang="T171">
                      <a:pos x="T106" y="T107"/>
                    </a:cxn>
                    <a:cxn ang="T172">
                      <a:pos x="T108" y="T109"/>
                    </a:cxn>
                    <a:cxn ang="T173">
                      <a:pos x="T110" y="T111"/>
                    </a:cxn>
                    <a:cxn ang="T174">
                      <a:pos x="T112" y="T113"/>
                    </a:cxn>
                    <a:cxn ang="T175">
                      <a:pos x="T114" y="T115"/>
                    </a:cxn>
                    <a:cxn ang="T176">
                      <a:pos x="T116" y="T117"/>
                    </a:cxn>
                  </a:cxnLst>
                  <a:rect l="T177" t="T178" r="T179" b="T180"/>
                  <a:pathLst>
                    <a:path w="352" h="612">
                      <a:moveTo>
                        <a:pt x="240" y="609"/>
                      </a:moveTo>
                      <a:lnTo>
                        <a:pt x="252" y="599"/>
                      </a:lnTo>
                      <a:lnTo>
                        <a:pt x="252" y="590"/>
                      </a:lnTo>
                      <a:lnTo>
                        <a:pt x="262" y="594"/>
                      </a:lnTo>
                      <a:lnTo>
                        <a:pt x="266" y="592"/>
                      </a:lnTo>
                      <a:lnTo>
                        <a:pt x="271" y="590"/>
                      </a:lnTo>
                      <a:lnTo>
                        <a:pt x="276" y="589"/>
                      </a:lnTo>
                      <a:lnTo>
                        <a:pt x="281" y="587"/>
                      </a:lnTo>
                      <a:lnTo>
                        <a:pt x="284" y="585"/>
                      </a:lnTo>
                      <a:lnTo>
                        <a:pt x="288" y="585"/>
                      </a:lnTo>
                      <a:lnTo>
                        <a:pt x="291" y="585"/>
                      </a:lnTo>
                      <a:lnTo>
                        <a:pt x="301" y="583"/>
                      </a:lnTo>
                      <a:lnTo>
                        <a:pt x="306" y="583"/>
                      </a:lnTo>
                      <a:lnTo>
                        <a:pt x="306" y="582"/>
                      </a:lnTo>
                      <a:lnTo>
                        <a:pt x="305" y="580"/>
                      </a:lnTo>
                      <a:lnTo>
                        <a:pt x="301" y="578"/>
                      </a:lnTo>
                      <a:lnTo>
                        <a:pt x="296" y="577"/>
                      </a:lnTo>
                      <a:lnTo>
                        <a:pt x="293" y="577"/>
                      </a:lnTo>
                      <a:lnTo>
                        <a:pt x="301" y="573"/>
                      </a:lnTo>
                      <a:lnTo>
                        <a:pt x="306" y="573"/>
                      </a:lnTo>
                      <a:lnTo>
                        <a:pt x="311" y="575"/>
                      </a:lnTo>
                      <a:lnTo>
                        <a:pt x="313" y="577"/>
                      </a:lnTo>
                      <a:lnTo>
                        <a:pt x="315" y="578"/>
                      </a:lnTo>
                      <a:lnTo>
                        <a:pt x="315" y="582"/>
                      </a:lnTo>
                      <a:lnTo>
                        <a:pt x="315" y="583"/>
                      </a:lnTo>
                      <a:lnTo>
                        <a:pt x="323" y="585"/>
                      </a:lnTo>
                      <a:lnTo>
                        <a:pt x="332" y="575"/>
                      </a:lnTo>
                      <a:lnTo>
                        <a:pt x="333" y="577"/>
                      </a:lnTo>
                      <a:lnTo>
                        <a:pt x="335" y="578"/>
                      </a:lnTo>
                      <a:lnTo>
                        <a:pt x="335" y="580"/>
                      </a:lnTo>
                      <a:lnTo>
                        <a:pt x="340" y="583"/>
                      </a:lnTo>
                      <a:lnTo>
                        <a:pt x="343" y="585"/>
                      </a:lnTo>
                      <a:lnTo>
                        <a:pt x="347" y="585"/>
                      </a:lnTo>
                      <a:lnTo>
                        <a:pt x="349" y="583"/>
                      </a:lnTo>
                      <a:lnTo>
                        <a:pt x="350" y="582"/>
                      </a:lnTo>
                      <a:lnTo>
                        <a:pt x="352" y="578"/>
                      </a:lnTo>
                      <a:lnTo>
                        <a:pt x="352" y="577"/>
                      </a:lnTo>
                      <a:lnTo>
                        <a:pt x="328" y="392"/>
                      </a:lnTo>
                      <a:lnTo>
                        <a:pt x="333" y="0"/>
                      </a:lnTo>
                      <a:lnTo>
                        <a:pt x="122" y="18"/>
                      </a:lnTo>
                      <a:lnTo>
                        <a:pt x="122" y="20"/>
                      </a:lnTo>
                      <a:lnTo>
                        <a:pt x="122" y="22"/>
                      </a:lnTo>
                      <a:lnTo>
                        <a:pt x="120" y="25"/>
                      </a:lnTo>
                      <a:lnTo>
                        <a:pt x="120" y="27"/>
                      </a:lnTo>
                      <a:lnTo>
                        <a:pt x="120" y="28"/>
                      </a:lnTo>
                      <a:lnTo>
                        <a:pt x="118" y="30"/>
                      </a:lnTo>
                      <a:lnTo>
                        <a:pt x="118" y="32"/>
                      </a:lnTo>
                      <a:lnTo>
                        <a:pt x="103" y="44"/>
                      </a:lnTo>
                      <a:lnTo>
                        <a:pt x="93" y="59"/>
                      </a:lnTo>
                      <a:lnTo>
                        <a:pt x="93" y="89"/>
                      </a:lnTo>
                      <a:lnTo>
                        <a:pt x="85" y="98"/>
                      </a:lnTo>
                      <a:lnTo>
                        <a:pt x="79" y="98"/>
                      </a:lnTo>
                      <a:lnTo>
                        <a:pt x="64" y="113"/>
                      </a:lnTo>
                      <a:lnTo>
                        <a:pt x="69" y="123"/>
                      </a:lnTo>
                      <a:lnTo>
                        <a:pt x="54" y="132"/>
                      </a:lnTo>
                      <a:lnTo>
                        <a:pt x="56" y="132"/>
                      </a:lnTo>
                      <a:lnTo>
                        <a:pt x="56" y="133"/>
                      </a:lnTo>
                      <a:lnTo>
                        <a:pt x="57" y="135"/>
                      </a:lnTo>
                      <a:lnTo>
                        <a:pt x="57" y="137"/>
                      </a:lnTo>
                      <a:lnTo>
                        <a:pt x="57" y="138"/>
                      </a:lnTo>
                      <a:lnTo>
                        <a:pt x="57" y="142"/>
                      </a:lnTo>
                      <a:lnTo>
                        <a:pt x="54" y="143"/>
                      </a:lnTo>
                      <a:lnTo>
                        <a:pt x="49" y="145"/>
                      </a:lnTo>
                      <a:lnTo>
                        <a:pt x="47" y="145"/>
                      </a:lnTo>
                      <a:lnTo>
                        <a:pt x="46" y="147"/>
                      </a:lnTo>
                      <a:lnTo>
                        <a:pt x="44" y="149"/>
                      </a:lnTo>
                      <a:lnTo>
                        <a:pt x="44" y="150"/>
                      </a:lnTo>
                      <a:lnTo>
                        <a:pt x="44" y="154"/>
                      </a:lnTo>
                      <a:lnTo>
                        <a:pt x="44" y="157"/>
                      </a:lnTo>
                      <a:lnTo>
                        <a:pt x="46" y="159"/>
                      </a:lnTo>
                      <a:lnTo>
                        <a:pt x="47" y="162"/>
                      </a:lnTo>
                      <a:lnTo>
                        <a:pt x="47" y="164"/>
                      </a:lnTo>
                      <a:lnTo>
                        <a:pt x="47" y="165"/>
                      </a:lnTo>
                      <a:lnTo>
                        <a:pt x="46" y="167"/>
                      </a:lnTo>
                      <a:lnTo>
                        <a:pt x="44" y="171"/>
                      </a:lnTo>
                      <a:lnTo>
                        <a:pt x="42" y="172"/>
                      </a:lnTo>
                      <a:lnTo>
                        <a:pt x="41" y="174"/>
                      </a:lnTo>
                      <a:lnTo>
                        <a:pt x="39" y="176"/>
                      </a:lnTo>
                      <a:lnTo>
                        <a:pt x="39" y="177"/>
                      </a:lnTo>
                      <a:lnTo>
                        <a:pt x="41" y="177"/>
                      </a:lnTo>
                      <a:lnTo>
                        <a:pt x="42" y="177"/>
                      </a:lnTo>
                      <a:lnTo>
                        <a:pt x="44" y="177"/>
                      </a:lnTo>
                      <a:lnTo>
                        <a:pt x="46" y="179"/>
                      </a:lnTo>
                      <a:lnTo>
                        <a:pt x="47" y="181"/>
                      </a:lnTo>
                      <a:lnTo>
                        <a:pt x="47" y="182"/>
                      </a:lnTo>
                      <a:lnTo>
                        <a:pt x="46" y="184"/>
                      </a:lnTo>
                      <a:lnTo>
                        <a:pt x="41" y="187"/>
                      </a:lnTo>
                      <a:lnTo>
                        <a:pt x="39" y="187"/>
                      </a:lnTo>
                      <a:lnTo>
                        <a:pt x="35" y="189"/>
                      </a:lnTo>
                      <a:lnTo>
                        <a:pt x="34" y="189"/>
                      </a:lnTo>
                      <a:lnTo>
                        <a:pt x="32" y="191"/>
                      </a:lnTo>
                      <a:lnTo>
                        <a:pt x="32" y="196"/>
                      </a:lnTo>
                      <a:lnTo>
                        <a:pt x="29" y="204"/>
                      </a:lnTo>
                      <a:lnTo>
                        <a:pt x="37" y="213"/>
                      </a:lnTo>
                      <a:lnTo>
                        <a:pt x="39" y="220"/>
                      </a:lnTo>
                      <a:lnTo>
                        <a:pt x="44" y="240"/>
                      </a:lnTo>
                      <a:lnTo>
                        <a:pt x="46" y="242"/>
                      </a:lnTo>
                      <a:lnTo>
                        <a:pt x="46" y="243"/>
                      </a:lnTo>
                      <a:lnTo>
                        <a:pt x="47" y="247"/>
                      </a:lnTo>
                      <a:lnTo>
                        <a:pt x="47" y="248"/>
                      </a:lnTo>
                      <a:lnTo>
                        <a:pt x="47" y="250"/>
                      </a:lnTo>
                      <a:lnTo>
                        <a:pt x="46" y="252"/>
                      </a:lnTo>
                      <a:lnTo>
                        <a:pt x="42" y="253"/>
                      </a:lnTo>
                      <a:lnTo>
                        <a:pt x="41" y="255"/>
                      </a:lnTo>
                      <a:lnTo>
                        <a:pt x="41" y="259"/>
                      </a:lnTo>
                      <a:lnTo>
                        <a:pt x="39" y="262"/>
                      </a:lnTo>
                      <a:lnTo>
                        <a:pt x="39" y="265"/>
                      </a:lnTo>
                      <a:lnTo>
                        <a:pt x="39" y="269"/>
                      </a:lnTo>
                      <a:lnTo>
                        <a:pt x="39" y="270"/>
                      </a:lnTo>
                      <a:lnTo>
                        <a:pt x="37" y="270"/>
                      </a:lnTo>
                      <a:lnTo>
                        <a:pt x="37" y="272"/>
                      </a:lnTo>
                      <a:lnTo>
                        <a:pt x="37" y="274"/>
                      </a:lnTo>
                      <a:lnTo>
                        <a:pt x="37" y="275"/>
                      </a:lnTo>
                      <a:lnTo>
                        <a:pt x="37" y="279"/>
                      </a:lnTo>
                      <a:lnTo>
                        <a:pt x="37" y="281"/>
                      </a:lnTo>
                      <a:lnTo>
                        <a:pt x="39" y="282"/>
                      </a:lnTo>
                      <a:lnTo>
                        <a:pt x="41" y="282"/>
                      </a:lnTo>
                      <a:lnTo>
                        <a:pt x="42" y="281"/>
                      </a:lnTo>
                      <a:lnTo>
                        <a:pt x="44" y="281"/>
                      </a:lnTo>
                      <a:lnTo>
                        <a:pt x="46" y="284"/>
                      </a:lnTo>
                      <a:lnTo>
                        <a:pt x="46" y="286"/>
                      </a:lnTo>
                      <a:lnTo>
                        <a:pt x="47" y="287"/>
                      </a:lnTo>
                      <a:lnTo>
                        <a:pt x="46" y="299"/>
                      </a:lnTo>
                      <a:lnTo>
                        <a:pt x="52" y="304"/>
                      </a:lnTo>
                      <a:lnTo>
                        <a:pt x="44" y="314"/>
                      </a:lnTo>
                      <a:lnTo>
                        <a:pt x="46" y="319"/>
                      </a:lnTo>
                      <a:lnTo>
                        <a:pt x="57" y="318"/>
                      </a:lnTo>
                      <a:lnTo>
                        <a:pt x="57" y="330"/>
                      </a:lnTo>
                      <a:lnTo>
                        <a:pt x="56" y="330"/>
                      </a:lnTo>
                      <a:lnTo>
                        <a:pt x="56" y="331"/>
                      </a:lnTo>
                      <a:lnTo>
                        <a:pt x="54" y="333"/>
                      </a:lnTo>
                      <a:lnTo>
                        <a:pt x="52" y="335"/>
                      </a:lnTo>
                      <a:lnTo>
                        <a:pt x="51" y="336"/>
                      </a:lnTo>
                      <a:lnTo>
                        <a:pt x="52" y="338"/>
                      </a:lnTo>
                      <a:lnTo>
                        <a:pt x="54" y="340"/>
                      </a:lnTo>
                      <a:lnTo>
                        <a:pt x="61" y="340"/>
                      </a:lnTo>
                      <a:lnTo>
                        <a:pt x="61" y="341"/>
                      </a:lnTo>
                      <a:lnTo>
                        <a:pt x="61" y="343"/>
                      </a:lnTo>
                      <a:lnTo>
                        <a:pt x="59" y="345"/>
                      </a:lnTo>
                      <a:lnTo>
                        <a:pt x="59" y="348"/>
                      </a:lnTo>
                      <a:lnTo>
                        <a:pt x="61" y="350"/>
                      </a:lnTo>
                      <a:lnTo>
                        <a:pt x="64" y="352"/>
                      </a:lnTo>
                      <a:lnTo>
                        <a:pt x="69" y="352"/>
                      </a:lnTo>
                      <a:lnTo>
                        <a:pt x="68" y="355"/>
                      </a:lnTo>
                      <a:lnTo>
                        <a:pt x="66" y="357"/>
                      </a:lnTo>
                      <a:lnTo>
                        <a:pt x="66" y="360"/>
                      </a:lnTo>
                      <a:lnTo>
                        <a:pt x="64" y="363"/>
                      </a:lnTo>
                      <a:lnTo>
                        <a:pt x="63" y="367"/>
                      </a:lnTo>
                      <a:lnTo>
                        <a:pt x="61" y="369"/>
                      </a:lnTo>
                      <a:lnTo>
                        <a:pt x="61" y="370"/>
                      </a:lnTo>
                      <a:lnTo>
                        <a:pt x="59" y="370"/>
                      </a:lnTo>
                      <a:lnTo>
                        <a:pt x="56" y="370"/>
                      </a:lnTo>
                      <a:lnTo>
                        <a:pt x="51" y="372"/>
                      </a:lnTo>
                      <a:lnTo>
                        <a:pt x="47" y="372"/>
                      </a:lnTo>
                      <a:lnTo>
                        <a:pt x="44" y="374"/>
                      </a:lnTo>
                      <a:lnTo>
                        <a:pt x="44" y="375"/>
                      </a:lnTo>
                      <a:lnTo>
                        <a:pt x="47" y="377"/>
                      </a:lnTo>
                      <a:lnTo>
                        <a:pt x="54" y="380"/>
                      </a:lnTo>
                      <a:lnTo>
                        <a:pt x="54" y="382"/>
                      </a:lnTo>
                      <a:lnTo>
                        <a:pt x="54" y="384"/>
                      </a:lnTo>
                      <a:lnTo>
                        <a:pt x="52" y="389"/>
                      </a:lnTo>
                      <a:lnTo>
                        <a:pt x="49" y="392"/>
                      </a:lnTo>
                      <a:lnTo>
                        <a:pt x="47" y="396"/>
                      </a:lnTo>
                      <a:lnTo>
                        <a:pt x="44" y="399"/>
                      </a:lnTo>
                      <a:lnTo>
                        <a:pt x="44" y="402"/>
                      </a:lnTo>
                      <a:lnTo>
                        <a:pt x="42" y="404"/>
                      </a:lnTo>
                      <a:lnTo>
                        <a:pt x="41" y="416"/>
                      </a:lnTo>
                      <a:lnTo>
                        <a:pt x="32" y="416"/>
                      </a:lnTo>
                      <a:lnTo>
                        <a:pt x="25" y="443"/>
                      </a:lnTo>
                      <a:lnTo>
                        <a:pt x="17" y="448"/>
                      </a:lnTo>
                      <a:lnTo>
                        <a:pt x="25" y="448"/>
                      </a:lnTo>
                      <a:lnTo>
                        <a:pt x="25" y="450"/>
                      </a:lnTo>
                      <a:lnTo>
                        <a:pt x="24" y="450"/>
                      </a:lnTo>
                      <a:lnTo>
                        <a:pt x="20" y="453"/>
                      </a:lnTo>
                      <a:lnTo>
                        <a:pt x="19" y="455"/>
                      </a:lnTo>
                      <a:lnTo>
                        <a:pt x="15" y="458"/>
                      </a:lnTo>
                      <a:lnTo>
                        <a:pt x="15" y="460"/>
                      </a:lnTo>
                      <a:lnTo>
                        <a:pt x="15" y="463"/>
                      </a:lnTo>
                      <a:lnTo>
                        <a:pt x="17" y="465"/>
                      </a:lnTo>
                      <a:lnTo>
                        <a:pt x="17" y="467"/>
                      </a:lnTo>
                      <a:lnTo>
                        <a:pt x="15" y="468"/>
                      </a:lnTo>
                      <a:lnTo>
                        <a:pt x="13" y="470"/>
                      </a:lnTo>
                      <a:lnTo>
                        <a:pt x="10" y="473"/>
                      </a:lnTo>
                      <a:lnTo>
                        <a:pt x="10" y="477"/>
                      </a:lnTo>
                      <a:lnTo>
                        <a:pt x="8" y="479"/>
                      </a:lnTo>
                      <a:lnTo>
                        <a:pt x="10" y="480"/>
                      </a:lnTo>
                      <a:lnTo>
                        <a:pt x="13" y="480"/>
                      </a:lnTo>
                      <a:lnTo>
                        <a:pt x="15" y="482"/>
                      </a:lnTo>
                      <a:lnTo>
                        <a:pt x="15" y="485"/>
                      </a:lnTo>
                      <a:lnTo>
                        <a:pt x="13" y="487"/>
                      </a:lnTo>
                      <a:lnTo>
                        <a:pt x="8" y="492"/>
                      </a:lnTo>
                      <a:lnTo>
                        <a:pt x="5" y="494"/>
                      </a:lnTo>
                      <a:lnTo>
                        <a:pt x="2" y="495"/>
                      </a:lnTo>
                      <a:lnTo>
                        <a:pt x="0" y="497"/>
                      </a:lnTo>
                      <a:lnTo>
                        <a:pt x="0" y="501"/>
                      </a:lnTo>
                      <a:lnTo>
                        <a:pt x="0" y="502"/>
                      </a:lnTo>
                      <a:lnTo>
                        <a:pt x="2" y="504"/>
                      </a:lnTo>
                      <a:lnTo>
                        <a:pt x="3" y="506"/>
                      </a:lnTo>
                      <a:lnTo>
                        <a:pt x="5" y="506"/>
                      </a:lnTo>
                      <a:lnTo>
                        <a:pt x="7" y="507"/>
                      </a:lnTo>
                      <a:lnTo>
                        <a:pt x="5" y="509"/>
                      </a:lnTo>
                      <a:lnTo>
                        <a:pt x="5" y="512"/>
                      </a:lnTo>
                      <a:lnTo>
                        <a:pt x="5" y="514"/>
                      </a:lnTo>
                      <a:lnTo>
                        <a:pt x="3" y="517"/>
                      </a:lnTo>
                      <a:lnTo>
                        <a:pt x="3" y="521"/>
                      </a:lnTo>
                      <a:lnTo>
                        <a:pt x="3" y="523"/>
                      </a:lnTo>
                      <a:lnTo>
                        <a:pt x="3" y="524"/>
                      </a:lnTo>
                      <a:lnTo>
                        <a:pt x="203" y="511"/>
                      </a:lnTo>
                      <a:lnTo>
                        <a:pt x="203" y="534"/>
                      </a:lnTo>
                      <a:lnTo>
                        <a:pt x="201" y="534"/>
                      </a:lnTo>
                      <a:lnTo>
                        <a:pt x="200" y="538"/>
                      </a:lnTo>
                      <a:lnTo>
                        <a:pt x="198" y="543"/>
                      </a:lnTo>
                      <a:lnTo>
                        <a:pt x="196" y="546"/>
                      </a:lnTo>
                      <a:lnTo>
                        <a:pt x="195" y="553"/>
                      </a:lnTo>
                      <a:lnTo>
                        <a:pt x="195" y="558"/>
                      </a:lnTo>
                      <a:lnTo>
                        <a:pt x="198" y="563"/>
                      </a:lnTo>
                      <a:lnTo>
                        <a:pt x="203" y="567"/>
                      </a:lnTo>
                      <a:lnTo>
                        <a:pt x="205" y="568"/>
                      </a:lnTo>
                      <a:lnTo>
                        <a:pt x="208" y="572"/>
                      </a:lnTo>
                      <a:lnTo>
                        <a:pt x="211" y="577"/>
                      </a:lnTo>
                      <a:lnTo>
                        <a:pt x="217" y="583"/>
                      </a:lnTo>
                      <a:lnTo>
                        <a:pt x="220" y="590"/>
                      </a:lnTo>
                      <a:lnTo>
                        <a:pt x="223" y="597"/>
                      </a:lnTo>
                      <a:lnTo>
                        <a:pt x="223" y="605"/>
                      </a:lnTo>
                      <a:lnTo>
                        <a:pt x="222" y="612"/>
                      </a:lnTo>
                      <a:lnTo>
                        <a:pt x="240" y="609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57" name="Freeform 72"/>
                <p:cNvSpPr>
                  <a:spLocks/>
                </p:cNvSpPr>
                <p:nvPr/>
              </p:nvSpPr>
              <p:spPr bwMode="auto">
                <a:xfrm>
                  <a:off x="3392" y="2451"/>
                  <a:ext cx="352" cy="612"/>
                </a:xfrm>
                <a:custGeom>
                  <a:avLst/>
                  <a:gdLst>
                    <a:gd name="T0" fmla="*/ 262 w 352"/>
                    <a:gd name="T1" fmla="*/ 594 h 612"/>
                    <a:gd name="T2" fmla="*/ 281 w 352"/>
                    <a:gd name="T3" fmla="*/ 587 h 612"/>
                    <a:gd name="T4" fmla="*/ 301 w 352"/>
                    <a:gd name="T5" fmla="*/ 583 h 612"/>
                    <a:gd name="T6" fmla="*/ 296 w 352"/>
                    <a:gd name="T7" fmla="*/ 577 h 612"/>
                    <a:gd name="T8" fmla="*/ 306 w 352"/>
                    <a:gd name="T9" fmla="*/ 573 h 612"/>
                    <a:gd name="T10" fmla="*/ 315 w 352"/>
                    <a:gd name="T11" fmla="*/ 582 h 612"/>
                    <a:gd name="T12" fmla="*/ 332 w 352"/>
                    <a:gd name="T13" fmla="*/ 575 h 612"/>
                    <a:gd name="T14" fmla="*/ 340 w 352"/>
                    <a:gd name="T15" fmla="*/ 583 h 612"/>
                    <a:gd name="T16" fmla="*/ 352 w 352"/>
                    <a:gd name="T17" fmla="*/ 578 h 612"/>
                    <a:gd name="T18" fmla="*/ 333 w 352"/>
                    <a:gd name="T19" fmla="*/ 0 h 612"/>
                    <a:gd name="T20" fmla="*/ 122 w 352"/>
                    <a:gd name="T21" fmla="*/ 22 h 612"/>
                    <a:gd name="T22" fmla="*/ 118 w 352"/>
                    <a:gd name="T23" fmla="*/ 32 h 612"/>
                    <a:gd name="T24" fmla="*/ 79 w 352"/>
                    <a:gd name="T25" fmla="*/ 98 h 612"/>
                    <a:gd name="T26" fmla="*/ 56 w 352"/>
                    <a:gd name="T27" fmla="*/ 132 h 612"/>
                    <a:gd name="T28" fmla="*/ 57 w 352"/>
                    <a:gd name="T29" fmla="*/ 142 h 612"/>
                    <a:gd name="T30" fmla="*/ 46 w 352"/>
                    <a:gd name="T31" fmla="*/ 147 h 612"/>
                    <a:gd name="T32" fmla="*/ 46 w 352"/>
                    <a:gd name="T33" fmla="*/ 159 h 612"/>
                    <a:gd name="T34" fmla="*/ 46 w 352"/>
                    <a:gd name="T35" fmla="*/ 167 h 612"/>
                    <a:gd name="T36" fmla="*/ 39 w 352"/>
                    <a:gd name="T37" fmla="*/ 177 h 612"/>
                    <a:gd name="T38" fmla="*/ 46 w 352"/>
                    <a:gd name="T39" fmla="*/ 179 h 612"/>
                    <a:gd name="T40" fmla="*/ 41 w 352"/>
                    <a:gd name="T41" fmla="*/ 187 h 612"/>
                    <a:gd name="T42" fmla="*/ 32 w 352"/>
                    <a:gd name="T43" fmla="*/ 196 h 612"/>
                    <a:gd name="T44" fmla="*/ 44 w 352"/>
                    <a:gd name="T45" fmla="*/ 240 h 612"/>
                    <a:gd name="T46" fmla="*/ 47 w 352"/>
                    <a:gd name="T47" fmla="*/ 248 h 612"/>
                    <a:gd name="T48" fmla="*/ 42 w 352"/>
                    <a:gd name="T49" fmla="*/ 253 h 612"/>
                    <a:gd name="T50" fmla="*/ 39 w 352"/>
                    <a:gd name="T51" fmla="*/ 269 h 612"/>
                    <a:gd name="T52" fmla="*/ 37 w 352"/>
                    <a:gd name="T53" fmla="*/ 272 h 612"/>
                    <a:gd name="T54" fmla="*/ 39 w 352"/>
                    <a:gd name="T55" fmla="*/ 282 h 612"/>
                    <a:gd name="T56" fmla="*/ 46 w 352"/>
                    <a:gd name="T57" fmla="*/ 284 h 612"/>
                    <a:gd name="T58" fmla="*/ 44 w 352"/>
                    <a:gd name="T59" fmla="*/ 314 h 612"/>
                    <a:gd name="T60" fmla="*/ 56 w 352"/>
                    <a:gd name="T61" fmla="*/ 330 h 612"/>
                    <a:gd name="T62" fmla="*/ 52 w 352"/>
                    <a:gd name="T63" fmla="*/ 338 h 612"/>
                    <a:gd name="T64" fmla="*/ 61 w 352"/>
                    <a:gd name="T65" fmla="*/ 341 h 612"/>
                    <a:gd name="T66" fmla="*/ 64 w 352"/>
                    <a:gd name="T67" fmla="*/ 352 h 612"/>
                    <a:gd name="T68" fmla="*/ 66 w 352"/>
                    <a:gd name="T69" fmla="*/ 357 h 612"/>
                    <a:gd name="T70" fmla="*/ 61 w 352"/>
                    <a:gd name="T71" fmla="*/ 370 h 612"/>
                    <a:gd name="T72" fmla="*/ 47 w 352"/>
                    <a:gd name="T73" fmla="*/ 372 h 612"/>
                    <a:gd name="T74" fmla="*/ 54 w 352"/>
                    <a:gd name="T75" fmla="*/ 380 h 612"/>
                    <a:gd name="T76" fmla="*/ 47 w 352"/>
                    <a:gd name="T77" fmla="*/ 396 h 612"/>
                    <a:gd name="T78" fmla="*/ 32 w 352"/>
                    <a:gd name="T79" fmla="*/ 416 h 612"/>
                    <a:gd name="T80" fmla="*/ 25 w 352"/>
                    <a:gd name="T81" fmla="*/ 450 h 612"/>
                    <a:gd name="T82" fmla="*/ 15 w 352"/>
                    <a:gd name="T83" fmla="*/ 460 h 612"/>
                    <a:gd name="T84" fmla="*/ 15 w 352"/>
                    <a:gd name="T85" fmla="*/ 468 h 612"/>
                    <a:gd name="T86" fmla="*/ 10 w 352"/>
                    <a:gd name="T87" fmla="*/ 480 h 612"/>
                    <a:gd name="T88" fmla="*/ 13 w 352"/>
                    <a:gd name="T89" fmla="*/ 487 h 612"/>
                    <a:gd name="T90" fmla="*/ 0 w 352"/>
                    <a:gd name="T91" fmla="*/ 497 h 612"/>
                    <a:gd name="T92" fmla="*/ 5 w 352"/>
                    <a:gd name="T93" fmla="*/ 506 h 612"/>
                    <a:gd name="T94" fmla="*/ 5 w 352"/>
                    <a:gd name="T95" fmla="*/ 514 h 612"/>
                    <a:gd name="T96" fmla="*/ 203 w 352"/>
                    <a:gd name="T97" fmla="*/ 511 h 612"/>
                    <a:gd name="T98" fmla="*/ 198 w 352"/>
                    <a:gd name="T99" fmla="*/ 543 h 612"/>
                    <a:gd name="T100" fmla="*/ 203 w 352"/>
                    <a:gd name="T101" fmla="*/ 567 h 612"/>
                    <a:gd name="T102" fmla="*/ 217 w 352"/>
                    <a:gd name="T103" fmla="*/ 583 h 612"/>
                    <a:gd name="T104" fmla="*/ 240 w 352"/>
                    <a:gd name="T105" fmla="*/ 609 h 612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w 352"/>
                    <a:gd name="T160" fmla="*/ 0 h 612"/>
                    <a:gd name="T161" fmla="*/ 352 w 352"/>
                    <a:gd name="T162" fmla="*/ 612 h 612"/>
                  </a:gdLst>
                  <a:ahLst/>
                  <a:cxnLst>
                    <a:cxn ang="T106">
                      <a:pos x="T0" y="T1"/>
                    </a:cxn>
                    <a:cxn ang="T107">
                      <a:pos x="T2" y="T3"/>
                    </a:cxn>
                    <a:cxn ang="T108">
                      <a:pos x="T4" y="T5"/>
                    </a:cxn>
                    <a:cxn ang="T109">
                      <a:pos x="T6" y="T7"/>
                    </a:cxn>
                    <a:cxn ang="T110">
                      <a:pos x="T8" y="T9"/>
                    </a:cxn>
                    <a:cxn ang="T111">
                      <a:pos x="T10" y="T11"/>
                    </a:cxn>
                    <a:cxn ang="T112">
                      <a:pos x="T12" y="T13"/>
                    </a:cxn>
                    <a:cxn ang="T113">
                      <a:pos x="T14" y="T15"/>
                    </a:cxn>
                    <a:cxn ang="T114">
                      <a:pos x="T16" y="T17"/>
                    </a:cxn>
                    <a:cxn ang="T115">
                      <a:pos x="T18" y="T19"/>
                    </a:cxn>
                    <a:cxn ang="T116">
                      <a:pos x="T20" y="T21"/>
                    </a:cxn>
                    <a:cxn ang="T117">
                      <a:pos x="T22" y="T23"/>
                    </a:cxn>
                    <a:cxn ang="T118">
                      <a:pos x="T24" y="T25"/>
                    </a:cxn>
                    <a:cxn ang="T119">
                      <a:pos x="T26" y="T27"/>
                    </a:cxn>
                    <a:cxn ang="T120">
                      <a:pos x="T28" y="T29"/>
                    </a:cxn>
                    <a:cxn ang="T121">
                      <a:pos x="T30" y="T31"/>
                    </a:cxn>
                    <a:cxn ang="T122">
                      <a:pos x="T32" y="T33"/>
                    </a:cxn>
                    <a:cxn ang="T123">
                      <a:pos x="T34" y="T35"/>
                    </a:cxn>
                    <a:cxn ang="T124">
                      <a:pos x="T36" y="T37"/>
                    </a:cxn>
                    <a:cxn ang="T125">
                      <a:pos x="T38" y="T39"/>
                    </a:cxn>
                    <a:cxn ang="T126">
                      <a:pos x="T40" y="T41"/>
                    </a:cxn>
                    <a:cxn ang="T127">
                      <a:pos x="T42" y="T43"/>
                    </a:cxn>
                    <a:cxn ang="T128">
                      <a:pos x="T44" y="T45"/>
                    </a:cxn>
                    <a:cxn ang="T129">
                      <a:pos x="T46" y="T47"/>
                    </a:cxn>
                    <a:cxn ang="T130">
                      <a:pos x="T48" y="T49"/>
                    </a:cxn>
                    <a:cxn ang="T131">
                      <a:pos x="T50" y="T51"/>
                    </a:cxn>
                    <a:cxn ang="T132">
                      <a:pos x="T52" y="T53"/>
                    </a:cxn>
                    <a:cxn ang="T133">
                      <a:pos x="T54" y="T55"/>
                    </a:cxn>
                    <a:cxn ang="T134">
                      <a:pos x="T56" y="T57"/>
                    </a:cxn>
                    <a:cxn ang="T135">
                      <a:pos x="T58" y="T59"/>
                    </a:cxn>
                    <a:cxn ang="T136">
                      <a:pos x="T60" y="T61"/>
                    </a:cxn>
                    <a:cxn ang="T137">
                      <a:pos x="T62" y="T63"/>
                    </a:cxn>
                    <a:cxn ang="T138">
                      <a:pos x="T64" y="T65"/>
                    </a:cxn>
                    <a:cxn ang="T139">
                      <a:pos x="T66" y="T67"/>
                    </a:cxn>
                    <a:cxn ang="T140">
                      <a:pos x="T68" y="T69"/>
                    </a:cxn>
                    <a:cxn ang="T141">
                      <a:pos x="T70" y="T71"/>
                    </a:cxn>
                    <a:cxn ang="T142">
                      <a:pos x="T72" y="T73"/>
                    </a:cxn>
                    <a:cxn ang="T143">
                      <a:pos x="T74" y="T75"/>
                    </a:cxn>
                    <a:cxn ang="T144">
                      <a:pos x="T76" y="T77"/>
                    </a:cxn>
                    <a:cxn ang="T145">
                      <a:pos x="T78" y="T79"/>
                    </a:cxn>
                    <a:cxn ang="T146">
                      <a:pos x="T80" y="T81"/>
                    </a:cxn>
                    <a:cxn ang="T147">
                      <a:pos x="T82" y="T83"/>
                    </a:cxn>
                    <a:cxn ang="T148">
                      <a:pos x="T84" y="T85"/>
                    </a:cxn>
                    <a:cxn ang="T149">
                      <a:pos x="T86" y="T87"/>
                    </a:cxn>
                    <a:cxn ang="T150">
                      <a:pos x="T88" y="T89"/>
                    </a:cxn>
                    <a:cxn ang="T151">
                      <a:pos x="T90" y="T91"/>
                    </a:cxn>
                    <a:cxn ang="T152">
                      <a:pos x="T92" y="T93"/>
                    </a:cxn>
                    <a:cxn ang="T153">
                      <a:pos x="T94" y="T95"/>
                    </a:cxn>
                    <a:cxn ang="T154">
                      <a:pos x="T96" y="T97"/>
                    </a:cxn>
                    <a:cxn ang="T155">
                      <a:pos x="T98" y="T99"/>
                    </a:cxn>
                    <a:cxn ang="T156">
                      <a:pos x="T100" y="T101"/>
                    </a:cxn>
                    <a:cxn ang="T157">
                      <a:pos x="T102" y="T103"/>
                    </a:cxn>
                    <a:cxn ang="T158">
                      <a:pos x="T104" y="T105"/>
                    </a:cxn>
                  </a:cxnLst>
                  <a:rect l="T159" t="T160" r="T161" b="T162"/>
                  <a:pathLst>
                    <a:path w="352" h="612">
                      <a:moveTo>
                        <a:pt x="240" y="609"/>
                      </a:moveTo>
                      <a:lnTo>
                        <a:pt x="252" y="599"/>
                      </a:lnTo>
                      <a:lnTo>
                        <a:pt x="252" y="590"/>
                      </a:lnTo>
                      <a:lnTo>
                        <a:pt x="262" y="594"/>
                      </a:lnTo>
                      <a:lnTo>
                        <a:pt x="266" y="592"/>
                      </a:lnTo>
                      <a:lnTo>
                        <a:pt x="271" y="590"/>
                      </a:lnTo>
                      <a:lnTo>
                        <a:pt x="276" y="589"/>
                      </a:lnTo>
                      <a:lnTo>
                        <a:pt x="281" y="587"/>
                      </a:lnTo>
                      <a:lnTo>
                        <a:pt x="284" y="585"/>
                      </a:lnTo>
                      <a:lnTo>
                        <a:pt x="288" y="585"/>
                      </a:lnTo>
                      <a:lnTo>
                        <a:pt x="291" y="585"/>
                      </a:lnTo>
                      <a:lnTo>
                        <a:pt x="301" y="583"/>
                      </a:lnTo>
                      <a:lnTo>
                        <a:pt x="306" y="583"/>
                      </a:lnTo>
                      <a:lnTo>
                        <a:pt x="306" y="582"/>
                      </a:lnTo>
                      <a:lnTo>
                        <a:pt x="305" y="580"/>
                      </a:lnTo>
                      <a:lnTo>
                        <a:pt x="301" y="578"/>
                      </a:lnTo>
                      <a:lnTo>
                        <a:pt x="296" y="577"/>
                      </a:lnTo>
                      <a:lnTo>
                        <a:pt x="293" y="577"/>
                      </a:lnTo>
                      <a:lnTo>
                        <a:pt x="301" y="573"/>
                      </a:lnTo>
                      <a:lnTo>
                        <a:pt x="306" y="573"/>
                      </a:lnTo>
                      <a:lnTo>
                        <a:pt x="311" y="575"/>
                      </a:lnTo>
                      <a:lnTo>
                        <a:pt x="313" y="577"/>
                      </a:lnTo>
                      <a:lnTo>
                        <a:pt x="315" y="578"/>
                      </a:lnTo>
                      <a:lnTo>
                        <a:pt x="315" y="582"/>
                      </a:lnTo>
                      <a:lnTo>
                        <a:pt x="315" y="583"/>
                      </a:lnTo>
                      <a:lnTo>
                        <a:pt x="323" y="585"/>
                      </a:lnTo>
                      <a:lnTo>
                        <a:pt x="332" y="575"/>
                      </a:lnTo>
                      <a:lnTo>
                        <a:pt x="333" y="577"/>
                      </a:lnTo>
                      <a:lnTo>
                        <a:pt x="335" y="578"/>
                      </a:lnTo>
                      <a:lnTo>
                        <a:pt x="335" y="580"/>
                      </a:lnTo>
                      <a:lnTo>
                        <a:pt x="340" y="583"/>
                      </a:lnTo>
                      <a:lnTo>
                        <a:pt x="343" y="585"/>
                      </a:lnTo>
                      <a:lnTo>
                        <a:pt x="347" y="585"/>
                      </a:lnTo>
                      <a:lnTo>
                        <a:pt x="349" y="583"/>
                      </a:lnTo>
                      <a:lnTo>
                        <a:pt x="350" y="582"/>
                      </a:lnTo>
                      <a:lnTo>
                        <a:pt x="352" y="578"/>
                      </a:lnTo>
                      <a:lnTo>
                        <a:pt x="352" y="577"/>
                      </a:lnTo>
                      <a:lnTo>
                        <a:pt x="328" y="392"/>
                      </a:lnTo>
                      <a:lnTo>
                        <a:pt x="333" y="0"/>
                      </a:lnTo>
                      <a:lnTo>
                        <a:pt x="122" y="18"/>
                      </a:lnTo>
                      <a:lnTo>
                        <a:pt x="122" y="20"/>
                      </a:lnTo>
                      <a:lnTo>
                        <a:pt x="122" y="22"/>
                      </a:lnTo>
                      <a:lnTo>
                        <a:pt x="120" y="25"/>
                      </a:lnTo>
                      <a:lnTo>
                        <a:pt x="120" y="27"/>
                      </a:lnTo>
                      <a:lnTo>
                        <a:pt x="120" y="28"/>
                      </a:lnTo>
                      <a:lnTo>
                        <a:pt x="118" y="30"/>
                      </a:lnTo>
                      <a:lnTo>
                        <a:pt x="118" y="32"/>
                      </a:lnTo>
                      <a:lnTo>
                        <a:pt x="103" y="44"/>
                      </a:lnTo>
                      <a:lnTo>
                        <a:pt x="93" y="59"/>
                      </a:lnTo>
                      <a:lnTo>
                        <a:pt x="93" y="89"/>
                      </a:lnTo>
                      <a:lnTo>
                        <a:pt x="85" y="98"/>
                      </a:lnTo>
                      <a:lnTo>
                        <a:pt x="79" y="98"/>
                      </a:lnTo>
                      <a:lnTo>
                        <a:pt x="64" y="113"/>
                      </a:lnTo>
                      <a:lnTo>
                        <a:pt x="69" y="123"/>
                      </a:lnTo>
                      <a:lnTo>
                        <a:pt x="54" y="132"/>
                      </a:lnTo>
                      <a:lnTo>
                        <a:pt x="56" y="132"/>
                      </a:lnTo>
                      <a:lnTo>
                        <a:pt x="56" y="133"/>
                      </a:lnTo>
                      <a:lnTo>
                        <a:pt x="57" y="135"/>
                      </a:lnTo>
                      <a:lnTo>
                        <a:pt x="57" y="137"/>
                      </a:lnTo>
                      <a:lnTo>
                        <a:pt x="57" y="138"/>
                      </a:lnTo>
                      <a:lnTo>
                        <a:pt x="57" y="142"/>
                      </a:lnTo>
                      <a:lnTo>
                        <a:pt x="54" y="143"/>
                      </a:lnTo>
                      <a:lnTo>
                        <a:pt x="49" y="145"/>
                      </a:lnTo>
                      <a:lnTo>
                        <a:pt x="47" y="145"/>
                      </a:lnTo>
                      <a:lnTo>
                        <a:pt x="46" y="147"/>
                      </a:lnTo>
                      <a:lnTo>
                        <a:pt x="44" y="149"/>
                      </a:lnTo>
                      <a:lnTo>
                        <a:pt x="44" y="150"/>
                      </a:lnTo>
                      <a:lnTo>
                        <a:pt x="44" y="154"/>
                      </a:lnTo>
                      <a:lnTo>
                        <a:pt x="44" y="157"/>
                      </a:lnTo>
                      <a:lnTo>
                        <a:pt x="46" y="159"/>
                      </a:lnTo>
                      <a:lnTo>
                        <a:pt x="47" y="162"/>
                      </a:lnTo>
                      <a:lnTo>
                        <a:pt x="47" y="164"/>
                      </a:lnTo>
                      <a:lnTo>
                        <a:pt x="47" y="165"/>
                      </a:lnTo>
                      <a:lnTo>
                        <a:pt x="46" y="167"/>
                      </a:lnTo>
                      <a:lnTo>
                        <a:pt x="44" y="171"/>
                      </a:lnTo>
                      <a:lnTo>
                        <a:pt x="42" y="172"/>
                      </a:lnTo>
                      <a:lnTo>
                        <a:pt x="41" y="174"/>
                      </a:lnTo>
                      <a:lnTo>
                        <a:pt x="39" y="176"/>
                      </a:lnTo>
                      <a:lnTo>
                        <a:pt x="39" y="177"/>
                      </a:lnTo>
                      <a:lnTo>
                        <a:pt x="41" y="177"/>
                      </a:lnTo>
                      <a:lnTo>
                        <a:pt x="42" y="177"/>
                      </a:lnTo>
                      <a:lnTo>
                        <a:pt x="44" y="177"/>
                      </a:lnTo>
                      <a:lnTo>
                        <a:pt x="46" y="179"/>
                      </a:lnTo>
                      <a:lnTo>
                        <a:pt x="47" y="181"/>
                      </a:lnTo>
                      <a:lnTo>
                        <a:pt x="47" y="182"/>
                      </a:lnTo>
                      <a:lnTo>
                        <a:pt x="46" y="184"/>
                      </a:lnTo>
                      <a:lnTo>
                        <a:pt x="41" y="187"/>
                      </a:lnTo>
                      <a:lnTo>
                        <a:pt x="39" y="187"/>
                      </a:lnTo>
                      <a:lnTo>
                        <a:pt x="35" y="189"/>
                      </a:lnTo>
                      <a:lnTo>
                        <a:pt x="34" y="189"/>
                      </a:lnTo>
                      <a:lnTo>
                        <a:pt x="32" y="191"/>
                      </a:lnTo>
                      <a:lnTo>
                        <a:pt x="32" y="196"/>
                      </a:lnTo>
                      <a:lnTo>
                        <a:pt x="29" y="204"/>
                      </a:lnTo>
                      <a:lnTo>
                        <a:pt x="37" y="213"/>
                      </a:lnTo>
                      <a:lnTo>
                        <a:pt x="39" y="220"/>
                      </a:lnTo>
                      <a:lnTo>
                        <a:pt x="44" y="240"/>
                      </a:lnTo>
                      <a:lnTo>
                        <a:pt x="46" y="242"/>
                      </a:lnTo>
                      <a:lnTo>
                        <a:pt x="46" y="243"/>
                      </a:lnTo>
                      <a:lnTo>
                        <a:pt x="47" y="247"/>
                      </a:lnTo>
                      <a:lnTo>
                        <a:pt x="47" y="248"/>
                      </a:lnTo>
                      <a:lnTo>
                        <a:pt x="47" y="250"/>
                      </a:lnTo>
                      <a:lnTo>
                        <a:pt x="46" y="252"/>
                      </a:lnTo>
                      <a:lnTo>
                        <a:pt x="42" y="253"/>
                      </a:lnTo>
                      <a:lnTo>
                        <a:pt x="41" y="255"/>
                      </a:lnTo>
                      <a:lnTo>
                        <a:pt x="41" y="259"/>
                      </a:lnTo>
                      <a:lnTo>
                        <a:pt x="39" y="262"/>
                      </a:lnTo>
                      <a:lnTo>
                        <a:pt x="39" y="265"/>
                      </a:lnTo>
                      <a:lnTo>
                        <a:pt x="39" y="269"/>
                      </a:lnTo>
                      <a:lnTo>
                        <a:pt x="39" y="270"/>
                      </a:lnTo>
                      <a:lnTo>
                        <a:pt x="37" y="270"/>
                      </a:lnTo>
                      <a:lnTo>
                        <a:pt x="37" y="272"/>
                      </a:lnTo>
                      <a:lnTo>
                        <a:pt x="37" y="274"/>
                      </a:lnTo>
                      <a:lnTo>
                        <a:pt x="37" y="275"/>
                      </a:lnTo>
                      <a:lnTo>
                        <a:pt x="37" y="279"/>
                      </a:lnTo>
                      <a:lnTo>
                        <a:pt x="37" y="281"/>
                      </a:lnTo>
                      <a:lnTo>
                        <a:pt x="39" y="282"/>
                      </a:lnTo>
                      <a:lnTo>
                        <a:pt x="41" y="282"/>
                      </a:lnTo>
                      <a:lnTo>
                        <a:pt x="42" y="281"/>
                      </a:lnTo>
                      <a:lnTo>
                        <a:pt x="44" y="281"/>
                      </a:lnTo>
                      <a:lnTo>
                        <a:pt x="46" y="284"/>
                      </a:lnTo>
                      <a:lnTo>
                        <a:pt x="46" y="286"/>
                      </a:lnTo>
                      <a:lnTo>
                        <a:pt x="47" y="287"/>
                      </a:lnTo>
                      <a:lnTo>
                        <a:pt x="46" y="299"/>
                      </a:lnTo>
                      <a:lnTo>
                        <a:pt x="52" y="304"/>
                      </a:lnTo>
                      <a:lnTo>
                        <a:pt x="44" y="314"/>
                      </a:lnTo>
                      <a:lnTo>
                        <a:pt x="46" y="319"/>
                      </a:lnTo>
                      <a:lnTo>
                        <a:pt x="57" y="318"/>
                      </a:lnTo>
                      <a:lnTo>
                        <a:pt x="57" y="330"/>
                      </a:lnTo>
                      <a:lnTo>
                        <a:pt x="56" y="330"/>
                      </a:lnTo>
                      <a:lnTo>
                        <a:pt x="56" y="331"/>
                      </a:lnTo>
                      <a:lnTo>
                        <a:pt x="54" y="333"/>
                      </a:lnTo>
                      <a:lnTo>
                        <a:pt x="52" y="335"/>
                      </a:lnTo>
                      <a:lnTo>
                        <a:pt x="51" y="336"/>
                      </a:lnTo>
                      <a:lnTo>
                        <a:pt x="52" y="338"/>
                      </a:lnTo>
                      <a:lnTo>
                        <a:pt x="54" y="340"/>
                      </a:lnTo>
                      <a:lnTo>
                        <a:pt x="61" y="340"/>
                      </a:lnTo>
                      <a:lnTo>
                        <a:pt x="61" y="341"/>
                      </a:lnTo>
                      <a:lnTo>
                        <a:pt x="61" y="343"/>
                      </a:lnTo>
                      <a:lnTo>
                        <a:pt x="59" y="345"/>
                      </a:lnTo>
                      <a:lnTo>
                        <a:pt x="59" y="348"/>
                      </a:lnTo>
                      <a:lnTo>
                        <a:pt x="61" y="350"/>
                      </a:lnTo>
                      <a:lnTo>
                        <a:pt x="64" y="352"/>
                      </a:lnTo>
                      <a:lnTo>
                        <a:pt x="69" y="352"/>
                      </a:lnTo>
                      <a:lnTo>
                        <a:pt x="68" y="355"/>
                      </a:lnTo>
                      <a:lnTo>
                        <a:pt x="66" y="357"/>
                      </a:lnTo>
                      <a:lnTo>
                        <a:pt x="66" y="360"/>
                      </a:lnTo>
                      <a:lnTo>
                        <a:pt x="64" y="363"/>
                      </a:lnTo>
                      <a:lnTo>
                        <a:pt x="63" y="367"/>
                      </a:lnTo>
                      <a:lnTo>
                        <a:pt x="61" y="369"/>
                      </a:lnTo>
                      <a:lnTo>
                        <a:pt x="61" y="370"/>
                      </a:lnTo>
                      <a:lnTo>
                        <a:pt x="59" y="370"/>
                      </a:lnTo>
                      <a:lnTo>
                        <a:pt x="56" y="370"/>
                      </a:lnTo>
                      <a:lnTo>
                        <a:pt x="51" y="372"/>
                      </a:lnTo>
                      <a:lnTo>
                        <a:pt x="47" y="372"/>
                      </a:lnTo>
                      <a:lnTo>
                        <a:pt x="44" y="374"/>
                      </a:lnTo>
                      <a:lnTo>
                        <a:pt x="44" y="375"/>
                      </a:lnTo>
                      <a:lnTo>
                        <a:pt x="47" y="377"/>
                      </a:lnTo>
                      <a:lnTo>
                        <a:pt x="54" y="380"/>
                      </a:lnTo>
                      <a:lnTo>
                        <a:pt x="54" y="382"/>
                      </a:lnTo>
                      <a:lnTo>
                        <a:pt x="54" y="384"/>
                      </a:lnTo>
                      <a:lnTo>
                        <a:pt x="52" y="389"/>
                      </a:lnTo>
                      <a:lnTo>
                        <a:pt x="49" y="392"/>
                      </a:lnTo>
                      <a:lnTo>
                        <a:pt x="47" y="396"/>
                      </a:lnTo>
                      <a:lnTo>
                        <a:pt x="44" y="399"/>
                      </a:lnTo>
                      <a:lnTo>
                        <a:pt x="44" y="402"/>
                      </a:lnTo>
                      <a:lnTo>
                        <a:pt x="42" y="404"/>
                      </a:lnTo>
                      <a:lnTo>
                        <a:pt x="41" y="416"/>
                      </a:lnTo>
                      <a:lnTo>
                        <a:pt x="32" y="416"/>
                      </a:lnTo>
                      <a:lnTo>
                        <a:pt x="25" y="443"/>
                      </a:lnTo>
                      <a:lnTo>
                        <a:pt x="17" y="448"/>
                      </a:lnTo>
                      <a:lnTo>
                        <a:pt x="25" y="448"/>
                      </a:lnTo>
                      <a:lnTo>
                        <a:pt x="25" y="450"/>
                      </a:lnTo>
                      <a:lnTo>
                        <a:pt x="24" y="450"/>
                      </a:lnTo>
                      <a:lnTo>
                        <a:pt x="20" y="453"/>
                      </a:lnTo>
                      <a:lnTo>
                        <a:pt x="19" y="455"/>
                      </a:lnTo>
                      <a:lnTo>
                        <a:pt x="15" y="458"/>
                      </a:lnTo>
                      <a:lnTo>
                        <a:pt x="15" y="460"/>
                      </a:lnTo>
                      <a:lnTo>
                        <a:pt x="15" y="463"/>
                      </a:lnTo>
                      <a:lnTo>
                        <a:pt x="17" y="465"/>
                      </a:lnTo>
                      <a:lnTo>
                        <a:pt x="17" y="467"/>
                      </a:lnTo>
                      <a:lnTo>
                        <a:pt x="15" y="468"/>
                      </a:lnTo>
                      <a:lnTo>
                        <a:pt x="13" y="470"/>
                      </a:lnTo>
                      <a:lnTo>
                        <a:pt x="10" y="473"/>
                      </a:lnTo>
                      <a:lnTo>
                        <a:pt x="10" y="477"/>
                      </a:lnTo>
                      <a:lnTo>
                        <a:pt x="8" y="479"/>
                      </a:lnTo>
                      <a:lnTo>
                        <a:pt x="10" y="480"/>
                      </a:lnTo>
                      <a:lnTo>
                        <a:pt x="13" y="480"/>
                      </a:lnTo>
                      <a:lnTo>
                        <a:pt x="15" y="482"/>
                      </a:lnTo>
                      <a:lnTo>
                        <a:pt x="15" y="485"/>
                      </a:lnTo>
                      <a:lnTo>
                        <a:pt x="13" y="487"/>
                      </a:lnTo>
                      <a:lnTo>
                        <a:pt x="8" y="492"/>
                      </a:lnTo>
                      <a:lnTo>
                        <a:pt x="5" y="494"/>
                      </a:lnTo>
                      <a:lnTo>
                        <a:pt x="2" y="495"/>
                      </a:lnTo>
                      <a:lnTo>
                        <a:pt x="0" y="497"/>
                      </a:lnTo>
                      <a:lnTo>
                        <a:pt x="0" y="501"/>
                      </a:lnTo>
                      <a:lnTo>
                        <a:pt x="0" y="502"/>
                      </a:lnTo>
                      <a:lnTo>
                        <a:pt x="2" y="504"/>
                      </a:lnTo>
                      <a:lnTo>
                        <a:pt x="3" y="506"/>
                      </a:lnTo>
                      <a:lnTo>
                        <a:pt x="5" y="506"/>
                      </a:lnTo>
                      <a:lnTo>
                        <a:pt x="7" y="507"/>
                      </a:lnTo>
                      <a:lnTo>
                        <a:pt x="5" y="509"/>
                      </a:lnTo>
                      <a:lnTo>
                        <a:pt x="5" y="512"/>
                      </a:lnTo>
                      <a:lnTo>
                        <a:pt x="5" y="514"/>
                      </a:lnTo>
                      <a:lnTo>
                        <a:pt x="3" y="517"/>
                      </a:lnTo>
                      <a:lnTo>
                        <a:pt x="3" y="521"/>
                      </a:lnTo>
                      <a:lnTo>
                        <a:pt x="3" y="523"/>
                      </a:lnTo>
                      <a:lnTo>
                        <a:pt x="3" y="524"/>
                      </a:lnTo>
                      <a:lnTo>
                        <a:pt x="203" y="511"/>
                      </a:lnTo>
                      <a:lnTo>
                        <a:pt x="203" y="534"/>
                      </a:lnTo>
                      <a:lnTo>
                        <a:pt x="201" y="534"/>
                      </a:lnTo>
                      <a:lnTo>
                        <a:pt x="200" y="538"/>
                      </a:lnTo>
                      <a:lnTo>
                        <a:pt x="198" y="543"/>
                      </a:lnTo>
                      <a:lnTo>
                        <a:pt x="196" y="546"/>
                      </a:lnTo>
                      <a:lnTo>
                        <a:pt x="195" y="553"/>
                      </a:lnTo>
                      <a:lnTo>
                        <a:pt x="195" y="558"/>
                      </a:lnTo>
                      <a:lnTo>
                        <a:pt x="198" y="563"/>
                      </a:lnTo>
                      <a:lnTo>
                        <a:pt x="203" y="567"/>
                      </a:lnTo>
                      <a:lnTo>
                        <a:pt x="205" y="568"/>
                      </a:lnTo>
                      <a:lnTo>
                        <a:pt x="208" y="572"/>
                      </a:lnTo>
                      <a:lnTo>
                        <a:pt x="211" y="577"/>
                      </a:lnTo>
                      <a:lnTo>
                        <a:pt x="217" y="583"/>
                      </a:lnTo>
                      <a:lnTo>
                        <a:pt x="220" y="590"/>
                      </a:lnTo>
                      <a:lnTo>
                        <a:pt x="223" y="597"/>
                      </a:lnTo>
                      <a:lnTo>
                        <a:pt x="223" y="605"/>
                      </a:lnTo>
                      <a:lnTo>
                        <a:pt x="222" y="612"/>
                      </a:lnTo>
                      <a:lnTo>
                        <a:pt x="240" y="609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37" name="Group 73"/>
              <p:cNvGrpSpPr>
                <a:grpSpLocks/>
              </p:cNvGrpSpPr>
              <p:nvPr/>
            </p:nvGrpSpPr>
            <p:grpSpPr bwMode="auto">
              <a:xfrm>
                <a:off x="4248" y="2069"/>
                <a:ext cx="436" cy="217"/>
                <a:chOff x="4487" y="1686"/>
                <a:chExt cx="448" cy="223"/>
              </a:xfrm>
            </p:grpSpPr>
            <p:sp>
              <p:nvSpPr>
                <p:cNvPr id="154" name="Freeform 74"/>
                <p:cNvSpPr>
                  <a:spLocks/>
                </p:cNvSpPr>
                <p:nvPr/>
              </p:nvSpPr>
              <p:spPr bwMode="auto">
                <a:xfrm>
                  <a:off x="4487" y="1686"/>
                  <a:ext cx="448" cy="223"/>
                </a:xfrm>
                <a:custGeom>
                  <a:avLst/>
                  <a:gdLst>
                    <a:gd name="T0" fmla="*/ 249 w 448"/>
                    <a:gd name="T1" fmla="*/ 155 h 223"/>
                    <a:gd name="T2" fmla="*/ 238 w 448"/>
                    <a:gd name="T3" fmla="*/ 189 h 223"/>
                    <a:gd name="T4" fmla="*/ 252 w 448"/>
                    <a:gd name="T5" fmla="*/ 186 h 223"/>
                    <a:gd name="T6" fmla="*/ 264 w 448"/>
                    <a:gd name="T7" fmla="*/ 188 h 223"/>
                    <a:gd name="T8" fmla="*/ 284 w 448"/>
                    <a:gd name="T9" fmla="*/ 201 h 223"/>
                    <a:gd name="T10" fmla="*/ 330 w 448"/>
                    <a:gd name="T11" fmla="*/ 215 h 223"/>
                    <a:gd name="T12" fmla="*/ 299 w 448"/>
                    <a:gd name="T13" fmla="*/ 179 h 223"/>
                    <a:gd name="T14" fmla="*/ 308 w 448"/>
                    <a:gd name="T15" fmla="*/ 177 h 223"/>
                    <a:gd name="T16" fmla="*/ 316 w 448"/>
                    <a:gd name="T17" fmla="*/ 172 h 223"/>
                    <a:gd name="T18" fmla="*/ 299 w 448"/>
                    <a:gd name="T19" fmla="*/ 142 h 223"/>
                    <a:gd name="T20" fmla="*/ 299 w 448"/>
                    <a:gd name="T21" fmla="*/ 111 h 223"/>
                    <a:gd name="T22" fmla="*/ 291 w 448"/>
                    <a:gd name="T23" fmla="*/ 81 h 223"/>
                    <a:gd name="T24" fmla="*/ 301 w 448"/>
                    <a:gd name="T25" fmla="*/ 66 h 223"/>
                    <a:gd name="T26" fmla="*/ 301 w 448"/>
                    <a:gd name="T27" fmla="*/ 52 h 223"/>
                    <a:gd name="T28" fmla="*/ 308 w 448"/>
                    <a:gd name="T29" fmla="*/ 61 h 223"/>
                    <a:gd name="T30" fmla="*/ 321 w 448"/>
                    <a:gd name="T31" fmla="*/ 42 h 223"/>
                    <a:gd name="T32" fmla="*/ 320 w 448"/>
                    <a:gd name="T33" fmla="*/ 28 h 223"/>
                    <a:gd name="T34" fmla="*/ 331 w 448"/>
                    <a:gd name="T35" fmla="*/ 27 h 223"/>
                    <a:gd name="T36" fmla="*/ 337 w 448"/>
                    <a:gd name="T37" fmla="*/ 32 h 223"/>
                    <a:gd name="T38" fmla="*/ 331 w 448"/>
                    <a:gd name="T39" fmla="*/ 44 h 223"/>
                    <a:gd name="T40" fmla="*/ 316 w 448"/>
                    <a:gd name="T41" fmla="*/ 72 h 223"/>
                    <a:gd name="T42" fmla="*/ 326 w 448"/>
                    <a:gd name="T43" fmla="*/ 83 h 223"/>
                    <a:gd name="T44" fmla="*/ 335 w 448"/>
                    <a:gd name="T45" fmla="*/ 76 h 223"/>
                    <a:gd name="T46" fmla="*/ 326 w 448"/>
                    <a:gd name="T47" fmla="*/ 91 h 223"/>
                    <a:gd name="T48" fmla="*/ 325 w 448"/>
                    <a:gd name="T49" fmla="*/ 110 h 223"/>
                    <a:gd name="T50" fmla="*/ 320 w 448"/>
                    <a:gd name="T51" fmla="*/ 127 h 223"/>
                    <a:gd name="T52" fmla="*/ 340 w 448"/>
                    <a:gd name="T53" fmla="*/ 145 h 223"/>
                    <a:gd name="T54" fmla="*/ 325 w 448"/>
                    <a:gd name="T55" fmla="*/ 150 h 223"/>
                    <a:gd name="T56" fmla="*/ 335 w 448"/>
                    <a:gd name="T57" fmla="*/ 157 h 223"/>
                    <a:gd name="T58" fmla="*/ 337 w 448"/>
                    <a:gd name="T59" fmla="*/ 176 h 223"/>
                    <a:gd name="T60" fmla="*/ 348 w 448"/>
                    <a:gd name="T61" fmla="*/ 182 h 223"/>
                    <a:gd name="T62" fmla="*/ 360 w 448"/>
                    <a:gd name="T63" fmla="*/ 186 h 223"/>
                    <a:gd name="T64" fmla="*/ 355 w 448"/>
                    <a:gd name="T65" fmla="*/ 176 h 223"/>
                    <a:gd name="T66" fmla="*/ 364 w 448"/>
                    <a:gd name="T67" fmla="*/ 177 h 223"/>
                    <a:gd name="T68" fmla="*/ 372 w 448"/>
                    <a:gd name="T69" fmla="*/ 181 h 223"/>
                    <a:gd name="T70" fmla="*/ 369 w 448"/>
                    <a:gd name="T71" fmla="*/ 198 h 223"/>
                    <a:gd name="T72" fmla="*/ 382 w 448"/>
                    <a:gd name="T73" fmla="*/ 194 h 223"/>
                    <a:gd name="T74" fmla="*/ 381 w 448"/>
                    <a:gd name="T75" fmla="*/ 211 h 223"/>
                    <a:gd name="T76" fmla="*/ 387 w 448"/>
                    <a:gd name="T77" fmla="*/ 223 h 223"/>
                    <a:gd name="T78" fmla="*/ 409 w 448"/>
                    <a:gd name="T79" fmla="*/ 206 h 223"/>
                    <a:gd name="T80" fmla="*/ 440 w 448"/>
                    <a:gd name="T81" fmla="*/ 145 h 223"/>
                    <a:gd name="T82" fmla="*/ 441 w 448"/>
                    <a:gd name="T83" fmla="*/ 172 h 223"/>
                    <a:gd name="T84" fmla="*/ 435 w 448"/>
                    <a:gd name="T85" fmla="*/ 203 h 223"/>
                    <a:gd name="T86" fmla="*/ 433 w 448"/>
                    <a:gd name="T87" fmla="*/ 215 h 223"/>
                    <a:gd name="T88" fmla="*/ 436 w 448"/>
                    <a:gd name="T89" fmla="*/ 213 h 223"/>
                    <a:gd name="T90" fmla="*/ 447 w 448"/>
                    <a:gd name="T91" fmla="*/ 179 h 223"/>
                    <a:gd name="T92" fmla="*/ 448 w 448"/>
                    <a:gd name="T93" fmla="*/ 144 h 223"/>
                    <a:gd name="T94" fmla="*/ 0 w 448"/>
                    <a:gd name="T95" fmla="*/ 66 h 223"/>
                    <a:gd name="T96" fmla="*/ 52 w 448"/>
                    <a:gd name="T97" fmla="*/ 94 h 223"/>
                    <a:gd name="T98" fmla="*/ 84 w 448"/>
                    <a:gd name="T99" fmla="*/ 74 h 223"/>
                    <a:gd name="T100" fmla="*/ 111 w 448"/>
                    <a:gd name="T101" fmla="*/ 54 h 223"/>
                    <a:gd name="T102" fmla="*/ 147 w 448"/>
                    <a:gd name="T103" fmla="*/ 56 h 223"/>
                    <a:gd name="T104" fmla="*/ 159 w 448"/>
                    <a:gd name="T105" fmla="*/ 62 h 223"/>
                    <a:gd name="T106" fmla="*/ 176 w 448"/>
                    <a:gd name="T107" fmla="*/ 88 h 223"/>
                    <a:gd name="T108" fmla="*/ 193 w 448"/>
                    <a:gd name="T109" fmla="*/ 86 h 223"/>
                    <a:gd name="T110" fmla="*/ 198 w 448"/>
                    <a:gd name="T111" fmla="*/ 108 h 223"/>
                    <a:gd name="T112" fmla="*/ 228 w 448"/>
                    <a:gd name="T113" fmla="*/ 115 h 223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w 448"/>
                    <a:gd name="T172" fmla="*/ 0 h 223"/>
                    <a:gd name="T173" fmla="*/ 448 w 448"/>
                    <a:gd name="T174" fmla="*/ 223 h 223"/>
                  </a:gdLst>
                  <a:ahLst/>
                  <a:cxnLst>
                    <a:cxn ang="T114">
                      <a:pos x="T0" y="T1"/>
                    </a:cxn>
                    <a:cxn ang="T115">
                      <a:pos x="T2" y="T3"/>
                    </a:cxn>
                    <a:cxn ang="T116">
                      <a:pos x="T4" y="T5"/>
                    </a:cxn>
                    <a:cxn ang="T117">
                      <a:pos x="T6" y="T7"/>
                    </a:cxn>
                    <a:cxn ang="T118">
                      <a:pos x="T8" y="T9"/>
                    </a:cxn>
                    <a:cxn ang="T119">
                      <a:pos x="T10" y="T11"/>
                    </a:cxn>
                    <a:cxn ang="T120">
                      <a:pos x="T12" y="T13"/>
                    </a:cxn>
                    <a:cxn ang="T121">
                      <a:pos x="T14" y="T15"/>
                    </a:cxn>
                    <a:cxn ang="T122">
                      <a:pos x="T16" y="T17"/>
                    </a:cxn>
                    <a:cxn ang="T123">
                      <a:pos x="T18" y="T19"/>
                    </a:cxn>
                    <a:cxn ang="T124">
                      <a:pos x="T20" y="T21"/>
                    </a:cxn>
                    <a:cxn ang="T125">
                      <a:pos x="T22" y="T23"/>
                    </a:cxn>
                    <a:cxn ang="T126">
                      <a:pos x="T24" y="T25"/>
                    </a:cxn>
                    <a:cxn ang="T127">
                      <a:pos x="T26" y="T27"/>
                    </a:cxn>
                    <a:cxn ang="T128">
                      <a:pos x="T28" y="T29"/>
                    </a:cxn>
                    <a:cxn ang="T129">
                      <a:pos x="T30" y="T31"/>
                    </a:cxn>
                    <a:cxn ang="T130">
                      <a:pos x="T32" y="T33"/>
                    </a:cxn>
                    <a:cxn ang="T131">
                      <a:pos x="T34" y="T35"/>
                    </a:cxn>
                    <a:cxn ang="T132">
                      <a:pos x="T36" y="T37"/>
                    </a:cxn>
                    <a:cxn ang="T133">
                      <a:pos x="T38" y="T39"/>
                    </a:cxn>
                    <a:cxn ang="T134">
                      <a:pos x="T40" y="T41"/>
                    </a:cxn>
                    <a:cxn ang="T135">
                      <a:pos x="T42" y="T43"/>
                    </a:cxn>
                    <a:cxn ang="T136">
                      <a:pos x="T44" y="T45"/>
                    </a:cxn>
                    <a:cxn ang="T137">
                      <a:pos x="T46" y="T47"/>
                    </a:cxn>
                    <a:cxn ang="T138">
                      <a:pos x="T48" y="T49"/>
                    </a:cxn>
                    <a:cxn ang="T139">
                      <a:pos x="T50" y="T51"/>
                    </a:cxn>
                    <a:cxn ang="T140">
                      <a:pos x="T52" y="T53"/>
                    </a:cxn>
                    <a:cxn ang="T141">
                      <a:pos x="T54" y="T55"/>
                    </a:cxn>
                    <a:cxn ang="T142">
                      <a:pos x="T56" y="T57"/>
                    </a:cxn>
                    <a:cxn ang="T143">
                      <a:pos x="T58" y="T59"/>
                    </a:cxn>
                    <a:cxn ang="T144">
                      <a:pos x="T60" y="T61"/>
                    </a:cxn>
                    <a:cxn ang="T145">
                      <a:pos x="T62" y="T63"/>
                    </a:cxn>
                    <a:cxn ang="T146">
                      <a:pos x="T64" y="T65"/>
                    </a:cxn>
                    <a:cxn ang="T147">
                      <a:pos x="T66" y="T67"/>
                    </a:cxn>
                    <a:cxn ang="T148">
                      <a:pos x="T68" y="T69"/>
                    </a:cxn>
                    <a:cxn ang="T149">
                      <a:pos x="T70" y="T71"/>
                    </a:cxn>
                    <a:cxn ang="T150">
                      <a:pos x="T72" y="T73"/>
                    </a:cxn>
                    <a:cxn ang="T151">
                      <a:pos x="T74" y="T75"/>
                    </a:cxn>
                    <a:cxn ang="T152">
                      <a:pos x="T76" y="T77"/>
                    </a:cxn>
                    <a:cxn ang="T153">
                      <a:pos x="T78" y="T79"/>
                    </a:cxn>
                    <a:cxn ang="T154">
                      <a:pos x="T80" y="T81"/>
                    </a:cxn>
                    <a:cxn ang="T155">
                      <a:pos x="T82" y="T83"/>
                    </a:cxn>
                    <a:cxn ang="T156">
                      <a:pos x="T84" y="T85"/>
                    </a:cxn>
                    <a:cxn ang="T157">
                      <a:pos x="T86" y="T87"/>
                    </a:cxn>
                    <a:cxn ang="T158">
                      <a:pos x="T88" y="T89"/>
                    </a:cxn>
                    <a:cxn ang="T159">
                      <a:pos x="T90" y="T91"/>
                    </a:cxn>
                    <a:cxn ang="T160">
                      <a:pos x="T92" y="T93"/>
                    </a:cxn>
                    <a:cxn ang="T161">
                      <a:pos x="T94" y="T95"/>
                    </a:cxn>
                    <a:cxn ang="T162">
                      <a:pos x="T96" y="T97"/>
                    </a:cxn>
                    <a:cxn ang="T163">
                      <a:pos x="T98" y="T99"/>
                    </a:cxn>
                    <a:cxn ang="T164">
                      <a:pos x="T100" y="T101"/>
                    </a:cxn>
                    <a:cxn ang="T165">
                      <a:pos x="T102" y="T103"/>
                    </a:cxn>
                    <a:cxn ang="T166">
                      <a:pos x="T104" y="T105"/>
                    </a:cxn>
                    <a:cxn ang="T167">
                      <a:pos x="T106" y="T107"/>
                    </a:cxn>
                    <a:cxn ang="T168">
                      <a:pos x="T108" y="T109"/>
                    </a:cxn>
                    <a:cxn ang="T169">
                      <a:pos x="T110" y="T111"/>
                    </a:cxn>
                    <a:cxn ang="T170">
                      <a:pos x="T112" y="T113"/>
                    </a:cxn>
                  </a:cxnLst>
                  <a:rect l="T171" t="T172" r="T173" b="T174"/>
                  <a:pathLst>
                    <a:path w="448" h="223">
                      <a:moveTo>
                        <a:pt x="247" y="115"/>
                      </a:moveTo>
                      <a:lnTo>
                        <a:pt x="260" y="123"/>
                      </a:lnTo>
                      <a:lnTo>
                        <a:pt x="252" y="137"/>
                      </a:lnTo>
                      <a:lnTo>
                        <a:pt x="252" y="145"/>
                      </a:lnTo>
                      <a:lnTo>
                        <a:pt x="252" y="147"/>
                      </a:lnTo>
                      <a:lnTo>
                        <a:pt x="250" y="150"/>
                      </a:lnTo>
                      <a:lnTo>
                        <a:pt x="249" y="155"/>
                      </a:lnTo>
                      <a:lnTo>
                        <a:pt x="245" y="162"/>
                      </a:lnTo>
                      <a:lnTo>
                        <a:pt x="243" y="169"/>
                      </a:lnTo>
                      <a:lnTo>
                        <a:pt x="240" y="176"/>
                      </a:lnTo>
                      <a:lnTo>
                        <a:pt x="238" y="179"/>
                      </a:lnTo>
                      <a:lnTo>
                        <a:pt x="238" y="181"/>
                      </a:lnTo>
                      <a:lnTo>
                        <a:pt x="237" y="186"/>
                      </a:lnTo>
                      <a:lnTo>
                        <a:pt x="238" y="189"/>
                      </a:lnTo>
                      <a:lnTo>
                        <a:pt x="240" y="193"/>
                      </a:lnTo>
                      <a:lnTo>
                        <a:pt x="242" y="193"/>
                      </a:lnTo>
                      <a:lnTo>
                        <a:pt x="243" y="193"/>
                      </a:lnTo>
                      <a:lnTo>
                        <a:pt x="247" y="193"/>
                      </a:lnTo>
                      <a:lnTo>
                        <a:pt x="249" y="191"/>
                      </a:lnTo>
                      <a:lnTo>
                        <a:pt x="250" y="191"/>
                      </a:lnTo>
                      <a:lnTo>
                        <a:pt x="252" y="186"/>
                      </a:lnTo>
                      <a:lnTo>
                        <a:pt x="255" y="182"/>
                      </a:lnTo>
                      <a:lnTo>
                        <a:pt x="257" y="182"/>
                      </a:lnTo>
                      <a:lnTo>
                        <a:pt x="259" y="182"/>
                      </a:lnTo>
                      <a:lnTo>
                        <a:pt x="260" y="184"/>
                      </a:lnTo>
                      <a:lnTo>
                        <a:pt x="262" y="186"/>
                      </a:lnTo>
                      <a:lnTo>
                        <a:pt x="264" y="188"/>
                      </a:lnTo>
                      <a:lnTo>
                        <a:pt x="274" y="201"/>
                      </a:lnTo>
                      <a:lnTo>
                        <a:pt x="277" y="201"/>
                      </a:lnTo>
                      <a:lnTo>
                        <a:pt x="277" y="193"/>
                      </a:lnTo>
                      <a:lnTo>
                        <a:pt x="282" y="193"/>
                      </a:lnTo>
                      <a:lnTo>
                        <a:pt x="282" y="194"/>
                      </a:lnTo>
                      <a:lnTo>
                        <a:pt x="284" y="198"/>
                      </a:lnTo>
                      <a:lnTo>
                        <a:pt x="284" y="201"/>
                      </a:lnTo>
                      <a:lnTo>
                        <a:pt x="286" y="201"/>
                      </a:lnTo>
                      <a:lnTo>
                        <a:pt x="298" y="201"/>
                      </a:lnTo>
                      <a:lnTo>
                        <a:pt x="308" y="203"/>
                      </a:lnTo>
                      <a:lnTo>
                        <a:pt x="316" y="204"/>
                      </a:lnTo>
                      <a:lnTo>
                        <a:pt x="321" y="208"/>
                      </a:lnTo>
                      <a:lnTo>
                        <a:pt x="326" y="211"/>
                      </a:lnTo>
                      <a:lnTo>
                        <a:pt x="330" y="215"/>
                      </a:lnTo>
                      <a:lnTo>
                        <a:pt x="331" y="216"/>
                      </a:lnTo>
                      <a:lnTo>
                        <a:pt x="331" y="218"/>
                      </a:lnTo>
                      <a:lnTo>
                        <a:pt x="335" y="210"/>
                      </a:lnTo>
                      <a:lnTo>
                        <a:pt x="326" y="199"/>
                      </a:lnTo>
                      <a:lnTo>
                        <a:pt x="325" y="191"/>
                      </a:lnTo>
                      <a:lnTo>
                        <a:pt x="313" y="188"/>
                      </a:lnTo>
                      <a:lnTo>
                        <a:pt x="299" y="179"/>
                      </a:lnTo>
                      <a:lnTo>
                        <a:pt x="289" y="171"/>
                      </a:lnTo>
                      <a:lnTo>
                        <a:pt x="291" y="167"/>
                      </a:lnTo>
                      <a:lnTo>
                        <a:pt x="299" y="174"/>
                      </a:lnTo>
                      <a:lnTo>
                        <a:pt x="301" y="174"/>
                      </a:lnTo>
                      <a:lnTo>
                        <a:pt x="303" y="176"/>
                      </a:lnTo>
                      <a:lnTo>
                        <a:pt x="306" y="176"/>
                      </a:lnTo>
                      <a:lnTo>
                        <a:pt x="308" y="177"/>
                      </a:lnTo>
                      <a:lnTo>
                        <a:pt x="316" y="182"/>
                      </a:lnTo>
                      <a:lnTo>
                        <a:pt x="321" y="184"/>
                      </a:lnTo>
                      <a:lnTo>
                        <a:pt x="323" y="182"/>
                      </a:lnTo>
                      <a:lnTo>
                        <a:pt x="323" y="181"/>
                      </a:lnTo>
                      <a:lnTo>
                        <a:pt x="321" y="177"/>
                      </a:lnTo>
                      <a:lnTo>
                        <a:pt x="318" y="176"/>
                      </a:lnTo>
                      <a:lnTo>
                        <a:pt x="316" y="172"/>
                      </a:lnTo>
                      <a:lnTo>
                        <a:pt x="315" y="172"/>
                      </a:lnTo>
                      <a:lnTo>
                        <a:pt x="311" y="167"/>
                      </a:lnTo>
                      <a:lnTo>
                        <a:pt x="308" y="164"/>
                      </a:lnTo>
                      <a:lnTo>
                        <a:pt x="304" y="159"/>
                      </a:lnTo>
                      <a:lnTo>
                        <a:pt x="303" y="154"/>
                      </a:lnTo>
                      <a:lnTo>
                        <a:pt x="299" y="149"/>
                      </a:lnTo>
                      <a:lnTo>
                        <a:pt x="299" y="142"/>
                      </a:lnTo>
                      <a:lnTo>
                        <a:pt x="298" y="137"/>
                      </a:lnTo>
                      <a:lnTo>
                        <a:pt x="298" y="132"/>
                      </a:lnTo>
                      <a:lnTo>
                        <a:pt x="298" y="127"/>
                      </a:lnTo>
                      <a:lnTo>
                        <a:pt x="298" y="122"/>
                      </a:lnTo>
                      <a:lnTo>
                        <a:pt x="298" y="118"/>
                      </a:lnTo>
                      <a:lnTo>
                        <a:pt x="299" y="115"/>
                      </a:lnTo>
                      <a:lnTo>
                        <a:pt x="299" y="111"/>
                      </a:lnTo>
                      <a:lnTo>
                        <a:pt x="299" y="108"/>
                      </a:lnTo>
                      <a:lnTo>
                        <a:pt x="299" y="106"/>
                      </a:lnTo>
                      <a:lnTo>
                        <a:pt x="299" y="98"/>
                      </a:lnTo>
                      <a:lnTo>
                        <a:pt x="296" y="93"/>
                      </a:lnTo>
                      <a:lnTo>
                        <a:pt x="294" y="86"/>
                      </a:lnTo>
                      <a:lnTo>
                        <a:pt x="291" y="81"/>
                      </a:lnTo>
                      <a:lnTo>
                        <a:pt x="287" y="78"/>
                      </a:lnTo>
                      <a:lnTo>
                        <a:pt x="286" y="74"/>
                      </a:lnTo>
                      <a:lnTo>
                        <a:pt x="284" y="72"/>
                      </a:lnTo>
                      <a:lnTo>
                        <a:pt x="282" y="72"/>
                      </a:lnTo>
                      <a:lnTo>
                        <a:pt x="296" y="72"/>
                      </a:lnTo>
                      <a:lnTo>
                        <a:pt x="301" y="67"/>
                      </a:lnTo>
                      <a:lnTo>
                        <a:pt x="301" y="66"/>
                      </a:lnTo>
                      <a:lnTo>
                        <a:pt x="301" y="64"/>
                      </a:lnTo>
                      <a:lnTo>
                        <a:pt x="301" y="61"/>
                      </a:lnTo>
                      <a:lnTo>
                        <a:pt x="301" y="59"/>
                      </a:lnTo>
                      <a:lnTo>
                        <a:pt x="299" y="56"/>
                      </a:lnTo>
                      <a:lnTo>
                        <a:pt x="298" y="52"/>
                      </a:lnTo>
                      <a:lnTo>
                        <a:pt x="299" y="52"/>
                      </a:lnTo>
                      <a:lnTo>
                        <a:pt x="301" y="52"/>
                      </a:lnTo>
                      <a:lnTo>
                        <a:pt x="303" y="52"/>
                      </a:lnTo>
                      <a:lnTo>
                        <a:pt x="303" y="54"/>
                      </a:lnTo>
                      <a:lnTo>
                        <a:pt x="304" y="56"/>
                      </a:lnTo>
                      <a:lnTo>
                        <a:pt x="306" y="59"/>
                      </a:lnTo>
                      <a:lnTo>
                        <a:pt x="306" y="61"/>
                      </a:lnTo>
                      <a:lnTo>
                        <a:pt x="308" y="61"/>
                      </a:lnTo>
                      <a:lnTo>
                        <a:pt x="309" y="59"/>
                      </a:lnTo>
                      <a:lnTo>
                        <a:pt x="309" y="57"/>
                      </a:lnTo>
                      <a:lnTo>
                        <a:pt x="311" y="56"/>
                      </a:lnTo>
                      <a:lnTo>
                        <a:pt x="321" y="42"/>
                      </a:lnTo>
                      <a:lnTo>
                        <a:pt x="320" y="40"/>
                      </a:lnTo>
                      <a:lnTo>
                        <a:pt x="320" y="39"/>
                      </a:lnTo>
                      <a:lnTo>
                        <a:pt x="320" y="35"/>
                      </a:lnTo>
                      <a:lnTo>
                        <a:pt x="320" y="34"/>
                      </a:lnTo>
                      <a:lnTo>
                        <a:pt x="320" y="32"/>
                      </a:lnTo>
                      <a:lnTo>
                        <a:pt x="320" y="28"/>
                      </a:lnTo>
                      <a:lnTo>
                        <a:pt x="325" y="23"/>
                      </a:lnTo>
                      <a:lnTo>
                        <a:pt x="328" y="22"/>
                      </a:lnTo>
                      <a:lnTo>
                        <a:pt x="330" y="20"/>
                      </a:lnTo>
                      <a:lnTo>
                        <a:pt x="331" y="22"/>
                      </a:lnTo>
                      <a:lnTo>
                        <a:pt x="331" y="23"/>
                      </a:lnTo>
                      <a:lnTo>
                        <a:pt x="331" y="25"/>
                      </a:lnTo>
                      <a:lnTo>
                        <a:pt x="331" y="27"/>
                      </a:lnTo>
                      <a:lnTo>
                        <a:pt x="330" y="27"/>
                      </a:lnTo>
                      <a:lnTo>
                        <a:pt x="330" y="32"/>
                      </a:lnTo>
                      <a:lnTo>
                        <a:pt x="330" y="35"/>
                      </a:lnTo>
                      <a:lnTo>
                        <a:pt x="333" y="35"/>
                      </a:lnTo>
                      <a:lnTo>
                        <a:pt x="335" y="34"/>
                      </a:lnTo>
                      <a:lnTo>
                        <a:pt x="337" y="32"/>
                      </a:lnTo>
                      <a:lnTo>
                        <a:pt x="338" y="30"/>
                      </a:lnTo>
                      <a:lnTo>
                        <a:pt x="340" y="30"/>
                      </a:lnTo>
                      <a:lnTo>
                        <a:pt x="338" y="34"/>
                      </a:lnTo>
                      <a:lnTo>
                        <a:pt x="338" y="37"/>
                      </a:lnTo>
                      <a:lnTo>
                        <a:pt x="337" y="39"/>
                      </a:lnTo>
                      <a:lnTo>
                        <a:pt x="333" y="42"/>
                      </a:lnTo>
                      <a:lnTo>
                        <a:pt x="331" y="44"/>
                      </a:lnTo>
                      <a:lnTo>
                        <a:pt x="330" y="45"/>
                      </a:lnTo>
                      <a:lnTo>
                        <a:pt x="330" y="47"/>
                      </a:lnTo>
                      <a:lnTo>
                        <a:pt x="328" y="47"/>
                      </a:lnTo>
                      <a:lnTo>
                        <a:pt x="323" y="52"/>
                      </a:lnTo>
                      <a:lnTo>
                        <a:pt x="320" y="59"/>
                      </a:lnTo>
                      <a:lnTo>
                        <a:pt x="316" y="66"/>
                      </a:lnTo>
                      <a:lnTo>
                        <a:pt x="316" y="72"/>
                      </a:lnTo>
                      <a:lnTo>
                        <a:pt x="316" y="79"/>
                      </a:lnTo>
                      <a:lnTo>
                        <a:pt x="316" y="84"/>
                      </a:lnTo>
                      <a:lnTo>
                        <a:pt x="318" y="88"/>
                      </a:lnTo>
                      <a:lnTo>
                        <a:pt x="318" y="89"/>
                      </a:lnTo>
                      <a:lnTo>
                        <a:pt x="321" y="88"/>
                      </a:lnTo>
                      <a:lnTo>
                        <a:pt x="323" y="86"/>
                      </a:lnTo>
                      <a:lnTo>
                        <a:pt x="326" y="83"/>
                      </a:lnTo>
                      <a:lnTo>
                        <a:pt x="328" y="79"/>
                      </a:lnTo>
                      <a:lnTo>
                        <a:pt x="330" y="76"/>
                      </a:lnTo>
                      <a:lnTo>
                        <a:pt x="331" y="72"/>
                      </a:lnTo>
                      <a:lnTo>
                        <a:pt x="333" y="71"/>
                      </a:lnTo>
                      <a:lnTo>
                        <a:pt x="333" y="69"/>
                      </a:lnTo>
                      <a:lnTo>
                        <a:pt x="335" y="72"/>
                      </a:lnTo>
                      <a:lnTo>
                        <a:pt x="335" y="76"/>
                      </a:lnTo>
                      <a:lnTo>
                        <a:pt x="333" y="79"/>
                      </a:lnTo>
                      <a:lnTo>
                        <a:pt x="331" y="83"/>
                      </a:lnTo>
                      <a:lnTo>
                        <a:pt x="330" y="86"/>
                      </a:lnTo>
                      <a:lnTo>
                        <a:pt x="328" y="88"/>
                      </a:lnTo>
                      <a:lnTo>
                        <a:pt x="328" y="89"/>
                      </a:lnTo>
                      <a:lnTo>
                        <a:pt x="326" y="89"/>
                      </a:lnTo>
                      <a:lnTo>
                        <a:pt x="326" y="91"/>
                      </a:lnTo>
                      <a:lnTo>
                        <a:pt x="326" y="93"/>
                      </a:lnTo>
                      <a:lnTo>
                        <a:pt x="326" y="96"/>
                      </a:lnTo>
                      <a:lnTo>
                        <a:pt x="326" y="100"/>
                      </a:lnTo>
                      <a:lnTo>
                        <a:pt x="326" y="103"/>
                      </a:lnTo>
                      <a:lnTo>
                        <a:pt x="326" y="106"/>
                      </a:lnTo>
                      <a:lnTo>
                        <a:pt x="325" y="110"/>
                      </a:lnTo>
                      <a:lnTo>
                        <a:pt x="320" y="116"/>
                      </a:lnTo>
                      <a:lnTo>
                        <a:pt x="318" y="120"/>
                      </a:lnTo>
                      <a:lnTo>
                        <a:pt x="316" y="123"/>
                      </a:lnTo>
                      <a:lnTo>
                        <a:pt x="316" y="125"/>
                      </a:lnTo>
                      <a:lnTo>
                        <a:pt x="318" y="127"/>
                      </a:lnTo>
                      <a:lnTo>
                        <a:pt x="320" y="127"/>
                      </a:lnTo>
                      <a:lnTo>
                        <a:pt x="330" y="132"/>
                      </a:lnTo>
                      <a:lnTo>
                        <a:pt x="337" y="137"/>
                      </a:lnTo>
                      <a:lnTo>
                        <a:pt x="340" y="140"/>
                      </a:lnTo>
                      <a:lnTo>
                        <a:pt x="342" y="142"/>
                      </a:lnTo>
                      <a:lnTo>
                        <a:pt x="342" y="144"/>
                      </a:lnTo>
                      <a:lnTo>
                        <a:pt x="340" y="145"/>
                      </a:lnTo>
                      <a:lnTo>
                        <a:pt x="338" y="145"/>
                      </a:lnTo>
                      <a:lnTo>
                        <a:pt x="337" y="145"/>
                      </a:lnTo>
                      <a:lnTo>
                        <a:pt x="331" y="145"/>
                      </a:lnTo>
                      <a:lnTo>
                        <a:pt x="328" y="147"/>
                      </a:lnTo>
                      <a:lnTo>
                        <a:pt x="325" y="147"/>
                      </a:lnTo>
                      <a:lnTo>
                        <a:pt x="325" y="149"/>
                      </a:lnTo>
                      <a:lnTo>
                        <a:pt x="325" y="150"/>
                      </a:lnTo>
                      <a:lnTo>
                        <a:pt x="325" y="152"/>
                      </a:lnTo>
                      <a:lnTo>
                        <a:pt x="326" y="152"/>
                      </a:lnTo>
                      <a:lnTo>
                        <a:pt x="333" y="152"/>
                      </a:lnTo>
                      <a:lnTo>
                        <a:pt x="337" y="154"/>
                      </a:lnTo>
                      <a:lnTo>
                        <a:pt x="337" y="155"/>
                      </a:lnTo>
                      <a:lnTo>
                        <a:pt x="335" y="157"/>
                      </a:lnTo>
                      <a:lnTo>
                        <a:pt x="331" y="159"/>
                      </a:lnTo>
                      <a:lnTo>
                        <a:pt x="328" y="160"/>
                      </a:lnTo>
                      <a:lnTo>
                        <a:pt x="326" y="160"/>
                      </a:lnTo>
                      <a:lnTo>
                        <a:pt x="325" y="162"/>
                      </a:lnTo>
                      <a:lnTo>
                        <a:pt x="325" y="166"/>
                      </a:lnTo>
                      <a:lnTo>
                        <a:pt x="335" y="177"/>
                      </a:lnTo>
                      <a:lnTo>
                        <a:pt x="337" y="176"/>
                      </a:lnTo>
                      <a:lnTo>
                        <a:pt x="338" y="176"/>
                      </a:lnTo>
                      <a:lnTo>
                        <a:pt x="340" y="174"/>
                      </a:lnTo>
                      <a:lnTo>
                        <a:pt x="342" y="176"/>
                      </a:lnTo>
                      <a:lnTo>
                        <a:pt x="345" y="177"/>
                      </a:lnTo>
                      <a:lnTo>
                        <a:pt x="347" y="181"/>
                      </a:lnTo>
                      <a:lnTo>
                        <a:pt x="348" y="182"/>
                      </a:lnTo>
                      <a:lnTo>
                        <a:pt x="348" y="184"/>
                      </a:lnTo>
                      <a:lnTo>
                        <a:pt x="350" y="186"/>
                      </a:lnTo>
                      <a:lnTo>
                        <a:pt x="352" y="188"/>
                      </a:lnTo>
                      <a:lnTo>
                        <a:pt x="355" y="188"/>
                      </a:lnTo>
                      <a:lnTo>
                        <a:pt x="359" y="186"/>
                      </a:lnTo>
                      <a:lnTo>
                        <a:pt x="360" y="186"/>
                      </a:lnTo>
                      <a:lnTo>
                        <a:pt x="359" y="184"/>
                      </a:lnTo>
                      <a:lnTo>
                        <a:pt x="359" y="182"/>
                      </a:lnTo>
                      <a:lnTo>
                        <a:pt x="357" y="179"/>
                      </a:lnTo>
                      <a:lnTo>
                        <a:pt x="355" y="176"/>
                      </a:lnTo>
                      <a:lnTo>
                        <a:pt x="357" y="174"/>
                      </a:lnTo>
                      <a:lnTo>
                        <a:pt x="359" y="172"/>
                      </a:lnTo>
                      <a:lnTo>
                        <a:pt x="360" y="171"/>
                      </a:lnTo>
                      <a:lnTo>
                        <a:pt x="362" y="171"/>
                      </a:lnTo>
                      <a:lnTo>
                        <a:pt x="364" y="171"/>
                      </a:lnTo>
                      <a:lnTo>
                        <a:pt x="364" y="177"/>
                      </a:lnTo>
                      <a:lnTo>
                        <a:pt x="364" y="182"/>
                      </a:lnTo>
                      <a:lnTo>
                        <a:pt x="365" y="184"/>
                      </a:lnTo>
                      <a:lnTo>
                        <a:pt x="367" y="186"/>
                      </a:lnTo>
                      <a:lnTo>
                        <a:pt x="369" y="184"/>
                      </a:lnTo>
                      <a:lnTo>
                        <a:pt x="370" y="182"/>
                      </a:lnTo>
                      <a:lnTo>
                        <a:pt x="372" y="182"/>
                      </a:lnTo>
                      <a:lnTo>
                        <a:pt x="372" y="181"/>
                      </a:lnTo>
                      <a:lnTo>
                        <a:pt x="374" y="181"/>
                      </a:lnTo>
                      <a:lnTo>
                        <a:pt x="375" y="182"/>
                      </a:lnTo>
                      <a:lnTo>
                        <a:pt x="377" y="184"/>
                      </a:lnTo>
                      <a:lnTo>
                        <a:pt x="370" y="191"/>
                      </a:lnTo>
                      <a:lnTo>
                        <a:pt x="369" y="194"/>
                      </a:lnTo>
                      <a:lnTo>
                        <a:pt x="369" y="198"/>
                      </a:lnTo>
                      <a:lnTo>
                        <a:pt x="372" y="198"/>
                      </a:lnTo>
                      <a:lnTo>
                        <a:pt x="375" y="196"/>
                      </a:lnTo>
                      <a:lnTo>
                        <a:pt x="379" y="194"/>
                      </a:lnTo>
                      <a:lnTo>
                        <a:pt x="382" y="193"/>
                      </a:lnTo>
                      <a:lnTo>
                        <a:pt x="382" y="194"/>
                      </a:lnTo>
                      <a:lnTo>
                        <a:pt x="382" y="198"/>
                      </a:lnTo>
                      <a:lnTo>
                        <a:pt x="382" y="199"/>
                      </a:lnTo>
                      <a:lnTo>
                        <a:pt x="382" y="203"/>
                      </a:lnTo>
                      <a:lnTo>
                        <a:pt x="382" y="204"/>
                      </a:lnTo>
                      <a:lnTo>
                        <a:pt x="382" y="206"/>
                      </a:lnTo>
                      <a:lnTo>
                        <a:pt x="381" y="211"/>
                      </a:lnTo>
                      <a:lnTo>
                        <a:pt x="381" y="215"/>
                      </a:lnTo>
                      <a:lnTo>
                        <a:pt x="381" y="218"/>
                      </a:lnTo>
                      <a:lnTo>
                        <a:pt x="382" y="220"/>
                      </a:lnTo>
                      <a:lnTo>
                        <a:pt x="384" y="221"/>
                      </a:lnTo>
                      <a:lnTo>
                        <a:pt x="386" y="223"/>
                      </a:lnTo>
                      <a:lnTo>
                        <a:pt x="387" y="223"/>
                      </a:lnTo>
                      <a:lnTo>
                        <a:pt x="394" y="220"/>
                      </a:lnTo>
                      <a:lnTo>
                        <a:pt x="397" y="216"/>
                      </a:lnTo>
                      <a:lnTo>
                        <a:pt x="399" y="215"/>
                      </a:lnTo>
                      <a:lnTo>
                        <a:pt x="403" y="211"/>
                      </a:lnTo>
                      <a:lnTo>
                        <a:pt x="406" y="210"/>
                      </a:lnTo>
                      <a:lnTo>
                        <a:pt x="409" y="206"/>
                      </a:lnTo>
                      <a:lnTo>
                        <a:pt x="413" y="204"/>
                      </a:lnTo>
                      <a:lnTo>
                        <a:pt x="418" y="203"/>
                      </a:lnTo>
                      <a:lnTo>
                        <a:pt x="425" y="203"/>
                      </a:lnTo>
                      <a:lnTo>
                        <a:pt x="430" y="198"/>
                      </a:lnTo>
                      <a:lnTo>
                        <a:pt x="431" y="171"/>
                      </a:lnTo>
                      <a:lnTo>
                        <a:pt x="436" y="171"/>
                      </a:lnTo>
                      <a:lnTo>
                        <a:pt x="440" y="145"/>
                      </a:lnTo>
                      <a:lnTo>
                        <a:pt x="441" y="144"/>
                      </a:lnTo>
                      <a:lnTo>
                        <a:pt x="443" y="144"/>
                      </a:lnTo>
                      <a:lnTo>
                        <a:pt x="443" y="145"/>
                      </a:lnTo>
                      <a:lnTo>
                        <a:pt x="443" y="155"/>
                      </a:lnTo>
                      <a:lnTo>
                        <a:pt x="441" y="164"/>
                      </a:lnTo>
                      <a:lnTo>
                        <a:pt x="441" y="172"/>
                      </a:lnTo>
                      <a:lnTo>
                        <a:pt x="440" y="179"/>
                      </a:lnTo>
                      <a:lnTo>
                        <a:pt x="438" y="184"/>
                      </a:lnTo>
                      <a:lnTo>
                        <a:pt x="438" y="189"/>
                      </a:lnTo>
                      <a:lnTo>
                        <a:pt x="436" y="194"/>
                      </a:lnTo>
                      <a:lnTo>
                        <a:pt x="436" y="198"/>
                      </a:lnTo>
                      <a:lnTo>
                        <a:pt x="435" y="201"/>
                      </a:lnTo>
                      <a:lnTo>
                        <a:pt x="435" y="203"/>
                      </a:lnTo>
                      <a:lnTo>
                        <a:pt x="435" y="204"/>
                      </a:lnTo>
                      <a:lnTo>
                        <a:pt x="433" y="206"/>
                      </a:lnTo>
                      <a:lnTo>
                        <a:pt x="433" y="208"/>
                      </a:lnTo>
                      <a:lnTo>
                        <a:pt x="433" y="210"/>
                      </a:lnTo>
                      <a:lnTo>
                        <a:pt x="433" y="215"/>
                      </a:lnTo>
                      <a:lnTo>
                        <a:pt x="433" y="216"/>
                      </a:lnTo>
                      <a:lnTo>
                        <a:pt x="433" y="218"/>
                      </a:lnTo>
                      <a:lnTo>
                        <a:pt x="435" y="216"/>
                      </a:lnTo>
                      <a:lnTo>
                        <a:pt x="435" y="215"/>
                      </a:lnTo>
                      <a:lnTo>
                        <a:pt x="436" y="215"/>
                      </a:lnTo>
                      <a:lnTo>
                        <a:pt x="436" y="213"/>
                      </a:lnTo>
                      <a:lnTo>
                        <a:pt x="438" y="211"/>
                      </a:lnTo>
                      <a:lnTo>
                        <a:pt x="440" y="206"/>
                      </a:lnTo>
                      <a:lnTo>
                        <a:pt x="441" y="203"/>
                      </a:lnTo>
                      <a:lnTo>
                        <a:pt x="443" y="198"/>
                      </a:lnTo>
                      <a:lnTo>
                        <a:pt x="443" y="191"/>
                      </a:lnTo>
                      <a:lnTo>
                        <a:pt x="445" y="186"/>
                      </a:lnTo>
                      <a:lnTo>
                        <a:pt x="447" y="179"/>
                      </a:lnTo>
                      <a:lnTo>
                        <a:pt x="447" y="172"/>
                      </a:lnTo>
                      <a:lnTo>
                        <a:pt x="447" y="167"/>
                      </a:lnTo>
                      <a:lnTo>
                        <a:pt x="447" y="160"/>
                      </a:lnTo>
                      <a:lnTo>
                        <a:pt x="447" y="155"/>
                      </a:lnTo>
                      <a:lnTo>
                        <a:pt x="448" y="150"/>
                      </a:lnTo>
                      <a:lnTo>
                        <a:pt x="448" y="147"/>
                      </a:lnTo>
                      <a:lnTo>
                        <a:pt x="448" y="144"/>
                      </a:lnTo>
                      <a:lnTo>
                        <a:pt x="448" y="142"/>
                      </a:lnTo>
                      <a:lnTo>
                        <a:pt x="386" y="154"/>
                      </a:lnTo>
                      <a:lnTo>
                        <a:pt x="345" y="0"/>
                      </a:lnTo>
                      <a:lnTo>
                        <a:pt x="0" y="66"/>
                      </a:lnTo>
                      <a:lnTo>
                        <a:pt x="10" y="127"/>
                      </a:lnTo>
                      <a:lnTo>
                        <a:pt x="45" y="94"/>
                      </a:lnTo>
                      <a:lnTo>
                        <a:pt x="45" y="96"/>
                      </a:lnTo>
                      <a:lnTo>
                        <a:pt x="47" y="96"/>
                      </a:lnTo>
                      <a:lnTo>
                        <a:pt x="49" y="96"/>
                      </a:lnTo>
                      <a:lnTo>
                        <a:pt x="52" y="94"/>
                      </a:lnTo>
                      <a:lnTo>
                        <a:pt x="57" y="89"/>
                      </a:lnTo>
                      <a:lnTo>
                        <a:pt x="62" y="83"/>
                      </a:lnTo>
                      <a:lnTo>
                        <a:pt x="69" y="71"/>
                      </a:lnTo>
                      <a:lnTo>
                        <a:pt x="71" y="71"/>
                      </a:lnTo>
                      <a:lnTo>
                        <a:pt x="74" y="72"/>
                      </a:lnTo>
                      <a:lnTo>
                        <a:pt x="79" y="74"/>
                      </a:lnTo>
                      <a:lnTo>
                        <a:pt x="84" y="74"/>
                      </a:lnTo>
                      <a:lnTo>
                        <a:pt x="89" y="74"/>
                      </a:lnTo>
                      <a:lnTo>
                        <a:pt x="96" y="72"/>
                      </a:lnTo>
                      <a:lnTo>
                        <a:pt x="101" y="67"/>
                      </a:lnTo>
                      <a:lnTo>
                        <a:pt x="106" y="61"/>
                      </a:lnTo>
                      <a:lnTo>
                        <a:pt x="108" y="59"/>
                      </a:lnTo>
                      <a:lnTo>
                        <a:pt x="108" y="57"/>
                      </a:lnTo>
                      <a:lnTo>
                        <a:pt x="111" y="54"/>
                      </a:lnTo>
                      <a:lnTo>
                        <a:pt x="115" y="52"/>
                      </a:lnTo>
                      <a:lnTo>
                        <a:pt x="120" y="50"/>
                      </a:lnTo>
                      <a:lnTo>
                        <a:pt x="125" y="50"/>
                      </a:lnTo>
                      <a:lnTo>
                        <a:pt x="133" y="52"/>
                      </a:lnTo>
                      <a:lnTo>
                        <a:pt x="144" y="56"/>
                      </a:lnTo>
                      <a:lnTo>
                        <a:pt x="145" y="56"/>
                      </a:lnTo>
                      <a:lnTo>
                        <a:pt x="147" y="56"/>
                      </a:lnTo>
                      <a:lnTo>
                        <a:pt x="149" y="56"/>
                      </a:lnTo>
                      <a:lnTo>
                        <a:pt x="150" y="56"/>
                      </a:lnTo>
                      <a:lnTo>
                        <a:pt x="154" y="56"/>
                      </a:lnTo>
                      <a:lnTo>
                        <a:pt x="155" y="56"/>
                      </a:lnTo>
                      <a:lnTo>
                        <a:pt x="157" y="56"/>
                      </a:lnTo>
                      <a:lnTo>
                        <a:pt x="159" y="62"/>
                      </a:lnTo>
                      <a:lnTo>
                        <a:pt x="161" y="64"/>
                      </a:lnTo>
                      <a:lnTo>
                        <a:pt x="164" y="66"/>
                      </a:lnTo>
                      <a:lnTo>
                        <a:pt x="167" y="69"/>
                      </a:lnTo>
                      <a:lnTo>
                        <a:pt x="171" y="72"/>
                      </a:lnTo>
                      <a:lnTo>
                        <a:pt x="174" y="78"/>
                      </a:lnTo>
                      <a:lnTo>
                        <a:pt x="176" y="83"/>
                      </a:lnTo>
                      <a:lnTo>
                        <a:pt x="176" y="88"/>
                      </a:lnTo>
                      <a:lnTo>
                        <a:pt x="172" y="93"/>
                      </a:lnTo>
                      <a:lnTo>
                        <a:pt x="174" y="91"/>
                      </a:lnTo>
                      <a:lnTo>
                        <a:pt x="176" y="89"/>
                      </a:lnTo>
                      <a:lnTo>
                        <a:pt x="179" y="89"/>
                      </a:lnTo>
                      <a:lnTo>
                        <a:pt x="184" y="88"/>
                      </a:lnTo>
                      <a:lnTo>
                        <a:pt x="188" y="86"/>
                      </a:lnTo>
                      <a:lnTo>
                        <a:pt x="193" y="86"/>
                      </a:lnTo>
                      <a:lnTo>
                        <a:pt x="196" y="89"/>
                      </a:lnTo>
                      <a:lnTo>
                        <a:pt x="199" y="93"/>
                      </a:lnTo>
                      <a:lnTo>
                        <a:pt x="199" y="94"/>
                      </a:lnTo>
                      <a:lnTo>
                        <a:pt x="198" y="98"/>
                      </a:lnTo>
                      <a:lnTo>
                        <a:pt x="198" y="100"/>
                      </a:lnTo>
                      <a:lnTo>
                        <a:pt x="198" y="103"/>
                      </a:lnTo>
                      <a:lnTo>
                        <a:pt x="198" y="108"/>
                      </a:lnTo>
                      <a:lnTo>
                        <a:pt x="203" y="110"/>
                      </a:lnTo>
                      <a:lnTo>
                        <a:pt x="210" y="113"/>
                      </a:lnTo>
                      <a:lnTo>
                        <a:pt x="221" y="113"/>
                      </a:lnTo>
                      <a:lnTo>
                        <a:pt x="223" y="113"/>
                      </a:lnTo>
                      <a:lnTo>
                        <a:pt x="227" y="115"/>
                      </a:lnTo>
                      <a:lnTo>
                        <a:pt x="228" y="115"/>
                      </a:lnTo>
                      <a:lnTo>
                        <a:pt x="230" y="116"/>
                      </a:lnTo>
                      <a:lnTo>
                        <a:pt x="233" y="118"/>
                      </a:lnTo>
                      <a:lnTo>
                        <a:pt x="237" y="120"/>
                      </a:lnTo>
                      <a:lnTo>
                        <a:pt x="240" y="122"/>
                      </a:lnTo>
                      <a:lnTo>
                        <a:pt x="247" y="11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55" name="Freeform 75"/>
                <p:cNvSpPr>
                  <a:spLocks/>
                </p:cNvSpPr>
                <p:nvPr/>
              </p:nvSpPr>
              <p:spPr bwMode="auto">
                <a:xfrm>
                  <a:off x="4487" y="1686"/>
                  <a:ext cx="448" cy="223"/>
                </a:xfrm>
                <a:custGeom>
                  <a:avLst/>
                  <a:gdLst>
                    <a:gd name="T0" fmla="*/ 249 w 448"/>
                    <a:gd name="T1" fmla="*/ 155 h 223"/>
                    <a:gd name="T2" fmla="*/ 238 w 448"/>
                    <a:gd name="T3" fmla="*/ 189 h 223"/>
                    <a:gd name="T4" fmla="*/ 252 w 448"/>
                    <a:gd name="T5" fmla="*/ 186 h 223"/>
                    <a:gd name="T6" fmla="*/ 274 w 448"/>
                    <a:gd name="T7" fmla="*/ 201 h 223"/>
                    <a:gd name="T8" fmla="*/ 286 w 448"/>
                    <a:gd name="T9" fmla="*/ 201 h 223"/>
                    <a:gd name="T10" fmla="*/ 331 w 448"/>
                    <a:gd name="T11" fmla="*/ 216 h 223"/>
                    <a:gd name="T12" fmla="*/ 291 w 448"/>
                    <a:gd name="T13" fmla="*/ 167 h 223"/>
                    <a:gd name="T14" fmla="*/ 316 w 448"/>
                    <a:gd name="T15" fmla="*/ 182 h 223"/>
                    <a:gd name="T16" fmla="*/ 315 w 448"/>
                    <a:gd name="T17" fmla="*/ 172 h 223"/>
                    <a:gd name="T18" fmla="*/ 298 w 448"/>
                    <a:gd name="T19" fmla="*/ 132 h 223"/>
                    <a:gd name="T20" fmla="*/ 299 w 448"/>
                    <a:gd name="T21" fmla="*/ 106 h 223"/>
                    <a:gd name="T22" fmla="*/ 284 w 448"/>
                    <a:gd name="T23" fmla="*/ 72 h 223"/>
                    <a:gd name="T24" fmla="*/ 301 w 448"/>
                    <a:gd name="T25" fmla="*/ 59 h 223"/>
                    <a:gd name="T26" fmla="*/ 304 w 448"/>
                    <a:gd name="T27" fmla="*/ 56 h 223"/>
                    <a:gd name="T28" fmla="*/ 309 w 448"/>
                    <a:gd name="T29" fmla="*/ 57 h 223"/>
                    <a:gd name="T30" fmla="*/ 320 w 448"/>
                    <a:gd name="T31" fmla="*/ 35 h 223"/>
                    <a:gd name="T32" fmla="*/ 330 w 448"/>
                    <a:gd name="T33" fmla="*/ 20 h 223"/>
                    <a:gd name="T34" fmla="*/ 330 w 448"/>
                    <a:gd name="T35" fmla="*/ 35 h 223"/>
                    <a:gd name="T36" fmla="*/ 338 w 448"/>
                    <a:gd name="T37" fmla="*/ 34 h 223"/>
                    <a:gd name="T38" fmla="*/ 328 w 448"/>
                    <a:gd name="T39" fmla="*/ 47 h 223"/>
                    <a:gd name="T40" fmla="*/ 318 w 448"/>
                    <a:gd name="T41" fmla="*/ 89 h 223"/>
                    <a:gd name="T42" fmla="*/ 333 w 448"/>
                    <a:gd name="T43" fmla="*/ 71 h 223"/>
                    <a:gd name="T44" fmla="*/ 328 w 448"/>
                    <a:gd name="T45" fmla="*/ 88 h 223"/>
                    <a:gd name="T46" fmla="*/ 326 w 448"/>
                    <a:gd name="T47" fmla="*/ 103 h 223"/>
                    <a:gd name="T48" fmla="*/ 316 w 448"/>
                    <a:gd name="T49" fmla="*/ 125 h 223"/>
                    <a:gd name="T50" fmla="*/ 340 w 448"/>
                    <a:gd name="T51" fmla="*/ 140 h 223"/>
                    <a:gd name="T52" fmla="*/ 328 w 448"/>
                    <a:gd name="T53" fmla="*/ 147 h 223"/>
                    <a:gd name="T54" fmla="*/ 333 w 448"/>
                    <a:gd name="T55" fmla="*/ 152 h 223"/>
                    <a:gd name="T56" fmla="*/ 325 w 448"/>
                    <a:gd name="T57" fmla="*/ 166 h 223"/>
                    <a:gd name="T58" fmla="*/ 342 w 448"/>
                    <a:gd name="T59" fmla="*/ 176 h 223"/>
                    <a:gd name="T60" fmla="*/ 352 w 448"/>
                    <a:gd name="T61" fmla="*/ 188 h 223"/>
                    <a:gd name="T62" fmla="*/ 359 w 448"/>
                    <a:gd name="T63" fmla="*/ 182 h 223"/>
                    <a:gd name="T64" fmla="*/ 362 w 448"/>
                    <a:gd name="T65" fmla="*/ 171 h 223"/>
                    <a:gd name="T66" fmla="*/ 370 w 448"/>
                    <a:gd name="T67" fmla="*/ 182 h 223"/>
                    <a:gd name="T68" fmla="*/ 377 w 448"/>
                    <a:gd name="T69" fmla="*/ 184 h 223"/>
                    <a:gd name="T70" fmla="*/ 382 w 448"/>
                    <a:gd name="T71" fmla="*/ 193 h 223"/>
                    <a:gd name="T72" fmla="*/ 382 w 448"/>
                    <a:gd name="T73" fmla="*/ 206 h 223"/>
                    <a:gd name="T74" fmla="*/ 386 w 448"/>
                    <a:gd name="T75" fmla="*/ 223 h 223"/>
                    <a:gd name="T76" fmla="*/ 403 w 448"/>
                    <a:gd name="T77" fmla="*/ 211 h 223"/>
                    <a:gd name="T78" fmla="*/ 436 w 448"/>
                    <a:gd name="T79" fmla="*/ 171 h 223"/>
                    <a:gd name="T80" fmla="*/ 443 w 448"/>
                    <a:gd name="T81" fmla="*/ 155 h 223"/>
                    <a:gd name="T82" fmla="*/ 435 w 448"/>
                    <a:gd name="T83" fmla="*/ 201 h 223"/>
                    <a:gd name="T84" fmla="*/ 433 w 448"/>
                    <a:gd name="T85" fmla="*/ 210 h 223"/>
                    <a:gd name="T86" fmla="*/ 436 w 448"/>
                    <a:gd name="T87" fmla="*/ 213 h 223"/>
                    <a:gd name="T88" fmla="*/ 447 w 448"/>
                    <a:gd name="T89" fmla="*/ 179 h 223"/>
                    <a:gd name="T90" fmla="*/ 448 w 448"/>
                    <a:gd name="T91" fmla="*/ 142 h 223"/>
                    <a:gd name="T92" fmla="*/ 45 w 448"/>
                    <a:gd name="T93" fmla="*/ 94 h 223"/>
                    <a:gd name="T94" fmla="*/ 62 w 448"/>
                    <a:gd name="T95" fmla="*/ 83 h 223"/>
                    <a:gd name="T96" fmla="*/ 96 w 448"/>
                    <a:gd name="T97" fmla="*/ 72 h 223"/>
                    <a:gd name="T98" fmla="*/ 120 w 448"/>
                    <a:gd name="T99" fmla="*/ 50 h 223"/>
                    <a:gd name="T100" fmla="*/ 150 w 448"/>
                    <a:gd name="T101" fmla="*/ 56 h 223"/>
                    <a:gd name="T102" fmla="*/ 164 w 448"/>
                    <a:gd name="T103" fmla="*/ 66 h 223"/>
                    <a:gd name="T104" fmla="*/ 174 w 448"/>
                    <a:gd name="T105" fmla="*/ 91 h 223"/>
                    <a:gd name="T106" fmla="*/ 199 w 448"/>
                    <a:gd name="T107" fmla="*/ 93 h 223"/>
                    <a:gd name="T108" fmla="*/ 221 w 448"/>
                    <a:gd name="T109" fmla="*/ 113 h 223"/>
                    <a:gd name="T110" fmla="*/ 237 w 448"/>
                    <a:gd name="T111" fmla="*/ 120 h 223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w 448"/>
                    <a:gd name="T169" fmla="*/ 0 h 223"/>
                    <a:gd name="T170" fmla="*/ 448 w 448"/>
                    <a:gd name="T171" fmla="*/ 223 h 223"/>
                  </a:gdLst>
                  <a:ahLst/>
                  <a:cxnLst>
                    <a:cxn ang="T112">
                      <a:pos x="T0" y="T1"/>
                    </a:cxn>
                    <a:cxn ang="T113">
                      <a:pos x="T2" y="T3"/>
                    </a:cxn>
                    <a:cxn ang="T114">
                      <a:pos x="T4" y="T5"/>
                    </a:cxn>
                    <a:cxn ang="T115">
                      <a:pos x="T6" y="T7"/>
                    </a:cxn>
                    <a:cxn ang="T116">
                      <a:pos x="T8" y="T9"/>
                    </a:cxn>
                    <a:cxn ang="T117">
                      <a:pos x="T10" y="T11"/>
                    </a:cxn>
                    <a:cxn ang="T118">
                      <a:pos x="T12" y="T13"/>
                    </a:cxn>
                    <a:cxn ang="T119">
                      <a:pos x="T14" y="T15"/>
                    </a:cxn>
                    <a:cxn ang="T120">
                      <a:pos x="T16" y="T17"/>
                    </a:cxn>
                    <a:cxn ang="T121">
                      <a:pos x="T18" y="T19"/>
                    </a:cxn>
                    <a:cxn ang="T122">
                      <a:pos x="T20" y="T21"/>
                    </a:cxn>
                    <a:cxn ang="T123">
                      <a:pos x="T22" y="T23"/>
                    </a:cxn>
                    <a:cxn ang="T124">
                      <a:pos x="T24" y="T25"/>
                    </a:cxn>
                    <a:cxn ang="T125">
                      <a:pos x="T26" y="T27"/>
                    </a:cxn>
                    <a:cxn ang="T126">
                      <a:pos x="T28" y="T29"/>
                    </a:cxn>
                    <a:cxn ang="T127">
                      <a:pos x="T30" y="T31"/>
                    </a:cxn>
                    <a:cxn ang="T128">
                      <a:pos x="T32" y="T33"/>
                    </a:cxn>
                    <a:cxn ang="T129">
                      <a:pos x="T34" y="T35"/>
                    </a:cxn>
                    <a:cxn ang="T130">
                      <a:pos x="T36" y="T37"/>
                    </a:cxn>
                    <a:cxn ang="T131">
                      <a:pos x="T38" y="T39"/>
                    </a:cxn>
                    <a:cxn ang="T132">
                      <a:pos x="T40" y="T41"/>
                    </a:cxn>
                    <a:cxn ang="T133">
                      <a:pos x="T42" y="T43"/>
                    </a:cxn>
                    <a:cxn ang="T134">
                      <a:pos x="T44" y="T45"/>
                    </a:cxn>
                    <a:cxn ang="T135">
                      <a:pos x="T46" y="T47"/>
                    </a:cxn>
                    <a:cxn ang="T136">
                      <a:pos x="T48" y="T49"/>
                    </a:cxn>
                    <a:cxn ang="T137">
                      <a:pos x="T50" y="T51"/>
                    </a:cxn>
                    <a:cxn ang="T138">
                      <a:pos x="T52" y="T53"/>
                    </a:cxn>
                    <a:cxn ang="T139">
                      <a:pos x="T54" y="T55"/>
                    </a:cxn>
                    <a:cxn ang="T140">
                      <a:pos x="T56" y="T57"/>
                    </a:cxn>
                    <a:cxn ang="T141">
                      <a:pos x="T58" y="T59"/>
                    </a:cxn>
                    <a:cxn ang="T142">
                      <a:pos x="T60" y="T61"/>
                    </a:cxn>
                    <a:cxn ang="T143">
                      <a:pos x="T62" y="T63"/>
                    </a:cxn>
                    <a:cxn ang="T144">
                      <a:pos x="T64" y="T65"/>
                    </a:cxn>
                    <a:cxn ang="T145">
                      <a:pos x="T66" y="T67"/>
                    </a:cxn>
                    <a:cxn ang="T146">
                      <a:pos x="T68" y="T69"/>
                    </a:cxn>
                    <a:cxn ang="T147">
                      <a:pos x="T70" y="T71"/>
                    </a:cxn>
                    <a:cxn ang="T148">
                      <a:pos x="T72" y="T73"/>
                    </a:cxn>
                    <a:cxn ang="T149">
                      <a:pos x="T74" y="T75"/>
                    </a:cxn>
                    <a:cxn ang="T150">
                      <a:pos x="T76" y="T77"/>
                    </a:cxn>
                    <a:cxn ang="T151">
                      <a:pos x="T78" y="T79"/>
                    </a:cxn>
                    <a:cxn ang="T152">
                      <a:pos x="T80" y="T81"/>
                    </a:cxn>
                    <a:cxn ang="T153">
                      <a:pos x="T82" y="T83"/>
                    </a:cxn>
                    <a:cxn ang="T154">
                      <a:pos x="T84" y="T85"/>
                    </a:cxn>
                    <a:cxn ang="T155">
                      <a:pos x="T86" y="T87"/>
                    </a:cxn>
                    <a:cxn ang="T156">
                      <a:pos x="T88" y="T89"/>
                    </a:cxn>
                    <a:cxn ang="T157">
                      <a:pos x="T90" y="T91"/>
                    </a:cxn>
                    <a:cxn ang="T158">
                      <a:pos x="T92" y="T93"/>
                    </a:cxn>
                    <a:cxn ang="T159">
                      <a:pos x="T94" y="T95"/>
                    </a:cxn>
                    <a:cxn ang="T160">
                      <a:pos x="T96" y="T97"/>
                    </a:cxn>
                    <a:cxn ang="T161">
                      <a:pos x="T98" y="T99"/>
                    </a:cxn>
                    <a:cxn ang="T162">
                      <a:pos x="T100" y="T101"/>
                    </a:cxn>
                    <a:cxn ang="T163">
                      <a:pos x="T102" y="T103"/>
                    </a:cxn>
                    <a:cxn ang="T164">
                      <a:pos x="T104" y="T105"/>
                    </a:cxn>
                    <a:cxn ang="T165">
                      <a:pos x="T106" y="T107"/>
                    </a:cxn>
                    <a:cxn ang="T166">
                      <a:pos x="T108" y="T109"/>
                    </a:cxn>
                    <a:cxn ang="T167">
                      <a:pos x="T110" y="T111"/>
                    </a:cxn>
                  </a:cxnLst>
                  <a:rect l="T168" t="T169" r="T170" b="T171"/>
                  <a:pathLst>
                    <a:path w="448" h="223">
                      <a:moveTo>
                        <a:pt x="247" y="115"/>
                      </a:moveTo>
                      <a:lnTo>
                        <a:pt x="260" y="123"/>
                      </a:lnTo>
                      <a:lnTo>
                        <a:pt x="252" y="137"/>
                      </a:lnTo>
                      <a:lnTo>
                        <a:pt x="252" y="145"/>
                      </a:lnTo>
                      <a:lnTo>
                        <a:pt x="252" y="147"/>
                      </a:lnTo>
                      <a:lnTo>
                        <a:pt x="250" y="150"/>
                      </a:lnTo>
                      <a:lnTo>
                        <a:pt x="249" y="155"/>
                      </a:lnTo>
                      <a:lnTo>
                        <a:pt x="245" y="162"/>
                      </a:lnTo>
                      <a:lnTo>
                        <a:pt x="243" y="169"/>
                      </a:lnTo>
                      <a:lnTo>
                        <a:pt x="240" y="176"/>
                      </a:lnTo>
                      <a:lnTo>
                        <a:pt x="238" y="179"/>
                      </a:lnTo>
                      <a:lnTo>
                        <a:pt x="238" y="181"/>
                      </a:lnTo>
                      <a:lnTo>
                        <a:pt x="237" y="186"/>
                      </a:lnTo>
                      <a:lnTo>
                        <a:pt x="238" y="189"/>
                      </a:lnTo>
                      <a:lnTo>
                        <a:pt x="240" y="193"/>
                      </a:lnTo>
                      <a:lnTo>
                        <a:pt x="242" y="193"/>
                      </a:lnTo>
                      <a:lnTo>
                        <a:pt x="243" y="193"/>
                      </a:lnTo>
                      <a:lnTo>
                        <a:pt x="247" y="193"/>
                      </a:lnTo>
                      <a:lnTo>
                        <a:pt x="249" y="191"/>
                      </a:lnTo>
                      <a:lnTo>
                        <a:pt x="250" y="191"/>
                      </a:lnTo>
                      <a:lnTo>
                        <a:pt x="252" y="186"/>
                      </a:lnTo>
                      <a:lnTo>
                        <a:pt x="255" y="182"/>
                      </a:lnTo>
                      <a:lnTo>
                        <a:pt x="257" y="182"/>
                      </a:lnTo>
                      <a:lnTo>
                        <a:pt x="259" y="182"/>
                      </a:lnTo>
                      <a:lnTo>
                        <a:pt x="260" y="184"/>
                      </a:lnTo>
                      <a:lnTo>
                        <a:pt x="262" y="186"/>
                      </a:lnTo>
                      <a:lnTo>
                        <a:pt x="264" y="188"/>
                      </a:lnTo>
                      <a:lnTo>
                        <a:pt x="274" y="201"/>
                      </a:lnTo>
                      <a:lnTo>
                        <a:pt x="277" y="201"/>
                      </a:lnTo>
                      <a:lnTo>
                        <a:pt x="277" y="193"/>
                      </a:lnTo>
                      <a:lnTo>
                        <a:pt x="282" y="193"/>
                      </a:lnTo>
                      <a:lnTo>
                        <a:pt x="282" y="194"/>
                      </a:lnTo>
                      <a:lnTo>
                        <a:pt x="284" y="198"/>
                      </a:lnTo>
                      <a:lnTo>
                        <a:pt x="284" y="201"/>
                      </a:lnTo>
                      <a:lnTo>
                        <a:pt x="286" y="201"/>
                      </a:lnTo>
                      <a:lnTo>
                        <a:pt x="298" y="201"/>
                      </a:lnTo>
                      <a:lnTo>
                        <a:pt x="308" y="203"/>
                      </a:lnTo>
                      <a:lnTo>
                        <a:pt x="316" y="204"/>
                      </a:lnTo>
                      <a:lnTo>
                        <a:pt x="321" y="208"/>
                      </a:lnTo>
                      <a:lnTo>
                        <a:pt x="326" y="211"/>
                      </a:lnTo>
                      <a:lnTo>
                        <a:pt x="330" y="215"/>
                      </a:lnTo>
                      <a:lnTo>
                        <a:pt x="331" y="216"/>
                      </a:lnTo>
                      <a:lnTo>
                        <a:pt x="331" y="218"/>
                      </a:lnTo>
                      <a:lnTo>
                        <a:pt x="335" y="210"/>
                      </a:lnTo>
                      <a:lnTo>
                        <a:pt x="326" y="199"/>
                      </a:lnTo>
                      <a:lnTo>
                        <a:pt x="325" y="191"/>
                      </a:lnTo>
                      <a:lnTo>
                        <a:pt x="313" y="188"/>
                      </a:lnTo>
                      <a:lnTo>
                        <a:pt x="299" y="179"/>
                      </a:lnTo>
                      <a:lnTo>
                        <a:pt x="289" y="171"/>
                      </a:lnTo>
                      <a:lnTo>
                        <a:pt x="291" y="167"/>
                      </a:lnTo>
                      <a:lnTo>
                        <a:pt x="299" y="174"/>
                      </a:lnTo>
                      <a:lnTo>
                        <a:pt x="301" y="174"/>
                      </a:lnTo>
                      <a:lnTo>
                        <a:pt x="303" y="176"/>
                      </a:lnTo>
                      <a:lnTo>
                        <a:pt x="306" y="176"/>
                      </a:lnTo>
                      <a:lnTo>
                        <a:pt x="308" y="177"/>
                      </a:lnTo>
                      <a:lnTo>
                        <a:pt x="316" y="182"/>
                      </a:lnTo>
                      <a:lnTo>
                        <a:pt x="321" y="184"/>
                      </a:lnTo>
                      <a:lnTo>
                        <a:pt x="323" y="182"/>
                      </a:lnTo>
                      <a:lnTo>
                        <a:pt x="323" y="181"/>
                      </a:lnTo>
                      <a:lnTo>
                        <a:pt x="321" y="177"/>
                      </a:lnTo>
                      <a:lnTo>
                        <a:pt x="318" y="176"/>
                      </a:lnTo>
                      <a:lnTo>
                        <a:pt x="316" y="172"/>
                      </a:lnTo>
                      <a:lnTo>
                        <a:pt x="315" y="172"/>
                      </a:lnTo>
                      <a:lnTo>
                        <a:pt x="311" y="167"/>
                      </a:lnTo>
                      <a:lnTo>
                        <a:pt x="308" y="164"/>
                      </a:lnTo>
                      <a:lnTo>
                        <a:pt x="304" y="159"/>
                      </a:lnTo>
                      <a:lnTo>
                        <a:pt x="303" y="154"/>
                      </a:lnTo>
                      <a:lnTo>
                        <a:pt x="299" y="149"/>
                      </a:lnTo>
                      <a:lnTo>
                        <a:pt x="299" y="142"/>
                      </a:lnTo>
                      <a:lnTo>
                        <a:pt x="298" y="137"/>
                      </a:lnTo>
                      <a:lnTo>
                        <a:pt x="298" y="132"/>
                      </a:lnTo>
                      <a:lnTo>
                        <a:pt x="298" y="127"/>
                      </a:lnTo>
                      <a:lnTo>
                        <a:pt x="298" y="122"/>
                      </a:lnTo>
                      <a:lnTo>
                        <a:pt x="298" y="118"/>
                      </a:lnTo>
                      <a:lnTo>
                        <a:pt x="299" y="115"/>
                      </a:lnTo>
                      <a:lnTo>
                        <a:pt x="299" y="111"/>
                      </a:lnTo>
                      <a:lnTo>
                        <a:pt x="299" y="108"/>
                      </a:lnTo>
                      <a:lnTo>
                        <a:pt x="299" y="106"/>
                      </a:lnTo>
                      <a:lnTo>
                        <a:pt x="299" y="98"/>
                      </a:lnTo>
                      <a:lnTo>
                        <a:pt x="296" y="93"/>
                      </a:lnTo>
                      <a:lnTo>
                        <a:pt x="294" y="86"/>
                      </a:lnTo>
                      <a:lnTo>
                        <a:pt x="291" y="81"/>
                      </a:lnTo>
                      <a:lnTo>
                        <a:pt x="287" y="78"/>
                      </a:lnTo>
                      <a:lnTo>
                        <a:pt x="286" y="74"/>
                      </a:lnTo>
                      <a:lnTo>
                        <a:pt x="284" y="72"/>
                      </a:lnTo>
                      <a:lnTo>
                        <a:pt x="282" y="72"/>
                      </a:lnTo>
                      <a:lnTo>
                        <a:pt x="296" y="72"/>
                      </a:lnTo>
                      <a:lnTo>
                        <a:pt x="301" y="67"/>
                      </a:lnTo>
                      <a:lnTo>
                        <a:pt x="301" y="66"/>
                      </a:lnTo>
                      <a:lnTo>
                        <a:pt x="301" y="64"/>
                      </a:lnTo>
                      <a:lnTo>
                        <a:pt x="301" y="61"/>
                      </a:lnTo>
                      <a:lnTo>
                        <a:pt x="301" y="59"/>
                      </a:lnTo>
                      <a:lnTo>
                        <a:pt x="299" y="56"/>
                      </a:lnTo>
                      <a:lnTo>
                        <a:pt x="298" y="52"/>
                      </a:lnTo>
                      <a:lnTo>
                        <a:pt x="299" y="52"/>
                      </a:lnTo>
                      <a:lnTo>
                        <a:pt x="301" y="52"/>
                      </a:lnTo>
                      <a:lnTo>
                        <a:pt x="303" y="52"/>
                      </a:lnTo>
                      <a:lnTo>
                        <a:pt x="303" y="54"/>
                      </a:lnTo>
                      <a:lnTo>
                        <a:pt x="304" y="56"/>
                      </a:lnTo>
                      <a:lnTo>
                        <a:pt x="306" y="59"/>
                      </a:lnTo>
                      <a:lnTo>
                        <a:pt x="306" y="61"/>
                      </a:lnTo>
                      <a:lnTo>
                        <a:pt x="308" y="61"/>
                      </a:lnTo>
                      <a:lnTo>
                        <a:pt x="309" y="59"/>
                      </a:lnTo>
                      <a:lnTo>
                        <a:pt x="309" y="57"/>
                      </a:lnTo>
                      <a:lnTo>
                        <a:pt x="311" y="56"/>
                      </a:lnTo>
                      <a:lnTo>
                        <a:pt x="321" y="42"/>
                      </a:lnTo>
                      <a:lnTo>
                        <a:pt x="320" y="40"/>
                      </a:lnTo>
                      <a:lnTo>
                        <a:pt x="320" y="39"/>
                      </a:lnTo>
                      <a:lnTo>
                        <a:pt x="320" y="35"/>
                      </a:lnTo>
                      <a:lnTo>
                        <a:pt x="320" y="34"/>
                      </a:lnTo>
                      <a:lnTo>
                        <a:pt x="320" y="32"/>
                      </a:lnTo>
                      <a:lnTo>
                        <a:pt x="320" y="28"/>
                      </a:lnTo>
                      <a:lnTo>
                        <a:pt x="325" y="23"/>
                      </a:lnTo>
                      <a:lnTo>
                        <a:pt x="328" y="22"/>
                      </a:lnTo>
                      <a:lnTo>
                        <a:pt x="330" y="20"/>
                      </a:lnTo>
                      <a:lnTo>
                        <a:pt x="331" y="22"/>
                      </a:lnTo>
                      <a:lnTo>
                        <a:pt x="331" y="23"/>
                      </a:lnTo>
                      <a:lnTo>
                        <a:pt x="331" y="25"/>
                      </a:lnTo>
                      <a:lnTo>
                        <a:pt x="331" y="27"/>
                      </a:lnTo>
                      <a:lnTo>
                        <a:pt x="330" y="27"/>
                      </a:lnTo>
                      <a:lnTo>
                        <a:pt x="330" y="32"/>
                      </a:lnTo>
                      <a:lnTo>
                        <a:pt x="330" y="35"/>
                      </a:lnTo>
                      <a:lnTo>
                        <a:pt x="333" y="35"/>
                      </a:lnTo>
                      <a:lnTo>
                        <a:pt x="335" y="34"/>
                      </a:lnTo>
                      <a:lnTo>
                        <a:pt x="337" y="32"/>
                      </a:lnTo>
                      <a:lnTo>
                        <a:pt x="338" y="30"/>
                      </a:lnTo>
                      <a:lnTo>
                        <a:pt x="340" y="30"/>
                      </a:lnTo>
                      <a:lnTo>
                        <a:pt x="338" y="34"/>
                      </a:lnTo>
                      <a:lnTo>
                        <a:pt x="338" y="37"/>
                      </a:lnTo>
                      <a:lnTo>
                        <a:pt x="337" y="39"/>
                      </a:lnTo>
                      <a:lnTo>
                        <a:pt x="333" y="42"/>
                      </a:lnTo>
                      <a:lnTo>
                        <a:pt x="331" y="44"/>
                      </a:lnTo>
                      <a:lnTo>
                        <a:pt x="330" y="45"/>
                      </a:lnTo>
                      <a:lnTo>
                        <a:pt x="330" y="47"/>
                      </a:lnTo>
                      <a:lnTo>
                        <a:pt x="328" y="47"/>
                      </a:lnTo>
                      <a:lnTo>
                        <a:pt x="323" y="52"/>
                      </a:lnTo>
                      <a:lnTo>
                        <a:pt x="320" y="59"/>
                      </a:lnTo>
                      <a:lnTo>
                        <a:pt x="316" y="66"/>
                      </a:lnTo>
                      <a:lnTo>
                        <a:pt x="316" y="72"/>
                      </a:lnTo>
                      <a:lnTo>
                        <a:pt x="316" y="79"/>
                      </a:lnTo>
                      <a:lnTo>
                        <a:pt x="316" y="84"/>
                      </a:lnTo>
                      <a:lnTo>
                        <a:pt x="318" y="88"/>
                      </a:lnTo>
                      <a:lnTo>
                        <a:pt x="318" y="89"/>
                      </a:lnTo>
                      <a:lnTo>
                        <a:pt x="321" y="88"/>
                      </a:lnTo>
                      <a:lnTo>
                        <a:pt x="323" y="86"/>
                      </a:lnTo>
                      <a:lnTo>
                        <a:pt x="326" y="83"/>
                      </a:lnTo>
                      <a:lnTo>
                        <a:pt x="328" y="79"/>
                      </a:lnTo>
                      <a:lnTo>
                        <a:pt x="330" y="76"/>
                      </a:lnTo>
                      <a:lnTo>
                        <a:pt x="331" y="72"/>
                      </a:lnTo>
                      <a:lnTo>
                        <a:pt x="333" y="71"/>
                      </a:lnTo>
                      <a:lnTo>
                        <a:pt x="333" y="69"/>
                      </a:lnTo>
                      <a:lnTo>
                        <a:pt x="335" y="72"/>
                      </a:lnTo>
                      <a:lnTo>
                        <a:pt x="335" y="76"/>
                      </a:lnTo>
                      <a:lnTo>
                        <a:pt x="333" y="79"/>
                      </a:lnTo>
                      <a:lnTo>
                        <a:pt x="331" y="83"/>
                      </a:lnTo>
                      <a:lnTo>
                        <a:pt x="330" y="86"/>
                      </a:lnTo>
                      <a:lnTo>
                        <a:pt x="328" y="88"/>
                      </a:lnTo>
                      <a:lnTo>
                        <a:pt x="328" y="89"/>
                      </a:lnTo>
                      <a:lnTo>
                        <a:pt x="326" y="89"/>
                      </a:lnTo>
                      <a:lnTo>
                        <a:pt x="326" y="91"/>
                      </a:lnTo>
                      <a:lnTo>
                        <a:pt x="326" y="93"/>
                      </a:lnTo>
                      <a:lnTo>
                        <a:pt x="326" y="96"/>
                      </a:lnTo>
                      <a:lnTo>
                        <a:pt x="326" y="100"/>
                      </a:lnTo>
                      <a:lnTo>
                        <a:pt x="326" y="103"/>
                      </a:lnTo>
                      <a:lnTo>
                        <a:pt x="326" y="106"/>
                      </a:lnTo>
                      <a:lnTo>
                        <a:pt x="325" y="110"/>
                      </a:lnTo>
                      <a:lnTo>
                        <a:pt x="320" y="116"/>
                      </a:lnTo>
                      <a:lnTo>
                        <a:pt x="318" y="120"/>
                      </a:lnTo>
                      <a:lnTo>
                        <a:pt x="316" y="123"/>
                      </a:lnTo>
                      <a:lnTo>
                        <a:pt x="316" y="125"/>
                      </a:lnTo>
                      <a:lnTo>
                        <a:pt x="318" y="127"/>
                      </a:lnTo>
                      <a:lnTo>
                        <a:pt x="320" y="127"/>
                      </a:lnTo>
                      <a:lnTo>
                        <a:pt x="330" y="132"/>
                      </a:lnTo>
                      <a:lnTo>
                        <a:pt x="337" y="137"/>
                      </a:lnTo>
                      <a:lnTo>
                        <a:pt x="340" y="140"/>
                      </a:lnTo>
                      <a:lnTo>
                        <a:pt x="342" y="142"/>
                      </a:lnTo>
                      <a:lnTo>
                        <a:pt x="342" y="144"/>
                      </a:lnTo>
                      <a:lnTo>
                        <a:pt x="340" y="145"/>
                      </a:lnTo>
                      <a:lnTo>
                        <a:pt x="338" y="145"/>
                      </a:lnTo>
                      <a:lnTo>
                        <a:pt x="337" y="145"/>
                      </a:lnTo>
                      <a:lnTo>
                        <a:pt x="331" y="145"/>
                      </a:lnTo>
                      <a:lnTo>
                        <a:pt x="328" y="147"/>
                      </a:lnTo>
                      <a:lnTo>
                        <a:pt x="325" y="147"/>
                      </a:lnTo>
                      <a:lnTo>
                        <a:pt x="325" y="149"/>
                      </a:lnTo>
                      <a:lnTo>
                        <a:pt x="325" y="150"/>
                      </a:lnTo>
                      <a:lnTo>
                        <a:pt x="325" y="152"/>
                      </a:lnTo>
                      <a:lnTo>
                        <a:pt x="326" y="152"/>
                      </a:lnTo>
                      <a:lnTo>
                        <a:pt x="333" y="152"/>
                      </a:lnTo>
                      <a:lnTo>
                        <a:pt x="337" y="154"/>
                      </a:lnTo>
                      <a:lnTo>
                        <a:pt x="337" y="155"/>
                      </a:lnTo>
                      <a:lnTo>
                        <a:pt x="335" y="157"/>
                      </a:lnTo>
                      <a:lnTo>
                        <a:pt x="331" y="159"/>
                      </a:lnTo>
                      <a:lnTo>
                        <a:pt x="328" y="160"/>
                      </a:lnTo>
                      <a:lnTo>
                        <a:pt x="326" y="160"/>
                      </a:lnTo>
                      <a:lnTo>
                        <a:pt x="325" y="162"/>
                      </a:lnTo>
                      <a:lnTo>
                        <a:pt x="325" y="166"/>
                      </a:lnTo>
                      <a:lnTo>
                        <a:pt x="335" y="177"/>
                      </a:lnTo>
                      <a:lnTo>
                        <a:pt x="337" y="176"/>
                      </a:lnTo>
                      <a:lnTo>
                        <a:pt x="338" y="176"/>
                      </a:lnTo>
                      <a:lnTo>
                        <a:pt x="340" y="174"/>
                      </a:lnTo>
                      <a:lnTo>
                        <a:pt x="342" y="176"/>
                      </a:lnTo>
                      <a:lnTo>
                        <a:pt x="345" y="177"/>
                      </a:lnTo>
                      <a:lnTo>
                        <a:pt x="347" y="181"/>
                      </a:lnTo>
                      <a:lnTo>
                        <a:pt x="348" y="182"/>
                      </a:lnTo>
                      <a:lnTo>
                        <a:pt x="348" y="184"/>
                      </a:lnTo>
                      <a:lnTo>
                        <a:pt x="350" y="186"/>
                      </a:lnTo>
                      <a:lnTo>
                        <a:pt x="352" y="188"/>
                      </a:lnTo>
                      <a:lnTo>
                        <a:pt x="355" y="188"/>
                      </a:lnTo>
                      <a:lnTo>
                        <a:pt x="359" y="186"/>
                      </a:lnTo>
                      <a:lnTo>
                        <a:pt x="360" y="186"/>
                      </a:lnTo>
                      <a:lnTo>
                        <a:pt x="359" y="184"/>
                      </a:lnTo>
                      <a:lnTo>
                        <a:pt x="359" y="182"/>
                      </a:lnTo>
                      <a:lnTo>
                        <a:pt x="357" y="179"/>
                      </a:lnTo>
                      <a:lnTo>
                        <a:pt x="355" y="176"/>
                      </a:lnTo>
                      <a:lnTo>
                        <a:pt x="357" y="174"/>
                      </a:lnTo>
                      <a:lnTo>
                        <a:pt x="359" y="172"/>
                      </a:lnTo>
                      <a:lnTo>
                        <a:pt x="360" y="171"/>
                      </a:lnTo>
                      <a:lnTo>
                        <a:pt x="362" y="171"/>
                      </a:lnTo>
                      <a:lnTo>
                        <a:pt x="364" y="171"/>
                      </a:lnTo>
                      <a:lnTo>
                        <a:pt x="364" y="177"/>
                      </a:lnTo>
                      <a:lnTo>
                        <a:pt x="364" y="182"/>
                      </a:lnTo>
                      <a:lnTo>
                        <a:pt x="365" y="184"/>
                      </a:lnTo>
                      <a:lnTo>
                        <a:pt x="367" y="186"/>
                      </a:lnTo>
                      <a:lnTo>
                        <a:pt x="369" y="184"/>
                      </a:lnTo>
                      <a:lnTo>
                        <a:pt x="370" y="182"/>
                      </a:lnTo>
                      <a:lnTo>
                        <a:pt x="372" y="182"/>
                      </a:lnTo>
                      <a:lnTo>
                        <a:pt x="372" y="181"/>
                      </a:lnTo>
                      <a:lnTo>
                        <a:pt x="374" y="181"/>
                      </a:lnTo>
                      <a:lnTo>
                        <a:pt x="375" y="182"/>
                      </a:lnTo>
                      <a:lnTo>
                        <a:pt x="377" y="184"/>
                      </a:lnTo>
                      <a:lnTo>
                        <a:pt x="370" y="191"/>
                      </a:lnTo>
                      <a:lnTo>
                        <a:pt x="369" y="194"/>
                      </a:lnTo>
                      <a:lnTo>
                        <a:pt x="369" y="198"/>
                      </a:lnTo>
                      <a:lnTo>
                        <a:pt x="372" y="198"/>
                      </a:lnTo>
                      <a:lnTo>
                        <a:pt x="375" y="196"/>
                      </a:lnTo>
                      <a:lnTo>
                        <a:pt x="379" y="194"/>
                      </a:lnTo>
                      <a:lnTo>
                        <a:pt x="382" y="193"/>
                      </a:lnTo>
                      <a:lnTo>
                        <a:pt x="382" y="194"/>
                      </a:lnTo>
                      <a:lnTo>
                        <a:pt x="382" y="198"/>
                      </a:lnTo>
                      <a:lnTo>
                        <a:pt x="382" y="199"/>
                      </a:lnTo>
                      <a:lnTo>
                        <a:pt x="382" y="203"/>
                      </a:lnTo>
                      <a:lnTo>
                        <a:pt x="382" y="204"/>
                      </a:lnTo>
                      <a:lnTo>
                        <a:pt x="382" y="206"/>
                      </a:lnTo>
                      <a:lnTo>
                        <a:pt x="381" y="211"/>
                      </a:lnTo>
                      <a:lnTo>
                        <a:pt x="381" y="215"/>
                      </a:lnTo>
                      <a:lnTo>
                        <a:pt x="381" y="218"/>
                      </a:lnTo>
                      <a:lnTo>
                        <a:pt x="382" y="220"/>
                      </a:lnTo>
                      <a:lnTo>
                        <a:pt x="384" y="221"/>
                      </a:lnTo>
                      <a:lnTo>
                        <a:pt x="386" y="223"/>
                      </a:lnTo>
                      <a:lnTo>
                        <a:pt x="387" y="223"/>
                      </a:lnTo>
                      <a:lnTo>
                        <a:pt x="394" y="220"/>
                      </a:lnTo>
                      <a:lnTo>
                        <a:pt x="397" y="216"/>
                      </a:lnTo>
                      <a:lnTo>
                        <a:pt x="399" y="215"/>
                      </a:lnTo>
                      <a:lnTo>
                        <a:pt x="403" y="211"/>
                      </a:lnTo>
                      <a:lnTo>
                        <a:pt x="406" y="210"/>
                      </a:lnTo>
                      <a:lnTo>
                        <a:pt x="409" y="206"/>
                      </a:lnTo>
                      <a:lnTo>
                        <a:pt x="413" y="204"/>
                      </a:lnTo>
                      <a:lnTo>
                        <a:pt x="418" y="203"/>
                      </a:lnTo>
                      <a:lnTo>
                        <a:pt x="425" y="203"/>
                      </a:lnTo>
                      <a:lnTo>
                        <a:pt x="430" y="198"/>
                      </a:lnTo>
                      <a:lnTo>
                        <a:pt x="431" y="171"/>
                      </a:lnTo>
                      <a:lnTo>
                        <a:pt x="436" y="171"/>
                      </a:lnTo>
                      <a:lnTo>
                        <a:pt x="440" y="145"/>
                      </a:lnTo>
                      <a:lnTo>
                        <a:pt x="441" y="144"/>
                      </a:lnTo>
                      <a:lnTo>
                        <a:pt x="443" y="144"/>
                      </a:lnTo>
                      <a:lnTo>
                        <a:pt x="443" y="145"/>
                      </a:lnTo>
                      <a:lnTo>
                        <a:pt x="443" y="155"/>
                      </a:lnTo>
                      <a:lnTo>
                        <a:pt x="441" y="164"/>
                      </a:lnTo>
                      <a:lnTo>
                        <a:pt x="441" y="172"/>
                      </a:lnTo>
                      <a:lnTo>
                        <a:pt x="440" y="179"/>
                      </a:lnTo>
                      <a:lnTo>
                        <a:pt x="438" y="184"/>
                      </a:lnTo>
                      <a:lnTo>
                        <a:pt x="438" y="189"/>
                      </a:lnTo>
                      <a:lnTo>
                        <a:pt x="436" y="194"/>
                      </a:lnTo>
                      <a:lnTo>
                        <a:pt x="436" y="198"/>
                      </a:lnTo>
                      <a:lnTo>
                        <a:pt x="435" y="201"/>
                      </a:lnTo>
                      <a:lnTo>
                        <a:pt x="435" y="203"/>
                      </a:lnTo>
                      <a:lnTo>
                        <a:pt x="435" y="204"/>
                      </a:lnTo>
                      <a:lnTo>
                        <a:pt x="433" y="206"/>
                      </a:lnTo>
                      <a:lnTo>
                        <a:pt x="433" y="208"/>
                      </a:lnTo>
                      <a:lnTo>
                        <a:pt x="433" y="210"/>
                      </a:lnTo>
                      <a:lnTo>
                        <a:pt x="433" y="215"/>
                      </a:lnTo>
                      <a:lnTo>
                        <a:pt x="433" y="216"/>
                      </a:lnTo>
                      <a:lnTo>
                        <a:pt x="433" y="218"/>
                      </a:lnTo>
                      <a:lnTo>
                        <a:pt x="435" y="216"/>
                      </a:lnTo>
                      <a:lnTo>
                        <a:pt x="435" y="215"/>
                      </a:lnTo>
                      <a:lnTo>
                        <a:pt x="436" y="215"/>
                      </a:lnTo>
                      <a:lnTo>
                        <a:pt x="436" y="213"/>
                      </a:lnTo>
                      <a:lnTo>
                        <a:pt x="438" y="211"/>
                      </a:lnTo>
                      <a:lnTo>
                        <a:pt x="440" y="206"/>
                      </a:lnTo>
                      <a:lnTo>
                        <a:pt x="441" y="203"/>
                      </a:lnTo>
                      <a:lnTo>
                        <a:pt x="443" y="198"/>
                      </a:lnTo>
                      <a:lnTo>
                        <a:pt x="443" y="191"/>
                      </a:lnTo>
                      <a:lnTo>
                        <a:pt x="445" y="186"/>
                      </a:lnTo>
                      <a:lnTo>
                        <a:pt x="447" y="179"/>
                      </a:lnTo>
                      <a:lnTo>
                        <a:pt x="447" y="172"/>
                      </a:lnTo>
                      <a:lnTo>
                        <a:pt x="447" y="167"/>
                      </a:lnTo>
                      <a:lnTo>
                        <a:pt x="447" y="160"/>
                      </a:lnTo>
                      <a:lnTo>
                        <a:pt x="447" y="155"/>
                      </a:lnTo>
                      <a:lnTo>
                        <a:pt x="448" y="150"/>
                      </a:lnTo>
                      <a:lnTo>
                        <a:pt x="448" y="147"/>
                      </a:lnTo>
                      <a:lnTo>
                        <a:pt x="448" y="144"/>
                      </a:lnTo>
                      <a:lnTo>
                        <a:pt x="448" y="142"/>
                      </a:lnTo>
                      <a:lnTo>
                        <a:pt x="386" y="154"/>
                      </a:lnTo>
                      <a:lnTo>
                        <a:pt x="345" y="0"/>
                      </a:lnTo>
                      <a:lnTo>
                        <a:pt x="0" y="66"/>
                      </a:lnTo>
                      <a:lnTo>
                        <a:pt x="10" y="127"/>
                      </a:lnTo>
                      <a:lnTo>
                        <a:pt x="45" y="94"/>
                      </a:lnTo>
                      <a:lnTo>
                        <a:pt x="45" y="96"/>
                      </a:lnTo>
                      <a:lnTo>
                        <a:pt x="47" y="96"/>
                      </a:lnTo>
                      <a:lnTo>
                        <a:pt x="49" y="96"/>
                      </a:lnTo>
                      <a:lnTo>
                        <a:pt x="52" y="94"/>
                      </a:lnTo>
                      <a:lnTo>
                        <a:pt x="57" y="89"/>
                      </a:lnTo>
                      <a:lnTo>
                        <a:pt x="62" y="83"/>
                      </a:lnTo>
                      <a:lnTo>
                        <a:pt x="69" y="71"/>
                      </a:lnTo>
                      <a:lnTo>
                        <a:pt x="71" y="71"/>
                      </a:lnTo>
                      <a:lnTo>
                        <a:pt x="74" y="72"/>
                      </a:lnTo>
                      <a:lnTo>
                        <a:pt x="79" y="74"/>
                      </a:lnTo>
                      <a:lnTo>
                        <a:pt x="84" y="74"/>
                      </a:lnTo>
                      <a:lnTo>
                        <a:pt x="89" y="74"/>
                      </a:lnTo>
                      <a:lnTo>
                        <a:pt x="96" y="72"/>
                      </a:lnTo>
                      <a:lnTo>
                        <a:pt x="101" y="67"/>
                      </a:lnTo>
                      <a:lnTo>
                        <a:pt x="106" y="61"/>
                      </a:lnTo>
                      <a:lnTo>
                        <a:pt x="108" y="59"/>
                      </a:lnTo>
                      <a:lnTo>
                        <a:pt x="108" y="57"/>
                      </a:lnTo>
                      <a:lnTo>
                        <a:pt x="111" y="54"/>
                      </a:lnTo>
                      <a:lnTo>
                        <a:pt x="115" y="52"/>
                      </a:lnTo>
                      <a:lnTo>
                        <a:pt x="120" y="50"/>
                      </a:lnTo>
                      <a:lnTo>
                        <a:pt x="125" y="50"/>
                      </a:lnTo>
                      <a:lnTo>
                        <a:pt x="133" y="52"/>
                      </a:lnTo>
                      <a:lnTo>
                        <a:pt x="144" y="56"/>
                      </a:lnTo>
                      <a:lnTo>
                        <a:pt x="145" y="56"/>
                      </a:lnTo>
                      <a:lnTo>
                        <a:pt x="147" y="56"/>
                      </a:lnTo>
                      <a:lnTo>
                        <a:pt x="149" y="56"/>
                      </a:lnTo>
                      <a:lnTo>
                        <a:pt x="150" y="56"/>
                      </a:lnTo>
                      <a:lnTo>
                        <a:pt x="154" y="56"/>
                      </a:lnTo>
                      <a:lnTo>
                        <a:pt x="155" y="56"/>
                      </a:lnTo>
                      <a:lnTo>
                        <a:pt x="157" y="56"/>
                      </a:lnTo>
                      <a:lnTo>
                        <a:pt x="159" y="62"/>
                      </a:lnTo>
                      <a:lnTo>
                        <a:pt x="161" y="64"/>
                      </a:lnTo>
                      <a:lnTo>
                        <a:pt x="164" y="66"/>
                      </a:lnTo>
                      <a:lnTo>
                        <a:pt x="167" y="69"/>
                      </a:lnTo>
                      <a:lnTo>
                        <a:pt x="171" y="72"/>
                      </a:lnTo>
                      <a:lnTo>
                        <a:pt x="174" y="78"/>
                      </a:lnTo>
                      <a:lnTo>
                        <a:pt x="176" y="83"/>
                      </a:lnTo>
                      <a:lnTo>
                        <a:pt x="176" y="88"/>
                      </a:lnTo>
                      <a:lnTo>
                        <a:pt x="172" y="93"/>
                      </a:lnTo>
                      <a:lnTo>
                        <a:pt x="174" y="91"/>
                      </a:lnTo>
                      <a:lnTo>
                        <a:pt x="176" y="89"/>
                      </a:lnTo>
                      <a:lnTo>
                        <a:pt x="179" y="89"/>
                      </a:lnTo>
                      <a:lnTo>
                        <a:pt x="184" y="88"/>
                      </a:lnTo>
                      <a:lnTo>
                        <a:pt x="188" y="86"/>
                      </a:lnTo>
                      <a:lnTo>
                        <a:pt x="193" y="86"/>
                      </a:lnTo>
                      <a:lnTo>
                        <a:pt x="196" y="89"/>
                      </a:lnTo>
                      <a:lnTo>
                        <a:pt x="199" y="93"/>
                      </a:lnTo>
                      <a:lnTo>
                        <a:pt x="199" y="94"/>
                      </a:lnTo>
                      <a:lnTo>
                        <a:pt x="198" y="98"/>
                      </a:lnTo>
                      <a:lnTo>
                        <a:pt x="198" y="100"/>
                      </a:lnTo>
                      <a:lnTo>
                        <a:pt x="198" y="103"/>
                      </a:lnTo>
                      <a:lnTo>
                        <a:pt x="198" y="108"/>
                      </a:lnTo>
                      <a:lnTo>
                        <a:pt x="203" y="110"/>
                      </a:lnTo>
                      <a:lnTo>
                        <a:pt x="210" y="113"/>
                      </a:lnTo>
                      <a:lnTo>
                        <a:pt x="221" y="113"/>
                      </a:lnTo>
                      <a:lnTo>
                        <a:pt x="223" y="113"/>
                      </a:lnTo>
                      <a:lnTo>
                        <a:pt x="227" y="115"/>
                      </a:lnTo>
                      <a:lnTo>
                        <a:pt x="228" y="115"/>
                      </a:lnTo>
                      <a:lnTo>
                        <a:pt x="230" y="116"/>
                      </a:lnTo>
                      <a:lnTo>
                        <a:pt x="233" y="118"/>
                      </a:lnTo>
                      <a:lnTo>
                        <a:pt x="237" y="120"/>
                      </a:lnTo>
                      <a:lnTo>
                        <a:pt x="240" y="122"/>
                      </a:lnTo>
                      <a:lnTo>
                        <a:pt x="247" y="115"/>
                      </a:lnTo>
                    </a:path>
                  </a:pathLst>
                </a:custGeom>
                <a:solidFill>
                  <a:srgbClr val="2D73FF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38" name="Group 76"/>
              <p:cNvGrpSpPr>
                <a:grpSpLocks/>
              </p:cNvGrpSpPr>
              <p:nvPr/>
            </p:nvGrpSpPr>
            <p:grpSpPr bwMode="auto">
              <a:xfrm>
                <a:off x="311" y="3378"/>
                <a:ext cx="744" cy="497"/>
                <a:chOff x="439" y="3034"/>
                <a:chExt cx="765" cy="512"/>
              </a:xfrm>
            </p:grpSpPr>
            <p:sp>
              <p:nvSpPr>
                <p:cNvPr id="116" name="Freeform 77"/>
                <p:cNvSpPr>
                  <a:spLocks/>
                </p:cNvSpPr>
                <p:nvPr/>
              </p:nvSpPr>
              <p:spPr bwMode="auto">
                <a:xfrm>
                  <a:off x="659" y="3034"/>
                  <a:ext cx="545" cy="452"/>
                </a:xfrm>
                <a:custGeom>
                  <a:avLst/>
                  <a:gdLst>
                    <a:gd name="T0" fmla="*/ 543 w 545"/>
                    <a:gd name="T1" fmla="*/ 329 h 452"/>
                    <a:gd name="T2" fmla="*/ 514 w 545"/>
                    <a:gd name="T3" fmla="*/ 312 h 452"/>
                    <a:gd name="T4" fmla="*/ 381 w 545"/>
                    <a:gd name="T5" fmla="*/ 266 h 452"/>
                    <a:gd name="T6" fmla="*/ 347 w 545"/>
                    <a:gd name="T7" fmla="*/ 266 h 452"/>
                    <a:gd name="T8" fmla="*/ 232 w 545"/>
                    <a:gd name="T9" fmla="*/ 17 h 452"/>
                    <a:gd name="T10" fmla="*/ 193 w 545"/>
                    <a:gd name="T11" fmla="*/ 16 h 452"/>
                    <a:gd name="T12" fmla="*/ 173 w 545"/>
                    <a:gd name="T13" fmla="*/ 17 h 452"/>
                    <a:gd name="T14" fmla="*/ 147 w 545"/>
                    <a:gd name="T15" fmla="*/ 9 h 452"/>
                    <a:gd name="T16" fmla="*/ 108 w 545"/>
                    <a:gd name="T17" fmla="*/ 11 h 452"/>
                    <a:gd name="T18" fmla="*/ 86 w 545"/>
                    <a:gd name="T19" fmla="*/ 22 h 452"/>
                    <a:gd name="T20" fmla="*/ 59 w 545"/>
                    <a:gd name="T21" fmla="*/ 46 h 452"/>
                    <a:gd name="T22" fmla="*/ 30 w 545"/>
                    <a:gd name="T23" fmla="*/ 83 h 452"/>
                    <a:gd name="T24" fmla="*/ 63 w 545"/>
                    <a:gd name="T25" fmla="*/ 116 h 452"/>
                    <a:gd name="T26" fmla="*/ 63 w 545"/>
                    <a:gd name="T27" fmla="*/ 122 h 452"/>
                    <a:gd name="T28" fmla="*/ 27 w 545"/>
                    <a:gd name="T29" fmla="*/ 134 h 452"/>
                    <a:gd name="T30" fmla="*/ 8 w 545"/>
                    <a:gd name="T31" fmla="*/ 139 h 452"/>
                    <a:gd name="T32" fmla="*/ 7 w 545"/>
                    <a:gd name="T33" fmla="*/ 165 h 452"/>
                    <a:gd name="T34" fmla="*/ 29 w 545"/>
                    <a:gd name="T35" fmla="*/ 183 h 452"/>
                    <a:gd name="T36" fmla="*/ 78 w 545"/>
                    <a:gd name="T37" fmla="*/ 175 h 452"/>
                    <a:gd name="T38" fmla="*/ 79 w 545"/>
                    <a:gd name="T39" fmla="*/ 205 h 452"/>
                    <a:gd name="T40" fmla="*/ 51 w 545"/>
                    <a:gd name="T41" fmla="*/ 226 h 452"/>
                    <a:gd name="T42" fmla="*/ 30 w 545"/>
                    <a:gd name="T43" fmla="*/ 232 h 452"/>
                    <a:gd name="T44" fmla="*/ 20 w 545"/>
                    <a:gd name="T45" fmla="*/ 248 h 452"/>
                    <a:gd name="T46" fmla="*/ 8 w 545"/>
                    <a:gd name="T47" fmla="*/ 266 h 452"/>
                    <a:gd name="T48" fmla="*/ 20 w 545"/>
                    <a:gd name="T49" fmla="*/ 278 h 452"/>
                    <a:gd name="T50" fmla="*/ 29 w 545"/>
                    <a:gd name="T51" fmla="*/ 303 h 452"/>
                    <a:gd name="T52" fmla="*/ 52 w 545"/>
                    <a:gd name="T53" fmla="*/ 314 h 452"/>
                    <a:gd name="T54" fmla="*/ 61 w 545"/>
                    <a:gd name="T55" fmla="*/ 312 h 452"/>
                    <a:gd name="T56" fmla="*/ 66 w 545"/>
                    <a:gd name="T57" fmla="*/ 336 h 452"/>
                    <a:gd name="T58" fmla="*/ 78 w 545"/>
                    <a:gd name="T59" fmla="*/ 341 h 452"/>
                    <a:gd name="T60" fmla="*/ 91 w 545"/>
                    <a:gd name="T61" fmla="*/ 339 h 452"/>
                    <a:gd name="T62" fmla="*/ 103 w 545"/>
                    <a:gd name="T63" fmla="*/ 352 h 452"/>
                    <a:gd name="T64" fmla="*/ 127 w 545"/>
                    <a:gd name="T65" fmla="*/ 342 h 452"/>
                    <a:gd name="T66" fmla="*/ 127 w 545"/>
                    <a:gd name="T67" fmla="*/ 352 h 452"/>
                    <a:gd name="T68" fmla="*/ 112 w 545"/>
                    <a:gd name="T69" fmla="*/ 391 h 452"/>
                    <a:gd name="T70" fmla="*/ 88 w 545"/>
                    <a:gd name="T71" fmla="*/ 412 h 452"/>
                    <a:gd name="T72" fmla="*/ 78 w 545"/>
                    <a:gd name="T73" fmla="*/ 430 h 452"/>
                    <a:gd name="T74" fmla="*/ 63 w 545"/>
                    <a:gd name="T75" fmla="*/ 425 h 452"/>
                    <a:gd name="T76" fmla="*/ 52 w 545"/>
                    <a:gd name="T77" fmla="*/ 446 h 452"/>
                    <a:gd name="T78" fmla="*/ 68 w 545"/>
                    <a:gd name="T79" fmla="*/ 437 h 452"/>
                    <a:gd name="T80" fmla="*/ 96 w 545"/>
                    <a:gd name="T81" fmla="*/ 434 h 452"/>
                    <a:gd name="T82" fmla="*/ 113 w 545"/>
                    <a:gd name="T83" fmla="*/ 415 h 452"/>
                    <a:gd name="T84" fmla="*/ 144 w 545"/>
                    <a:gd name="T85" fmla="*/ 381 h 452"/>
                    <a:gd name="T86" fmla="*/ 183 w 545"/>
                    <a:gd name="T87" fmla="*/ 339 h 452"/>
                    <a:gd name="T88" fmla="*/ 174 w 545"/>
                    <a:gd name="T89" fmla="*/ 322 h 452"/>
                    <a:gd name="T90" fmla="*/ 220 w 545"/>
                    <a:gd name="T91" fmla="*/ 264 h 452"/>
                    <a:gd name="T92" fmla="*/ 210 w 545"/>
                    <a:gd name="T93" fmla="*/ 298 h 452"/>
                    <a:gd name="T94" fmla="*/ 210 w 545"/>
                    <a:gd name="T95" fmla="*/ 317 h 452"/>
                    <a:gd name="T96" fmla="*/ 237 w 545"/>
                    <a:gd name="T97" fmla="*/ 300 h 452"/>
                    <a:gd name="T98" fmla="*/ 247 w 545"/>
                    <a:gd name="T99" fmla="*/ 286 h 452"/>
                    <a:gd name="T100" fmla="*/ 286 w 545"/>
                    <a:gd name="T101" fmla="*/ 278 h 452"/>
                    <a:gd name="T102" fmla="*/ 357 w 545"/>
                    <a:gd name="T103" fmla="*/ 276 h 452"/>
                    <a:gd name="T104" fmla="*/ 374 w 545"/>
                    <a:gd name="T105" fmla="*/ 280 h 452"/>
                    <a:gd name="T106" fmla="*/ 418 w 545"/>
                    <a:gd name="T107" fmla="*/ 295 h 452"/>
                    <a:gd name="T108" fmla="*/ 425 w 545"/>
                    <a:gd name="T109" fmla="*/ 278 h 452"/>
                    <a:gd name="T110" fmla="*/ 430 w 545"/>
                    <a:gd name="T111" fmla="*/ 264 h 452"/>
                    <a:gd name="T112" fmla="*/ 472 w 545"/>
                    <a:gd name="T113" fmla="*/ 300 h 452"/>
                    <a:gd name="T114" fmla="*/ 509 w 545"/>
                    <a:gd name="T115" fmla="*/ 322 h 452"/>
                    <a:gd name="T116" fmla="*/ 521 w 545"/>
                    <a:gd name="T117" fmla="*/ 322 h 452"/>
                    <a:gd name="T118" fmla="*/ 541 w 545"/>
                    <a:gd name="T119" fmla="*/ 349 h 452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w 545"/>
                    <a:gd name="T181" fmla="*/ 0 h 452"/>
                    <a:gd name="T182" fmla="*/ 545 w 545"/>
                    <a:gd name="T183" fmla="*/ 452 h 452"/>
                  </a:gdLst>
                  <a:ahLst/>
                  <a:cxnLst>
                    <a:cxn ang="T120">
                      <a:pos x="T0" y="T1"/>
                    </a:cxn>
                    <a:cxn ang="T121">
                      <a:pos x="T2" y="T3"/>
                    </a:cxn>
                    <a:cxn ang="T122">
                      <a:pos x="T4" y="T5"/>
                    </a:cxn>
                    <a:cxn ang="T123">
                      <a:pos x="T6" y="T7"/>
                    </a:cxn>
                    <a:cxn ang="T124">
                      <a:pos x="T8" y="T9"/>
                    </a:cxn>
                    <a:cxn ang="T125">
                      <a:pos x="T10" y="T11"/>
                    </a:cxn>
                    <a:cxn ang="T126">
                      <a:pos x="T12" y="T13"/>
                    </a:cxn>
                    <a:cxn ang="T127">
                      <a:pos x="T14" y="T15"/>
                    </a:cxn>
                    <a:cxn ang="T128">
                      <a:pos x="T16" y="T17"/>
                    </a:cxn>
                    <a:cxn ang="T129">
                      <a:pos x="T18" y="T19"/>
                    </a:cxn>
                    <a:cxn ang="T130">
                      <a:pos x="T20" y="T21"/>
                    </a:cxn>
                    <a:cxn ang="T131">
                      <a:pos x="T22" y="T23"/>
                    </a:cxn>
                    <a:cxn ang="T132">
                      <a:pos x="T24" y="T25"/>
                    </a:cxn>
                    <a:cxn ang="T133">
                      <a:pos x="T26" y="T27"/>
                    </a:cxn>
                    <a:cxn ang="T134">
                      <a:pos x="T28" y="T29"/>
                    </a:cxn>
                    <a:cxn ang="T135">
                      <a:pos x="T30" y="T31"/>
                    </a:cxn>
                    <a:cxn ang="T136">
                      <a:pos x="T32" y="T33"/>
                    </a:cxn>
                    <a:cxn ang="T137">
                      <a:pos x="T34" y="T35"/>
                    </a:cxn>
                    <a:cxn ang="T138">
                      <a:pos x="T36" y="T37"/>
                    </a:cxn>
                    <a:cxn ang="T139">
                      <a:pos x="T38" y="T39"/>
                    </a:cxn>
                    <a:cxn ang="T140">
                      <a:pos x="T40" y="T41"/>
                    </a:cxn>
                    <a:cxn ang="T141">
                      <a:pos x="T42" y="T43"/>
                    </a:cxn>
                    <a:cxn ang="T142">
                      <a:pos x="T44" y="T45"/>
                    </a:cxn>
                    <a:cxn ang="T143">
                      <a:pos x="T46" y="T47"/>
                    </a:cxn>
                    <a:cxn ang="T144">
                      <a:pos x="T48" y="T49"/>
                    </a:cxn>
                    <a:cxn ang="T145">
                      <a:pos x="T50" y="T51"/>
                    </a:cxn>
                    <a:cxn ang="T146">
                      <a:pos x="T52" y="T53"/>
                    </a:cxn>
                    <a:cxn ang="T147">
                      <a:pos x="T54" y="T55"/>
                    </a:cxn>
                    <a:cxn ang="T148">
                      <a:pos x="T56" y="T57"/>
                    </a:cxn>
                    <a:cxn ang="T149">
                      <a:pos x="T58" y="T59"/>
                    </a:cxn>
                    <a:cxn ang="T150">
                      <a:pos x="T60" y="T61"/>
                    </a:cxn>
                    <a:cxn ang="T151">
                      <a:pos x="T62" y="T63"/>
                    </a:cxn>
                    <a:cxn ang="T152">
                      <a:pos x="T64" y="T65"/>
                    </a:cxn>
                    <a:cxn ang="T153">
                      <a:pos x="T66" y="T67"/>
                    </a:cxn>
                    <a:cxn ang="T154">
                      <a:pos x="T68" y="T69"/>
                    </a:cxn>
                    <a:cxn ang="T155">
                      <a:pos x="T70" y="T71"/>
                    </a:cxn>
                    <a:cxn ang="T156">
                      <a:pos x="T72" y="T73"/>
                    </a:cxn>
                    <a:cxn ang="T157">
                      <a:pos x="T74" y="T75"/>
                    </a:cxn>
                    <a:cxn ang="T158">
                      <a:pos x="T76" y="T77"/>
                    </a:cxn>
                    <a:cxn ang="T159">
                      <a:pos x="T78" y="T79"/>
                    </a:cxn>
                    <a:cxn ang="T160">
                      <a:pos x="T80" y="T81"/>
                    </a:cxn>
                    <a:cxn ang="T161">
                      <a:pos x="T82" y="T83"/>
                    </a:cxn>
                    <a:cxn ang="T162">
                      <a:pos x="T84" y="T85"/>
                    </a:cxn>
                    <a:cxn ang="T163">
                      <a:pos x="T86" y="T87"/>
                    </a:cxn>
                    <a:cxn ang="T164">
                      <a:pos x="T88" y="T89"/>
                    </a:cxn>
                    <a:cxn ang="T165">
                      <a:pos x="T90" y="T91"/>
                    </a:cxn>
                    <a:cxn ang="T166">
                      <a:pos x="T92" y="T93"/>
                    </a:cxn>
                    <a:cxn ang="T167">
                      <a:pos x="T94" y="T95"/>
                    </a:cxn>
                    <a:cxn ang="T168">
                      <a:pos x="T96" y="T97"/>
                    </a:cxn>
                    <a:cxn ang="T169">
                      <a:pos x="T98" y="T99"/>
                    </a:cxn>
                    <a:cxn ang="T170">
                      <a:pos x="T100" y="T101"/>
                    </a:cxn>
                    <a:cxn ang="T171">
                      <a:pos x="T102" y="T103"/>
                    </a:cxn>
                    <a:cxn ang="T172">
                      <a:pos x="T104" y="T105"/>
                    </a:cxn>
                    <a:cxn ang="T173">
                      <a:pos x="T106" y="T107"/>
                    </a:cxn>
                    <a:cxn ang="T174">
                      <a:pos x="T108" y="T109"/>
                    </a:cxn>
                    <a:cxn ang="T175">
                      <a:pos x="T110" y="T111"/>
                    </a:cxn>
                    <a:cxn ang="T176">
                      <a:pos x="T112" y="T113"/>
                    </a:cxn>
                    <a:cxn ang="T177">
                      <a:pos x="T114" y="T115"/>
                    </a:cxn>
                    <a:cxn ang="T178">
                      <a:pos x="T116" y="T117"/>
                    </a:cxn>
                    <a:cxn ang="T179">
                      <a:pos x="T118" y="T119"/>
                    </a:cxn>
                  </a:cxnLst>
                  <a:rect l="T180" t="T181" r="T182" b="T183"/>
                  <a:pathLst>
                    <a:path w="545" h="452">
                      <a:moveTo>
                        <a:pt x="541" y="349"/>
                      </a:moveTo>
                      <a:lnTo>
                        <a:pt x="541" y="349"/>
                      </a:lnTo>
                      <a:lnTo>
                        <a:pt x="541" y="347"/>
                      </a:lnTo>
                      <a:lnTo>
                        <a:pt x="543" y="346"/>
                      </a:lnTo>
                      <a:lnTo>
                        <a:pt x="543" y="344"/>
                      </a:lnTo>
                      <a:lnTo>
                        <a:pt x="545" y="341"/>
                      </a:lnTo>
                      <a:lnTo>
                        <a:pt x="545" y="339"/>
                      </a:lnTo>
                      <a:lnTo>
                        <a:pt x="545" y="336"/>
                      </a:lnTo>
                      <a:lnTo>
                        <a:pt x="545" y="332"/>
                      </a:lnTo>
                      <a:lnTo>
                        <a:pt x="543" y="329"/>
                      </a:lnTo>
                      <a:lnTo>
                        <a:pt x="541" y="325"/>
                      </a:lnTo>
                      <a:lnTo>
                        <a:pt x="538" y="320"/>
                      </a:lnTo>
                      <a:lnTo>
                        <a:pt x="535" y="317"/>
                      </a:lnTo>
                      <a:lnTo>
                        <a:pt x="533" y="315"/>
                      </a:lnTo>
                      <a:lnTo>
                        <a:pt x="530" y="315"/>
                      </a:lnTo>
                      <a:lnTo>
                        <a:pt x="526" y="314"/>
                      </a:lnTo>
                      <a:lnTo>
                        <a:pt x="523" y="314"/>
                      </a:lnTo>
                      <a:lnTo>
                        <a:pt x="519" y="314"/>
                      </a:lnTo>
                      <a:lnTo>
                        <a:pt x="516" y="312"/>
                      </a:lnTo>
                      <a:lnTo>
                        <a:pt x="514" y="312"/>
                      </a:lnTo>
                      <a:lnTo>
                        <a:pt x="506" y="310"/>
                      </a:lnTo>
                      <a:lnTo>
                        <a:pt x="452" y="271"/>
                      </a:lnTo>
                      <a:lnTo>
                        <a:pt x="435" y="259"/>
                      </a:lnTo>
                      <a:lnTo>
                        <a:pt x="421" y="251"/>
                      </a:lnTo>
                      <a:lnTo>
                        <a:pt x="413" y="263"/>
                      </a:lnTo>
                      <a:lnTo>
                        <a:pt x="413" y="271"/>
                      </a:lnTo>
                      <a:lnTo>
                        <a:pt x="403" y="280"/>
                      </a:lnTo>
                      <a:lnTo>
                        <a:pt x="381" y="266"/>
                      </a:lnTo>
                      <a:lnTo>
                        <a:pt x="379" y="264"/>
                      </a:lnTo>
                      <a:lnTo>
                        <a:pt x="377" y="261"/>
                      </a:lnTo>
                      <a:lnTo>
                        <a:pt x="374" y="259"/>
                      </a:lnTo>
                      <a:lnTo>
                        <a:pt x="369" y="258"/>
                      </a:lnTo>
                      <a:lnTo>
                        <a:pt x="365" y="258"/>
                      </a:lnTo>
                      <a:lnTo>
                        <a:pt x="360" y="259"/>
                      </a:lnTo>
                      <a:lnTo>
                        <a:pt x="355" y="263"/>
                      </a:lnTo>
                      <a:lnTo>
                        <a:pt x="354" y="264"/>
                      </a:lnTo>
                      <a:lnTo>
                        <a:pt x="350" y="264"/>
                      </a:lnTo>
                      <a:lnTo>
                        <a:pt x="347" y="266"/>
                      </a:lnTo>
                      <a:lnTo>
                        <a:pt x="345" y="266"/>
                      </a:lnTo>
                      <a:lnTo>
                        <a:pt x="271" y="17"/>
                      </a:lnTo>
                      <a:lnTo>
                        <a:pt x="269" y="17"/>
                      </a:lnTo>
                      <a:lnTo>
                        <a:pt x="266" y="16"/>
                      </a:lnTo>
                      <a:lnTo>
                        <a:pt x="261" y="14"/>
                      </a:lnTo>
                      <a:lnTo>
                        <a:pt x="255" y="12"/>
                      </a:lnTo>
                      <a:lnTo>
                        <a:pt x="249" y="11"/>
                      </a:lnTo>
                      <a:lnTo>
                        <a:pt x="244" y="12"/>
                      </a:lnTo>
                      <a:lnTo>
                        <a:pt x="237" y="14"/>
                      </a:lnTo>
                      <a:lnTo>
                        <a:pt x="232" y="17"/>
                      </a:lnTo>
                      <a:lnTo>
                        <a:pt x="230" y="17"/>
                      </a:lnTo>
                      <a:lnTo>
                        <a:pt x="225" y="17"/>
                      </a:lnTo>
                      <a:lnTo>
                        <a:pt x="218" y="17"/>
                      </a:lnTo>
                      <a:lnTo>
                        <a:pt x="211" y="17"/>
                      </a:lnTo>
                      <a:lnTo>
                        <a:pt x="205" y="17"/>
                      </a:lnTo>
                      <a:lnTo>
                        <a:pt x="200" y="17"/>
                      </a:lnTo>
                      <a:lnTo>
                        <a:pt x="195" y="16"/>
                      </a:lnTo>
                      <a:lnTo>
                        <a:pt x="193" y="16"/>
                      </a:lnTo>
                      <a:lnTo>
                        <a:pt x="191" y="16"/>
                      </a:lnTo>
                      <a:lnTo>
                        <a:pt x="189" y="16"/>
                      </a:lnTo>
                      <a:lnTo>
                        <a:pt x="188" y="16"/>
                      </a:lnTo>
                      <a:lnTo>
                        <a:pt x="184" y="16"/>
                      </a:lnTo>
                      <a:lnTo>
                        <a:pt x="183" y="16"/>
                      </a:lnTo>
                      <a:lnTo>
                        <a:pt x="181" y="16"/>
                      </a:lnTo>
                      <a:lnTo>
                        <a:pt x="179" y="16"/>
                      </a:lnTo>
                      <a:lnTo>
                        <a:pt x="176" y="17"/>
                      </a:lnTo>
                      <a:lnTo>
                        <a:pt x="173" y="17"/>
                      </a:lnTo>
                      <a:lnTo>
                        <a:pt x="169" y="17"/>
                      </a:lnTo>
                      <a:lnTo>
                        <a:pt x="166" y="16"/>
                      </a:lnTo>
                      <a:lnTo>
                        <a:pt x="162" y="12"/>
                      </a:lnTo>
                      <a:lnTo>
                        <a:pt x="157" y="7"/>
                      </a:lnTo>
                      <a:lnTo>
                        <a:pt x="156" y="7"/>
                      </a:lnTo>
                      <a:lnTo>
                        <a:pt x="154" y="9"/>
                      </a:lnTo>
                      <a:lnTo>
                        <a:pt x="152" y="9"/>
                      </a:lnTo>
                      <a:lnTo>
                        <a:pt x="149" y="9"/>
                      </a:lnTo>
                      <a:lnTo>
                        <a:pt x="147" y="9"/>
                      </a:lnTo>
                      <a:lnTo>
                        <a:pt x="145" y="11"/>
                      </a:lnTo>
                      <a:lnTo>
                        <a:pt x="137" y="2"/>
                      </a:lnTo>
                      <a:lnTo>
                        <a:pt x="130" y="7"/>
                      </a:lnTo>
                      <a:lnTo>
                        <a:pt x="129" y="0"/>
                      </a:lnTo>
                      <a:lnTo>
                        <a:pt x="117" y="0"/>
                      </a:lnTo>
                      <a:lnTo>
                        <a:pt x="110" y="9"/>
                      </a:lnTo>
                      <a:lnTo>
                        <a:pt x="108" y="11"/>
                      </a:lnTo>
                      <a:lnTo>
                        <a:pt x="108" y="12"/>
                      </a:lnTo>
                      <a:lnTo>
                        <a:pt x="107" y="12"/>
                      </a:lnTo>
                      <a:lnTo>
                        <a:pt x="103" y="14"/>
                      </a:lnTo>
                      <a:lnTo>
                        <a:pt x="100" y="14"/>
                      </a:lnTo>
                      <a:lnTo>
                        <a:pt x="95" y="14"/>
                      </a:lnTo>
                      <a:lnTo>
                        <a:pt x="93" y="16"/>
                      </a:lnTo>
                      <a:lnTo>
                        <a:pt x="91" y="17"/>
                      </a:lnTo>
                      <a:lnTo>
                        <a:pt x="90" y="19"/>
                      </a:lnTo>
                      <a:lnTo>
                        <a:pt x="86" y="22"/>
                      </a:lnTo>
                      <a:lnTo>
                        <a:pt x="85" y="24"/>
                      </a:lnTo>
                      <a:lnTo>
                        <a:pt x="83" y="26"/>
                      </a:lnTo>
                      <a:lnTo>
                        <a:pt x="81" y="26"/>
                      </a:lnTo>
                      <a:lnTo>
                        <a:pt x="78" y="26"/>
                      </a:lnTo>
                      <a:lnTo>
                        <a:pt x="74" y="29"/>
                      </a:lnTo>
                      <a:lnTo>
                        <a:pt x="69" y="33"/>
                      </a:lnTo>
                      <a:lnTo>
                        <a:pt x="64" y="38"/>
                      </a:lnTo>
                      <a:lnTo>
                        <a:pt x="59" y="46"/>
                      </a:lnTo>
                      <a:lnTo>
                        <a:pt x="54" y="56"/>
                      </a:lnTo>
                      <a:lnTo>
                        <a:pt x="52" y="58"/>
                      </a:lnTo>
                      <a:lnTo>
                        <a:pt x="51" y="61"/>
                      </a:lnTo>
                      <a:lnTo>
                        <a:pt x="47" y="63"/>
                      </a:lnTo>
                      <a:lnTo>
                        <a:pt x="47" y="65"/>
                      </a:lnTo>
                      <a:lnTo>
                        <a:pt x="30" y="65"/>
                      </a:lnTo>
                      <a:lnTo>
                        <a:pt x="22" y="78"/>
                      </a:lnTo>
                      <a:lnTo>
                        <a:pt x="22" y="80"/>
                      </a:lnTo>
                      <a:lnTo>
                        <a:pt x="25" y="82"/>
                      </a:lnTo>
                      <a:lnTo>
                        <a:pt x="30" y="83"/>
                      </a:lnTo>
                      <a:lnTo>
                        <a:pt x="35" y="87"/>
                      </a:lnTo>
                      <a:lnTo>
                        <a:pt x="42" y="92"/>
                      </a:lnTo>
                      <a:lnTo>
                        <a:pt x="46" y="97"/>
                      </a:lnTo>
                      <a:lnTo>
                        <a:pt x="49" y="105"/>
                      </a:lnTo>
                      <a:lnTo>
                        <a:pt x="51" y="114"/>
                      </a:lnTo>
                      <a:lnTo>
                        <a:pt x="54" y="116"/>
                      </a:lnTo>
                      <a:lnTo>
                        <a:pt x="56" y="116"/>
                      </a:lnTo>
                      <a:lnTo>
                        <a:pt x="59" y="116"/>
                      </a:lnTo>
                      <a:lnTo>
                        <a:pt x="63" y="116"/>
                      </a:lnTo>
                      <a:lnTo>
                        <a:pt x="66" y="116"/>
                      </a:lnTo>
                      <a:lnTo>
                        <a:pt x="68" y="117"/>
                      </a:lnTo>
                      <a:lnTo>
                        <a:pt x="71" y="129"/>
                      </a:lnTo>
                      <a:lnTo>
                        <a:pt x="81" y="129"/>
                      </a:lnTo>
                      <a:lnTo>
                        <a:pt x="79" y="132"/>
                      </a:lnTo>
                      <a:lnTo>
                        <a:pt x="68" y="132"/>
                      </a:lnTo>
                      <a:lnTo>
                        <a:pt x="63" y="122"/>
                      </a:lnTo>
                      <a:lnTo>
                        <a:pt x="59" y="126"/>
                      </a:lnTo>
                      <a:lnTo>
                        <a:pt x="68" y="136"/>
                      </a:lnTo>
                      <a:lnTo>
                        <a:pt x="76" y="138"/>
                      </a:lnTo>
                      <a:lnTo>
                        <a:pt x="68" y="144"/>
                      </a:lnTo>
                      <a:lnTo>
                        <a:pt x="46" y="139"/>
                      </a:lnTo>
                      <a:lnTo>
                        <a:pt x="46" y="127"/>
                      </a:lnTo>
                      <a:lnTo>
                        <a:pt x="27" y="132"/>
                      </a:lnTo>
                      <a:lnTo>
                        <a:pt x="27" y="134"/>
                      </a:lnTo>
                      <a:lnTo>
                        <a:pt x="27" y="138"/>
                      </a:lnTo>
                      <a:lnTo>
                        <a:pt x="27" y="139"/>
                      </a:lnTo>
                      <a:lnTo>
                        <a:pt x="27" y="141"/>
                      </a:lnTo>
                      <a:lnTo>
                        <a:pt x="25" y="141"/>
                      </a:lnTo>
                      <a:lnTo>
                        <a:pt x="22" y="139"/>
                      </a:lnTo>
                      <a:lnTo>
                        <a:pt x="19" y="136"/>
                      </a:lnTo>
                      <a:lnTo>
                        <a:pt x="15" y="138"/>
                      </a:lnTo>
                      <a:lnTo>
                        <a:pt x="12" y="138"/>
                      </a:lnTo>
                      <a:lnTo>
                        <a:pt x="8" y="139"/>
                      </a:lnTo>
                      <a:lnTo>
                        <a:pt x="5" y="143"/>
                      </a:lnTo>
                      <a:lnTo>
                        <a:pt x="2" y="144"/>
                      </a:lnTo>
                      <a:lnTo>
                        <a:pt x="0" y="148"/>
                      </a:lnTo>
                      <a:lnTo>
                        <a:pt x="0" y="151"/>
                      </a:lnTo>
                      <a:lnTo>
                        <a:pt x="0" y="153"/>
                      </a:lnTo>
                      <a:lnTo>
                        <a:pt x="0" y="154"/>
                      </a:lnTo>
                      <a:lnTo>
                        <a:pt x="2" y="156"/>
                      </a:lnTo>
                      <a:lnTo>
                        <a:pt x="3" y="160"/>
                      </a:lnTo>
                      <a:lnTo>
                        <a:pt x="5" y="161"/>
                      </a:lnTo>
                      <a:lnTo>
                        <a:pt x="7" y="165"/>
                      </a:lnTo>
                      <a:lnTo>
                        <a:pt x="8" y="165"/>
                      </a:lnTo>
                      <a:lnTo>
                        <a:pt x="8" y="166"/>
                      </a:lnTo>
                      <a:lnTo>
                        <a:pt x="13" y="171"/>
                      </a:lnTo>
                      <a:lnTo>
                        <a:pt x="13" y="173"/>
                      </a:lnTo>
                      <a:lnTo>
                        <a:pt x="13" y="175"/>
                      </a:lnTo>
                      <a:lnTo>
                        <a:pt x="15" y="178"/>
                      </a:lnTo>
                      <a:lnTo>
                        <a:pt x="17" y="180"/>
                      </a:lnTo>
                      <a:lnTo>
                        <a:pt x="22" y="182"/>
                      </a:lnTo>
                      <a:lnTo>
                        <a:pt x="29" y="183"/>
                      </a:lnTo>
                      <a:lnTo>
                        <a:pt x="39" y="183"/>
                      </a:lnTo>
                      <a:lnTo>
                        <a:pt x="41" y="183"/>
                      </a:lnTo>
                      <a:lnTo>
                        <a:pt x="44" y="185"/>
                      </a:lnTo>
                      <a:lnTo>
                        <a:pt x="47" y="187"/>
                      </a:lnTo>
                      <a:lnTo>
                        <a:pt x="49" y="187"/>
                      </a:lnTo>
                      <a:lnTo>
                        <a:pt x="59" y="187"/>
                      </a:lnTo>
                      <a:lnTo>
                        <a:pt x="71" y="176"/>
                      </a:lnTo>
                      <a:lnTo>
                        <a:pt x="74" y="176"/>
                      </a:lnTo>
                      <a:lnTo>
                        <a:pt x="78" y="175"/>
                      </a:lnTo>
                      <a:lnTo>
                        <a:pt x="81" y="175"/>
                      </a:lnTo>
                      <a:lnTo>
                        <a:pt x="83" y="176"/>
                      </a:lnTo>
                      <a:lnTo>
                        <a:pt x="83" y="178"/>
                      </a:lnTo>
                      <a:lnTo>
                        <a:pt x="81" y="182"/>
                      </a:lnTo>
                      <a:lnTo>
                        <a:pt x="74" y="185"/>
                      </a:lnTo>
                      <a:lnTo>
                        <a:pt x="74" y="187"/>
                      </a:lnTo>
                      <a:lnTo>
                        <a:pt x="76" y="190"/>
                      </a:lnTo>
                      <a:lnTo>
                        <a:pt x="78" y="195"/>
                      </a:lnTo>
                      <a:lnTo>
                        <a:pt x="79" y="200"/>
                      </a:lnTo>
                      <a:lnTo>
                        <a:pt x="79" y="205"/>
                      </a:lnTo>
                      <a:lnTo>
                        <a:pt x="78" y="209"/>
                      </a:lnTo>
                      <a:lnTo>
                        <a:pt x="71" y="212"/>
                      </a:lnTo>
                      <a:lnTo>
                        <a:pt x="63" y="212"/>
                      </a:lnTo>
                      <a:lnTo>
                        <a:pt x="61" y="214"/>
                      </a:lnTo>
                      <a:lnTo>
                        <a:pt x="59" y="214"/>
                      </a:lnTo>
                      <a:lnTo>
                        <a:pt x="57" y="217"/>
                      </a:lnTo>
                      <a:lnTo>
                        <a:pt x="56" y="219"/>
                      </a:lnTo>
                      <a:lnTo>
                        <a:pt x="54" y="220"/>
                      </a:lnTo>
                      <a:lnTo>
                        <a:pt x="52" y="224"/>
                      </a:lnTo>
                      <a:lnTo>
                        <a:pt x="51" y="226"/>
                      </a:lnTo>
                      <a:lnTo>
                        <a:pt x="51" y="224"/>
                      </a:lnTo>
                      <a:lnTo>
                        <a:pt x="47" y="222"/>
                      </a:lnTo>
                      <a:lnTo>
                        <a:pt x="44" y="220"/>
                      </a:lnTo>
                      <a:lnTo>
                        <a:pt x="41" y="220"/>
                      </a:lnTo>
                      <a:lnTo>
                        <a:pt x="35" y="220"/>
                      </a:lnTo>
                      <a:lnTo>
                        <a:pt x="34" y="220"/>
                      </a:lnTo>
                      <a:lnTo>
                        <a:pt x="30" y="224"/>
                      </a:lnTo>
                      <a:lnTo>
                        <a:pt x="30" y="231"/>
                      </a:lnTo>
                      <a:lnTo>
                        <a:pt x="30" y="232"/>
                      </a:lnTo>
                      <a:lnTo>
                        <a:pt x="30" y="234"/>
                      </a:lnTo>
                      <a:lnTo>
                        <a:pt x="30" y="236"/>
                      </a:lnTo>
                      <a:lnTo>
                        <a:pt x="29" y="237"/>
                      </a:lnTo>
                      <a:lnTo>
                        <a:pt x="29" y="239"/>
                      </a:lnTo>
                      <a:lnTo>
                        <a:pt x="27" y="242"/>
                      </a:lnTo>
                      <a:lnTo>
                        <a:pt x="25" y="242"/>
                      </a:lnTo>
                      <a:lnTo>
                        <a:pt x="22" y="242"/>
                      </a:lnTo>
                      <a:lnTo>
                        <a:pt x="22" y="244"/>
                      </a:lnTo>
                      <a:lnTo>
                        <a:pt x="20" y="244"/>
                      </a:lnTo>
                      <a:lnTo>
                        <a:pt x="20" y="248"/>
                      </a:lnTo>
                      <a:lnTo>
                        <a:pt x="19" y="249"/>
                      </a:lnTo>
                      <a:lnTo>
                        <a:pt x="17" y="251"/>
                      </a:lnTo>
                      <a:lnTo>
                        <a:pt x="17" y="254"/>
                      </a:lnTo>
                      <a:lnTo>
                        <a:pt x="17" y="256"/>
                      </a:lnTo>
                      <a:lnTo>
                        <a:pt x="15" y="256"/>
                      </a:lnTo>
                      <a:lnTo>
                        <a:pt x="13" y="258"/>
                      </a:lnTo>
                      <a:lnTo>
                        <a:pt x="12" y="261"/>
                      </a:lnTo>
                      <a:lnTo>
                        <a:pt x="10" y="263"/>
                      </a:lnTo>
                      <a:lnTo>
                        <a:pt x="8" y="266"/>
                      </a:lnTo>
                      <a:lnTo>
                        <a:pt x="10" y="266"/>
                      </a:lnTo>
                      <a:lnTo>
                        <a:pt x="12" y="266"/>
                      </a:lnTo>
                      <a:lnTo>
                        <a:pt x="19" y="264"/>
                      </a:lnTo>
                      <a:lnTo>
                        <a:pt x="19" y="268"/>
                      </a:lnTo>
                      <a:lnTo>
                        <a:pt x="17" y="271"/>
                      </a:lnTo>
                      <a:lnTo>
                        <a:pt x="17" y="273"/>
                      </a:lnTo>
                      <a:lnTo>
                        <a:pt x="19" y="275"/>
                      </a:lnTo>
                      <a:lnTo>
                        <a:pt x="20" y="278"/>
                      </a:lnTo>
                      <a:lnTo>
                        <a:pt x="24" y="280"/>
                      </a:lnTo>
                      <a:lnTo>
                        <a:pt x="27" y="283"/>
                      </a:lnTo>
                      <a:lnTo>
                        <a:pt x="30" y="286"/>
                      </a:lnTo>
                      <a:lnTo>
                        <a:pt x="35" y="288"/>
                      </a:lnTo>
                      <a:lnTo>
                        <a:pt x="41" y="288"/>
                      </a:lnTo>
                      <a:lnTo>
                        <a:pt x="39" y="290"/>
                      </a:lnTo>
                      <a:lnTo>
                        <a:pt x="37" y="292"/>
                      </a:lnTo>
                      <a:lnTo>
                        <a:pt x="34" y="295"/>
                      </a:lnTo>
                      <a:lnTo>
                        <a:pt x="30" y="300"/>
                      </a:lnTo>
                      <a:lnTo>
                        <a:pt x="29" y="303"/>
                      </a:lnTo>
                      <a:lnTo>
                        <a:pt x="27" y="307"/>
                      </a:lnTo>
                      <a:lnTo>
                        <a:pt x="29" y="308"/>
                      </a:lnTo>
                      <a:lnTo>
                        <a:pt x="32" y="310"/>
                      </a:lnTo>
                      <a:lnTo>
                        <a:pt x="34" y="310"/>
                      </a:lnTo>
                      <a:lnTo>
                        <a:pt x="35" y="314"/>
                      </a:lnTo>
                      <a:lnTo>
                        <a:pt x="37" y="317"/>
                      </a:lnTo>
                      <a:lnTo>
                        <a:pt x="41" y="319"/>
                      </a:lnTo>
                      <a:lnTo>
                        <a:pt x="44" y="320"/>
                      </a:lnTo>
                      <a:lnTo>
                        <a:pt x="47" y="319"/>
                      </a:lnTo>
                      <a:lnTo>
                        <a:pt x="52" y="314"/>
                      </a:lnTo>
                      <a:lnTo>
                        <a:pt x="56" y="305"/>
                      </a:lnTo>
                      <a:lnTo>
                        <a:pt x="57" y="303"/>
                      </a:lnTo>
                      <a:lnTo>
                        <a:pt x="59" y="300"/>
                      </a:lnTo>
                      <a:lnTo>
                        <a:pt x="59" y="298"/>
                      </a:lnTo>
                      <a:lnTo>
                        <a:pt x="59" y="300"/>
                      </a:lnTo>
                      <a:lnTo>
                        <a:pt x="59" y="302"/>
                      </a:lnTo>
                      <a:lnTo>
                        <a:pt x="59" y="305"/>
                      </a:lnTo>
                      <a:lnTo>
                        <a:pt x="59" y="308"/>
                      </a:lnTo>
                      <a:lnTo>
                        <a:pt x="61" y="312"/>
                      </a:lnTo>
                      <a:lnTo>
                        <a:pt x="63" y="315"/>
                      </a:lnTo>
                      <a:lnTo>
                        <a:pt x="64" y="319"/>
                      </a:lnTo>
                      <a:lnTo>
                        <a:pt x="68" y="322"/>
                      </a:lnTo>
                      <a:lnTo>
                        <a:pt x="69" y="322"/>
                      </a:lnTo>
                      <a:lnTo>
                        <a:pt x="69" y="324"/>
                      </a:lnTo>
                      <a:lnTo>
                        <a:pt x="69" y="327"/>
                      </a:lnTo>
                      <a:lnTo>
                        <a:pt x="68" y="329"/>
                      </a:lnTo>
                      <a:lnTo>
                        <a:pt x="68" y="332"/>
                      </a:lnTo>
                      <a:lnTo>
                        <a:pt x="66" y="334"/>
                      </a:lnTo>
                      <a:lnTo>
                        <a:pt x="66" y="336"/>
                      </a:lnTo>
                      <a:lnTo>
                        <a:pt x="64" y="346"/>
                      </a:lnTo>
                      <a:lnTo>
                        <a:pt x="64" y="347"/>
                      </a:lnTo>
                      <a:lnTo>
                        <a:pt x="66" y="351"/>
                      </a:lnTo>
                      <a:lnTo>
                        <a:pt x="66" y="352"/>
                      </a:lnTo>
                      <a:lnTo>
                        <a:pt x="68" y="352"/>
                      </a:lnTo>
                      <a:lnTo>
                        <a:pt x="69" y="352"/>
                      </a:lnTo>
                      <a:lnTo>
                        <a:pt x="73" y="349"/>
                      </a:lnTo>
                      <a:lnTo>
                        <a:pt x="78" y="341"/>
                      </a:lnTo>
                      <a:lnTo>
                        <a:pt x="79" y="341"/>
                      </a:lnTo>
                      <a:lnTo>
                        <a:pt x="79" y="339"/>
                      </a:lnTo>
                      <a:lnTo>
                        <a:pt x="79" y="336"/>
                      </a:lnTo>
                      <a:lnTo>
                        <a:pt x="81" y="334"/>
                      </a:lnTo>
                      <a:lnTo>
                        <a:pt x="83" y="336"/>
                      </a:lnTo>
                      <a:lnTo>
                        <a:pt x="86" y="337"/>
                      </a:lnTo>
                      <a:lnTo>
                        <a:pt x="90" y="341"/>
                      </a:lnTo>
                      <a:lnTo>
                        <a:pt x="91" y="341"/>
                      </a:lnTo>
                      <a:lnTo>
                        <a:pt x="91" y="339"/>
                      </a:lnTo>
                      <a:lnTo>
                        <a:pt x="91" y="337"/>
                      </a:lnTo>
                      <a:lnTo>
                        <a:pt x="93" y="336"/>
                      </a:lnTo>
                      <a:lnTo>
                        <a:pt x="93" y="334"/>
                      </a:lnTo>
                      <a:lnTo>
                        <a:pt x="95" y="336"/>
                      </a:lnTo>
                      <a:lnTo>
                        <a:pt x="96" y="337"/>
                      </a:lnTo>
                      <a:lnTo>
                        <a:pt x="98" y="344"/>
                      </a:lnTo>
                      <a:lnTo>
                        <a:pt x="100" y="346"/>
                      </a:lnTo>
                      <a:lnTo>
                        <a:pt x="100" y="347"/>
                      </a:lnTo>
                      <a:lnTo>
                        <a:pt x="101" y="351"/>
                      </a:lnTo>
                      <a:lnTo>
                        <a:pt x="103" y="352"/>
                      </a:lnTo>
                      <a:lnTo>
                        <a:pt x="105" y="354"/>
                      </a:lnTo>
                      <a:lnTo>
                        <a:pt x="107" y="352"/>
                      </a:lnTo>
                      <a:lnTo>
                        <a:pt x="108" y="351"/>
                      </a:lnTo>
                      <a:lnTo>
                        <a:pt x="108" y="344"/>
                      </a:lnTo>
                      <a:lnTo>
                        <a:pt x="110" y="344"/>
                      </a:lnTo>
                      <a:lnTo>
                        <a:pt x="113" y="346"/>
                      </a:lnTo>
                      <a:lnTo>
                        <a:pt x="117" y="346"/>
                      </a:lnTo>
                      <a:lnTo>
                        <a:pt x="122" y="346"/>
                      </a:lnTo>
                      <a:lnTo>
                        <a:pt x="127" y="342"/>
                      </a:lnTo>
                      <a:lnTo>
                        <a:pt x="132" y="337"/>
                      </a:lnTo>
                      <a:lnTo>
                        <a:pt x="139" y="329"/>
                      </a:lnTo>
                      <a:lnTo>
                        <a:pt x="137" y="332"/>
                      </a:lnTo>
                      <a:lnTo>
                        <a:pt x="135" y="336"/>
                      </a:lnTo>
                      <a:lnTo>
                        <a:pt x="134" y="341"/>
                      </a:lnTo>
                      <a:lnTo>
                        <a:pt x="130" y="344"/>
                      </a:lnTo>
                      <a:lnTo>
                        <a:pt x="130" y="347"/>
                      </a:lnTo>
                      <a:lnTo>
                        <a:pt x="129" y="351"/>
                      </a:lnTo>
                      <a:lnTo>
                        <a:pt x="127" y="352"/>
                      </a:lnTo>
                      <a:lnTo>
                        <a:pt x="127" y="358"/>
                      </a:lnTo>
                      <a:lnTo>
                        <a:pt x="125" y="364"/>
                      </a:lnTo>
                      <a:lnTo>
                        <a:pt x="125" y="371"/>
                      </a:lnTo>
                      <a:lnTo>
                        <a:pt x="122" y="378"/>
                      </a:lnTo>
                      <a:lnTo>
                        <a:pt x="120" y="383"/>
                      </a:lnTo>
                      <a:lnTo>
                        <a:pt x="117" y="388"/>
                      </a:lnTo>
                      <a:lnTo>
                        <a:pt x="112" y="390"/>
                      </a:lnTo>
                      <a:lnTo>
                        <a:pt x="112" y="391"/>
                      </a:lnTo>
                      <a:lnTo>
                        <a:pt x="113" y="391"/>
                      </a:lnTo>
                      <a:lnTo>
                        <a:pt x="113" y="393"/>
                      </a:lnTo>
                      <a:lnTo>
                        <a:pt x="112" y="396"/>
                      </a:lnTo>
                      <a:lnTo>
                        <a:pt x="110" y="398"/>
                      </a:lnTo>
                      <a:lnTo>
                        <a:pt x="107" y="402"/>
                      </a:lnTo>
                      <a:lnTo>
                        <a:pt x="100" y="405"/>
                      </a:lnTo>
                      <a:lnTo>
                        <a:pt x="96" y="407"/>
                      </a:lnTo>
                      <a:lnTo>
                        <a:pt x="91" y="408"/>
                      </a:lnTo>
                      <a:lnTo>
                        <a:pt x="88" y="412"/>
                      </a:lnTo>
                      <a:lnTo>
                        <a:pt x="85" y="413"/>
                      </a:lnTo>
                      <a:lnTo>
                        <a:pt x="83" y="418"/>
                      </a:lnTo>
                      <a:lnTo>
                        <a:pt x="83" y="422"/>
                      </a:lnTo>
                      <a:lnTo>
                        <a:pt x="85" y="425"/>
                      </a:lnTo>
                      <a:lnTo>
                        <a:pt x="85" y="427"/>
                      </a:lnTo>
                      <a:lnTo>
                        <a:pt x="85" y="429"/>
                      </a:lnTo>
                      <a:lnTo>
                        <a:pt x="83" y="430"/>
                      </a:lnTo>
                      <a:lnTo>
                        <a:pt x="81" y="430"/>
                      </a:lnTo>
                      <a:lnTo>
                        <a:pt x="79" y="432"/>
                      </a:lnTo>
                      <a:lnTo>
                        <a:pt x="78" y="430"/>
                      </a:lnTo>
                      <a:lnTo>
                        <a:pt x="76" y="429"/>
                      </a:lnTo>
                      <a:lnTo>
                        <a:pt x="76" y="424"/>
                      </a:lnTo>
                      <a:lnTo>
                        <a:pt x="74" y="424"/>
                      </a:lnTo>
                      <a:lnTo>
                        <a:pt x="71" y="424"/>
                      </a:lnTo>
                      <a:lnTo>
                        <a:pt x="69" y="424"/>
                      </a:lnTo>
                      <a:lnTo>
                        <a:pt x="68" y="425"/>
                      </a:lnTo>
                      <a:lnTo>
                        <a:pt x="64" y="425"/>
                      </a:lnTo>
                      <a:lnTo>
                        <a:pt x="63" y="425"/>
                      </a:lnTo>
                      <a:lnTo>
                        <a:pt x="46" y="442"/>
                      </a:lnTo>
                      <a:lnTo>
                        <a:pt x="44" y="442"/>
                      </a:lnTo>
                      <a:lnTo>
                        <a:pt x="44" y="444"/>
                      </a:lnTo>
                      <a:lnTo>
                        <a:pt x="42" y="447"/>
                      </a:lnTo>
                      <a:lnTo>
                        <a:pt x="41" y="449"/>
                      </a:lnTo>
                      <a:lnTo>
                        <a:pt x="41" y="452"/>
                      </a:lnTo>
                      <a:lnTo>
                        <a:pt x="42" y="452"/>
                      </a:lnTo>
                      <a:lnTo>
                        <a:pt x="44" y="451"/>
                      </a:lnTo>
                      <a:lnTo>
                        <a:pt x="51" y="447"/>
                      </a:lnTo>
                      <a:lnTo>
                        <a:pt x="52" y="446"/>
                      </a:lnTo>
                      <a:lnTo>
                        <a:pt x="56" y="444"/>
                      </a:lnTo>
                      <a:lnTo>
                        <a:pt x="57" y="440"/>
                      </a:lnTo>
                      <a:lnTo>
                        <a:pt x="61" y="439"/>
                      </a:lnTo>
                      <a:lnTo>
                        <a:pt x="64" y="435"/>
                      </a:lnTo>
                      <a:lnTo>
                        <a:pt x="66" y="434"/>
                      </a:lnTo>
                      <a:lnTo>
                        <a:pt x="68" y="432"/>
                      </a:lnTo>
                      <a:lnTo>
                        <a:pt x="68" y="434"/>
                      </a:lnTo>
                      <a:lnTo>
                        <a:pt x="68" y="437"/>
                      </a:lnTo>
                      <a:lnTo>
                        <a:pt x="68" y="439"/>
                      </a:lnTo>
                      <a:lnTo>
                        <a:pt x="69" y="440"/>
                      </a:lnTo>
                      <a:lnTo>
                        <a:pt x="73" y="440"/>
                      </a:lnTo>
                      <a:lnTo>
                        <a:pt x="78" y="439"/>
                      </a:lnTo>
                      <a:lnTo>
                        <a:pt x="86" y="434"/>
                      </a:lnTo>
                      <a:lnTo>
                        <a:pt x="88" y="430"/>
                      </a:lnTo>
                      <a:lnTo>
                        <a:pt x="90" y="429"/>
                      </a:lnTo>
                      <a:lnTo>
                        <a:pt x="91" y="429"/>
                      </a:lnTo>
                      <a:lnTo>
                        <a:pt x="95" y="434"/>
                      </a:lnTo>
                      <a:lnTo>
                        <a:pt x="96" y="434"/>
                      </a:lnTo>
                      <a:lnTo>
                        <a:pt x="96" y="432"/>
                      </a:lnTo>
                      <a:lnTo>
                        <a:pt x="96" y="430"/>
                      </a:lnTo>
                      <a:lnTo>
                        <a:pt x="98" y="427"/>
                      </a:lnTo>
                      <a:lnTo>
                        <a:pt x="101" y="424"/>
                      </a:lnTo>
                      <a:lnTo>
                        <a:pt x="105" y="422"/>
                      </a:lnTo>
                      <a:lnTo>
                        <a:pt x="110" y="420"/>
                      </a:lnTo>
                      <a:lnTo>
                        <a:pt x="117" y="420"/>
                      </a:lnTo>
                      <a:lnTo>
                        <a:pt x="117" y="418"/>
                      </a:lnTo>
                      <a:lnTo>
                        <a:pt x="115" y="418"/>
                      </a:lnTo>
                      <a:lnTo>
                        <a:pt x="113" y="415"/>
                      </a:lnTo>
                      <a:lnTo>
                        <a:pt x="113" y="413"/>
                      </a:lnTo>
                      <a:lnTo>
                        <a:pt x="115" y="408"/>
                      </a:lnTo>
                      <a:lnTo>
                        <a:pt x="120" y="405"/>
                      </a:lnTo>
                      <a:lnTo>
                        <a:pt x="127" y="398"/>
                      </a:lnTo>
                      <a:lnTo>
                        <a:pt x="139" y="391"/>
                      </a:lnTo>
                      <a:lnTo>
                        <a:pt x="140" y="391"/>
                      </a:lnTo>
                      <a:lnTo>
                        <a:pt x="139" y="390"/>
                      </a:lnTo>
                      <a:lnTo>
                        <a:pt x="139" y="388"/>
                      </a:lnTo>
                      <a:lnTo>
                        <a:pt x="140" y="385"/>
                      </a:lnTo>
                      <a:lnTo>
                        <a:pt x="144" y="381"/>
                      </a:lnTo>
                      <a:lnTo>
                        <a:pt x="151" y="374"/>
                      </a:lnTo>
                      <a:lnTo>
                        <a:pt x="161" y="366"/>
                      </a:lnTo>
                      <a:lnTo>
                        <a:pt x="174" y="354"/>
                      </a:lnTo>
                      <a:lnTo>
                        <a:pt x="176" y="352"/>
                      </a:lnTo>
                      <a:lnTo>
                        <a:pt x="178" y="347"/>
                      </a:lnTo>
                      <a:lnTo>
                        <a:pt x="178" y="344"/>
                      </a:lnTo>
                      <a:lnTo>
                        <a:pt x="179" y="342"/>
                      </a:lnTo>
                      <a:lnTo>
                        <a:pt x="181" y="341"/>
                      </a:lnTo>
                      <a:lnTo>
                        <a:pt x="183" y="339"/>
                      </a:lnTo>
                      <a:lnTo>
                        <a:pt x="183" y="337"/>
                      </a:lnTo>
                      <a:lnTo>
                        <a:pt x="184" y="336"/>
                      </a:lnTo>
                      <a:lnTo>
                        <a:pt x="183" y="332"/>
                      </a:lnTo>
                      <a:lnTo>
                        <a:pt x="181" y="330"/>
                      </a:lnTo>
                      <a:lnTo>
                        <a:pt x="174" y="330"/>
                      </a:lnTo>
                      <a:lnTo>
                        <a:pt x="173" y="330"/>
                      </a:lnTo>
                      <a:lnTo>
                        <a:pt x="173" y="329"/>
                      </a:lnTo>
                      <a:lnTo>
                        <a:pt x="173" y="327"/>
                      </a:lnTo>
                      <a:lnTo>
                        <a:pt x="174" y="322"/>
                      </a:lnTo>
                      <a:lnTo>
                        <a:pt x="178" y="317"/>
                      </a:lnTo>
                      <a:lnTo>
                        <a:pt x="183" y="310"/>
                      </a:lnTo>
                      <a:lnTo>
                        <a:pt x="191" y="302"/>
                      </a:lnTo>
                      <a:lnTo>
                        <a:pt x="193" y="298"/>
                      </a:lnTo>
                      <a:lnTo>
                        <a:pt x="195" y="293"/>
                      </a:lnTo>
                      <a:lnTo>
                        <a:pt x="196" y="285"/>
                      </a:lnTo>
                      <a:lnTo>
                        <a:pt x="200" y="276"/>
                      </a:lnTo>
                      <a:lnTo>
                        <a:pt x="205" y="268"/>
                      </a:lnTo>
                      <a:lnTo>
                        <a:pt x="211" y="264"/>
                      </a:lnTo>
                      <a:lnTo>
                        <a:pt x="220" y="264"/>
                      </a:lnTo>
                      <a:lnTo>
                        <a:pt x="230" y="271"/>
                      </a:lnTo>
                      <a:lnTo>
                        <a:pt x="228" y="271"/>
                      </a:lnTo>
                      <a:lnTo>
                        <a:pt x="225" y="271"/>
                      </a:lnTo>
                      <a:lnTo>
                        <a:pt x="220" y="273"/>
                      </a:lnTo>
                      <a:lnTo>
                        <a:pt x="213" y="273"/>
                      </a:lnTo>
                      <a:lnTo>
                        <a:pt x="210" y="276"/>
                      </a:lnTo>
                      <a:lnTo>
                        <a:pt x="206" y="281"/>
                      </a:lnTo>
                      <a:lnTo>
                        <a:pt x="206" y="288"/>
                      </a:lnTo>
                      <a:lnTo>
                        <a:pt x="210" y="297"/>
                      </a:lnTo>
                      <a:lnTo>
                        <a:pt x="210" y="298"/>
                      </a:lnTo>
                      <a:lnTo>
                        <a:pt x="208" y="302"/>
                      </a:lnTo>
                      <a:lnTo>
                        <a:pt x="205" y="305"/>
                      </a:lnTo>
                      <a:lnTo>
                        <a:pt x="203" y="308"/>
                      </a:lnTo>
                      <a:lnTo>
                        <a:pt x="203" y="310"/>
                      </a:lnTo>
                      <a:lnTo>
                        <a:pt x="205" y="312"/>
                      </a:lnTo>
                      <a:lnTo>
                        <a:pt x="208" y="310"/>
                      </a:lnTo>
                      <a:lnTo>
                        <a:pt x="215" y="307"/>
                      </a:lnTo>
                      <a:lnTo>
                        <a:pt x="213" y="308"/>
                      </a:lnTo>
                      <a:lnTo>
                        <a:pt x="211" y="312"/>
                      </a:lnTo>
                      <a:lnTo>
                        <a:pt x="210" y="317"/>
                      </a:lnTo>
                      <a:lnTo>
                        <a:pt x="208" y="320"/>
                      </a:lnTo>
                      <a:lnTo>
                        <a:pt x="208" y="324"/>
                      </a:lnTo>
                      <a:lnTo>
                        <a:pt x="210" y="322"/>
                      </a:lnTo>
                      <a:lnTo>
                        <a:pt x="217" y="319"/>
                      </a:lnTo>
                      <a:lnTo>
                        <a:pt x="227" y="308"/>
                      </a:lnTo>
                      <a:lnTo>
                        <a:pt x="227" y="307"/>
                      </a:lnTo>
                      <a:lnTo>
                        <a:pt x="230" y="305"/>
                      </a:lnTo>
                      <a:lnTo>
                        <a:pt x="232" y="303"/>
                      </a:lnTo>
                      <a:lnTo>
                        <a:pt x="233" y="302"/>
                      </a:lnTo>
                      <a:lnTo>
                        <a:pt x="237" y="300"/>
                      </a:lnTo>
                      <a:lnTo>
                        <a:pt x="239" y="298"/>
                      </a:lnTo>
                      <a:lnTo>
                        <a:pt x="240" y="297"/>
                      </a:lnTo>
                      <a:lnTo>
                        <a:pt x="242" y="297"/>
                      </a:lnTo>
                      <a:lnTo>
                        <a:pt x="244" y="297"/>
                      </a:lnTo>
                      <a:lnTo>
                        <a:pt x="245" y="295"/>
                      </a:lnTo>
                      <a:lnTo>
                        <a:pt x="247" y="293"/>
                      </a:lnTo>
                      <a:lnTo>
                        <a:pt x="249" y="290"/>
                      </a:lnTo>
                      <a:lnTo>
                        <a:pt x="247" y="286"/>
                      </a:lnTo>
                      <a:lnTo>
                        <a:pt x="245" y="281"/>
                      </a:lnTo>
                      <a:lnTo>
                        <a:pt x="245" y="280"/>
                      </a:lnTo>
                      <a:lnTo>
                        <a:pt x="244" y="276"/>
                      </a:lnTo>
                      <a:lnTo>
                        <a:pt x="242" y="273"/>
                      </a:lnTo>
                      <a:lnTo>
                        <a:pt x="240" y="271"/>
                      </a:lnTo>
                      <a:lnTo>
                        <a:pt x="250" y="264"/>
                      </a:lnTo>
                      <a:lnTo>
                        <a:pt x="255" y="268"/>
                      </a:lnTo>
                      <a:lnTo>
                        <a:pt x="266" y="263"/>
                      </a:lnTo>
                      <a:lnTo>
                        <a:pt x="281" y="271"/>
                      </a:lnTo>
                      <a:lnTo>
                        <a:pt x="286" y="278"/>
                      </a:lnTo>
                      <a:lnTo>
                        <a:pt x="293" y="270"/>
                      </a:lnTo>
                      <a:lnTo>
                        <a:pt x="303" y="286"/>
                      </a:lnTo>
                      <a:lnTo>
                        <a:pt x="305" y="285"/>
                      </a:lnTo>
                      <a:lnTo>
                        <a:pt x="310" y="281"/>
                      </a:lnTo>
                      <a:lnTo>
                        <a:pt x="315" y="278"/>
                      </a:lnTo>
                      <a:lnTo>
                        <a:pt x="323" y="276"/>
                      </a:lnTo>
                      <a:lnTo>
                        <a:pt x="333" y="275"/>
                      </a:lnTo>
                      <a:lnTo>
                        <a:pt x="343" y="275"/>
                      </a:lnTo>
                      <a:lnTo>
                        <a:pt x="357" y="276"/>
                      </a:lnTo>
                      <a:lnTo>
                        <a:pt x="359" y="276"/>
                      </a:lnTo>
                      <a:lnTo>
                        <a:pt x="360" y="275"/>
                      </a:lnTo>
                      <a:lnTo>
                        <a:pt x="362" y="273"/>
                      </a:lnTo>
                      <a:lnTo>
                        <a:pt x="364" y="271"/>
                      </a:lnTo>
                      <a:lnTo>
                        <a:pt x="365" y="271"/>
                      </a:lnTo>
                      <a:lnTo>
                        <a:pt x="369" y="271"/>
                      </a:lnTo>
                      <a:lnTo>
                        <a:pt x="371" y="275"/>
                      </a:lnTo>
                      <a:lnTo>
                        <a:pt x="371" y="278"/>
                      </a:lnTo>
                      <a:lnTo>
                        <a:pt x="371" y="280"/>
                      </a:lnTo>
                      <a:lnTo>
                        <a:pt x="374" y="280"/>
                      </a:lnTo>
                      <a:lnTo>
                        <a:pt x="377" y="281"/>
                      </a:lnTo>
                      <a:lnTo>
                        <a:pt x="381" y="281"/>
                      </a:lnTo>
                      <a:lnTo>
                        <a:pt x="384" y="281"/>
                      </a:lnTo>
                      <a:lnTo>
                        <a:pt x="387" y="283"/>
                      </a:lnTo>
                      <a:lnTo>
                        <a:pt x="389" y="283"/>
                      </a:lnTo>
                      <a:lnTo>
                        <a:pt x="391" y="283"/>
                      </a:lnTo>
                      <a:lnTo>
                        <a:pt x="411" y="295"/>
                      </a:lnTo>
                      <a:lnTo>
                        <a:pt x="413" y="295"/>
                      </a:lnTo>
                      <a:lnTo>
                        <a:pt x="415" y="295"/>
                      </a:lnTo>
                      <a:lnTo>
                        <a:pt x="418" y="295"/>
                      </a:lnTo>
                      <a:lnTo>
                        <a:pt x="421" y="295"/>
                      </a:lnTo>
                      <a:lnTo>
                        <a:pt x="425" y="295"/>
                      </a:lnTo>
                      <a:lnTo>
                        <a:pt x="425" y="292"/>
                      </a:lnTo>
                      <a:lnTo>
                        <a:pt x="423" y="288"/>
                      </a:lnTo>
                      <a:lnTo>
                        <a:pt x="416" y="280"/>
                      </a:lnTo>
                      <a:lnTo>
                        <a:pt x="418" y="280"/>
                      </a:lnTo>
                      <a:lnTo>
                        <a:pt x="420" y="278"/>
                      </a:lnTo>
                      <a:lnTo>
                        <a:pt x="423" y="276"/>
                      </a:lnTo>
                      <a:lnTo>
                        <a:pt x="425" y="278"/>
                      </a:lnTo>
                      <a:lnTo>
                        <a:pt x="428" y="280"/>
                      </a:lnTo>
                      <a:lnTo>
                        <a:pt x="431" y="283"/>
                      </a:lnTo>
                      <a:lnTo>
                        <a:pt x="435" y="286"/>
                      </a:lnTo>
                      <a:lnTo>
                        <a:pt x="438" y="288"/>
                      </a:lnTo>
                      <a:lnTo>
                        <a:pt x="438" y="286"/>
                      </a:lnTo>
                      <a:lnTo>
                        <a:pt x="435" y="281"/>
                      </a:lnTo>
                      <a:lnTo>
                        <a:pt x="430" y="271"/>
                      </a:lnTo>
                      <a:lnTo>
                        <a:pt x="428" y="270"/>
                      </a:lnTo>
                      <a:lnTo>
                        <a:pt x="430" y="266"/>
                      </a:lnTo>
                      <a:lnTo>
                        <a:pt x="430" y="264"/>
                      </a:lnTo>
                      <a:lnTo>
                        <a:pt x="431" y="264"/>
                      </a:lnTo>
                      <a:lnTo>
                        <a:pt x="445" y="283"/>
                      </a:lnTo>
                      <a:lnTo>
                        <a:pt x="455" y="280"/>
                      </a:lnTo>
                      <a:lnTo>
                        <a:pt x="455" y="281"/>
                      </a:lnTo>
                      <a:lnTo>
                        <a:pt x="457" y="281"/>
                      </a:lnTo>
                      <a:lnTo>
                        <a:pt x="460" y="283"/>
                      </a:lnTo>
                      <a:lnTo>
                        <a:pt x="462" y="286"/>
                      </a:lnTo>
                      <a:lnTo>
                        <a:pt x="465" y="290"/>
                      </a:lnTo>
                      <a:lnTo>
                        <a:pt x="469" y="295"/>
                      </a:lnTo>
                      <a:lnTo>
                        <a:pt x="472" y="300"/>
                      </a:lnTo>
                      <a:lnTo>
                        <a:pt x="475" y="305"/>
                      </a:lnTo>
                      <a:lnTo>
                        <a:pt x="479" y="312"/>
                      </a:lnTo>
                      <a:lnTo>
                        <a:pt x="482" y="314"/>
                      </a:lnTo>
                      <a:lnTo>
                        <a:pt x="484" y="314"/>
                      </a:lnTo>
                      <a:lnTo>
                        <a:pt x="486" y="312"/>
                      </a:lnTo>
                      <a:lnTo>
                        <a:pt x="487" y="310"/>
                      </a:lnTo>
                      <a:lnTo>
                        <a:pt x="487" y="308"/>
                      </a:lnTo>
                      <a:lnTo>
                        <a:pt x="487" y="307"/>
                      </a:lnTo>
                      <a:lnTo>
                        <a:pt x="509" y="322"/>
                      </a:lnTo>
                      <a:lnTo>
                        <a:pt x="508" y="325"/>
                      </a:lnTo>
                      <a:lnTo>
                        <a:pt x="508" y="327"/>
                      </a:lnTo>
                      <a:lnTo>
                        <a:pt x="508" y="330"/>
                      </a:lnTo>
                      <a:lnTo>
                        <a:pt x="508" y="332"/>
                      </a:lnTo>
                      <a:lnTo>
                        <a:pt x="509" y="332"/>
                      </a:lnTo>
                      <a:lnTo>
                        <a:pt x="514" y="329"/>
                      </a:lnTo>
                      <a:lnTo>
                        <a:pt x="519" y="324"/>
                      </a:lnTo>
                      <a:lnTo>
                        <a:pt x="521" y="322"/>
                      </a:lnTo>
                      <a:lnTo>
                        <a:pt x="523" y="322"/>
                      </a:lnTo>
                      <a:lnTo>
                        <a:pt x="525" y="324"/>
                      </a:lnTo>
                      <a:lnTo>
                        <a:pt x="528" y="325"/>
                      </a:lnTo>
                      <a:lnTo>
                        <a:pt x="531" y="330"/>
                      </a:lnTo>
                      <a:lnTo>
                        <a:pt x="535" y="339"/>
                      </a:lnTo>
                      <a:lnTo>
                        <a:pt x="536" y="341"/>
                      </a:lnTo>
                      <a:lnTo>
                        <a:pt x="538" y="344"/>
                      </a:lnTo>
                      <a:lnTo>
                        <a:pt x="540" y="347"/>
                      </a:lnTo>
                      <a:lnTo>
                        <a:pt x="541" y="349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17" name="Freeform 78"/>
                <p:cNvSpPr>
                  <a:spLocks/>
                </p:cNvSpPr>
                <p:nvPr/>
              </p:nvSpPr>
              <p:spPr bwMode="auto">
                <a:xfrm>
                  <a:off x="659" y="3034"/>
                  <a:ext cx="545" cy="452"/>
                </a:xfrm>
                <a:custGeom>
                  <a:avLst/>
                  <a:gdLst>
                    <a:gd name="T0" fmla="*/ 545 w 545"/>
                    <a:gd name="T1" fmla="*/ 332 h 452"/>
                    <a:gd name="T2" fmla="*/ 516 w 545"/>
                    <a:gd name="T3" fmla="*/ 312 h 452"/>
                    <a:gd name="T4" fmla="*/ 381 w 545"/>
                    <a:gd name="T5" fmla="*/ 266 h 452"/>
                    <a:gd name="T6" fmla="*/ 350 w 545"/>
                    <a:gd name="T7" fmla="*/ 264 h 452"/>
                    <a:gd name="T8" fmla="*/ 237 w 545"/>
                    <a:gd name="T9" fmla="*/ 14 h 452"/>
                    <a:gd name="T10" fmla="*/ 195 w 545"/>
                    <a:gd name="T11" fmla="*/ 16 h 452"/>
                    <a:gd name="T12" fmla="*/ 179 w 545"/>
                    <a:gd name="T13" fmla="*/ 16 h 452"/>
                    <a:gd name="T14" fmla="*/ 152 w 545"/>
                    <a:gd name="T15" fmla="*/ 9 h 452"/>
                    <a:gd name="T16" fmla="*/ 110 w 545"/>
                    <a:gd name="T17" fmla="*/ 9 h 452"/>
                    <a:gd name="T18" fmla="*/ 91 w 545"/>
                    <a:gd name="T19" fmla="*/ 17 h 452"/>
                    <a:gd name="T20" fmla="*/ 69 w 545"/>
                    <a:gd name="T21" fmla="*/ 33 h 452"/>
                    <a:gd name="T22" fmla="*/ 22 w 545"/>
                    <a:gd name="T23" fmla="*/ 78 h 452"/>
                    <a:gd name="T24" fmla="*/ 54 w 545"/>
                    <a:gd name="T25" fmla="*/ 116 h 452"/>
                    <a:gd name="T26" fmla="*/ 68 w 545"/>
                    <a:gd name="T27" fmla="*/ 132 h 452"/>
                    <a:gd name="T28" fmla="*/ 27 w 545"/>
                    <a:gd name="T29" fmla="*/ 132 h 452"/>
                    <a:gd name="T30" fmla="*/ 15 w 545"/>
                    <a:gd name="T31" fmla="*/ 138 h 452"/>
                    <a:gd name="T32" fmla="*/ 3 w 545"/>
                    <a:gd name="T33" fmla="*/ 160 h 452"/>
                    <a:gd name="T34" fmla="*/ 17 w 545"/>
                    <a:gd name="T35" fmla="*/ 180 h 452"/>
                    <a:gd name="T36" fmla="*/ 71 w 545"/>
                    <a:gd name="T37" fmla="*/ 176 h 452"/>
                    <a:gd name="T38" fmla="*/ 76 w 545"/>
                    <a:gd name="T39" fmla="*/ 190 h 452"/>
                    <a:gd name="T40" fmla="*/ 56 w 545"/>
                    <a:gd name="T41" fmla="*/ 219 h 452"/>
                    <a:gd name="T42" fmla="*/ 34 w 545"/>
                    <a:gd name="T43" fmla="*/ 220 h 452"/>
                    <a:gd name="T44" fmla="*/ 22 w 545"/>
                    <a:gd name="T45" fmla="*/ 242 h 452"/>
                    <a:gd name="T46" fmla="*/ 15 w 545"/>
                    <a:gd name="T47" fmla="*/ 256 h 452"/>
                    <a:gd name="T48" fmla="*/ 17 w 545"/>
                    <a:gd name="T49" fmla="*/ 271 h 452"/>
                    <a:gd name="T50" fmla="*/ 41 w 545"/>
                    <a:gd name="T51" fmla="*/ 288 h 452"/>
                    <a:gd name="T52" fmla="*/ 35 w 545"/>
                    <a:gd name="T53" fmla="*/ 314 h 452"/>
                    <a:gd name="T54" fmla="*/ 59 w 545"/>
                    <a:gd name="T55" fmla="*/ 298 h 452"/>
                    <a:gd name="T56" fmla="*/ 69 w 545"/>
                    <a:gd name="T57" fmla="*/ 322 h 452"/>
                    <a:gd name="T58" fmla="*/ 64 w 545"/>
                    <a:gd name="T59" fmla="*/ 347 h 452"/>
                    <a:gd name="T60" fmla="*/ 79 w 545"/>
                    <a:gd name="T61" fmla="*/ 336 h 452"/>
                    <a:gd name="T62" fmla="*/ 95 w 545"/>
                    <a:gd name="T63" fmla="*/ 336 h 452"/>
                    <a:gd name="T64" fmla="*/ 108 w 545"/>
                    <a:gd name="T65" fmla="*/ 344 h 452"/>
                    <a:gd name="T66" fmla="*/ 139 w 545"/>
                    <a:gd name="T67" fmla="*/ 329 h 452"/>
                    <a:gd name="T68" fmla="*/ 125 w 545"/>
                    <a:gd name="T69" fmla="*/ 364 h 452"/>
                    <a:gd name="T70" fmla="*/ 112 w 545"/>
                    <a:gd name="T71" fmla="*/ 396 h 452"/>
                    <a:gd name="T72" fmla="*/ 83 w 545"/>
                    <a:gd name="T73" fmla="*/ 422 h 452"/>
                    <a:gd name="T74" fmla="*/ 76 w 545"/>
                    <a:gd name="T75" fmla="*/ 424 h 452"/>
                    <a:gd name="T76" fmla="*/ 44 w 545"/>
                    <a:gd name="T77" fmla="*/ 442 h 452"/>
                    <a:gd name="T78" fmla="*/ 57 w 545"/>
                    <a:gd name="T79" fmla="*/ 440 h 452"/>
                    <a:gd name="T80" fmla="*/ 69 w 545"/>
                    <a:gd name="T81" fmla="*/ 440 h 452"/>
                    <a:gd name="T82" fmla="*/ 96 w 545"/>
                    <a:gd name="T83" fmla="*/ 432 h 452"/>
                    <a:gd name="T84" fmla="*/ 113 w 545"/>
                    <a:gd name="T85" fmla="*/ 413 h 452"/>
                    <a:gd name="T86" fmla="*/ 151 w 545"/>
                    <a:gd name="T87" fmla="*/ 374 h 452"/>
                    <a:gd name="T88" fmla="*/ 183 w 545"/>
                    <a:gd name="T89" fmla="*/ 339 h 452"/>
                    <a:gd name="T90" fmla="*/ 174 w 545"/>
                    <a:gd name="T91" fmla="*/ 322 h 452"/>
                    <a:gd name="T92" fmla="*/ 220 w 545"/>
                    <a:gd name="T93" fmla="*/ 264 h 452"/>
                    <a:gd name="T94" fmla="*/ 210 w 545"/>
                    <a:gd name="T95" fmla="*/ 297 h 452"/>
                    <a:gd name="T96" fmla="*/ 211 w 545"/>
                    <a:gd name="T97" fmla="*/ 312 h 452"/>
                    <a:gd name="T98" fmla="*/ 233 w 545"/>
                    <a:gd name="T99" fmla="*/ 302 h 452"/>
                    <a:gd name="T100" fmla="*/ 249 w 545"/>
                    <a:gd name="T101" fmla="*/ 290 h 452"/>
                    <a:gd name="T102" fmla="*/ 281 w 545"/>
                    <a:gd name="T103" fmla="*/ 271 h 452"/>
                    <a:gd name="T104" fmla="*/ 343 w 545"/>
                    <a:gd name="T105" fmla="*/ 275 h 452"/>
                    <a:gd name="T106" fmla="*/ 371 w 545"/>
                    <a:gd name="T107" fmla="*/ 278 h 452"/>
                    <a:gd name="T108" fmla="*/ 413 w 545"/>
                    <a:gd name="T109" fmla="*/ 295 h 452"/>
                    <a:gd name="T110" fmla="*/ 423 w 545"/>
                    <a:gd name="T111" fmla="*/ 276 h 452"/>
                    <a:gd name="T112" fmla="*/ 430 w 545"/>
                    <a:gd name="T113" fmla="*/ 271 h 452"/>
                    <a:gd name="T114" fmla="*/ 462 w 545"/>
                    <a:gd name="T115" fmla="*/ 286 h 452"/>
                    <a:gd name="T116" fmla="*/ 487 w 545"/>
                    <a:gd name="T117" fmla="*/ 310 h 452"/>
                    <a:gd name="T118" fmla="*/ 514 w 545"/>
                    <a:gd name="T119" fmla="*/ 329 h 452"/>
                    <a:gd name="T120" fmla="*/ 535 w 545"/>
                    <a:gd name="T121" fmla="*/ 339 h 452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w 545"/>
                    <a:gd name="T184" fmla="*/ 0 h 452"/>
                    <a:gd name="T185" fmla="*/ 545 w 545"/>
                    <a:gd name="T186" fmla="*/ 452 h 452"/>
                  </a:gdLst>
                  <a:ahLst/>
                  <a:cxnLst>
                    <a:cxn ang="T122">
                      <a:pos x="T0" y="T1"/>
                    </a:cxn>
                    <a:cxn ang="T123">
                      <a:pos x="T2" y="T3"/>
                    </a:cxn>
                    <a:cxn ang="T124">
                      <a:pos x="T4" y="T5"/>
                    </a:cxn>
                    <a:cxn ang="T125">
                      <a:pos x="T6" y="T7"/>
                    </a:cxn>
                    <a:cxn ang="T126">
                      <a:pos x="T8" y="T9"/>
                    </a:cxn>
                    <a:cxn ang="T127">
                      <a:pos x="T10" y="T11"/>
                    </a:cxn>
                    <a:cxn ang="T128">
                      <a:pos x="T12" y="T13"/>
                    </a:cxn>
                    <a:cxn ang="T129">
                      <a:pos x="T14" y="T15"/>
                    </a:cxn>
                    <a:cxn ang="T130">
                      <a:pos x="T16" y="T17"/>
                    </a:cxn>
                    <a:cxn ang="T131">
                      <a:pos x="T18" y="T19"/>
                    </a:cxn>
                    <a:cxn ang="T132">
                      <a:pos x="T20" y="T21"/>
                    </a:cxn>
                    <a:cxn ang="T133">
                      <a:pos x="T22" y="T23"/>
                    </a:cxn>
                    <a:cxn ang="T134">
                      <a:pos x="T24" y="T25"/>
                    </a:cxn>
                    <a:cxn ang="T135">
                      <a:pos x="T26" y="T27"/>
                    </a:cxn>
                    <a:cxn ang="T136">
                      <a:pos x="T28" y="T29"/>
                    </a:cxn>
                    <a:cxn ang="T137">
                      <a:pos x="T30" y="T31"/>
                    </a:cxn>
                    <a:cxn ang="T138">
                      <a:pos x="T32" y="T33"/>
                    </a:cxn>
                    <a:cxn ang="T139">
                      <a:pos x="T34" y="T35"/>
                    </a:cxn>
                    <a:cxn ang="T140">
                      <a:pos x="T36" y="T37"/>
                    </a:cxn>
                    <a:cxn ang="T141">
                      <a:pos x="T38" y="T39"/>
                    </a:cxn>
                    <a:cxn ang="T142">
                      <a:pos x="T40" y="T41"/>
                    </a:cxn>
                    <a:cxn ang="T143">
                      <a:pos x="T42" y="T43"/>
                    </a:cxn>
                    <a:cxn ang="T144">
                      <a:pos x="T44" y="T45"/>
                    </a:cxn>
                    <a:cxn ang="T145">
                      <a:pos x="T46" y="T47"/>
                    </a:cxn>
                    <a:cxn ang="T146">
                      <a:pos x="T48" y="T49"/>
                    </a:cxn>
                    <a:cxn ang="T147">
                      <a:pos x="T50" y="T51"/>
                    </a:cxn>
                    <a:cxn ang="T148">
                      <a:pos x="T52" y="T53"/>
                    </a:cxn>
                    <a:cxn ang="T149">
                      <a:pos x="T54" y="T55"/>
                    </a:cxn>
                    <a:cxn ang="T150">
                      <a:pos x="T56" y="T57"/>
                    </a:cxn>
                    <a:cxn ang="T151">
                      <a:pos x="T58" y="T59"/>
                    </a:cxn>
                    <a:cxn ang="T152">
                      <a:pos x="T60" y="T61"/>
                    </a:cxn>
                    <a:cxn ang="T153">
                      <a:pos x="T62" y="T63"/>
                    </a:cxn>
                    <a:cxn ang="T154">
                      <a:pos x="T64" y="T65"/>
                    </a:cxn>
                    <a:cxn ang="T155">
                      <a:pos x="T66" y="T67"/>
                    </a:cxn>
                    <a:cxn ang="T156">
                      <a:pos x="T68" y="T69"/>
                    </a:cxn>
                    <a:cxn ang="T157">
                      <a:pos x="T70" y="T71"/>
                    </a:cxn>
                    <a:cxn ang="T158">
                      <a:pos x="T72" y="T73"/>
                    </a:cxn>
                    <a:cxn ang="T159">
                      <a:pos x="T74" y="T75"/>
                    </a:cxn>
                    <a:cxn ang="T160">
                      <a:pos x="T76" y="T77"/>
                    </a:cxn>
                    <a:cxn ang="T161">
                      <a:pos x="T78" y="T79"/>
                    </a:cxn>
                    <a:cxn ang="T162">
                      <a:pos x="T80" y="T81"/>
                    </a:cxn>
                    <a:cxn ang="T163">
                      <a:pos x="T82" y="T83"/>
                    </a:cxn>
                    <a:cxn ang="T164">
                      <a:pos x="T84" y="T85"/>
                    </a:cxn>
                    <a:cxn ang="T165">
                      <a:pos x="T86" y="T87"/>
                    </a:cxn>
                    <a:cxn ang="T166">
                      <a:pos x="T88" y="T89"/>
                    </a:cxn>
                    <a:cxn ang="T167">
                      <a:pos x="T90" y="T91"/>
                    </a:cxn>
                    <a:cxn ang="T168">
                      <a:pos x="T92" y="T93"/>
                    </a:cxn>
                    <a:cxn ang="T169">
                      <a:pos x="T94" y="T95"/>
                    </a:cxn>
                    <a:cxn ang="T170">
                      <a:pos x="T96" y="T97"/>
                    </a:cxn>
                    <a:cxn ang="T171">
                      <a:pos x="T98" y="T99"/>
                    </a:cxn>
                    <a:cxn ang="T172">
                      <a:pos x="T100" y="T101"/>
                    </a:cxn>
                    <a:cxn ang="T173">
                      <a:pos x="T102" y="T103"/>
                    </a:cxn>
                    <a:cxn ang="T174">
                      <a:pos x="T104" y="T105"/>
                    </a:cxn>
                    <a:cxn ang="T175">
                      <a:pos x="T106" y="T107"/>
                    </a:cxn>
                    <a:cxn ang="T176">
                      <a:pos x="T108" y="T109"/>
                    </a:cxn>
                    <a:cxn ang="T177">
                      <a:pos x="T110" y="T111"/>
                    </a:cxn>
                    <a:cxn ang="T178">
                      <a:pos x="T112" y="T113"/>
                    </a:cxn>
                    <a:cxn ang="T179">
                      <a:pos x="T114" y="T115"/>
                    </a:cxn>
                    <a:cxn ang="T180">
                      <a:pos x="T116" y="T117"/>
                    </a:cxn>
                    <a:cxn ang="T181">
                      <a:pos x="T118" y="T119"/>
                    </a:cxn>
                    <a:cxn ang="T182">
                      <a:pos x="T120" y="T121"/>
                    </a:cxn>
                  </a:cxnLst>
                  <a:rect l="T183" t="T184" r="T185" b="T186"/>
                  <a:pathLst>
                    <a:path w="545" h="452">
                      <a:moveTo>
                        <a:pt x="541" y="349"/>
                      </a:moveTo>
                      <a:lnTo>
                        <a:pt x="541" y="349"/>
                      </a:lnTo>
                      <a:lnTo>
                        <a:pt x="541" y="347"/>
                      </a:lnTo>
                      <a:lnTo>
                        <a:pt x="543" y="346"/>
                      </a:lnTo>
                      <a:lnTo>
                        <a:pt x="543" y="344"/>
                      </a:lnTo>
                      <a:lnTo>
                        <a:pt x="545" y="341"/>
                      </a:lnTo>
                      <a:lnTo>
                        <a:pt x="545" y="339"/>
                      </a:lnTo>
                      <a:lnTo>
                        <a:pt x="545" y="336"/>
                      </a:lnTo>
                      <a:lnTo>
                        <a:pt x="545" y="332"/>
                      </a:lnTo>
                      <a:lnTo>
                        <a:pt x="543" y="329"/>
                      </a:lnTo>
                      <a:lnTo>
                        <a:pt x="541" y="325"/>
                      </a:lnTo>
                      <a:lnTo>
                        <a:pt x="538" y="320"/>
                      </a:lnTo>
                      <a:lnTo>
                        <a:pt x="535" y="317"/>
                      </a:lnTo>
                      <a:lnTo>
                        <a:pt x="533" y="315"/>
                      </a:lnTo>
                      <a:lnTo>
                        <a:pt x="530" y="315"/>
                      </a:lnTo>
                      <a:lnTo>
                        <a:pt x="526" y="314"/>
                      </a:lnTo>
                      <a:lnTo>
                        <a:pt x="523" y="314"/>
                      </a:lnTo>
                      <a:lnTo>
                        <a:pt x="519" y="314"/>
                      </a:lnTo>
                      <a:lnTo>
                        <a:pt x="516" y="312"/>
                      </a:lnTo>
                      <a:lnTo>
                        <a:pt x="514" y="312"/>
                      </a:lnTo>
                      <a:lnTo>
                        <a:pt x="506" y="310"/>
                      </a:lnTo>
                      <a:lnTo>
                        <a:pt x="452" y="271"/>
                      </a:lnTo>
                      <a:lnTo>
                        <a:pt x="435" y="259"/>
                      </a:lnTo>
                      <a:lnTo>
                        <a:pt x="421" y="251"/>
                      </a:lnTo>
                      <a:lnTo>
                        <a:pt x="413" y="263"/>
                      </a:lnTo>
                      <a:lnTo>
                        <a:pt x="413" y="271"/>
                      </a:lnTo>
                      <a:lnTo>
                        <a:pt x="403" y="280"/>
                      </a:lnTo>
                      <a:lnTo>
                        <a:pt x="381" y="266"/>
                      </a:lnTo>
                      <a:lnTo>
                        <a:pt x="379" y="264"/>
                      </a:lnTo>
                      <a:lnTo>
                        <a:pt x="377" y="261"/>
                      </a:lnTo>
                      <a:lnTo>
                        <a:pt x="374" y="259"/>
                      </a:lnTo>
                      <a:lnTo>
                        <a:pt x="369" y="258"/>
                      </a:lnTo>
                      <a:lnTo>
                        <a:pt x="365" y="258"/>
                      </a:lnTo>
                      <a:lnTo>
                        <a:pt x="360" y="259"/>
                      </a:lnTo>
                      <a:lnTo>
                        <a:pt x="355" y="263"/>
                      </a:lnTo>
                      <a:lnTo>
                        <a:pt x="354" y="264"/>
                      </a:lnTo>
                      <a:lnTo>
                        <a:pt x="350" y="264"/>
                      </a:lnTo>
                      <a:lnTo>
                        <a:pt x="347" y="266"/>
                      </a:lnTo>
                      <a:lnTo>
                        <a:pt x="345" y="266"/>
                      </a:lnTo>
                      <a:lnTo>
                        <a:pt x="271" y="17"/>
                      </a:lnTo>
                      <a:lnTo>
                        <a:pt x="269" y="17"/>
                      </a:lnTo>
                      <a:lnTo>
                        <a:pt x="266" y="16"/>
                      </a:lnTo>
                      <a:lnTo>
                        <a:pt x="261" y="14"/>
                      </a:lnTo>
                      <a:lnTo>
                        <a:pt x="255" y="12"/>
                      </a:lnTo>
                      <a:lnTo>
                        <a:pt x="249" y="11"/>
                      </a:lnTo>
                      <a:lnTo>
                        <a:pt x="244" y="12"/>
                      </a:lnTo>
                      <a:lnTo>
                        <a:pt x="237" y="14"/>
                      </a:lnTo>
                      <a:lnTo>
                        <a:pt x="232" y="17"/>
                      </a:lnTo>
                      <a:lnTo>
                        <a:pt x="230" y="17"/>
                      </a:lnTo>
                      <a:lnTo>
                        <a:pt x="225" y="17"/>
                      </a:lnTo>
                      <a:lnTo>
                        <a:pt x="218" y="17"/>
                      </a:lnTo>
                      <a:lnTo>
                        <a:pt x="211" y="17"/>
                      </a:lnTo>
                      <a:lnTo>
                        <a:pt x="205" y="17"/>
                      </a:lnTo>
                      <a:lnTo>
                        <a:pt x="200" y="17"/>
                      </a:lnTo>
                      <a:lnTo>
                        <a:pt x="195" y="16"/>
                      </a:lnTo>
                      <a:lnTo>
                        <a:pt x="193" y="16"/>
                      </a:lnTo>
                      <a:lnTo>
                        <a:pt x="191" y="16"/>
                      </a:lnTo>
                      <a:lnTo>
                        <a:pt x="189" y="16"/>
                      </a:lnTo>
                      <a:lnTo>
                        <a:pt x="188" y="16"/>
                      </a:lnTo>
                      <a:lnTo>
                        <a:pt x="184" y="16"/>
                      </a:lnTo>
                      <a:lnTo>
                        <a:pt x="183" y="16"/>
                      </a:lnTo>
                      <a:lnTo>
                        <a:pt x="181" y="16"/>
                      </a:lnTo>
                      <a:lnTo>
                        <a:pt x="179" y="16"/>
                      </a:lnTo>
                      <a:lnTo>
                        <a:pt x="176" y="17"/>
                      </a:lnTo>
                      <a:lnTo>
                        <a:pt x="173" y="17"/>
                      </a:lnTo>
                      <a:lnTo>
                        <a:pt x="169" y="17"/>
                      </a:lnTo>
                      <a:lnTo>
                        <a:pt x="166" y="16"/>
                      </a:lnTo>
                      <a:lnTo>
                        <a:pt x="162" y="12"/>
                      </a:lnTo>
                      <a:lnTo>
                        <a:pt x="157" y="7"/>
                      </a:lnTo>
                      <a:lnTo>
                        <a:pt x="156" y="7"/>
                      </a:lnTo>
                      <a:lnTo>
                        <a:pt x="154" y="9"/>
                      </a:lnTo>
                      <a:lnTo>
                        <a:pt x="152" y="9"/>
                      </a:lnTo>
                      <a:lnTo>
                        <a:pt x="149" y="9"/>
                      </a:lnTo>
                      <a:lnTo>
                        <a:pt x="147" y="9"/>
                      </a:lnTo>
                      <a:lnTo>
                        <a:pt x="145" y="11"/>
                      </a:lnTo>
                      <a:lnTo>
                        <a:pt x="137" y="2"/>
                      </a:lnTo>
                      <a:lnTo>
                        <a:pt x="130" y="7"/>
                      </a:lnTo>
                      <a:lnTo>
                        <a:pt x="129" y="0"/>
                      </a:lnTo>
                      <a:lnTo>
                        <a:pt x="117" y="0"/>
                      </a:lnTo>
                      <a:lnTo>
                        <a:pt x="110" y="9"/>
                      </a:lnTo>
                      <a:lnTo>
                        <a:pt x="108" y="11"/>
                      </a:lnTo>
                      <a:lnTo>
                        <a:pt x="108" y="12"/>
                      </a:lnTo>
                      <a:lnTo>
                        <a:pt x="107" y="12"/>
                      </a:lnTo>
                      <a:lnTo>
                        <a:pt x="103" y="14"/>
                      </a:lnTo>
                      <a:lnTo>
                        <a:pt x="100" y="14"/>
                      </a:lnTo>
                      <a:lnTo>
                        <a:pt x="95" y="14"/>
                      </a:lnTo>
                      <a:lnTo>
                        <a:pt x="93" y="16"/>
                      </a:lnTo>
                      <a:lnTo>
                        <a:pt x="91" y="17"/>
                      </a:lnTo>
                      <a:lnTo>
                        <a:pt x="90" y="19"/>
                      </a:lnTo>
                      <a:lnTo>
                        <a:pt x="86" y="22"/>
                      </a:lnTo>
                      <a:lnTo>
                        <a:pt x="85" y="24"/>
                      </a:lnTo>
                      <a:lnTo>
                        <a:pt x="83" y="26"/>
                      </a:lnTo>
                      <a:lnTo>
                        <a:pt x="81" y="26"/>
                      </a:lnTo>
                      <a:lnTo>
                        <a:pt x="78" y="26"/>
                      </a:lnTo>
                      <a:lnTo>
                        <a:pt x="74" y="29"/>
                      </a:lnTo>
                      <a:lnTo>
                        <a:pt x="69" y="33"/>
                      </a:lnTo>
                      <a:lnTo>
                        <a:pt x="64" y="38"/>
                      </a:lnTo>
                      <a:lnTo>
                        <a:pt x="59" y="46"/>
                      </a:lnTo>
                      <a:lnTo>
                        <a:pt x="54" y="56"/>
                      </a:lnTo>
                      <a:lnTo>
                        <a:pt x="52" y="58"/>
                      </a:lnTo>
                      <a:lnTo>
                        <a:pt x="51" y="61"/>
                      </a:lnTo>
                      <a:lnTo>
                        <a:pt x="47" y="63"/>
                      </a:lnTo>
                      <a:lnTo>
                        <a:pt x="47" y="65"/>
                      </a:lnTo>
                      <a:lnTo>
                        <a:pt x="30" y="65"/>
                      </a:lnTo>
                      <a:lnTo>
                        <a:pt x="22" y="78"/>
                      </a:lnTo>
                      <a:lnTo>
                        <a:pt x="22" y="80"/>
                      </a:lnTo>
                      <a:lnTo>
                        <a:pt x="25" y="82"/>
                      </a:lnTo>
                      <a:lnTo>
                        <a:pt x="30" y="83"/>
                      </a:lnTo>
                      <a:lnTo>
                        <a:pt x="35" y="87"/>
                      </a:lnTo>
                      <a:lnTo>
                        <a:pt x="42" y="92"/>
                      </a:lnTo>
                      <a:lnTo>
                        <a:pt x="46" y="97"/>
                      </a:lnTo>
                      <a:lnTo>
                        <a:pt x="49" y="105"/>
                      </a:lnTo>
                      <a:lnTo>
                        <a:pt x="51" y="114"/>
                      </a:lnTo>
                      <a:lnTo>
                        <a:pt x="54" y="116"/>
                      </a:lnTo>
                      <a:lnTo>
                        <a:pt x="56" y="116"/>
                      </a:lnTo>
                      <a:lnTo>
                        <a:pt x="59" y="116"/>
                      </a:lnTo>
                      <a:lnTo>
                        <a:pt x="63" y="116"/>
                      </a:lnTo>
                      <a:lnTo>
                        <a:pt x="66" y="116"/>
                      </a:lnTo>
                      <a:lnTo>
                        <a:pt x="68" y="117"/>
                      </a:lnTo>
                      <a:lnTo>
                        <a:pt x="71" y="129"/>
                      </a:lnTo>
                      <a:lnTo>
                        <a:pt x="81" y="129"/>
                      </a:lnTo>
                      <a:lnTo>
                        <a:pt x="79" y="132"/>
                      </a:lnTo>
                      <a:lnTo>
                        <a:pt x="68" y="132"/>
                      </a:lnTo>
                      <a:lnTo>
                        <a:pt x="63" y="122"/>
                      </a:lnTo>
                      <a:lnTo>
                        <a:pt x="59" y="126"/>
                      </a:lnTo>
                      <a:lnTo>
                        <a:pt x="68" y="136"/>
                      </a:lnTo>
                      <a:lnTo>
                        <a:pt x="76" y="138"/>
                      </a:lnTo>
                      <a:lnTo>
                        <a:pt x="68" y="144"/>
                      </a:lnTo>
                      <a:lnTo>
                        <a:pt x="46" y="139"/>
                      </a:lnTo>
                      <a:lnTo>
                        <a:pt x="46" y="127"/>
                      </a:lnTo>
                      <a:lnTo>
                        <a:pt x="27" y="132"/>
                      </a:lnTo>
                      <a:lnTo>
                        <a:pt x="27" y="134"/>
                      </a:lnTo>
                      <a:lnTo>
                        <a:pt x="27" y="138"/>
                      </a:lnTo>
                      <a:lnTo>
                        <a:pt x="27" y="139"/>
                      </a:lnTo>
                      <a:lnTo>
                        <a:pt x="27" y="141"/>
                      </a:lnTo>
                      <a:lnTo>
                        <a:pt x="25" y="141"/>
                      </a:lnTo>
                      <a:lnTo>
                        <a:pt x="22" y="139"/>
                      </a:lnTo>
                      <a:lnTo>
                        <a:pt x="19" y="136"/>
                      </a:lnTo>
                      <a:lnTo>
                        <a:pt x="15" y="138"/>
                      </a:lnTo>
                      <a:lnTo>
                        <a:pt x="12" y="138"/>
                      </a:lnTo>
                      <a:lnTo>
                        <a:pt x="8" y="139"/>
                      </a:lnTo>
                      <a:lnTo>
                        <a:pt x="5" y="143"/>
                      </a:lnTo>
                      <a:lnTo>
                        <a:pt x="2" y="144"/>
                      </a:lnTo>
                      <a:lnTo>
                        <a:pt x="0" y="148"/>
                      </a:lnTo>
                      <a:lnTo>
                        <a:pt x="0" y="151"/>
                      </a:lnTo>
                      <a:lnTo>
                        <a:pt x="0" y="153"/>
                      </a:lnTo>
                      <a:lnTo>
                        <a:pt x="0" y="154"/>
                      </a:lnTo>
                      <a:lnTo>
                        <a:pt x="2" y="156"/>
                      </a:lnTo>
                      <a:lnTo>
                        <a:pt x="3" y="160"/>
                      </a:lnTo>
                      <a:lnTo>
                        <a:pt x="5" y="161"/>
                      </a:lnTo>
                      <a:lnTo>
                        <a:pt x="7" y="165"/>
                      </a:lnTo>
                      <a:lnTo>
                        <a:pt x="8" y="165"/>
                      </a:lnTo>
                      <a:lnTo>
                        <a:pt x="8" y="166"/>
                      </a:lnTo>
                      <a:lnTo>
                        <a:pt x="13" y="171"/>
                      </a:lnTo>
                      <a:lnTo>
                        <a:pt x="13" y="173"/>
                      </a:lnTo>
                      <a:lnTo>
                        <a:pt x="13" y="175"/>
                      </a:lnTo>
                      <a:lnTo>
                        <a:pt x="15" y="178"/>
                      </a:lnTo>
                      <a:lnTo>
                        <a:pt x="17" y="180"/>
                      </a:lnTo>
                      <a:lnTo>
                        <a:pt x="22" y="182"/>
                      </a:lnTo>
                      <a:lnTo>
                        <a:pt x="29" y="183"/>
                      </a:lnTo>
                      <a:lnTo>
                        <a:pt x="39" y="183"/>
                      </a:lnTo>
                      <a:lnTo>
                        <a:pt x="41" y="183"/>
                      </a:lnTo>
                      <a:lnTo>
                        <a:pt x="44" y="185"/>
                      </a:lnTo>
                      <a:lnTo>
                        <a:pt x="47" y="187"/>
                      </a:lnTo>
                      <a:lnTo>
                        <a:pt x="49" y="187"/>
                      </a:lnTo>
                      <a:lnTo>
                        <a:pt x="59" y="187"/>
                      </a:lnTo>
                      <a:lnTo>
                        <a:pt x="71" y="176"/>
                      </a:lnTo>
                      <a:lnTo>
                        <a:pt x="74" y="176"/>
                      </a:lnTo>
                      <a:lnTo>
                        <a:pt x="78" y="175"/>
                      </a:lnTo>
                      <a:lnTo>
                        <a:pt x="81" y="175"/>
                      </a:lnTo>
                      <a:lnTo>
                        <a:pt x="83" y="176"/>
                      </a:lnTo>
                      <a:lnTo>
                        <a:pt x="83" y="178"/>
                      </a:lnTo>
                      <a:lnTo>
                        <a:pt x="81" y="182"/>
                      </a:lnTo>
                      <a:lnTo>
                        <a:pt x="74" y="185"/>
                      </a:lnTo>
                      <a:lnTo>
                        <a:pt x="74" y="187"/>
                      </a:lnTo>
                      <a:lnTo>
                        <a:pt x="76" y="190"/>
                      </a:lnTo>
                      <a:lnTo>
                        <a:pt x="78" y="195"/>
                      </a:lnTo>
                      <a:lnTo>
                        <a:pt x="79" y="200"/>
                      </a:lnTo>
                      <a:lnTo>
                        <a:pt x="79" y="205"/>
                      </a:lnTo>
                      <a:lnTo>
                        <a:pt x="78" y="209"/>
                      </a:lnTo>
                      <a:lnTo>
                        <a:pt x="71" y="212"/>
                      </a:lnTo>
                      <a:lnTo>
                        <a:pt x="63" y="212"/>
                      </a:lnTo>
                      <a:lnTo>
                        <a:pt x="61" y="214"/>
                      </a:lnTo>
                      <a:lnTo>
                        <a:pt x="59" y="214"/>
                      </a:lnTo>
                      <a:lnTo>
                        <a:pt x="57" y="217"/>
                      </a:lnTo>
                      <a:lnTo>
                        <a:pt x="56" y="219"/>
                      </a:lnTo>
                      <a:lnTo>
                        <a:pt x="54" y="220"/>
                      </a:lnTo>
                      <a:lnTo>
                        <a:pt x="52" y="224"/>
                      </a:lnTo>
                      <a:lnTo>
                        <a:pt x="51" y="226"/>
                      </a:lnTo>
                      <a:lnTo>
                        <a:pt x="51" y="224"/>
                      </a:lnTo>
                      <a:lnTo>
                        <a:pt x="47" y="222"/>
                      </a:lnTo>
                      <a:lnTo>
                        <a:pt x="44" y="220"/>
                      </a:lnTo>
                      <a:lnTo>
                        <a:pt x="41" y="220"/>
                      </a:lnTo>
                      <a:lnTo>
                        <a:pt x="35" y="220"/>
                      </a:lnTo>
                      <a:lnTo>
                        <a:pt x="34" y="220"/>
                      </a:lnTo>
                      <a:lnTo>
                        <a:pt x="30" y="224"/>
                      </a:lnTo>
                      <a:lnTo>
                        <a:pt x="30" y="231"/>
                      </a:lnTo>
                      <a:lnTo>
                        <a:pt x="30" y="232"/>
                      </a:lnTo>
                      <a:lnTo>
                        <a:pt x="30" y="234"/>
                      </a:lnTo>
                      <a:lnTo>
                        <a:pt x="30" y="236"/>
                      </a:lnTo>
                      <a:lnTo>
                        <a:pt x="29" y="237"/>
                      </a:lnTo>
                      <a:lnTo>
                        <a:pt x="29" y="239"/>
                      </a:lnTo>
                      <a:lnTo>
                        <a:pt x="27" y="242"/>
                      </a:lnTo>
                      <a:lnTo>
                        <a:pt x="25" y="242"/>
                      </a:lnTo>
                      <a:lnTo>
                        <a:pt x="22" y="242"/>
                      </a:lnTo>
                      <a:lnTo>
                        <a:pt x="22" y="244"/>
                      </a:lnTo>
                      <a:lnTo>
                        <a:pt x="20" y="244"/>
                      </a:lnTo>
                      <a:lnTo>
                        <a:pt x="20" y="248"/>
                      </a:lnTo>
                      <a:lnTo>
                        <a:pt x="19" y="249"/>
                      </a:lnTo>
                      <a:lnTo>
                        <a:pt x="17" y="251"/>
                      </a:lnTo>
                      <a:lnTo>
                        <a:pt x="17" y="254"/>
                      </a:lnTo>
                      <a:lnTo>
                        <a:pt x="17" y="256"/>
                      </a:lnTo>
                      <a:lnTo>
                        <a:pt x="15" y="256"/>
                      </a:lnTo>
                      <a:lnTo>
                        <a:pt x="13" y="258"/>
                      </a:lnTo>
                      <a:lnTo>
                        <a:pt x="12" y="261"/>
                      </a:lnTo>
                      <a:lnTo>
                        <a:pt x="10" y="263"/>
                      </a:lnTo>
                      <a:lnTo>
                        <a:pt x="8" y="266"/>
                      </a:lnTo>
                      <a:lnTo>
                        <a:pt x="10" y="266"/>
                      </a:lnTo>
                      <a:lnTo>
                        <a:pt x="12" y="266"/>
                      </a:lnTo>
                      <a:lnTo>
                        <a:pt x="19" y="264"/>
                      </a:lnTo>
                      <a:lnTo>
                        <a:pt x="19" y="268"/>
                      </a:lnTo>
                      <a:lnTo>
                        <a:pt x="17" y="271"/>
                      </a:lnTo>
                      <a:lnTo>
                        <a:pt x="17" y="273"/>
                      </a:lnTo>
                      <a:lnTo>
                        <a:pt x="19" y="275"/>
                      </a:lnTo>
                      <a:lnTo>
                        <a:pt x="20" y="278"/>
                      </a:lnTo>
                      <a:lnTo>
                        <a:pt x="24" y="280"/>
                      </a:lnTo>
                      <a:lnTo>
                        <a:pt x="27" y="283"/>
                      </a:lnTo>
                      <a:lnTo>
                        <a:pt x="30" y="286"/>
                      </a:lnTo>
                      <a:lnTo>
                        <a:pt x="35" y="288"/>
                      </a:lnTo>
                      <a:lnTo>
                        <a:pt x="41" y="288"/>
                      </a:lnTo>
                      <a:lnTo>
                        <a:pt x="39" y="290"/>
                      </a:lnTo>
                      <a:lnTo>
                        <a:pt x="37" y="292"/>
                      </a:lnTo>
                      <a:lnTo>
                        <a:pt x="34" y="295"/>
                      </a:lnTo>
                      <a:lnTo>
                        <a:pt x="30" y="300"/>
                      </a:lnTo>
                      <a:lnTo>
                        <a:pt x="29" y="303"/>
                      </a:lnTo>
                      <a:lnTo>
                        <a:pt x="27" y="307"/>
                      </a:lnTo>
                      <a:lnTo>
                        <a:pt x="29" y="308"/>
                      </a:lnTo>
                      <a:lnTo>
                        <a:pt x="32" y="310"/>
                      </a:lnTo>
                      <a:lnTo>
                        <a:pt x="34" y="310"/>
                      </a:lnTo>
                      <a:lnTo>
                        <a:pt x="35" y="314"/>
                      </a:lnTo>
                      <a:lnTo>
                        <a:pt x="37" y="317"/>
                      </a:lnTo>
                      <a:lnTo>
                        <a:pt x="41" y="319"/>
                      </a:lnTo>
                      <a:lnTo>
                        <a:pt x="44" y="320"/>
                      </a:lnTo>
                      <a:lnTo>
                        <a:pt x="47" y="319"/>
                      </a:lnTo>
                      <a:lnTo>
                        <a:pt x="52" y="314"/>
                      </a:lnTo>
                      <a:lnTo>
                        <a:pt x="56" y="305"/>
                      </a:lnTo>
                      <a:lnTo>
                        <a:pt x="57" y="303"/>
                      </a:lnTo>
                      <a:lnTo>
                        <a:pt x="59" y="300"/>
                      </a:lnTo>
                      <a:lnTo>
                        <a:pt x="59" y="298"/>
                      </a:lnTo>
                      <a:lnTo>
                        <a:pt x="59" y="300"/>
                      </a:lnTo>
                      <a:lnTo>
                        <a:pt x="59" y="302"/>
                      </a:lnTo>
                      <a:lnTo>
                        <a:pt x="59" y="305"/>
                      </a:lnTo>
                      <a:lnTo>
                        <a:pt x="59" y="308"/>
                      </a:lnTo>
                      <a:lnTo>
                        <a:pt x="61" y="312"/>
                      </a:lnTo>
                      <a:lnTo>
                        <a:pt x="63" y="315"/>
                      </a:lnTo>
                      <a:lnTo>
                        <a:pt x="64" y="319"/>
                      </a:lnTo>
                      <a:lnTo>
                        <a:pt x="68" y="322"/>
                      </a:lnTo>
                      <a:lnTo>
                        <a:pt x="69" y="322"/>
                      </a:lnTo>
                      <a:lnTo>
                        <a:pt x="69" y="324"/>
                      </a:lnTo>
                      <a:lnTo>
                        <a:pt x="69" y="327"/>
                      </a:lnTo>
                      <a:lnTo>
                        <a:pt x="68" y="329"/>
                      </a:lnTo>
                      <a:lnTo>
                        <a:pt x="68" y="332"/>
                      </a:lnTo>
                      <a:lnTo>
                        <a:pt x="66" y="334"/>
                      </a:lnTo>
                      <a:lnTo>
                        <a:pt x="66" y="336"/>
                      </a:lnTo>
                      <a:lnTo>
                        <a:pt x="64" y="346"/>
                      </a:lnTo>
                      <a:lnTo>
                        <a:pt x="64" y="347"/>
                      </a:lnTo>
                      <a:lnTo>
                        <a:pt x="66" y="351"/>
                      </a:lnTo>
                      <a:lnTo>
                        <a:pt x="66" y="352"/>
                      </a:lnTo>
                      <a:lnTo>
                        <a:pt x="68" y="352"/>
                      </a:lnTo>
                      <a:lnTo>
                        <a:pt x="69" y="352"/>
                      </a:lnTo>
                      <a:lnTo>
                        <a:pt x="73" y="349"/>
                      </a:lnTo>
                      <a:lnTo>
                        <a:pt x="78" y="341"/>
                      </a:lnTo>
                      <a:lnTo>
                        <a:pt x="79" y="341"/>
                      </a:lnTo>
                      <a:lnTo>
                        <a:pt x="79" y="339"/>
                      </a:lnTo>
                      <a:lnTo>
                        <a:pt x="79" y="336"/>
                      </a:lnTo>
                      <a:lnTo>
                        <a:pt x="81" y="334"/>
                      </a:lnTo>
                      <a:lnTo>
                        <a:pt x="83" y="336"/>
                      </a:lnTo>
                      <a:lnTo>
                        <a:pt x="86" y="337"/>
                      </a:lnTo>
                      <a:lnTo>
                        <a:pt x="90" y="341"/>
                      </a:lnTo>
                      <a:lnTo>
                        <a:pt x="91" y="341"/>
                      </a:lnTo>
                      <a:lnTo>
                        <a:pt x="91" y="339"/>
                      </a:lnTo>
                      <a:lnTo>
                        <a:pt x="91" y="337"/>
                      </a:lnTo>
                      <a:lnTo>
                        <a:pt x="93" y="336"/>
                      </a:lnTo>
                      <a:lnTo>
                        <a:pt x="93" y="334"/>
                      </a:lnTo>
                      <a:lnTo>
                        <a:pt x="95" y="336"/>
                      </a:lnTo>
                      <a:lnTo>
                        <a:pt x="96" y="337"/>
                      </a:lnTo>
                      <a:lnTo>
                        <a:pt x="98" y="344"/>
                      </a:lnTo>
                      <a:lnTo>
                        <a:pt x="100" y="346"/>
                      </a:lnTo>
                      <a:lnTo>
                        <a:pt x="100" y="347"/>
                      </a:lnTo>
                      <a:lnTo>
                        <a:pt x="101" y="351"/>
                      </a:lnTo>
                      <a:lnTo>
                        <a:pt x="103" y="352"/>
                      </a:lnTo>
                      <a:lnTo>
                        <a:pt x="105" y="354"/>
                      </a:lnTo>
                      <a:lnTo>
                        <a:pt x="107" y="352"/>
                      </a:lnTo>
                      <a:lnTo>
                        <a:pt x="108" y="351"/>
                      </a:lnTo>
                      <a:lnTo>
                        <a:pt x="108" y="344"/>
                      </a:lnTo>
                      <a:lnTo>
                        <a:pt x="110" y="344"/>
                      </a:lnTo>
                      <a:lnTo>
                        <a:pt x="113" y="346"/>
                      </a:lnTo>
                      <a:lnTo>
                        <a:pt x="117" y="346"/>
                      </a:lnTo>
                      <a:lnTo>
                        <a:pt x="122" y="346"/>
                      </a:lnTo>
                      <a:lnTo>
                        <a:pt x="127" y="342"/>
                      </a:lnTo>
                      <a:lnTo>
                        <a:pt x="132" y="337"/>
                      </a:lnTo>
                      <a:lnTo>
                        <a:pt x="139" y="329"/>
                      </a:lnTo>
                      <a:lnTo>
                        <a:pt x="137" y="332"/>
                      </a:lnTo>
                      <a:lnTo>
                        <a:pt x="135" y="336"/>
                      </a:lnTo>
                      <a:lnTo>
                        <a:pt x="134" y="341"/>
                      </a:lnTo>
                      <a:lnTo>
                        <a:pt x="130" y="344"/>
                      </a:lnTo>
                      <a:lnTo>
                        <a:pt x="130" y="347"/>
                      </a:lnTo>
                      <a:lnTo>
                        <a:pt x="129" y="351"/>
                      </a:lnTo>
                      <a:lnTo>
                        <a:pt x="127" y="352"/>
                      </a:lnTo>
                      <a:lnTo>
                        <a:pt x="127" y="358"/>
                      </a:lnTo>
                      <a:lnTo>
                        <a:pt x="125" y="364"/>
                      </a:lnTo>
                      <a:lnTo>
                        <a:pt x="125" y="371"/>
                      </a:lnTo>
                      <a:lnTo>
                        <a:pt x="122" y="378"/>
                      </a:lnTo>
                      <a:lnTo>
                        <a:pt x="120" y="383"/>
                      </a:lnTo>
                      <a:lnTo>
                        <a:pt x="117" y="388"/>
                      </a:lnTo>
                      <a:lnTo>
                        <a:pt x="112" y="390"/>
                      </a:lnTo>
                      <a:lnTo>
                        <a:pt x="112" y="391"/>
                      </a:lnTo>
                      <a:lnTo>
                        <a:pt x="113" y="391"/>
                      </a:lnTo>
                      <a:lnTo>
                        <a:pt x="113" y="393"/>
                      </a:lnTo>
                      <a:lnTo>
                        <a:pt x="112" y="396"/>
                      </a:lnTo>
                      <a:lnTo>
                        <a:pt x="110" y="398"/>
                      </a:lnTo>
                      <a:lnTo>
                        <a:pt x="107" y="402"/>
                      </a:lnTo>
                      <a:lnTo>
                        <a:pt x="100" y="405"/>
                      </a:lnTo>
                      <a:lnTo>
                        <a:pt x="96" y="407"/>
                      </a:lnTo>
                      <a:lnTo>
                        <a:pt x="91" y="408"/>
                      </a:lnTo>
                      <a:lnTo>
                        <a:pt x="88" y="412"/>
                      </a:lnTo>
                      <a:lnTo>
                        <a:pt x="85" y="413"/>
                      </a:lnTo>
                      <a:lnTo>
                        <a:pt x="83" y="418"/>
                      </a:lnTo>
                      <a:lnTo>
                        <a:pt x="83" y="422"/>
                      </a:lnTo>
                      <a:lnTo>
                        <a:pt x="85" y="425"/>
                      </a:lnTo>
                      <a:lnTo>
                        <a:pt x="85" y="427"/>
                      </a:lnTo>
                      <a:lnTo>
                        <a:pt x="85" y="429"/>
                      </a:lnTo>
                      <a:lnTo>
                        <a:pt x="83" y="430"/>
                      </a:lnTo>
                      <a:lnTo>
                        <a:pt x="81" y="430"/>
                      </a:lnTo>
                      <a:lnTo>
                        <a:pt x="79" y="432"/>
                      </a:lnTo>
                      <a:lnTo>
                        <a:pt x="78" y="430"/>
                      </a:lnTo>
                      <a:lnTo>
                        <a:pt x="76" y="429"/>
                      </a:lnTo>
                      <a:lnTo>
                        <a:pt x="76" y="424"/>
                      </a:lnTo>
                      <a:lnTo>
                        <a:pt x="74" y="424"/>
                      </a:lnTo>
                      <a:lnTo>
                        <a:pt x="71" y="424"/>
                      </a:lnTo>
                      <a:lnTo>
                        <a:pt x="69" y="424"/>
                      </a:lnTo>
                      <a:lnTo>
                        <a:pt x="68" y="425"/>
                      </a:lnTo>
                      <a:lnTo>
                        <a:pt x="64" y="425"/>
                      </a:lnTo>
                      <a:lnTo>
                        <a:pt x="63" y="425"/>
                      </a:lnTo>
                      <a:lnTo>
                        <a:pt x="46" y="442"/>
                      </a:lnTo>
                      <a:lnTo>
                        <a:pt x="44" y="442"/>
                      </a:lnTo>
                      <a:lnTo>
                        <a:pt x="44" y="444"/>
                      </a:lnTo>
                      <a:lnTo>
                        <a:pt x="42" y="447"/>
                      </a:lnTo>
                      <a:lnTo>
                        <a:pt x="41" y="449"/>
                      </a:lnTo>
                      <a:lnTo>
                        <a:pt x="41" y="452"/>
                      </a:lnTo>
                      <a:lnTo>
                        <a:pt x="42" y="452"/>
                      </a:lnTo>
                      <a:lnTo>
                        <a:pt x="44" y="451"/>
                      </a:lnTo>
                      <a:lnTo>
                        <a:pt x="51" y="447"/>
                      </a:lnTo>
                      <a:lnTo>
                        <a:pt x="52" y="446"/>
                      </a:lnTo>
                      <a:lnTo>
                        <a:pt x="56" y="444"/>
                      </a:lnTo>
                      <a:lnTo>
                        <a:pt x="57" y="440"/>
                      </a:lnTo>
                      <a:lnTo>
                        <a:pt x="61" y="439"/>
                      </a:lnTo>
                      <a:lnTo>
                        <a:pt x="64" y="435"/>
                      </a:lnTo>
                      <a:lnTo>
                        <a:pt x="66" y="434"/>
                      </a:lnTo>
                      <a:lnTo>
                        <a:pt x="68" y="432"/>
                      </a:lnTo>
                      <a:lnTo>
                        <a:pt x="68" y="434"/>
                      </a:lnTo>
                      <a:lnTo>
                        <a:pt x="68" y="437"/>
                      </a:lnTo>
                      <a:lnTo>
                        <a:pt x="68" y="439"/>
                      </a:lnTo>
                      <a:lnTo>
                        <a:pt x="69" y="440"/>
                      </a:lnTo>
                      <a:lnTo>
                        <a:pt x="73" y="440"/>
                      </a:lnTo>
                      <a:lnTo>
                        <a:pt x="78" y="439"/>
                      </a:lnTo>
                      <a:lnTo>
                        <a:pt x="86" y="434"/>
                      </a:lnTo>
                      <a:lnTo>
                        <a:pt x="88" y="430"/>
                      </a:lnTo>
                      <a:lnTo>
                        <a:pt x="90" y="429"/>
                      </a:lnTo>
                      <a:lnTo>
                        <a:pt x="91" y="429"/>
                      </a:lnTo>
                      <a:lnTo>
                        <a:pt x="95" y="434"/>
                      </a:lnTo>
                      <a:lnTo>
                        <a:pt x="96" y="434"/>
                      </a:lnTo>
                      <a:lnTo>
                        <a:pt x="96" y="432"/>
                      </a:lnTo>
                      <a:lnTo>
                        <a:pt x="96" y="430"/>
                      </a:lnTo>
                      <a:lnTo>
                        <a:pt x="98" y="427"/>
                      </a:lnTo>
                      <a:lnTo>
                        <a:pt x="101" y="424"/>
                      </a:lnTo>
                      <a:lnTo>
                        <a:pt x="105" y="422"/>
                      </a:lnTo>
                      <a:lnTo>
                        <a:pt x="110" y="420"/>
                      </a:lnTo>
                      <a:lnTo>
                        <a:pt x="117" y="420"/>
                      </a:lnTo>
                      <a:lnTo>
                        <a:pt x="117" y="418"/>
                      </a:lnTo>
                      <a:lnTo>
                        <a:pt x="115" y="418"/>
                      </a:lnTo>
                      <a:lnTo>
                        <a:pt x="113" y="415"/>
                      </a:lnTo>
                      <a:lnTo>
                        <a:pt x="113" y="413"/>
                      </a:lnTo>
                      <a:lnTo>
                        <a:pt x="115" y="408"/>
                      </a:lnTo>
                      <a:lnTo>
                        <a:pt x="120" y="405"/>
                      </a:lnTo>
                      <a:lnTo>
                        <a:pt x="127" y="398"/>
                      </a:lnTo>
                      <a:lnTo>
                        <a:pt x="139" y="391"/>
                      </a:lnTo>
                      <a:lnTo>
                        <a:pt x="140" y="391"/>
                      </a:lnTo>
                      <a:lnTo>
                        <a:pt x="139" y="390"/>
                      </a:lnTo>
                      <a:lnTo>
                        <a:pt x="139" y="388"/>
                      </a:lnTo>
                      <a:lnTo>
                        <a:pt x="140" y="385"/>
                      </a:lnTo>
                      <a:lnTo>
                        <a:pt x="144" y="381"/>
                      </a:lnTo>
                      <a:lnTo>
                        <a:pt x="151" y="374"/>
                      </a:lnTo>
                      <a:lnTo>
                        <a:pt x="161" y="366"/>
                      </a:lnTo>
                      <a:lnTo>
                        <a:pt x="174" y="354"/>
                      </a:lnTo>
                      <a:lnTo>
                        <a:pt x="176" y="352"/>
                      </a:lnTo>
                      <a:lnTo>
                        <a:pt x="178" y="347"/>
                      </a:lnTo>
                      <a:lnTo>
                        <a:pt x="178" y="344"/>
                      </a:lnTo>
                      <a:lnTo>
                        <a:pt x="179" y="342"/>
                      </a:lnTo>
                      <a:lnTo>
                        <a:pt x="181" y="341"/>
                      </a:lnTo>
                      <a:lnTo>
                        <a:pt x="183" y="339"/>
                      </a:lnTo>
                      <a:lnTo>
                        <a:pt x="183" y="337"/>
                      </a:lnTo>
                      <a:lnTo>
                        <a:pt x="184" y="336"/>
                      </a:lnTo>
                      <a:lnTo>
                        <a:pt x="183" y="332"/>
                      </a:lnTo>
                      <a:lnTo>
                        <a:pt x="181" y="330"/>
                      </a:lnTo>
                      <a:lnTo>
                        <a:pt x="174" y="330"/>
                      </a:lnTo>
                      <a:lnTo>
                        <a:pt x="173" y="330"/>
                      </a:lnTo>
                      <a:lnTo>
                        <a:pt x="173" y="329"/>
                      </a:lnTo>
                      <a:lnTo>
                        <a:pt x="173" y="327"/>
                      </a:lnTo>
                      <a:lnTo>
                        <a:pt x="174" y="322"/>
                      </a:lnTo>
                      <a:lnTo>
                        <a:pt x="178" y="317"/>
                      </a:lnTo>
                      <a:lnTo>
                        <a:pt x="183" y="310"/>
                      </a:lnTo>
                      <a:lnTo>
                        <a:pt x="191" y="302"/>
                      </a:lnTo>
                      <a:lnTo>
                        <a:pt x="193" y="298"/>
                      </a:lnTo>
                      <a:lnTo>
                        <a:pt x="195" y="293"/>
                      </a:lnTo>
                      <a:lnTo>
                        <a:pt x="196" y="285"/>
                      </a:lnTo>
                      <a:lnTo>
                        <a:pt x="200" y="276"/>
                      </a:lnTo>
                      <a:lnTo>
                        <a:pt x="205" y="268"/>
                      </a:lnTo>
                      <a:lnTo>
                        <a:pt x="211" y="264"/>
                      </a:lnTo>
                      <a:lnTo>
                        <a:pt x="220" y="264"/>
                      </a:lnTo>
                      <a:lnTo>
                        <a:pt x="230" y="271"/>
                      </a:lnTo>
                      <a:lnTo>
                        <a:pt x="228" y="271"/>
                      </a:lnTo>
                      <a:lnTo>
                        <a:pt x="225" y="271"/>
                      </a:lnTo>
                      <a:lnTo>
                        <a:pt x="220" y="273"/>
                      </a:lnTo>
                      <a:lnTo>
                        <a:pt x="213" y="273"/>
                      </a:lnTo>
                      <a:lnTo>
                        <a:pt x="210" y="276"/>
                      </a:lnTo>
                      <a:lnTo>
                        <a:pt x="206" y="281"/>
                      </a:lnTo>
                      <a:lnTo>
                        <a:pt x="206" y="288"/>
                      </a:lnTo>
                      <a:lnTo>
                        <a:pt x="210" y="297"/>
                      </a:lnTo>
                      <a:lnTo>
                        <a:pt x="210" y="298"/>
                      </a:lnTo>
                      <a:lnTo>
                        <a:pt x="208" y="302"/>
                      </a:lnTo>
                      <a:lnTo>
                        <a:pt x="205" y="305"/>
                      </a:lnTo>
                      <a:lnTo>
                        <a:pt x="203" y="308"/>
                      </a:lnTo>
                      <a:lnTo>
                        <a:pt x="203" y="310"/>
                      </a:lnTo>
                      <a:lnTo>
                        <a:pt x="205" y="312"/>
                      </a:lnTo>
                      <a:lnTo>
                        <a:pt x="208" y="310"/>
                      </a:lnTo>
                      <a:lnTo>
                        <a:pt x="215" y="307"/>
                      </a:lnTo>
                      <a:lnTo>
                        <a:pt x="213" y="308"/>
                      </a:lnTo>
                      <a:lnTo>
                        <a:pt x="211" y="312"/>
                      </a:lnTo>
                      <a:lnTo>
                        <a:pt x="210" y="317"/>
                      </a:lnTo>
                      <a:lnTo>
                        <a:pt x="208" y="320"/>
                      </a:lnTo>
                      <a:lnTo>
                        <a:pt x="208" y="324"/>
                      </a:lnTo>
                      <a:lnTo>
                        <a:pt x="210" y="322"/>
                      </a:lnTo>
                      <a:lnTo>
                        <a:pt x="217" y="319"/>
                      </a:lnTo>
                      <a:lnTo>
                        <a:pt x="227" y="308"/>
                      </a:lnTo>
                      <a:lnTo>
                        <a:pt x="227" y="307"/>
                      </a:lnTo>
                      <a:lnTo>
                        <a:pt x="230" y="305"/>
                      </a:lnTo>
                      <a:lnTo>
                        <a:pt x="232" y="303"/>
                      </a:lnTo>
                      <a:lnTo>
                        <a:pt x="233" y="302"/>
                      </a:lnTo>
                      <a:lnTo>
                        <a:pt x="237" y="300"/>
                      </a:lnTo>
                      <a:lnTo>
                        <a:pt x="239" y="298"/>
                      </a:lnTo>
                      <a:lnTo>
                        <a:pt x="240" y="297"/>
                      </a:lnTo>
                      <a:lnTo>
                        <a:pt x="242" y="297"/>
                      </a:lnTo>
                      <a:lnTo>
                        <a:pt x="244" y="297"/>
                      </a:lnTo>
                      <a:lnTo>
                        <a:pt x="245" y="295"/>
                      </a:lnTo>
                      <a:lnTo>
                        <a:pt x="247" y="293"/>
                      </a:lnTo>
                      <a:lnTo>
                        <a:pt x="249" y="290"/>
                      </a:lnTo>
                      <a:lnTo>
                        <a:pt x="247" y="286"/>
                      </a:lnTo>
                      <a:lnTo>
                        <a:pt x="245" y="281"/>
                      </a:lnTo>
                      <a:lnTo>
                        <a:pt x="245" y="280"/>
                      </a:lnTo>
                      <a:lnTo>
                        <a:pt x="244" y="276"/>
                      </a:lnTo>
                      <a:lnTo>
                        <a:pt x="242" y="273"/>
                      </a:lnTo>
                      <a:lnTo>
                        <a:pt x="240" y="271"/>
                      </a:lnTo>
                      <a:lnTo>
                        <a:pt x="250" y="264"/>
                      </a:lnTo>
                      <a:lnTo>
                        <a:pt x="255" y="268"/>
                      </a:lnTo>
                      <a:lnTo>
                        <a:pt x="266" y="263"/>
                      </a:lnTo>
                      <a:lnTo>
                        <a:pt x="281" y="271"/>
                      </a:lnTo>
                      <a:lnTo>
                        <a:pt x="286" y="278"/>
                      </a:lnTo>
                      <a:lnTo>
                        <a:pt x="293" y="270"/>
                      </a:lnTo>
                      <a:lnTo>
                        <a:pt x="303" y="286"/>
                      </a:lnTo>
                      <a:lnTo>
                        <a:pt x="305" y="285"/>
                      </a:lnTo>
                      <a:lnTo>
                        <a:pt x="310" y="281"/>
                      </a:lnTo>
                      <a:lnTo>
                        <a:pt x="315" y="278"/>
                      </a:lnTo>
                      <a:lnTo>
                        <a:pt x="323" y="276"/>
                      </a:lnTo>
                      <a:lnTo>
                        <a:pt x="333" y="275"/>
                      </a:lnTo>
                      <a:lnTo>
                        <a:pt x="343" y="275"/>
                      </a:lnTo>
                      <a:lnTo>
                        <a:pt x="357" y="276"/>
                      </a:lnTo>
                      <a:lnTo>
                        <a:pt x="359" y="276"/>
                      </a:lnTo>
                      <a:lnTo>
                        <a:pt x="360" y="275"/>
                      </a:lnTo>
                      <a:lnTo>
                        <a:pt x="362" y="273"/>
                      </a:lnTo>
                      <a:lnTo>
                        <a:pt x="364" y="271"/>
                      </a:lnTo>
                      <a:lnTo>
                        <a:pt x="365" y="271"/>
                      </a:lnTo>
                      <a:lnTo>
                        <a:pt x="369" y="271"/>
                      </a:lnTo>
                      <a:lnTo>
                        <a:pt x="371" y="275"/>
                      </a:lnTo>
                      <a:lnTo>
                        <a:pt x="371" y="278"/>
                      </a:lnTo>
                      <a:lnTo>
                        <a:pt x="371" y="280"/>
                      </a:lnTo>
                      <a:lnTo>
                        <a:pt x="374" y="280"/>
                      </a:lnTo>
                      <a:lnTo>
                        <a:pt x="377" y="281"/>
                      </a:lnTo>
                      <a:lnTo>
                        <a:pt x="381" y="281"/>
                      </a:lnTo>
                      <a:lnTo>
                        <a:pt x="384" y="281"/>
                      </a:lnTo>
                      <a:lnTo>
                        <a:pt x="387" y="283"/>
                      </a:lnTo>
                      <a:lnTo>
                        <a:pt x="389" y="283"/>
                      </a:lnTo>
                      <a:lnTo>
                        <a:pt x="391" y="283"/>
                      </a:lnTo>
                      <a:lnTo>
                        <a:pt x="411" y="295"/>
                      </a:lnTo>
                      <a:lnTo>
                        <a:pt x="413" y="295"/>
                      </a:lnTo>
                      <a:lnTo>
                        <a:pt x="415" y="295"/>
                      </a:lnTo>
                      <a:lnTo>
                        <a:pt x="418" y="295"/>
                      </a:lnTo>
                      <a:lnTo>
                        <a:pt x="421" y="295"/>
                      </a:lnTo>
                      <a:lnTo>
                        <a:pt x="425" y="295"/>
                      </a:lnTo>
                      <a:lnTo>
                        <a:pt x="425" y="292"/>
                      </a:lnTo>
                      <a:lnTo>
                        <a:pt x="423" y="288"/>
                      </a:lnTo>
                      <a:lnTo>
                        <a:pt x="416" y="280"/>
                      </a:lnTo>
                      <a:lnTo>
                        <a:pt x="418" y="280"/>
                      </a:lnTo>
                      <a:lnTo>
                        <a:pt x="420" y="278"/>
                      </a:lnTo>
                      <a:lnTo>
                        <a:pt x="423" y="276"/>
                      </a:lnTo>
                      <a:lnTo>
                        <a:pt x="425" y="278"/>
                      </a:lnTo>
                      <a:lnTo>
                        <a:pt x="428" y="280"/>
                      </a:lnTo>
                      <a:lnTo>
                        <a:pt x="431" y="283"/>
                      </a:lnTo>
                      <a:lnTo>
                        <a:pt x="435" y="286"/>
                      </a:lnTo>
                      <a:lnTo>
                        <a:pt x="438" y="288"/>
                      </a:lnTo>
                      <a:lnTo>
                        <a:pt x="438" y="286"/>
                      </a:lnTo>
                      <a:lnTo>
                        <a:pt x="435" y="281"/>
                      </a:lnTo>
                      <a:lnTo>
                        <a:pt x="430" y="271"/>
                      </a:lnTo>
                      <a:lnTo>
                        <a:pt x="428" y="270"/>
                      </a:lnTo>
                      <a:lnTo>
                        <a:pt x="430" y="266"/>
                      </a:lnTo>
                      <a:lnTo>
                        <a:pt x="430" y="264"/>
                      </a:lnTo>
                      <a:lnTo>
                        <a:pt x="431" y="264"/>
                      </a:lnTo>
                      <a:lnTo>
                        <a:pt x="445" y="283"/>
                      </a:lnTo>
                      <a:lnTo>
                        <a:pt x="455" y="280"/>
                      </a:lnTo>
                      <a:lnTo>
                        <a:pt x="455" y="281"/>
                      </a:lnTo>
                      <a:lnTo>
                        <a:pt x="457" y="281"/>
                      </a:lnTo>
                      <a:lnTo>
                        <a:pt x="460" y="283"/>
                      </a:lnTo>
                      <a:lnTo>
                        <a:pt x="462" y="286"/>
                      </a:lnTo>
                      <a:lnTo>
                        <a:pt x="465" y="290"/>
                      </a:lnTo>
                      <a:lnTo>
                        <a:pt x="469" y="295"/>
                      </a:lnTo>
                      <a:lnTo>
                        <a:pt x="472" y="300"/>
                      </a:lnTo>
                      <a:lnTo>
                        <a:pt x="475" y="305"/>
                      </a:lnTo>
                      <a:lnTo>
                        <a:pt x="479" y="312"/>
                      </a:lnTo>
                      <a:lnTo>
                        <a:pt x="482" y="314"/>
                      </a:lnTo>
                      <a:lnTo>
                        <a:pt x="484" y="314"/>
                      </a:lnTo>
                      <a:lnTo>
                        <a:pt x="486" y="312"/>
                      </a:lnTo>
                      <a:lnTo>
                        <a:pt x="487" y="310"/>
                      </a:lnTo>
                      <a:lnTo>
                        <a:pt x="487" y="308"/>
                      </a:lnTo>
                      <a:lnTo>
                        <a:pt x="487" y="307"/>
                      </a:lnTo>
                      <a:lnTo>
                        <a:pt x="509" y="322"/>
                      </a:lnTo>
                      <a:lnTo>
                        <a:pt x="508" y="325"/>
                      </a:lnTo>
                      <a:lnTo>
                        <a:pt x="508" y="327"/>
                      </a:lnTo>
                      <a:lnTo>
                        <a:pt x="508" y="330"/>
                      </a:lnTo>
                      <a:lnTo>
                        <a:pt x="508" y="332"/>
                      </a:lnTo>
                      <a:lnTo>
                        <a:pt x="509" y="332"/>
                      </a:lnTo>
                      <a:lnTo>
                        <a:pt x="514" y="329"/>
                      </a:lnTo>
                      <a:lnTo>
                        <a:pt x="519" y="324"/>
                      </a:lnTo>
                      <a:lnTo>
                        <a:pt x="521" y="322"/>
                      </a:lnTo>
                      <a:lnTo>
                        <a:pt x="523" y="322"/>
                      </a:lnTo>
                      <a:lnTo>
                        <a:pt x="525" y="324"/>
                      </a:lnTo>
                      <a:lnTo>
                        <a:pt x="528" y="325"/>
                      </a:lnTo>
                      <a:lnTo>
                        <a:pt x="531" y="330"/>
                      </a:lnTo>
                      <a:lnTo>
                        <a:pt x="535" y="339"/>
                      </a:lnTo>
                      <a:lnTo>
                        <a:pt x="536" y="341"/>
                      </a:lnTo>
                      <a:lnTo>
                        <a:pt x="538" y="344"/>
                      </a:lnTo>
                      <a:lnTo>
                        <a:pt x="540" y="347"/>
                      </a:lnTo>
                      <a:lnTo>
                        <a:pt x="541" y="349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18" name="Freeform 79"/>
                <p:cNvSpPr>
                  <a:spLocks/>
                </p:cNvSpPr>
                <p:nvPr/>
              </p:nvSpPr>
              <p:spPr bwMode="auto">
                <a:xfrm>
                  <a:off x="1085" y="3327"/>
                  <a:ext cx="27" cy="22"/>
                </a:xfrm>
                <a:custGeom>
                  <a:avLst/>
                  <a:gdLst>
                    <a:gd name="T0" fmla="*/ 0 w 27"/>
                    <a:gd name="T1" fmla="*/ 10 h 22"/>
                    <a:gd name="T2" fmla="*/ 0 w 27"/>
                    <a:gd name="T3" fmla="*/ 7 h 22"/>
                    <a:gd name="T4" fmla="*/ 2 w 27"/>
                    <a:gd name="T5" fmla="*/ 4 h 22"/>
                    <a:gd name="T6" fmla="*/ 14 w 27"/>
                    <a:gd name="T7" fmla="*/ 0 h 22"/>
                    <a:gd name="T8" fmla="*/ 27 w 27"/>
                    <a:gd name="T9" fmla="*/ 14 h 22"/>
                    <a:gd name="T10" fmla="*/ 22 w 27"/>
                    <a:gd name="T11" fmla="*/ 15 h 22"/>
                    <a:gd name="T12" fmla="*/ 22 w 27"/>
                    <a:gd name="T13" fmla="*/ 15 h 22"/>
                    <a:gd name="T14" fmla="*/ 17 w 27"/>
                    <a:gd name="T15" fmla="*/ 10 h 22"/>
                    <a:gd name="T16" fmla="*/ 12 w 27"/>
                    <a:gd name="T17" fmla="*/ 14 h 22"/>
                    <a:gd name="T18" fmla="*/ 17 w 27"/>
                    <a:gd name="T19" fmla="*/ 19 h 22"/>
                    <a:gd name="T20" fmla="*/ 14 w 27"/>
                    <a:gd name="T21" fmla="*/ 22 h 22"/>
                    <a:gd name="T22" fmla="*/ 0 w 27"/>
                    <a:gd name="T23" fmla="*/ 10 h 22"/>
                    <a:gd name="T24" fmla="*/ 0 60000 65536"/>
                    <a:gd name="T25" fmla="*/ 0 60000 65536"/>
                    <a:gd name="T26" fmla="*/ 0 60000 65536"/>
                    <a:gd name="T27" fmla="*/ 0 60000 65536"/>
                    <a:gd name="T28" fmla="*/ 0 60000 65536"/>
                    <a:gd name="T29" fmla="*/ 0 60000 65536"/>
                    <a:gd name="T30" fmla="*/ 0 60000 65536"/>
                    <a:gd name="T31" fmla="*/ 0 60000 65536"/>
                    <a:gd name="T32" fmla="*/ 0 60000 65536"/>
                    <a:gd name="T33" fmla="*/ 0 60000 65536"/>
                    <a:gd name="T34" fmla="*/ 0 60000 65536"/>
                    <a:gd name="T35" fmla="*/ 0 60000 65536"/>
                    <a:gd name="T36" fmla="*/ 0 w 27"/>
                    <a:gd name="T37" fmla="*/ 0 h 22"/>
                    <a:gd name="T38" fmla="*/ 27 w 27"/>
                    <a:gd name="T39" fmla="*/ 22 h 22"/>
                  </a:gdLst>
                  <a:ahLst/>
                  <a:cxnLst>
                    <a:cxn ang="T24">
                      <a:pos x="T0" y="T1"/>
                    </a:cxn>
                    <a:cxn ang="T25">
                      <a:pos x="T2" y="T3"/>
                    </a:cxn>
                    <a:cxn ang="T26">
                      <a:pos x="T4" y="T5"/>
                    </a:cxn>
                    <a:cxn ang="T27">
                      <a:pos x="T6" y="T7"/>
                    </a:cxn>
                    <a:cxn ang="T28">
                      <a:pos x="T8" y="T9"/>
                    </a:cxn>
                    <a:cxn ang="T29">
                      <a:pos x="T10" y="T11"/>
                    </a:cxn>
                    <a:cxn ang="T30">
                      <a:pos x="T12" y="T13"/>
                    </a:cxn>
                    <a:cxn ang="T31">
                      <a:pos x="T14" y="T15"/>
                    </a:cxn>
                    <a:cxn ang="T32">
                      <a:pos x="T16" y="T17"/>
                    </a:cxn>
                    <a:cxn ang="T33">
                      <a:pos x="T18" y="T19"/>
                    </a:cxn>
                    <a:cxn ang="T34">
                      <a:pos x="T20" y="T21"/>
                    </a:cxn>
                    <a:cxn ang="T35">
                      <a:pos x="T22" y="T23"/>
                    </a:cxn>
                  </a:cxnLst>
                  <a:rect l="T36" t="T37" r="T38" b="T39"/>
                  <a:pathLst>
                    <a:path w="27" h="22">
                      <a:moveTo>
                        <a:pt x="0" y="10"/>
                      </a:moveTo>
                      <a:lnTo>
                        <a:pt x="0" y="7"/>
                      </a:lnTo>
                      <a:lnTo>
                        <a:pt x="2" y="4"/>
                      </a:lnTo>
                      <a:lnTo>
                        <a:pt x="14" y="0"/>
                      </a:lnTo>
                      <a:lnTo>
                        <a:pt x="27" y="14"/>
                      </a:lnTo>
                      <a:lnTo>
                        <a:pt x="22" y="15"/>
                      </a:lnTo>
                      <a:lnTo>
                        <a:pt x="17" y="10"/>
                      </a:lnTo>
                      <a:lnTo>
                        <a:pt x="12" y="14"/>
                      </a:lnTo>
                      <a:lnTo>
                        <a:pt x="17" y="19"/>
                      </a:lnTo>
                      <a:lnTo>
                        <a:pt x="14" y="22"/>
                      </a:lnTo>
                      <a:lnTo>
                        <a:pt x="0" y="1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19" name="Freeform 80"/>
                <p:cNvSpPr>
                  <a:spLocks/>
                </p:cNvSpPr>
                <p:nvPr/>
              </p:nvSpPr>
              <p:spPr bwMode="auto">
                <a:xfrm>
                  <a:off x="1085" y="3327"/>
                  <a:ext cx="27" cy="22"/>
                </a:xfrm>
                <a:custGeom>
                  <a:avLst/>
                  <a:gdLst>
                    <a:gd name="T0" fmla="*/ 0 w 27"/>
                    <a:gd name="T1" fmla="*/ 10 h 22"/>
                    <a:gd name="T2" fmla="*/ 0 w 27"/>
                    <a:gd name="T3" fmla="*/ 7 h 22"/>
                    <a:gd name="T4" fmla="*/ 2 w 27"/>
                    <a:gd name="T5" fmla="*/ 4 h 22"/>
                    <a:gd name="T6" fmla="*/ 14 w 27"/>
                    <a:gd name="T7" fmla="*/ 0 h 22"/>
                    <a:gd name="T8" fmla="*/ 27 w 27"/>
                    <a:gd name="T9" fmla="*/ 14 h 22"/>
                    <a:gd name="T10" fmla="*/ 22 w 27"/>
                    <a:gd name="T11" fmla="*/ 15 h 22"/>
                    <a:gd name="T12" fmla="*/ 22 w 27"/>
                    <a:gd name="T13" fmla="*/ 15 h 22"/>
                    <a:gd name="T14" fmla="*/ 17 w 27"/>
                    <a:gd name="T15" fmla="*/ 10 h 22"/>
                    <a:gd name="T16" fmla="*/ 12 w 27"/>
                    <a:gd name="T17" fmla="*/ 14 h 22"/>
                    <a:gd name="T18" fmla="*/ 17 w 27"/>
                    <a:gd name="T19" fmla="*/ 19 h 22"/>
                    <a:gd name="T20" fmla="*/ 14 w 27"/>
                    <a:gd name="T21" fmla="*/ 22 h 22"/>
                    <a:gd name="T22" fmla="*/ 0 w 27"/>
                    <a:gd name="T23" fmla="*/ 10 h 22"/>
                    <a:gd name="T24" fmla="*/ 0 60000 65536"/>
                    <a:gd name="T25" fmla="*/ 0 60000 65536"/>
                    <a:gd name="T26" fmla="*/ 0 60000 65536"/>
                    <a:gd name="T27" fmla="*/ 0 60000 65536"/>
                    <a:gd name="T28" fmla="*/ 0 60000 65536"/>
                    <a:gd name="T29" fmla="*/ 0 60000 65536"/>
                    <a:gd name="T30" fmla="*/ 0 60000 65536"/>
                    <a:gd name="T31" fmla="*/ 0 60000 65536"/>
                    <a:gd name="T32" fmla="*/ 0 60000 65536"/>
                    <a:gd name="T33" fmla="*/ 0 60000 65536"/>
                    <a:gd name="T34" fmla="*/ 0 60000 65536"/>
                    <a:gd name="T35" fmla="*/ 0 60000 65536"/>
                    <a:gd name="T36" fmla="*/ 0 w 27"/>
                    <a:gd name="T37" fmla="*/ 0 h 22"/>
                    <a:gd name="T38" fmla="*/ 27 w 27"/>
                    <a:gd name="T39" fmla="*/ 22 h 22"/>
                  </a:gdLst>
                  <a:ahLst/>
                  <a:cxnLst>
                    <a:cxn ang="T24">
                      <a:pos x="T0" y="T1"/>
                    </a:cxn>
                    <a:cxn ang="T25">
                      <a:pos x="T2" y="T3"/>
                    </a:cxn>
                    <a:cxn ang="T26">
                      <a:pos x="T4" y="T5"/>
                    </a:cxn>
                    <a:cxn ang="T27">
                      <a:pos x="T6" y="T7"/>
                    </a:cxn>
                    <a:cxn ang="T28">
                      <a:pos x="T8" y="T9"/>
                    </a:cxn>
                    <a:cxn ang="T29">
                      <a:pos x="T10" y="T11"/>
                    </a:cxn>
                    <a:cxn ang="T30">
                      <a:pos x="T12" y="T13"/>
                    </a:cxn>
                    <a:cxn ang="T31">
                      <a:pos x="T14" y="T15"/>
                    </a:cxn>
                    <a:cxn ang="T32">
                      <a:pos x="T16" y="T17"/>
                    </a:cxn>
                    <a:cxn ang="T33">
                      <a:pos x="T18" y="T19"/>
                    </a:cxn>
                    <a:cxn ang="T34">
                      <a:pos x="T20" y="T21"/>
                    </a:cxn>
                    <a:cxn ang="T35">
                      <a:pos x="T22" y="T23"/>
                    </a:cxn>
                  </a:cxnLst>
                  <a:rect l="T36" t="T37" r="T38" b="T39"/>
                  <a:pathLst>
                    <a:path w="27" h="22">
                      <a:moveTo>
                        <a:pt x="0" y="10"/>
                      </a:moveTo>
                      <a:lnTo>
                        <a:pt x="0" y="7"/>
                      </a:lnTo>
                      <a:lnTo>
                        <a:pt x="2" y="4"/>
                      </a:lnTo>
                      <a:lnTo>
                        <a:pt x="14" y="0"/>
                      </a:lnTo>
                      <a:lnTo>
                        <a:pt x="27" y="14"/>
                      </a:lnTo>
                      <a:lnTo>
                        <a:pt x="22" y="15"/>
                      </a:lnTo>
                      <a:lnTo>
                        <a:pt x="17" y="10"/>
                      </a:lnTo>
                      <a:lnTo>
                        <a:pt x="12" y="14"/>
                      </a:lnTo>
                      <a:lnTo>
                        <a:pt x="17" y="19"/>
                      </a:lnTo>
                      <a:lnTo>
                        <a:pt x="14" y="22"/>
                      </a:lnTo>
                      <a:lnTo>
                        <a:pt x="0" y="1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20" name="Freeform 81"/>
                <p:cNvSpPr>
                  <a:spLocks/>
                </p:cNvSpPr>
                <p:nvPr/>
              </p:nvSpPr>
              <p:spPr bwMode="auto">
                <a:xfrm>
                  <a:off x="1107" y="3348"/>
                  <a:ext cx="21" cy="23"/>
                </a:xfrm>
                <a:custGeom>
                  <a:avLst/>
                  <a:gdLst>
                    <a:gd name="T0" fmla="*/ 5 w 21"/>
                    <a:gd name="T1" fmla="*/ 0 h 23"/>
                    <a:gd name="T2" fmla="*/ 0 w 21"/>
                    <a:gd name="T3" fmla="*/ 3 h 23"/>
                    <a:gd name="T4" fmla="*/ 11 w 21"/>
                    <a:gd name="T5" fmla="*/ 16 h 23"/>
                    <a:gd name="T6" fmla="*/ 21 w 21"/>
                    <a:gd name="T7" fmla="*/ 23 h 23"/>
                    <a:gd name="T8" fmla="*/ 14 w 21"/>
                    <a:gd name="T9" fmla="*/ 6 h 23"/>
                    <a:gd name="T10" fmla="*/ 5 w 21"/>
                    <a:gd name="T11" fmla="*/ 0 h 23"/>
                    <a:gd name="T12" fmla="*/ 0 60000 65536"/>
                    <a:gd name="T13" fmla="*/ 0 60000 65536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w 21"/>
                    <a:gd name="T19" fmla="*/ 0 h 23"/>
                    <a:gd name="T20" fmla="*/ 21 w 21"/>
                    <a:gd name="T21" fmla="*/ 23 h 23"/>
                  </a:gdLst>
                  <a:ahLst/>
                  <a:cxnLst>
                    <a:cxn ang="T12">
                      <a:pos x="T0" y="T1"/>
                    </a:cxn>
                    <a:cxn ang="T13">
                      <a:pos x="T2" y="T3"/>
                    </a:cxn>
                    <a:cxn ang="T14">
                      <a:pos x="T4" y="T5"/>
                    </a:cxn>
                    <a:cxn ang="T15">
                      <a:pos x="T6" y="T7"/>
                    </a:cxn>
                    <a:cxn ang="T16">
                      <a:pos x="T8" y="T9"/>
                    </a:cxn>
                    <a:cxn ang="T17">
                      <a:pos x="T10" y="T11"/>
                    </a:cxn>
                  </a:cxnLst>
                  <a:rect l="T18" t="T19" r="T20" b="T21"/>
                  <a:pathLst>
                    <a:path w="21" h="23">
                      <a:moveTo>
                        <a:pt x="5" y="0"/>
                      </a:moveTo>
                      <a:lnTo>
                        <a:pt x="0" y="3"/>
                      </a:lnTo>
                      <a:lnTo>
                        <a:pt x="11" y="16"/>
                      </a:lnTo>
                      <a:lnTo>
                        <a:pt x="21" y="23"/>
                      </a:lnTo>
                      <a:lnTo>
                        <a:pt x="14" y="6"/>
                      </a:lnTo>
                      <a:lnTo>
                        <a:pt x="5" y="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21" name="Freeform 82"/>
                <p:cNvSpPr>
                  <a:spLocks/>
                </p:cNvSpPr>
                <p:nvPr/>
              </p:nvSpPr>
              <p:spPr bwMode="auto">
                <a:xfrm>
                  <a:off x="1107" y="3348"/>
                  <a:ext cx="21" cy="23"/>
                </a:xfrm>
                <a:custGeom>
                  <a:avLst/>
                  <a:gdLst>
                    <a:gd name="T0" fmla="*/ 5 w 21"/>
                    <a:gd name="T1" fmla="*/ 0 h 23"/>
                    <a:gd name="T2" fmla="*/ 0 w 21"/>
                    <a:gd name="T3" fmla="*/ 3 h 23"/>
                    <a:gd name="T4" fmla="*/ 11 w 21"/>
                    <a:gd name="T5" fmla="*/ 16 h 23"/>
                    <a:gd name="T6" fmla="*/ 21 w 21"/>
                    <a:gd name="T7" fmla="*/ 23 h 23"/>
                    <a:gd name="T8" fmla="*/ 14 w 21"/>
                    <a:gd name="T9" fmla="*/ 6 h 23"/>
                    <a:gd name="T10" fmla="*/ 5 w 21"/>
                    <a:gd name="T11" fmla="*/ 0 h 23"/>
                    <a:gd name="T12" fmla="*/ 0 60000 65536"/>
                    <a:gd name="T13" fmla="*/ 0 60000 65536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w 21"/>
                    <a:gd name="T19" fmla="*/ 0 h 23"/>
                    <a:gd name="T20" fmla="*/ 21 w 21"/>
                    <a:gd name="T21" fmla="*/ 23 h 23"/>
                  </a:gdLst>
                  <a:ahLst/>
                  <a:cxnLst>
                    <a:cxn ang="T12">
                      <a:pos x="T0" y="T1"/>
                    </a:cxn>
                    <a:cxn ang="T13">
                      <a:pos x="T2" y="T3"/>
                    </a:cxn>
                    <a:cxn ang="T14">
                      <a:pos x="T4" y="T5"/>
                    </a:cxn>
                    <a:cxn ang="T15">
                      <a:pos x="T6" y="T7"/>
                    </a:cxn>
                    <a:cxn ang="T16">
                      <a:pos x="T8" y="T9"/>
                    </a:cxn>
                    <a:cxn ang="T17">
                      <a:pos x="T10" y="T11"/>
                    </a:cxn>
                  </a:cxnLst>
                  <a:rect l="T18" t="T19" r="T20" b="T21"/>
                  <a:pathLst>
                    <a:path w="21" h="23">
                      <a:moveTo>
                        <a:pt x="5" y="0"/>
                      </a:moveTo>
                      <a:lnTo>
                        <a:pt x="0" y="3"/>
                      </a:lnTo>
                      <a:lnTo>
                        <a:pt x="11" y="16"/>
                      </a:lnTo>
                      <a:lnTo>
                        <a:pt x="21" y="23"/>
                      </a:lnTo>
                      <a:lnTo>
                        <a:pt x="14" y="6"/>
                      </a:lnTo>
                      <a:lnTo>
                        <a:pt x="5" y="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22" name="Freeform 83"/>
                <p:cNvSpPr>
                  <a:spLocks/>
                </p:cNvSpPr>
                <p:nvPr/>
              </p:nvSpPr>
              <p:spPr bwMode="auto">
                <a:xfrm>
                  <a:off x="1107" y="3322"/>
                  <a:ext cx="19" cy="24"/>
                </a:xfrm>
                <a:custGeom>
                  <a:avLst/>
                  <a:gdLst>
                    <a:gd name="T0" fmla="*/ 4 w 19"/>
                    <a:gd name="T1" fmla="*/ 0 h 24"/>
                    <a:gd name="T2" fmla="*/ 19 w 19"/>
                    <a:gd name="T3" fmla="*/ 15 h 24"/>
                    <a:gd name="T4" fmla="*/ 17 w 19"/>
                    <a:gd name="T5" fmla="*/ 24 h 24"/>
                    <a:gd name="T6" fmla="*/ 11 w 19"/>
                    <a:gd name="T7" fmla="*/ 22 h 24"/>
                    <a:gd name="T8" fmla="*/ 11 w 19"/>
                    <a:gd name="T9" fmla="*/ 15 h 24"/>
                    <a:gd name="T10" fmla="*/ 0 w 19"/>
                    <a:gd name="T11" fmla="*/ 2 h 24"/>
                    <a:gd name="T12" fmla="*/ 4 w 19"/>
                    <a:gd name="T13" fmla="*/ 0 h 24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w 19"/>
                    <a:gd name="T22" fmla="*/ 0 h 24"/>
                    <a:gd name="T23" fmla="*/ 19 w 19"/>
                    <a:gd name="T24" fmla="*/ 24 h 24"/>
                  </a:gdLst>
                  <a:ahLst/>
                  <a:cxnLst>
                    <a:cxn ang="T14">
                      <a:pos x="T0" y="T1"/>
                    </a:cxn>
                    <a:cxn ang="T15">
                      <a:pos x="T2" y="T3"/>
                    </a:cxn>
                    <a:cxn ang="T16">
                      <a:pos x="T4" y="T5"/>
                    </a:cxn>
                    <a:cxn ang="T17">
                      <a:pos x="T6" y="T7"/>
                    </a:cxn>
                    <a:cxn ang="T18">
                      <a:pos x="T8" y="T9"/>
                    </a:cxn>
                    <a:cxn ang="T19">
                      <a:pos x="T10" y="T11"/>
                    </a:cxn>
                    <a:cxn ang="T20">
                      <a:pos x="T12" y="T13"/>
                    </a:cxn>
                  </a:cxnLst>
                  <a:rect l="T21" t="T22" r="T23" b="T24"/>
                  <a:pathLst>
                    <a:path w="19" h="24">
                      <a:moveTo>
                        <a:pt x="4" y="0"/>
                      </a:moveTo>
                      <a:lnTo>
                        <a:pt x="19" y="15"/>
                      </a:lnTo>
                      <a:lnTo>
                        <a:pt x="17" y="24"/>
                      </a:lnTo>
                      <a:lnTo>
                        <a:pt x="11" y="22"/>
                      </a:lnTo>
                      <a:lnTo>
                        <a:pt x="11" y="15"/>
                      </a:lnTo>
                      <a:lnTo>
                        <a:pt x="0" y="2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23" name="Freeform 84"/>
                <p:cNvSpPr>
                  <a:spLocks/>
                </p:cNvSpPr>
                <p:nvPr/>
              </p:nvSpPr>
              <p:spPr bwMode="auto">
                <a:xfrm>
                  <a:off x="1107" y="3322"/>
                  <a:ext cx="19" cy="24"/>
                </a:xfrm>
                <a:custGeom>
                  <a:avLst/>
                  <a:gdLst>
                    <a:gd name="T0" fmla="*/ 4 w 19"/>
                    <a:gd name="T1" fmla="*/ 0 h 24"/>
                    <a:gd name="T2" fmla="*/ 19 w 19"/>
                    <a:gd name="T3" fmla="*/ 15 h 24"/>
                    <a:gd name="T4" fmla="*/ 17 w 19"/>
                    <a:gd name="T5" fmla="*/ 24 h 24"/>
                    <a:gd name="T6" fmla="*/ 11 w 19"/>
                    <a:gd name="T7" fmla="*/ 22 h 24"/>
                    <a:gd name="T8" fmla="*/ 11 w 19"/>
                    <a:gd name="T9" fmla="*/ 15 h 24"/>
                    <a:gd name="T10" fmla="*/ 0 w 19"/>
                    <a:gd name="T11" fmla="*/ 2 h 24"/>
                    <a:gd name="T12" fmla="*/ 4 w 19"/>
                    <a:gd name="T13" fmla="*/ 0 h 24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w 19"/>
                    <a:gd name="T22" fmla="*/ 0 h 24"/>
                    <a:gd name="T23" fmla="*/ 19 w 19"/>
                    <a:gd name="T24" fmla="*/ 24 h 24"/>
                  </a:gdLst>
                  <a:ahLst/>
                  <a:cxnLst>
                    <a:cxn ang="T14">
                      <a:pos x="T0" y="T1"/>
                    </a:cxn>
                    <a:cxn ang="T15">
                      <a:pos x="T2" y="T3"/>
                    </a:cxn>
                    <a:cxn ang="T16">
                      <a:pos x="T4" y="T5"/>
                    </a:cxn>
                    <a:cxn ang="T17">
                      <a:pos x="T6" y="T7"/>
                    </a:cxn>
                    <a:cxn ang="T18">
                      <a:pos x="T8" y="T9"/>
                    </a:cxn>
                    <a:cxn ang="T19">
                      <a:pos x="T10" y="T11"/>
                    </a:cxn>
                    <a:cxn ang="T20">
                      <a:pos x="T12" y="T13"/>
                    </a:cxn>
                  </a:cxnLst>
                  <a:rect l="T21" t="T22" r="T23" b="T24"/>
                  <a:pathLst>
                    <a:path w="19" h="24">
                      <a:moveTo>
                        <a:pt x="4" y="0"/>
                      </a:moveTo>
                      <a:lnTo>
                        <a:pt x="19" y="15"/>
                      </a:lnTo>
                      <a:lnTo>
                        <a:pt x="17" y="24"/>
                      </a:lnTo>
                      <a:lnTo>
                        <a:pt x="11" y="22"/>
                      </a:lnTo>
                      <a:lnTo>
                        <a:pt x="11" y="15"/>
                      </a:lnTo>
                      <a:lnTo>
                        <a:pt x="0" y="2"/>
                      </a:lnTo>
                      <a:lnTo>
                        <a:pt x="4" y="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24" name="Freeform 85"/>
                <p:cNvSpPr>
                  <a:spLocks/>
                </p:cNvSpPr>
                <p:nvPr/>
              </p:nvSpPr>
              <p:spPr bwMode="auto">
                <a:xfrm>
                  <a:off x="1153" y="3370"/>
                  <a:ext cx="27" cy="25"/>
                </a:xfrm>
                <a:custGeom>
                  <a:avLst/>
                  <a:gdLst>
                    <a:gd name="T0" fmla="*/ 2 w 27"/>
                    <a:gd name="T1" fmla="*/ 0 h 25"/>
                    <a:gd name="T2" fmla="*/ 10 w 27"/>
                    <a:gd name="T3" fmla="*/ 1 h 25"/>
                    <a:gd name="T4" fmla="*/ 27 w 27"/>
                    <a:gd name="T5" fmla="*/ 20 h 25"/>
                    <a:gd name="T6" fmla="*/ 24 w 27"/>
                    <a:gd name="T7" fmla="*/ 25 h 25"/>
                    <a:gd name="T8" fmla="*/ 14 w 27"/>
                    <a:gd name="T9" fmla="*/ 16 h 25"/>
                    <a:gd name="T10" fmla="*/ 7 w 27"/>
                    <a:gd name="T11" fmla="*/ 15 h 25"/>
                    <a:gd name="T12" fmla="*/ 0 w 27"/>
                    <a:gd name="T13" fmla="*/ 6 h 25"/>
                    <a:gd name="T14" fmla="*/ 2 w 27"/>
                    <a:gd name="T15" fmla="*/ 0 h 25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w 27"/>
                    <a:gd name="T25" fmla="*/ 0 h 25"/>
                    <a:gd name="T26" fmla="*/ 27 w 27"/>
                    <a:gd name="T27" fmla="*/ 25 h 25"/>
                  </a:gdLst>
                  <a:ahLst/>
                  <a:cxnLst>
                    <a:cxn ang="T16">
                      <a:pos x="T0" y="T1"/>
                    </a:cxn>
                    <a:cxn ang="T17">
                      <a:pos x="T2" y="T3"/>
                    </a:cxn>
                    <a:cxn ang="T18">
                      <a:pos x="T4" y="T5"/>
                    </a:cxn>
                    <a:cxn ang="T19">
                      <a:pos x="T6" y="T7"/>
                    </a:cxn>
                    <a:cxn ang="T20">
                      <a:pos x="T8" y="T9"/>
                    </a:cxn>
                    <a:cxn ang="T21">
                      <a:pos x="T10" y="T11"/>
                    </a:cxn>
                    <a:cxn ang="T22">
                      <a:pos x="T12" y="T13"/>
                    </a:cxn>
                    <a:cxn ang="T23">
                      <a:pos x="T14" y="T15"/>
                    </a:cxn>
                  </a:cxnLst>
                  <a:rect l="T24" t="T25" r="T26" b="T27"/>
                  <a:pathLst>
                    <a:path w="27" h="25">
                      <a:moveTo>
                        <a:pt x="2" y="0"/>
                      </a:moveTo>
                      <a:lnTo>
                        <a:pt x="10" y="1"/>
                      </a:lnTo>
                      <a:lnTo>
                        <a:pt x="27" y="20"/>
                      </a:lnTo>
                      <a:lnTo>
                        <a:pt x="24" y="25"/>
                      </a:lnTo>
                      <a:lnTo>
                        <a:pt x="14" y="16"/>
                      </a:lnTo>
                      <a:lnTo>
                        <a:pt x="7" y="15"/>
                      </a:lnTo>
                      <a:lnTo>
                        <a:pt x="0" y="6"/>
                      </a:lnTo>
                      <a:lnTo>
                        <a:pt x="2" y="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25" name="Freeform 86"/>
                <p:cNvSpPr>
                  <a:spLocks/>
                </p:cNvSpPr>
                <p:nvPr/>
              </p:nvSpPr>
              <p:spPr bwMode="auto">
                <a:xfrm>
                  <a:off x="1153" y="3370"/>
                  <a:ext cx="27" cy="25"/>
                </a:xfrm>
                <a:custGeom>
                  <a:avLst/>
                  <a:gdLst>
                    <a:gd name="T0" fmla="*/ 2 w 27"/>
                    <a:gd name="T1" fmla="*/ 0 h 25"/>
                    <a:gd name="T2" fmla="*/ 10 w 27"/>
                    <a:gd name="T3" fmla="*/ 1 h 25"/>
                    <a:gd name="T4" fmla="*/ 27 w 27"/>
                    <a:gd name="T5" fmla="*/ 20 h 25"/>
                    <a:gd name="T6" fmla="*/ 24 w 27"/>
                    <a:gd name="T7" fmla="*/ 25 h 25"/>
                    <a:gd name="T8" fmla="*/ 14 w 27"/>
                    <a:gd name="T9" fmla="*/ 16 h 25"/>
                    <a:gd name="T10" fmla="*/ 7 w 27"/>
                    <a:gd name="T11" fmla="*/ 15 h 25"/>
                    <a:gd name="T12" fmla="*/ 0 w 27"/>
                    <a:gd name="T13" fmla="*/ 6 h 25"/>
                    <a:gd name="T14" fmla="*/ 2 w 27"/>
                    <a:gd name="T15" fmla="*/ 0 h 25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w 27"/>
                    <a:gd name="T25" fmla="*/ 0 h 25"/>
                    <a:gd name="T26" fmla="*/ 27 w 27"/>
                    <a:gd name="T27" fmla="*/ 25 h 25"/>
                  </a:gdLst>
                  <a:ahLst/>
                  <a:cxnLst>
                    <a:cxn ang="T16">
                      <a:pos x="T0" y="T1"/>
                    </a:cxn>
                    <a:cxn ang="T17">
                      <a:pos x="T2" y="T3"/>
                    </a:cxn>
                    <a:cxn ang="T18">
                      <a:pos x="T4" y="T5"/>
                    </a:cxn>
                    <a:cxn ang="T19">
                      <a:pos x="T6" y="T7"/>
                    </a:cxn>
                    <a:cxn ang="T20">
                      <a:pos x="T8" y="T9"/>
                    </a:cxn>
                    <a:cxn ang="T21">
                      <a:pos x="T10" y="T11"/>
                    </a:cxn>
                    <a:cxn ang="T22">
                      <a:pos x="T12" y="T13"/>
                    </a:cxn>
                    <a:cxn ang="T23">
                      <a:pos x="T14" y="T15"/>
                    </a:cxn>
                  </a:cxnLst>
                  <a:rect l="T24" t="T25" r="T26" b="T27"/>
                  <a:pathLst>
                    <a:path w="27" h="25">
                      <a:moveTo>
                        <a:pt x="2" y="0"/>
                      </a:moveTo>
                      <a:lnTo>
                        <a:pt x="10" y="1"/>
                      </a:lnTo>
                      <a:lnTo>
                        <a:pt x="27" y="20"/>
                      </a:lnTo>
                      <a:lnTo>
                        <a:pt x="24" y="25"/>
                      </a:lnTo>
                      <a:lnTo>
                        <a:pt x="14" y="16"/>
                      </a:lnTo>
                      <a:lnTo>
                        <a:pt x="7" y="15"/>
                      </a:lnTo>
                      <a:lnTo>
                        <a:pt x="0" y="6"/>
                      </a:lnTo>
                      <a:lnTo>
                        <a:pt x="2" y="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26" name="Freeform 87"/>
                <p:cNvSpPr>
                  <a:spLocks/>
                </p:cNvSpPr>
                <p:nvPr/>
              </p:nvSpPr>
              <p:spPr bwMode="auto">
                <a:xfrm>
                  <a:off x="1175" y="3412"/>
                  <a:ext cx="25" cy="20"/>
                </a:xfrm>
                <a:custGeom>
                  <a:avLst/>
                  <a:gdLst>
                    <a:gd name="T0" fmla="*/ 0 w 25"/>
                    <a:gd name="T1" fmla="*/ 2 h 20"/>
                    <a:gd name="T2" fmla="*/ 12 w 25"/>
                    <a:gd name="T3" fmla="*/ 2 h 20"/>
                    <a:gd name="T4" fmla="*/ 12 w 25"/>
                    <a:gd name="T5" fmla="*/ 12 h 20"/>
                    <a:gd name="T6" fmla="*/ 19 w 25"/>
                    <a:gd name="T7" fmla="*/ 10 h 20"/>
                    <a:gd name="T8" fmla="*/ 17 w 25"/>
                    <a:gd name="T9" fmla="*/ 0 h 20"/>
                    <a:gd name="T10" fmla="*/ 19 w 25"/>
                    <a:gd name="T11" fmla="*/ 0 h 20"/>
                    <a:gd name="T12" fmla="*/ 20 w 25"/>
                    <a:gd name="T13" fmla="*/ 2 h 20"/>
                    <a:gd name="T14" fmla="*/ 22 w 25"/>
                    <a:gd name="T15" fmla="*/ 3 h 20"/>
                    <a:gd name="T16" fmla="*/ 24 w 25"/>
                    <a:gd name="T17" fmla="*/ 5 h 20"/>
                    <a:gd name="T18" fmla="*/ 25 w 25"/>
                    <a:gd name="T19" fmla="*/ 8 h 20"/>
                    <a:gd name="T20" fmla="*/ 25 w 25"/>
                    <a:gd name="T21" fmla="*/ 12 h 20"/>
                    <a:gd name="T22" fmla="*/ 24 w 25"/>
                    <a:gd name="T23" fmla="*/ 15 h 20"/>
                    <a:gd name="T24" fmla="*/ 22 w 25"/>
                    <a:gd name="T25" fmla="*/ 20 h 20"/>
                    <a:gd name="T26" fmla="*/ 20 w 25"/>
                    <a:gd name="T27" fmla="*/ 20 h 20"/>
                    <a:gd name="T28" fmla="*/ 19 w 25"/>
                    <a:gd name="T29" fmla="*/ 20 h 20"/>
                    <a:gd name="T30" fmla="*/ 17 w 25"/>
                    <a:gd name="T31" fmla="*/ 20 h 20"/>
                    <a:gd name="T32" fmla="*/ 14 w 25"/>
                    <a:gd name="T33" fmla="*/ 18 h 20"/>
                    <a:gd name="T34" fmla="*/ 12 w 25"/>
                    <a:gd name="T35" fmla="*/ 18 h 20"/>
                    <a:gd name="T36" fmla="*/ 10 w 25"/>
                    <a:gd name="T37" fmla="*/ 18 h 20"/>
                    <a:gd name="T38" fmla="*/ 9 w 25"/>
                    <a:gd name="T39" fmla="*/ 18 h 20"/>
                    <a:gd name="T40" fmla="*/ 9 w 25"/>
                    <a:gd name="T41" fmla="*/ 18 h 20"/>
                    <a:gd name="T42" fmla="*/ 2 w 25"/>
                    <a:gd name="T43" fmla="*/ 10 h 20"/>
                    <a:gd name="T44" fmla="*/ 0 w 25"/>
                    <a:gd name="T45" fmla="*/ 2 h 20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w 25"/>
                    <a:gd name="T70" fmla="*/ 0 h 20"/>
                    <a:gd name="T71" fmla="*/ 25 w 25"/>
                    <a:gd name="T72" fmla="*/ 20 h 20"/>
                  </a:gdLst>
                  <a:ahLst/>
                  <a:cxnLst>
                    <a:cxn ang="T46">
                      <a:pos x="T0" y="T1"/>
                    </a:cxn>
                    <a:cxn ang="T47">
                      <a:pos x="T2" y="T3"/>
                    </a:cxn>
                    <a:cxn ang="T48">
                      <a:pos x="T4" y="T5"/>
                    </a:cxn>
                    <a:cxn ang="T49">
                      <a:pos x="T6" y="T7"/>
                    </a:cxn>
                    <a:cxn ang="T50">
                      <a:pos x="T8" y="T9"/>
                    </a:cxn>
                    <a:cxn ang="T51">
                      <a:pos x="T10" y="T11"/>
                    </a:cxn>
                    <a:cxn ang="T52">
                      <a:pos x="T12" y="T13"/>
                    </a:cxn>
                    <a:cxn ang="T53">
                      <a:pos x="T14" y="T15"/>
                    </a:cxn>
                    <a:cxn ang="T54">
                      <a:pos x="T16" y="T17"/>
                    </a:cxn>
                    <a:cxn ang="T55">
                      <a:pos x="T18" y="T19"/>
                    </a:cxn>
                    <a:cxn ang="T56">
                      <a:pos x="T20" y="T21"/>
                    </a:cxn>
                    <a:cxn ang="T57">
                      <a:pos x="T22" y="T23"/>
                    </a:cxn>
                    <a:cxn ang="T58">
                      <a:pos x="T24" y="T25"/>
                    </a:cxn>
                    <a:cxn ang="T59">
                      <a:pos x="T26" y="T27"/>
                    </a:cxn>
                    <a:cxn ang="T60">
                      <a:pos x="T28" y="T29"/>
                    </a:cxn>
                    <a:cxn ang="T61">
                      <a:pos x="T30" y="T31"/>
                    </a:cxn>
                    <a:cxn ang="T62">
                      <a:pos x="T32" y="T33"/>
                    </a:cxn>
                    <a:cxn ang="T63">
                      <a:pos x="T34" y="T35"/>
                    </a:cxn>
                    <a:cxn ang="T64">
                      <a:pos x="T36" y="T37"/>
                    </a:cxn>
                    <a:cxn ang="T65">
                      <a:pos x="T38" y="T39"/>
                    </a:cxn>
                    <a:cxn ang="T66">
                      <a:pos x="T40" y="T41"/>
                    </a:cxn>
                    <a:cxn ang="T67">
                      <a:pos x="T42" y="T43"/>
                    </a:cxn>
                    <a:cxn ang="T68">
                      <a:pos x="T44" y="T45"/>
                    </a:cxn>
                  </a:cxnLst>
                  <a:rect l="T69" t="T70" r="T71" b="T72"/>
                  <a:pathLst>
                    <a:path w="25" h="20">
                      <a:moveTo>
                        <a:pt x="0" y="2"/>
                      </a:moveTo>
                      <a:lnTo>
                        <a:pt x="12" y="2"/>
                      </a:lnTo>
                      <a:lnTo>
                        <a:pt x="12" y="12"/>
                      </a:lnTo>
                      <a:lnTo>
                        <a:pt x="19" y="10"/>
                      </a:lnTo>
                      <a:lnTo>
                        <a:pt x="17" y="0"/>
                      </a:lnTo>
                      <a:lnTo>
                        <a:pt x="19" y="0"/>
                      </a:lnTo>
                      <a:lnTo>
                        <a:pt x="20" y="2"/>
                      </a:lnTo>
                      <a:lnTo>
                        <a:pt x="22" y="3"/>
                      </a:lnTo>
                      <a:lnTo>
                        <a:pt x="24" y="5"/>
                      </a:lnTo>
                      <a:lnTo>
                        <a:pt x="25" y="8"/>
                      </a:lnTo>
                      <a:lnTo>
                        <a:pt x="25" y="12"/>
                      </a:lnTo>
                      <a:lnTo>
                        <a:pt x="24" y="15"/>
                      </a:lnTo>
                      <a:lnTo>
                        <a:pt x="22" y="20"/>
                      </a:lnTo>
                      <a:lnTo>
                        <a:pt x="20" y="20"/>
                      </a:lnTo>
                      <a:lnTo>
                        <a:pt x="19" y="20"/>
                      </a:lnTo>
                      <a:lnTo>
                        <a:pt x="17" y="20"/>
                      </a:lnTo>
                      <a:lnTo>
                        <a:pt x="14" y="18"/>
                      </a:lnTo>
                      <a:lnTo>
                        <a:pt x="12" y="18"/>
                      </a:lnTo>
                      <a:lnTo>
                        <a:pt x="10" y="18"/>
                      </a:lnTo>
                      <a:lnTo>
                        <a:pt x="9" y="18"/>
                      </a:lnTo>
                      <a:lnTo>
                        <a:pt x="2" y="10"/>
                      </a:lnTo>
                      <a:lnTo>
                        <a:pt x="0" y="2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27" name="Freeform 88"/>
                <p:cNvSpPr>
                  <a:spLocks/>
                </p:cNvSpPr>
                <p:nvPr/>
              </p:nvSpPr>
              <p:spPr bwMode="auto">
                <a:xfrm>
                  <a:off x="1175" y="3412"/>
                  <a:ext cx="25" cy="20"/>
                </a:xfrm>
                <a:custGeom>
                  <a:avLst/>
                  <a:gdLst>
                    <a:gd name="T0" fmla="*/ 0 w 25"/>
                    <a:gd name="T1" fmla="*/ 2 h 20"/>
                    <a:gd name="T2" fmla="*/ 12 w 25"/>
                    <a:gd name="T3" fmla="*/ 2 h 20"/>
                    <a:gd name="T4" fmla="*/ 12 w 25"/>
                    <a:gd name="T5" fmla="*/ 12 h 20"/>
                    <a:gd name="T6" fmla="*/ 19 w 25"/>
                    <a:gd name="T7" fmla="*/ 10 h 20"/>
                    <a:gd name="T8" fmla="*/ 17 w 25"/>
                    <a:gd name="T9" fmla="*/ 0 h 20"/>
                    <a:gd name="T10" fmla="*/ 17 w 25"/>
                    <a:gd name="T11" fmla="*/ 0 h 20"/>
                    <a:gd name="T12" fmla="*/ 19 w 25"/>
                    <a:gd name="T13" fmla="*/ 0 h 20"/>
                    <a:gd name="T14" fmla="*/ 20 w 25"/>
                    <a:gd name="T15" fmla="*/ 2 h 20"/>
                    <a:gd name="T16" fmla="*/ 22 w 25"/>
                    <a:gd name="T17" fmla="*/ 3 h 20"/>
                    <a:gd name="T18" fmla="*/ 24 w 25"/>
                    <a:gd name="T19" fmla="*/ 5 h 20"/>
                    <a:gd name="T20" fmla="*/ 25 w 25"/>
                    <a:gd name="T21" fmla="*/ 8 h 20"/>
                    <a:gd name="T22" fmla="*/ 25 w 25"/>
                    <a:gd name="T23" fmla="*/ 12 h 20"/>
                    <a:gd name="T24" fmla="*/ 24 w 25"/>
                    <a:gd name="T25" fmla="*/ 15 h 20"/>
                    <a:gd name="T26" fmla="*/ 22 w 25"/>
                    <a:gd name="T27" fmla="*/ 20 h 20"/>
                    <a:gd name="T28" fmla="*/ 22 w 25"/>
                    <a:gd name="T29" fmla="*/ 20 h 20"/>
                    <a:gd name="T30" fmla="*/ 20 w 25"/>
                    <a:gd name="T31" fmla="*/ 20 h 20"/>
                    <a:gd name="T32" fmla="*/ 19 w 25"/>
                    <a:gd name="T33" fmla="*/ 20 h 20"/>
                    <a:gd name="T34" fmla="*/ 17 w 25"/>
                    <a:gd name="T35" fmla="*/ 20 h 20"/>
                    <a:gd name="T36" fmla="*/ 14 w 25"/>
                    <a:gd name="T37" fmla="*/ 18 h 20"/>
                    <a:gd name="T38" fmla="*/ 12 w 25"/>
                    <a:gd name="T39" fmla="*/ 18 h 20"/>
                    <a:gd name="T40" fmla="*/ 10 w 25"/>
                    <a:gd name="T41" fmla="*/ 18 h 20"/>
                    <a:gd name="T42" fmla="*/ 9 w 25"/>
                    <a:gd name="T43" fmla="*/ 18 h 20"/>
                    <a:gd name="T44" fmla="*/ 9 w 25"/>
                    <a:gd name="T45" fmla="*/ 18 h 20"/>
                    <a:gd name="T46" fmla="*/ 2 w 25"/>
                    <a:gd name="T47" fmla="*/ 10 h 20"/>
                    <a:gd name="T48" fmla="*/ 0 w 25"/>
                    <a:gd name="T49" fmla="*/ 2 h 20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w 25"/>
                    <a:gd name="T76" fmla="*/ 0 h 20"/>
                    <a:gd name="T77" fmla="*/ 25 w 25"/>
                    <a:gd name="T78" fmla="*/ 20 h 20"/>
                  </a:gdLst>
                  <a:ahLst/>
                  <a:cxnLst>
                    <a:cxn ang="T50">
                      <a:pos x="T0" y="T1"/>
                    </a:cxn>
                    <a:cxn ang="T51">
                      <a:pos x="T2" y="T3"/>
                    </a:cxn>
                    <a:cxn ang="T52">
                      <a:pos x="T4" y="T5"/>
                    </a:cxn>
                    <a:cxn ang="T53">
                      <a:pos x="T6" y="T7"/>
                    </a:cxn>
                    <a:cxn ang="T54">
                      <a:pos x="T8" y="T9"/>
                    </a:cxn>
                    <a:cxn ang="T55">
                      <a:pos x="T10" y="T11"/>
                    </a:cxn>
                    <a:cxn ang="T56">
                      <a:pos x="T12" y="T13"/>
                    </a:cxn>
                    <a:cxn ang="T57">
                      <a:pos x="T14" y="T15"/>
                    </a:cxn>
                    <a:cxn ang="T58">
                      <a:pos x="T16" y="T17"/>
                    </a:cxn>
                    <a:cxn ang="T59">
                      <a:pos x="T18" y="T19"/>
                    </a:cxn>
                    <a:cxn ang="T60">
                      <a:pos x="T20" y="T21"/>
                    </a:cxn>
                    <a:cxn ang="T61">
                      <a:pos x="T22" y="T23"/>
                    </a:cxn>
                    <a:cxn ang="T62">
                      <a:pos x="T24" y="T25"/>
                    </a:cxn>
                    <a:cxn ang="T63">
                      <a:pos x="T26" y="T27"/>
                    </a:cxn>
                    <a:cxn ang="T64">
                      <a:pos x="T28" y="T29"/>
                    </a:cxn>
                    <a:cxn ang="T65">
                      <a:pos x="T30" y="T31"/>
                    </a:cxn>
                    <a:cxn ang="T66">
                      <a:pos x="T32" y="T33"/>
                    </a:cxn>
                    <a:cxn ang="T67">
                      <a:pos x="T34" y="T35"/>
                    </a:cxn>
                    <a:cxn ang="T68">
                      <a:pos x="T36" y="T37"/>
                    </a:cxn>
                    <a:cxn ang="T69">
                      <a:pos x="T38" y="T39"/>
                    </a:cxn>
                    <a:cxn ang="T70">
                      <a:pos x="T40" y="T41"/>
                    </a:cxn>
                    <a:cxn ang="T71">
                      <a:pos x="T42" y="T43"/>
                    </a:cxn>
                    <a:cxn ang="T72">
                      <a:pos x="T44" y="T45"/>
                    </a:cxn>
                    <a:cxn ang="T73">
                      <a:pos x="T46" y="T47"/>
                    </a:cxn>
                    <a:cxn ang="T74">
                      <a:pos x="T48" y="T49"/>
                    </a:cxn>
                  </a:cxnLst>
                  <a:rect l="T75" t="T76" r="T77" b="T78"/>
                  <a:pathLst>
                    <a:path w="25" h="20">
                      <a:moveTo>
                        <a:pt x="0" y="2"/>
                      </a:moveTo>
                      <a:lnTo>
                        <a:pt x="12" y="2"/>
                      </a:lnTo>
                      <a:lnTo>
                        <a:pt x="12" y="12"/>
                      </a:lnTo>
                      <a:lnTo>
                        <a:pt x="19" y="10"/>
                      </a:lnTo>
                      <a:lnTo>
                        <a:pt x="17" y="0"/>
                      </a:lnTo>
                      <a:lnTo>
                        <a:pt x="19" y="0"/>
                      </a:lnTo>
                      <a:lnTo>
                        <a:pt x="20" y="2"/>
                      </a:lnTo>
                      <a:lnTo>
                        <a:pt x="22" y="3"/>
                      </a:lnTo>
                      <a:lnTo>
                        <a:pt x="24" y="5"/>
                      </a:lnTo>
                      <a:lnTo>
                        <a:pt x="25" y="8"/>
                      </a:lnTo>
                      <a:lnTo>
                        <a:pt x="25" y="12"/>
                      </a:lnTo>
                      <a:lnTo>
                        <a:pt x="24" y="15"/>
                      </a:lnTo>
                      <a:lnTo>
                        <a:pt x="22" y="20"/>
                      </a:lnTo>
                      <a:lnTo>
                        <a:pt x="20" y="20"/>
                      </a:lnTo>
                      <a:lnTo>
                        <a:pt x="19" y="20"/>
                      </a:lnTo>
                      <a:lnTo>
                        <a:pt x="17" y="20"/>
                      </a:lnTo>
                      <a:lnTo>
                        <a:pt x="14" y="18"/>
                      </a:lnTo>
                      <a:lnTo>
                        <a:pt x="12" y="18"/>
                      </a:lnTo>
                      <a:lnTo>
                        <a:pt x="10" y="18"/>
                      </a:lnTo>
                      <a:lnTo>
                        <a:pt x="9" y="18"/>
                      </a:lnTo>
                      <a:lnTo>
                        <a:pt x="2" y="10"/>
                      </a:lnTo>
                      <a:lnTo>
                        <a:pt x="0" y="2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28" name="Freeform 89"/>
                <p:cNvSpPr>
                  <a:spLocks/>
                </p:cNvSpPr>
                <p:nvPr/>
              </p:nvSpPr>
              <p:spPr bwMode="auto">
                <a:xfrm>
                  <a:off x="1126" y="3351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3 h 10"/>
                    <a:gd name="T4" fmla="*/ 0 w 8"/>
                    <a:gd name="T5" fmla="*/ 2 h 10"/>
                    <a:gd name="T6" fmla="*/ 2 w 8"/>
                    <a:gd name="T7" fmla="*/ 0 h 10"/>
                    <a:gd name="T8" fmla="*/ 3 w 8"/>
                    <a:gd name="T9" fmla="*/ 0 h 10"/>
                    <a:gd name="T10" fmla="*/ 5 w 8"/>
                    <a:gd name="T11" fmla="*/ 0 h 10"/>
                    <a:gd name="T12" fmla="*/ 7 w 8"/>
                    <a:gd name="T13" fmla="*/ 2 h 10"/>
                    <a:gd name="T14" fmla="*/ 7 w 8"/>
                    <a:gd name="T15" fmla="*/ 3 h 10"/>
                    <a:gd name="T16" fmla="*/ 8 w 8"/>
                    <a:gd name="T17" fmla="*/ 5 h 10"/>
                    <a:gd name="T18" fmla="*/ 7 w 8"/>
                    <a:gd name="T19" fmla="*/ 7 h 10"/>
                    <a:gd name="T20" fmla="*/ 7 w 8"/>
                    <a:gd name="T21" fmla="*/ 8 h 10"/>
                    <a:gd name="T22" fmla="*/ 5 w 8"/>
                    <a:gd name="T23" fmla="*/ 10 h 10"/>
                    <a:gd name="T24" fmla="*/ 3 w 8"/>
                    <a:gd name="T25" fmla="*/ 10 h 10"/>
                    <a:gd name="T26" fmla="*/ 2 w 8"/>
                    <a:gd name="T27" fmla="*/ 10 h 10"/>
                    <a:gd name="T28" fmla="*/ 0 w 8"/>
                    <a:gd name="T29" fmla="*/ 8 h 10"/>
                    <a:gd name="T30" fmla="*/ 0 w 8"/>
                    <a:gd name="T31" fmla="*/ 7 h 10"/>
                    <a:gd name="T32" fmla="*/ 0 w 8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10"/>
                    <a:gd name="T53" fmla="*/ 8 w 8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10">
                      <a:moveTo>
                        <a:pt x="0" y="5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2"/>
                      </a:lnTo>
                      <a:lnTo>
                        <a:pt x="7" y="3"/>
                      </a:lnTo>
                      <a:lnTo>
                        <a:pt x="8" y="5"/>
                      </a:lnTo>
                      <a:lnTo>
                        <a:pt x="7" y="7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29" name="Freeform 90"/>
                <p:cNvSpPr>
                  <a:spLocks/>
                </p:cNvSpPr>
                <p:nvPr/>
              </p:nvSpPr>
              <p:spPr bwMode="auto">
                <a:xfrm>
                  <a:off x="1126" y="3351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5 h 10"/>
                    <a:gd name="T4" fmla="*/ 0 w 8"/>
                    <a:gd name="T5" fmla="*/ 3 h 10"/>
                    <a:gd name="T6" fmla="*/ 0 w 8"/>
                    <a:gd name="T7" fmla="*/ 2 h 10"/>
                    <a:gd name="T8" fmla="*/ 2 w 8"/>
                    <a:gd name="T9" fmla="*/ 0 h 10"/>
                    <a:gd name="T10" fmla="*/ 3 w 8"/>
                    <a:gd name="T11" fmla="*/ 0 h 10"/>
                    <a:gd name="T12" fmla="*/ 3 w 8"/>
                    <a:gd name="T13" fmla="*/ 0 h 10"/>
                    <a:gd name="T14" fmla="*/ 5 w 8"/>
                    <a:gd name="T15" fmla="*/ 0 h 10"/>
                    <a:gd name="T16" fmla="*/ 7 w 8"/>
                    <a:gd name="T17" fmla="*/ 2 h 10"/>
                    <a:gd name="T18" fmla="*/ 7 w 8"/>
                    <a:gd name="T19" fmla="*/ 3 h 10"/>
                    <a:gd name="T20" fmla="*/ 8 w 8"/>
                    <a:gd name="T21" fmla="*/ 5 h 10"/>
                    <a:gd name="T22" fmla="*/ 8 w 8"/>
                    <a:gd name="T23" fmla="*/ 5 h 10"/>
                    <a:gd name="T24" fmla="*/ 7 w 8"/>
                    <a:gd name="T25" fmla="*/ 7 h 10"/>
                    <a:gd name="T26" fmla="*/ 7 w 8"/>
                    <a:gd name="T27" fmla="*/ 8 h 10"/>
                    <a:gd name="T28" fmla="*/ 5 w 8"/>
                    <a:gd name="T29" fmla="*/ 10 h 10"/>
                    <a:gd name="T30" fmla="*/ 3 w 8"/>
                    <a:gd name="T31" fmla="*/ 10 h 10"/>
                    <a:gd name="T32" fmla="*/ 3 w 8"/>
                    <a:gd name="T33" fmla="*/ 10 h 10"/>
                    <a:gd name="T34" fmla="*/ 2 w 8"/>
                    <a:gd name="T35" fmla="*/ 10 h 10"/>
                    <a:gd name="T36" fmla="*/ 0 w 8"/>
                    <a:gd name="T37" fmla="*/ 8 h 10"/>
                    <a:gd name="T38" fmla="*/ 0 w 8"/>
                    <a:gd name="T39" fmla="*/ 7 h 10"/>
                    <a:gd name="T40" fmla="*/ 0 w 8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10"/>
                    <a:gd name="T65" fmla="*/ 8 w 8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2"/>
                      </a:lnTo>
                      <a:lnTo>
                        <a:pt x="7" y="3"/>
                      </a:lnTo>
                      <a:lnTo>
                        <a:pt x="8" y="5"/>
                      </a:lnTo>
                      <a:lnTo>
                        <a:pt x="7" y="7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30" name="Freeform 91"/>
                <p:cNvSpPr>
                  <a:spLocks/>
                </p:cNvSpPr>
                <p:nvPr/>
              </p:nvSpPr>
              <p:spPr bwMode="auto">
                <a:xfrm>
                  <a:off x="1138" y="3351"/>
                  <a:ext cx="10" cy="10"/>
                </a:xfrm>
                <a:custGeom>
                  <a:avLst/>
                  <a:gdLst>
                    <a:gd name="T0" fmla="*/ 0 w 10"/>
                    <a:gd name="T1" fmla="*/ 5 h 10"/>
                    <a:gd name="T2" fmla="*/ 0 w 10"/>
                    <a:gd name="T3" fmla="*/ 2 h 10"/>
                    <a:gd name="T4" fmla="*/ 2 w 10"/>
                    <a:gd name="T5" fmla="*/ 0 h 10"/>
                    <a:gd name="T6" fmla="*/ 3 w 10"/>
                    <a:gd name="T7" fmla="*/ 0 h 10"/>
                    <a:gd name="T8" fmla="*/ 5 w 10"/>
                    <a:gd name="T9" fmla="*/ 0 h 10"/>
                    <a:gd name="T10" fmla="*/ 7 w 10"/>
                    <a:gd name="T11" fmla="*/ 0 h 10"/>
                    <a:gd name="T12" fmla="*/ 8 w 10"/>
                    <a:gd name="T13" fmla="*/ 0 h 10"/>
                    <a:gd name="T14" fmla="*/ 8 w 10"/>
                    <a:gd name="T15" fmla="*/ 2 h 10"/>
                    <a:gd name="T16" fmla="*/ 10 w 10"/>
                    <a:gd name="T17" fmla="*/ 5 h 10"/>
                    <a:gd name="T18" fmla="*/ 8 w 10"/>
                    <a:gd name="T19" fmla="*/ 7 h 10"/>
                    <a:gd name="T20" fmla="*/ 8 w 10"/>
                    <a:gd name="T21" fmla="*/ 8 h 10"/>
                    <a:gd name="T22" fmla="*/ 7 w 10"/>
                    <a:gd name="T23" fmla="*/ 10 h 10"/>
                    <a:gd name="T24" fmla="*/ 5 w 10"/>
                    <a:gd name="T25" fmla="*/ 10 h 10"/>
                    <a:gd name="T26" fmla="*/ 3 w 10"/>
                    <a:gd name="T27" fmla="*/ 10 h 10"/>
                    <a:gd name="T28" fmla="*/ 2 w 10"/>
                    <a:gd name="T29" fmla="*/ 8 h 10"/>
                    <a:gd name="T30" fmla="*/ 0 w 10"/>
                    <a:gd name="T31" fmla="*/ 7 h 10"/>
                    <a:gd name="T32" fmla="*/ 0 w 10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0"/>
                    <a:gd name="T52" fmla="*/ 0 h 10"/>
                    <a:gd name="T53" fmla="*/ 10 w 10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0" h="10">
                      <a:moveTo>
                        <a:pt x="0" y="5"/>
                      </a:moveTo>
                      <a:lnTo>
                        <a:pt x="0" y="2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8" y="0"/>
                      </a:lnTo>
                      <a:lnTo>
                        <a:pt x="8" y="2"/>
                      </a:lnTo>
                      <a:lnTo>
                        <a:pt x="10" y="5"/>
                      </a:lnTo>
                      <a:lnTo>
                        <a:pt x="8" y="7"/>
                      </a:lnTo>
                      <a:lnTo>
                        <a:pt x="8" y="8"/>
                      </a:lnTo>
                      <a:lnTo>
                        <a:pt x="7" y="10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8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31" name="Freeform 92"/>
                <p:cNvSpPr>
                  <a:spLocks/>
                </p:cNvSpPr>
                <p:nvPr/>
              </p:nvSpPr>
              <p:spPr bwMode="auto">
                <a:xfrm>
                  <a:off x="1138" y="3351"/>
                  <a:ext cx="10" cy="10"/>
                </a:xfrm>
                <a:custGeom>
                  <a:avLst/>
                  <a:gdLst>
                    <a:gd name="T0" fmla="*/ 0 w 10"/>
                    <a:gd name="T1" fmla="*/ 5 h 10"/>
                    <a:gd name="T2" fmla="*/ 0 w 10"/>
                    <a:gd name="T3" fmla="*/ 5 h 10"/>
                    <a:gd name="T4" fmla="*/ 0 w 10"/>
                    <a:gd name="T5" fmla="*/ 2 h 10"/>
                    <a:gd name="T6" fmla="*/ 2 w 10"/>
                    <a:gd name="T7" fmla="*/ 0 h 10"/>
                    <a:gd name="T8" fmla="*/ 3 w 10"/>
                    <a:gd name="T9" fmla="*/ 0 h 10"/>
                    <a:gd name="T10" fmla="*/ 5 w 10"/>
                    <a:gd name="T11" fmla="*/ 0 h 10"/>
                    <a:gd name="T12" fmla="*/ 5 w 10"/>
                    <a:gd name="T13" fmla="*/ 0 h 10"/>
                    <a:gd name="T14" fmla="*/ 7 w 10"/>
                    <a:gd name="T15" fmla="*/ 0 h 10"/>
                    <a:gd name="T16" fmla="*/ 8 w 10"/>
                    <a:gd name="T17" fmla="*/ 0 h 10"/>
                    <a:gd name="T18" fmla="*/ 8 w 10"/>
                    <a:gd name="T19" fmla="*/ 2 h 10"/>
                    <a:gd name="T20" fmla="*/ 10 w 10"/>
                    <a:gd name="T21" fmla="*/ 5 h 10"/>
                    <a:gd name="T22" fmla="*/ 10 w 10"/>
                    <a:gd name="T23" fmla="*/ 5 h 10"/>
                    <a:gd name="T24" fmla="*/ 8 w 10"/>
                    <a:gd name="T25" fmla="*/ 7 h 10"/>
                    <a:gd name="T26" fmla="*/ 8 w 10"/>
                    <a:gd name="T27" fmla="*/ 8 h 10"/>
                    <a:gd name="T28" fmla="*/ 7 w 10"/>
                    <a:gd name="T29" fmla="*/ 10 h 10"/>
                    <a:gd name="T30" fmla="*/ 5 w 10"/>
                    <a:gd name="T31" fmla="*/ 10 h 10"/>
                    <a:gd name="T32" fmla="*/ 5 w 10"/>
                    <a:gd name="T33" fmla="*/ 10 h 10"/>
                    <a:gd name="T34" fmla="*/ 3 w 10"/>
                    <a:gd name="T35" fmla="*/ 10 h 10"/>
                    <a:gd name="T36" fmla="*/ 2 w 10"/>
                    <a:gd name="T37" fmla="*/ 8 h 10"/>
                    <a:gd name="T38" fmla="*/ 0 w 10"/>
                    <a:gd name="T39" fmla="*/ 7 h 10"/>
                    <a:gd name="T40" fmla="*/ 0 w 10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0"/>
                    <a:gd name="T64" fmla="*/ 0 h 10"/>
                    <a:gd name="T65" fmla="*/ 10 w 10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0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2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8" y="0"/>
                      </a:lnTo>
                      <a:lnTo>
                        <a:pt x="8" y="2"/>
                      </a:lnTo>
                      <a:lnTo>
                        <a:pt x="10" y="5"/>
                      </a:lnTo>
                      <a:lnTo>
                        <a:pt x="8" y="7"/>
                      </a:lnTo>
                      <a:lnTo>
                        <a:pt x="8" y="8"/>
                      </a:lnTo>
                      <a:lnTo>
                        <a:pt x="7" y="10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8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32" name="Freeform 93"/>
                <p:cNvSpPr>
                  <a:spLocks/>
                </p:cNvSpPr>
                <p:nvPr/>
              </p:nvSpPr>
              <p:spPr bwMode="auto">
                <a:xfrm>
                  <a:off x="828" y="3395"/>
                  <a:ext cx="36" cy="29"/>
                </a:xfrm>
                <a:custGeom>
                  <a:avLst/>
                  <a:gdLst>
                    <a:gd name="T0" fmla="*/ 32 w 36"/>
                    <a:gd name="T1" fmla="*/ 0 h 29"/>
                    <a:gd name="T2" fmla="*/ 22 w 36"/>
                    <a:gd name="T3" fmla="*/ 2 h 29"/>
                    <a:gd name="T4" fmla="*/ 15 w 36"/>
                    <a:gd name="T5" fmla="*/ 5 h 29"/>
                    <a:gd name="T6" fmla="*/ 17 w 36"/>
                    <a:gd name="T7" fmla="*/ 12 h 29"/>
                    <a:gd name="T8" fmla="*/ 12 w 36"/>
                    <a:gd name="T9" fmla="*/ 17 h 29"/>
                    <a:gd name="T10" fmla="*/ 5 w 36"/>
                    <a:gd name="T11" fmla="*/ 8 h 29"/>
                    <a:gd name="T12" fmla="*/ 0 w 36"/>
                    <a:gd name="T13" fmla="*/ 19 h 29"/>
                    <a:gd name="T14" fmla="*/ 5 w 36"/>
                    <a:gd name="T15" fmla="*/ 29 h 29"/>
                    <a:gd name="T16" fmla="*/ 19 w 36"/>
                    <a:gd name="T17" fmla="*/ 22 h 29"/>
                    <a:gd name="T18" fmla="*/ 27 w 36"/>
                    <a:gd name="T19" fmla="*/ 12 h 29"/>
                    <a:gd name="T20" fmla="*/ 36 w 36"/>
                    <a:gd name="T21" fmla="*/ 12 h 29"/>
                    <a:gd name="T22" fmla="*/ 34 w 36"/>
                    <a:gd name="T23" fmla="*/ 5 h 29"/>
                    <a:gd name="T24" fmla="*/ 32 w 36"/>
                    <a:gd name="T25" fmla="*/ 0 h 29"/>
                    <a:gd name="T26" fmla="*/ 0 60000 65536"/>
                    <a:gd name="T27" fmla="*/ 0 60000 65536"/>
                    <a:gd name="T28" fmla="*/ 0 60000 65536"/>
                    <a:gd name="T29" fmla="*/ 0 60000 65536"/>
                    <a:gd name="T30" fmla="*/ 0 60000 65536"/>
                    <a:gd name="T31" fmla="*/ 0 60000 65536"/>
                    <a:gd name="T32" fmla="*/ 0 60000 65536"/>
                    <a:gd name="T33" fmla="*/ 0 60000 65536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w 36"/>
                    <a:gd name="T40" fmla="*/ 0 h 29"/>
                    <a:gd name="T41" fmla="*/ 36 w 36"/>
                    <a:gd name="T42" fmla="*/ 29 h 29"/>
                  </a:gdLst>
                  <a:ahLst/>
                  <a:cxnLst>
                    <a:cxn ang="T26">
                      <a:pos x="T0" y="T1"/>
                    </a:cxn>
                    <a:cxn ang="T27">
                      <a:pos x="T2" y="T3"/>
                    </a:cxn>
                    <a:cxn ang="T28">
                      <a:pos x="T4" y="T5"/>
                    </a:cxn>
                    <a:cxn ang="T29">
                      <a:pos x="T6" y="T7"/>
                    </a:cxn>
                    <a:cxn ang="T30">
                      <a:pos x="T8" y="T9"/>
                    </a:cxn>
                    <a:cxn ang="T31">
                      <a:pos x="T10" y="T11"/>
                    </a:cxn>
                    <a:cxn ang="T32">
                      <a:pos x="T12" y="T13"/>
                    </a:cxn>
                    <a:cxn ang="T33">
                      <a:pos x="T14" y="T15"/>
                    </a:cxn>
                    <a:cxn ang="T34">
                      <a:pos x="T16" y="T17"/>
                    </a:cxn>
                    <a:cxn ang="T35">
                      <a:pos x="T18" y="T19"/>
                    </a:cxn>
                    <a:cxn ang="T36">
                      <a:pos x="T20" y="T21"/>
                    </a:cxn>
                    <a:cxn ang="T37">
                      <a:pos x="T22" y="T23"/>
                    </a:cxn>
                    <a:cxn ang="T38">
                      <a:pos x="T24" y="T25"/>
                    </a:cxn>
                  </a:cxnLst>
                  <a:rect l="T39" t="T40" r="T41" b="T42"/>
                  <a:pathLst>
                    <a:path w="36" h="29">
                      <a:moveTo>
                        <a:pt x="32" y="0"/>
                      </a:moveTo>
                      <a:lnTo>
                        <a:pt x="22" y="2"/>
                      </a:lnTo>
                      <a:lnTo>
                        <a:pt x="15" y="5"/>
                      </a:lnTo>
                      <a:lnTo>
                        <a:pt x="17" y="12"/>
                      </a:lnTo>
                      <a:lnTo>
                        <a:pt x="12" y="17"/>
                      </a:lnTo>
                      <a:lnTo>
                        <a:pt x="5" y="8"/>
                      </a:lnTo>
                      <a:lnTo>
                        <a:pt x="0" y="19"/>
                      </a:lnTo>
                      <a:lnTo>
                        <a:pt x="5" y="29"/>
                      </a:lnTo>
                      <a:lnTo>
                        <a:pt x="19" y="22"/>
                      </a:lnTo>
                      <a:lnTo>
                        <a:pt x="27" y="12"/>
                      </a:lnTo>
                      <a:lnTo>
                        <a:pt x="36" y="12"/>
                      </a:lnTo>
                      <a:lnTo>
                        <a:pt x="34" y="5"/>
                      </a:lnTo>
                      <a:lnTo>
                        <a:pt x="32" y="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33" name="Freeform 94"/>
                <p:cNvSpPr>
                  <a:spLocks/>
                </p:cNvSpPr>
                <p:nvPr/>
              </p:nvSpPr>
              <p:spPr bwMode="auto">
                <a:xfrm>
                  <a:off x="828" y="3395"/>
                  <a:ext cx="36" cy="29"/>
                </a:xfrm>
                <a:custGeom>
                  <a:avLst/>
                  <a:gdLst>
                    <a:gd name="T0" fmla="*/ 32 w 36"/>
                    <a:gd name="T1" fmla="*/ 0 h 29"/>
                    <a:gd name="T2" fmla="*/ 22 w 36"/>
                    <a:gd name="T3" fmla="*/ 2 h 29"/>
                    <a:gd name="T4" fmla="*/ 15 w 36"/>
                    <a:gd name="T5" fmla="*/ 5 h 29"/>
                    <a:gd name="T6" fmla="*/ 17 w 36"/>
                    <a:gd name="T7" fmla="*/ 12 h 29"/>
                    <a:gd name="T8" fmla="*/ 12 w 36"/>
                    <a:gd name="T9" fmla="*/ 17 h 29"/>
                    <a:gd name="T10" fmla="*/ 5 w 36"/>
                    <a:gd name="T11" fmla="*/ 8 h 29"/>
                    <a:gd name="T12" fmla="*/ 0 w 36"/>
                    <a:gd name="T13" fmla="*/ 19 h 29"/>
                    <a:gd name="T14" fmla="*/ 5 w 36"/>
                    <a:gd name="T15" fmla="*/ 29 h 29"/>
                    <a:gd name="T16" fmla="*/ 19 w 36"/>
                    <a:gd name="T17" fmla="*/ 22 h 29"/>
                    <a:gd name="T18" fmla="*/ 27 w 36"/>
                    <a:gd name="T19" fmla="*/ 12 h 29"/>
                    <a:gd name="T20" fmla="*/ 36 w 36"/>
                    <a:gd name="T21" fmla="*/ 12 h 29"/>
                    <a:gd name="T22" fmla="*/ 34 w 36"/>
                    <a:gd name="T23" fmla="*/ 5 h 29"/>
                    <a:gd name="T24" fmla="*/ 32 w 36"/>
                    <a:gd name="T25" fmla="*/ 0 h 29"/>
                    <a:gd name="T26" fmla="*/ 0 60000 65536"/>
                    <a:gd name="T27" fmla="*/ 0 60000 65536"/>
                    <a:gd name="T28" fmla="*/ 0 60000 65536"/>
                    <a:gd name="T29" fmla="*/ 0 60000 65536"/>
                    <a:gd name="T30" fmla="*/ 0 60000 65536"/>
                    <a:gd name="T31" fmla="*/ 0 60000 65536"/>
                    <a:gd name="T32" fmla="*/ 0 60000 65536"/>
                    <a:gd name="T33" fmla="*/ 0 60000 65536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w 36"/>
                    <a:gd name="T40" fmla="*/ 0 h 29"/>
                    <a:gd name="T41" fmla="*/ 36 w 36"/>
                    <a:gd name="T42" fmla="*/ 29 h 29"/>
                  </a:gdLst>
                  <a:ahLst/>
                  <a:cxnLst>
                    <a:cxn ang="T26">
                      <a:pos x="T0" y="T1"/>
                    </a:cxn>
                    <a:cxn ang="T27">
                      <a:pos x="T2" y="T3"/>
                    </a:cxn>
                    <a:cxn ang="T28">
                      <a:pos x="T4" y="T5"/>
                    </a:cxn>
                    <a:cxn ang="T29">
                      <a:pos x="T6" y="T7"/>
                    </a:cxn>
                    <a:cxn ang="T30">
                      <a:pos x="T8" y="T9"/>
                    </a:cxn>
                    <a:cxn ang="T31">
                      <a:pos x="T10" y="T11"/>
                    </a:cxn>
                    <a:cxn ang="T32">
                      <a:pos x="T12" y="T13"/>
                    </a:cxn>
                    <a:cxn ang="T33">
                      <a:pos x="T14" y="T15"/>
                    </a:cxn>
                    <a:cxn ang="T34">
                      <a:pos x="T16" y="T17"/>
                    </a:cxn>
                    <a:cxn ang="T35">
                      <a:pos x="T18" y="T19"/>
                    </a:cxn>
                    <a:cxn ang="T36">
                      <a:pos x="T20" y="T21"/>
                    </a:cxn>
                    <a:cxn ang="T37">
                      <a:pos x="T22" y="T23"/>
                    </a:cxn>
                    <a:cxn ang="T38">
                      <a:pos x="T24" y="T25"/>
                    </a:cxn>
                  </a:cxnLst>
                  <a:rect l="T39" t="T40" r="T41" b="T42"/>
                  <a:pathLst>
                    <a:path w="36" h="29">
                      <a:moveTo>
                        <a:pt x="32" y="0"/>
                      </a:moveTo>
                      <a:lnTo>
                        <a:pt x="22" y="2"/>
                      </a:lnTo>
                      <a:lnTo>
                        <a:pt x="15" y="5"/>
                      </a:lnTo>
                      <a:lnTo>
                        <a:pt x="17" y="12"/>
                      </a:lnTo>
                      <a:lnTo>
                        <a:pt x="12" y="17"/>
                      </a:lnTo>
                      <a:lnTo>
                        <a:pt x="5" y="8"/>
                      </a:lnTo>
                      <a:lnTo>
                        <a:pt x="0" y="19"/>
                      </a:lnTo>
                      <a:lnTo>
                        <a:pt x="5" y="29"/>
                      </a:lnTo>
                      <a:lnTo>
                        <a:pt x="19" y="22"/>
                      </a:lnTo>
                      <a:lnTo>
                        <a:pt x="27" y="12"/>
                      </a:lnTo>
                      <a:lnTo>
                        <a:pt x="36" y="12"/>
                      </a:lnTo>
                      <a:lnTo>
                        <a:pt x="34" y="5"/>
                      </a:lnTo>
                      <a:lnTo>
                        <a:pt x="32" y="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34" name="Freeform 95"/>
                <p:cNvSpPr>
                  <a:spLocks/>
                </p:cNvSpPr>
                <p:nvPr/>
              </p:nvSpPr>
              <p:spPr bwMode="auto">
                <a:xfrm>
                  <a:off x="627" y="3507"/>
                  <a:ext cx="20" cy="15"/>
                </a:xfrm>
                <a:custGeom>
                  <a:avLst/>
                  <a:gdLst>
                    <a:gd name="T0" fmla="*/ 8 w 20"/>
                    <a:gd name="T1" fmla="*/ 3 h 15"/>
                    <a:gd name="T2" fmla="*/ 15 w 20"/>
                    <a:gd name="T3" fmla="*/ 0 h 15"/>
                    <a:gd name="T4" fmla="*/ 20 w 20"/>
                    <a:gd name="T5" fmla="*/ 8 h 15"/>
                    <a:gd name="T6" fmla="*/ 7 w 20"/>
                    <a:gd name="T7" fmla="*/ 15 h 15"/>
                    <a:gd name="T8" fmla="*/ 0 w 20"/>
                    <a:gd name="T9" fmla="*/ 15 h 15"/>
                    <a:gd name="T10" fmla="*/ 5 w 20"/>
                    <a:gd name="T11" fmla="*/ 10 h 15"/>
                    <a:gd name="T12" fmla="*/ 13 w 20"/>
                    <a:gd name="T13" fmla="*/ 8 h 15"/>
                    <a:gd name="T14" fmla="*/ 8 w 20"/>
                    <a:gd name="T15" fmla="*/ 3 h 15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w 20"/>
                    <a:gd name="T25" fmla="*/ 0 h 15"/>
                    <a:gd name="T26" fmla="*/ 20 w 20"/>
                    <a:gd name="T27" fmla="*/ 15 h 15"/>
                  </a:gdLst>
                  <a:ahLst/>
                  <a:cxnLst>
                    <a:cxn ang="T16">
                      <a:pos x="T0" y="T1"/>
                    </a:cxn>
                    <a:cxn ang="T17">
                      <a:pos x="T2" y="T3"/>
                    </a:cxn>
                    <a:cxn ang="T18">
                      <a:pos x="T4" y="T5"/>
                    </a:cxn>
                    <a:cxn ang="T19">
                      <a:pos x="T6" y="T7"/>
                    </a:cxn>
                    <a:cxn ang="T20">
                      <a:pos x="T8" y="T9"/>
                    </a:cxn>
                    <a:cxn ang="T21">
                      <a:pos x="T10" y="T11"/>
                    </a:cxn>
                    <a:cxn ang="T22">
                      <a:pos x="T12" y="T13"/>
                    </a:cxn>
                    <a:cxn ang="T23">
                      <a:pos x="T14" y="T15"/>
                    </a:cxn>
                  </a:cxnLst>
                  <a:rect l="T24" t="T25" r="T26" b="T27"/>
                  <a:pathLst>
                    <a:path w="20" h="15">
                      <a:moveTo>
                        <a:pt x="8" y="3"/>
                      </a:moveTo>
                      <a:lnTo>
                        <a:pt x="15" y="0"/>
                      </a:lnTo>
                      <a:lnTo>
                        <a:pt x="20" y="8"/>
                      </a:lnTo>
                      <a:lnTo>
                        <a:pt x="7" y="15"/>
                      </a:lnTo>
                      <a:lnTo>
                        <a:pt x="0" y="15"/>
                      </a:lnTo>
                      <a:lnTo>
                        <a:pt x="5" y="10"/>
                      </a:lnTo>
                      <a:lnTo>
                        <a:pt x="13" y="8"/>
                      </a:lnTo>
                      <a:lnTo>
                        <a:pt x="8" y="3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35" name="Freeform 96"/>
                <p:cNvSpPr>
                  <a:spLocks/>
                </p:cNvSpPr>
                <p:nvPr/>
              </p:nvSpPr>
              <p:spPr bwMode="auto">
                <a:xfrm>
                  <a:off x="627" y="3507"/>
                  <a:ext cx="20" cy="15"/>
                </a:xfrm>
                <a:custGeom>
                  <a:avLst/>
                  <a:gdLst>
                    <a:gd name="T0" fmla="*/ 8 w 20"/>
                    <a:gd name="T1" fmla="*/ 3 h 15"/>
                    <a:gd name="T2" fmla="*/ 15 w 20"/>
                    <a:gd name="T3" fmla="*/ 0 h 15"/>
                    <a:gd name="T4" fmla="*/ 20 w 20"/>
                    <a:gd name="T5" fmla="*/ 8 h 15"/>
                    <a:gd name="T6" fmla="*/ 7 w 20"/>
                    <a:gd name="T7" fmla="*/ 15 h 15"/>
                    <a:gd name="T8" fmla="*/ 0 w 20"/>
                    <a:gd name="T9" fmla="*/ 15 h 15"/>
                    <a:gd name="T10" fmla="*/ 5 w 20"/>
                    <a:gd name="T11" fmla="*/ 10 h 15"/>
                    <a:gd name="T12" fmla="*/ 13 w 20"/>
                    <a:gd name="T13" fmla="*/ 8 h 15"/>
                    <a:gd name="T14" fmla="*/ 8 w 20"/>
                    <a:gd name="T15" fmla="*/ 3 h 15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w 20"/>
                    <a:gd name="T25" fmla="*/ 0 h 15"/>
                    <a:gd name="T26" fmla="*/ 20 w 20"/>
                    <a:gd name="T27" fmla="*/ 15 h 15"/>
                  </a:gdLst>
                  <a:ahLst/>
                  <a:cxnLst>
                    <a:cxn ang="T16">
                      <a:pos x="T0" y="T1"/>
                    </a:cxn>
                    <a:cxn ang="T17">
                      <a:pos x="T2" y="T3"/>
                    </a:cxn>
                    <a:cxn ang="T18">
                      <a:pos x="T4" y="T5"/>
                    </a:cxn>
                    <a:cxn ang="T19">
                      <a:pos x="T6" y="T7"/>
                    </a:cxn>
                    <a:cxn ang="T20">
                      <a:pos x="T8" y="T9"/>
                    </a:cxn>
                    <a:cxn ang="T21">
                      <a:pos x="T10" y="T11"/>
                    </a:cxn>
                    <a:cxn ang="T22">
                      <a:pos x="T12" y="T13"/>
                    </a:cxn>
                    <a:cxn ang="T23">
                      <a:pos x="T14" y="T15"/>
                    </a:cxn>
                  </a:cxnLst>
                  <a:rect l="T24" t="T25" r="T26" b="T27"/>
                  <a:pathLst>
                    <a:path w="20" h="15">
                      <a:moveTo>
                        <a:pt x="8" y="3"/>
                      </a:moveTo>
                      <a:lnTo>
                        <a:pt x="15" y="0"/>
                      </a:lnTo>
                      <a:lnTo>
                        <a:pt x="20" y="8"/>
                      </a:lnTo>
                      <a:lnTo>
                        <a:pt x="7" y="15"/>
                      </a:lnTo>
                      <a:lnTo>
                        <a:pt x="0" y="15"/>
                      </a:lnTo>
                      <a:lnTo>
                        <a:pt x="5" y="10"/>
                      </a:lnTo>
                      <a:lnTo>
                        <a:pt x="13" y="8"/>
                      </a:lnTo>
                      <a:lnTo>
                        <a:pt x="8" y="3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36" name="Freeform 97"/>
                <p:cNvSpPr>
                  <a:spLocks/>
                </p:cNvSpPr>
                <p:nvPr/>
              </p:nvSpPr>
              <p:spPr bwMode="auto">
                <a:xfrm>
                  <a:off x="600" y="3513"/>
                  <a:ext cx="23" cy="19"/>
                </a:xfrm>
                <a:custGeom>
                  <a:avLst/>
                  <a:gdLst>
                    <a:gd name="T0" fmla="*/ 0 w 23"/>
                    <a:gd name="T1" fmla="*/ 19 h 19"/>
                    <a:gd name="T2" fmla="*/ 0 w 23"/>
                    <a:gd name="T3" fmla="*/ 17 h 19"/>
                    <a:gd name="T4" fmla="*/ 0 w 23"/>
                    <a:gd name="T5" fmla="*/ 17 h 19"/>
                    <a:gd name="T6" fmla="*/ 1 w 23"/>
                    <a:gd name="T7" fmla="*/ 16 h 19"/>
                    <a:gd name="T8" fmla="*/ 1 w 23"/>
                    <a:gd name="T9" fmla="*/ 14 h 19"/>
                    <a:gd name="T10" fmla="*/ 3 w 23"/>
                    <a:gd name="T11" fmla="*/ 12 h 19"/>
                    <a:gd name="T12" fmla="*/ 5 w 23"/>
                    <a:gd name="T13" fmla="*/ 11 h 19"/>
                    <a:gd name="T14" fmla="*/ 6 w 23"/>
                    <a:gd name="T15" fmla="*/ 9 h 19"/>
                    <a:gd name="T16" fmla="*/ 8 w 23"/>
                    <a:gd name="T17" fmla="*/ 5 h 19"/>
                    <a:gd name="T18" fmla="*/ 12 w 23"/>
                    <a:gd name="T19" fmla="*/ 4 h 19"/>
                    <a:gd name="T20" fmla="*/ 13 w 23"/>
                    <a:gd name="T21" fmla="*/ 4 h 19"/>
                    <a:gd name="T22" fmla="*/ 15 w 23"/>
                    <a:gd name="T23" fmla="*/ 2 h 19"/>
                    <a:gd name="T24" fmla="*/ 18 w 23"/>
                    <a:gd name="T25" fmla="*/ 0 h 19"/>
                    <a:gd name="T26" fmla="*/ 18 w 23"/>
                    <a:gd name="T27" fmla="*/ 0 h 19"/>
                    <a:gd name="T28" fmla="*/ 20 w 23"/>
                    <a:gd name="T29" fmla="*/ 0 h 19"/>
                    <a:gd name="T30" fmla="*/ 22 w 23"/>
                    <a:gd name="T31" fmla="*/ 0 h 19"/>
                    <a:gd name="T32" fmla="*/ 22 w 23"/>
                    <a:gd name="T33" fmla="*/ 0 h 19"/>
                    <a:gd name="T34" fmla="*/ 23 w 23"/>
                    <a:gd name="T35" fmla="*/ 2 h 19"/>
                    <a:gd name="T36" fmla="*/ 22 w 23"/>
                    <a:gd name="T37" fmla="*/ 4 h 19"/>
                    <a:gd name="T38" fmla="*/ 22 w 23"/>
                    <a:gd name="T39" fmla="*/ 4 h 19"/>
                    <a:gd name="T40" fmla="*/ 20 w 23"/>
                    <a:gd name="T41" fmla="*/ 5 h 19"/>
                    <a:gd name="T42" fmla="*/ 20 w 23"/>
                    <a:gd name="T43" fmla="*/ 7 h 19"/>
                    <a:gd name="T44" fmla="*/ 18 w 23"/>
                    <a:gd name="T45" fmla="*/ 9 h 19"/>
                    <a:gd name="T46" fmla="*/ 17 w 23"/>
                    <a:gd name="T47" fmla="*/ 11 h 19"/>
                    <a:gd name="T48" fmla="*/ 13 w 23"/>
                    <a:gd name="T49" fmla="*/ 12 h 19"/>
                    <a:gd name="T50" fmla="*/ 12 w 23"/>
                    <a:gd name="T51" fmla="*/ 14 h 19"/>
                    <a:gd name="T52" fmla="*/ 10 w 23"/>
                    <a:gd name="T53" fmla="*/ 16 h 19"/>
                    <a:gd name="T54" fmla="*/ 6 w 23"/>
                    <a:gd name="T55" fmla="*/ 17 h 19"/>
                    <a:gd name="T56" fmla="*/ 5 w 23"/>
                    <a:gd name="T57" fmla="*/ 17 h 19"/>
                    <a:gd name="T58" fmla="*/ 3 w 23"/>
                    <a:gd name="T59" fmla="*/ 19 h 19"/>
                    <a:gd name="T60" fmla="*/ 1 w 23"/>
                    <a:gd name="T61" fmla="*/ 19 h 19"/>
                    <a:gd name="T62" fmla="*/ 1 w 23"/>
                    <a:gd name="T63" fmla="*/ 19 h 19"/>
                    <a:gd name="T64" fmla="*/ 0 w 23"/>
                    <a:gd name="T65" fmla="*/ 19 h 19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w 23"/>
                    <a:gd name="T100" fmla="*/ 0 h 19"/>
                    <a:gd name="T101" fmla="*/ 23 w 23"/>
                    <a:gd name="T102" fmla="*/ 19 h 19"/>
                  </a:gdLst>
                  <a:ahLst/>
                  <a:cxnLst>
                    <a:cxn ang="T66">
                      <a:pos x="T0" y="T1"/>
                    </a:cxn>
                    <a:cxn ang="T67">
                      <a:pos x="T2" y="T3"/>
                    </a:cxn>
                    <a:cxn ang="T68">
                      <a:pos x="T4" y="T5"/>
                    </a:cxn>
                    <a:cxn ang="T69">
                      <a:pos x="T6" y="T7"/>
                    </a:cxn>
                    <a:cxn ang="T70">
                      <a:pos x="T8" y="T9"/>
                    </a:cxn>
                    <a:cxn ang="T71">
                      <a:pos x="T10" y="T11"/>
                    </a:cxn>
                    <a:cxn ang="T72">
                      <a:pos x="T12" y="T13"/>
                    </a:cxn>
                    <a:cxn ang="T73">
                      <a:pos x="T14" y="T15"/>
                    </a:cxn>
                    <a:cxn ang="T74">
                      <a:pos x="T16" y="T17"/>
                    </a:cxn>
                    <a:cxn ang="T75">
                      <a:pos x="T18" y="T19"/>
                    </a:cxn>
                    <a:cxn ang="T76">
                      <a:pos x="T20" y="T21"/>
                    </a:cxn>
                    <a:cxn ang="T77">
                      <a:pos x="T22" y="T23"/>
                    </a:cxn>
                    <a:cxn ang="T78">
                      <a:pos x="T24" y="T25"/>
                    </a:cxn>
                    <a:cxn ang="T79">
                      <a:pos x="T26" y="T27"/>
                    </a:cxn>
                    <a:cxn ang="T80">
                      <a:pos x="T28" y="T29"/>
                    </a:cxn>
                    <a:cxn ang="T81">
                      <a:pos x="T30" y="T31"/>
                    </a:cxn>
                    <a:cxn ang="T82">
                      <a:pos x="T32" y="T33"/>
                    </a:cxn>
                    <a:cxn ang="T83">
                      <a:pos x="T34" y="T35"/>
                    </a:cxn>
                    <a:cxn ang="T84">
                      <a:pos x="T36" y="T37"/>
                    </a:cxn>
                    <a:cxn ang="T85">
                      <a:pos x="T38" y="T39"/>
                    </a:cxn>
                    <a:cxn ang="T86">
                      <a:pos x="T40" y="T41"/>
                    </a:cxn>
                    <a:cxn ang="T87">
                      <a:pos x="T42" y="T43"/>
                    </a:cxn>
                    <a:cxn ang="T88">
                      <a:pos x="T44" y="T45"/>
                    </a:cxn>
                    <a:cxn ang="T89">
                      <a:pos x="T46" y="T47"/>
                    </a:cxn>
                    <a:cxn ang="T90">
                      <a:pos x="T48" y="T49"/>
                    </a:cxn>
                    <a:cxn ang="T91">
                      <a:pos x="T50" y="T51"/>
                    </a:cxn>
                    <a:cxn ang="T92">
                      <a:pos x="T52" y="T53"/>
                    </a:cxn>
                    <a:cxn ang="T93">
                      <a:pos x="T54" y="T55"/>
                    </a:cxn>
                    <a:cxn ang="T94">
                      <a:pos x="T56" y="T57"/>
                    </a:cxn>
                    <a:cxn ang="T95">
                      <a:pos x="T58" y="T59"/>
                    </a:cxn>
                    <a:cxn ang="T96">
                      <a:pos x="T60" y="T61"/>
                    </a:cxn>
                    <a:cxn ang="T97">
                      <a:pos x="T62" y="T63"/>
                    </a:cxn>
                    <a:cxn ang="T98">
                      <a:pos x="T64" y="T65"/>
                    </a:cxn>
                  </a:cxnLst>
                  <a:rect l="T99" t="T100" r="T101" b="T102"/>
                  <a:pathLst>
                    <a:path w="23" h="19">
                      <a:moveTo>
                        <a:pt x="0" y="19"/>
                      </a:moveTo>
                      <a:lnTo>
                        <a:pt x="0" y="17"/>
                      </a:lnTo>
                      <a:lnTo>
                        <a:pt x="1" y="16"/>
                      </a:lnTo>
                      <a:lnTo>
                        <a:pt x="1" y="14"/>
                      </a:lnTo>
                      <a:lnTo>
                        <a:pt x="3" y="12"/>
                      </a:lnTo>
                      <a:lnTo>
                        <a:pt x="5" y="11"/>
                      </a:lnTo>
                      <a:lnTo>
                        <a:pt x="6" y="9"/>
                      </a:lnTo>
                      <a:lnTo>
                        <a:pt x="8" y="5"/>
                      </a:lnTo>
                      <a:lnTo>
                        <a:pt x="12" y="4"/>
                      </a:lnTo>
                      <a:lnTo>
                        <a:pt x="13" y="4"/>
                      </a:lnTo>
                      <a:lnTo>
                        <a:pt x="15" y="2"/>
                      </a:lnTo>
                      <a:lnTo>
                        <a:pt x="18" y="0"/>
                      </a:lnTo>
                      <a:lnTo>
                        <a:pt x="20" y="0"/>
                      </a:lnTo>
                      <a:lnTo>
                        <a:pt x="22" y="0"/>
                      </a:lnTo>
                      <a:lnTo>
                        <a:pt x="23" y="2"/>
                      </a:lnTo>
                      <a:lnTo>
                        <a:pt x="22" y="4"/>
                      </a:lnTo>
                      <a:lnTo>
                        <a:pt x="20" y="5"/>
                      </a:lnTo>
                      <a:lnTo>
                        <a:pt x="20" y="7"/>
                      </a:lnTo>
                      <a:lnTo>
                        <a:pt x="18" y="9"/>
                      </a:lnTo>
                      <a:lnTo>
                        <a:pt x="17" y="11"/>
                      </a:lnTo>
                      <a:lnTo>
                        <a:pt x="13" y="12"/>
                      </a:lnTo>
                      <a:lnTo>
                        <a:pt x="12" y="14"/>
                      </a:lnTo>
                      <a:lnTo>
                        <a:pt x="10" y="16"/>
                      </a:lnTo>
                      <a:lnTo>
                        <a:pt x="6" y="17"/>
                      </a:lnTo>
                      <a:lnTo>
                        <a:pt x="5" y="17"/>
                      </a:lnTo>
                      <a:lnTo>
                        <a:pt x="3" y="19"/>
                      </a:lnTo>
                      <a:lnTo>
                        <a:pt x="1" y="19"/>
                      </a:lnTo>
                      <a:lnTo>
                        <a:pt x="0" y="19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37" name="Freeform 98"/>
                <p:cNvSpPr>
                  <a:spLocks/>
                </p:cNvSpPr>
                <p:nvPr/>
              </p:nvSpPr>
              <p:spPr bwMode="auto">
                <a:xfrm>
                  <a:off x="600" y="3513"/>
                  <a:ext cx="23" cy="19"/>
                </a:xfrm>
                <a:custGeom>
                  <a:avLst/>
                  <a:gdLst>
                    <a:gd name="T0" fmla="*/ 0 w 23"/>
                    <a:gd name="T1" fmla="*/ 19 h 19"/>
                    <a:gd name="T2" fmla="*/ 0 w 23"/>
                    <a:gd name="T3" fmla="*/ 19 h 19"/>
                    <a:gd name="T4" fmla="*/ 0 w 23"/>
                    <a:gd name="T5" fmla="*/ 17 h 19"/>
                    <a:gd name="T6" fmla="*/ 0 w 23"/>
                    <a:gd name="T7" fmla="*/ 17 h 19"/>
                    <a:gd name="T8" fmla="*/ 1 w 23"/>
                    <a:gd name="T9" fmla="*/ 16 h 19"/>
                    <a:gd name="T10" fmla="*/ 1 w 23"/>
                    <a:gd name="T11" fmla="*/ 14 h 19"/>
                    <a:gd name="T12" fmla="*/ 3 w 23"/>
                    <a:gd name="T13" fmla="*/ 12 h 19"/>
                    <a:gd name="T14" fmla="*/ 5 w 23"/>
                    <a:gd name="T15" fmla="*/ 11 h 19"/>
                    <a:gd name="T16" fmla="*/ 6 w 23"/>
                    <a:gd name="T17" fmla="*/ 9 h 19"/>
                    <a:gd name="T18" fmla="*/ 8 w 23"/>
                    <a:gd name="T19" fmla="*/ 5 h 19"/>
                    <a:gd name="T20" fmla="*/ 8 w 23"/>
                    <a:gd name="T21" fmla="*/ 5 h 19"/>
                    <a:gd name="T22" fmla="*/ 12 w 23"/>
                    <a:gd name="T23" fmla="*/ 4 h 19"/>
                    <a:gd name="T24" fmla="*/ 13 w 23"/>
                    <a:gd name="T25" fmla="*/ 4 h 19"/>
                    <a:gd name="T26" fmla="*/ 15 w 23"/>
                    <a:gd name="T27" fmla="*/ 2 h 19"/>
                    <a:gd name="T28" fmla="*/ 18 w 23"/>
                    <a:gd name="T29" fmla="*/ 0 h 19"/>
                    <a:gd name="T30" fmla="*/ 18 w 23"/>
                    <a:gd name="T31" fmla="*/ 0 h 19"/>
                    <a:gd name="T32" fmla="*/ 20 w 23"/>
                    <a:gd name="T33" fmla="*/ 0 h 19"/>
                    <a:gd name="T34" fmla="*/ 22 w 23"/>
                    <a:gd name="T35" fmla="*/ 0 h 19"/>
                    <a:gd name="T36" fmla="*/ 22 w 23"/>
                    <a:gd name="T37" fmla="*/ 0 h 19"/>
                    <a:gd name="T38" fmla="*/ 22 w 23"/>
                    <a:gd name="T39" fmla="*/ 0 h 19"/>
                    <a:gd name="T40" fmla="*/ 23 w 23"/>
                    <a:gd name="T41" fmla="*/ 2 h 19"/>
                    <a:gd name="T42" fmla="*/ 22 w 23"/>
                    <a:gd name="T43" fmla="*/ 4 h 19"/>
                    <a:gd name="T44" fmla="*/ 22 w 23"/>
                    <a:gd name="T45" fmla="*/ 4 h 19"/>
                    <a:gd name="T46" fmla="*/ 20 w 23"/>
                    <a:gd name="T47" fmla="*/ 5 h 19"/>
                    <a:gd name="T48" fmla="*/ 20 w 23"/>
                    <a:gd name="T49" fmla="*/ 7 h 19"/>
                    <a:gd name="T50" fmla="*/ 18 w 23"/>
                    <a:gd name="T51" fmla="*/ 9 h 19"/>
                    <a:gd name="T52" fmla="*/ 17 w 23"/>
                    <a:gd name="T53" fmla="*/ 11 h 19"/>
                    <a:gd name="T54" fmla="*/ 13 w 23"/>
                    <a:gd name="T55" fmla="*/ 12 h 19"/>
                    <a:gd name="T56" fmla="*/ 13 w 23"/>
                    <a:gd name="T57" fmla="*/ 12 h 19"/>
                    <a:gd name="T58" fmla="*/ 12 w 23"/>
                    <a:gd name="T59" fmla="*/ 14 h 19"/>
                    <a:gd name="T60" fmla="*/ 10 w 23"/>
                    <a:gd name="T61" fmla="*/ 16 h 19"/>
                    <a:gd name="T62" fmla="*/ 6 w 23"/>
                    <a:gd name="T63" fmla="*/ 17 h 19"/>
                    <a:gd name="T64" fmla="*/ 5 w 23"/>
                    <a:gd name="T65" fmla="*/ 17 h 19"/>
                    <a:gd name="T66" fmla="*/ 3 w 23"/>
                    <a:gd name="T67" fmla="*/ 19 h 19"/>
                    <a:gd name="T68" fmla="*/ 1 w 23"/>
                    <a:gd name="T69" fmla="*/ 19 h 19"/>
                    <a:gd name="T70" fmla="*/ 1 w 23"/>
                    <a:gd name="T71" fmla="*/ 19 h 19"/>
                    <a:gd name="T72" fmla="*/ 0 w 23"/>
                    <a:gd name="T73" fmla="*/ 19 h 19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23"/>
                    <a:gd name="T112" fmla="*/ 0 h 19"/>
                    <a:gd name="T113" fmla="*/ 23 w 23"/>
                    <a:gd name="T114" fmla="*/ 19 h 19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23" h="19">
                      <a:moveTo>
                        <a:pt x="0" y="19"/>
                      </a:moveTo>
                      <a:lnTo>
                        <a:pt x="0" y="19"/>
                      </a:lnTo>
                      <a:lnTo>
                        <a:pt x="0" y="17"/>
                      </a:lnTo>
                      <a:lnTo>
                        <a:pt x="1" y="16"/>
                      </a:lnTo>
                      <a:lnTo>
                        <a:pt x="1" y="14"/>
                      </a:lnTo>
                      <a:lnTo>
                        <a:pt x="3" y="12"/>
                      </a:lnTo>
                      <a:lnTo>
                        <a:pt x="5" y="11"/>
                      </a:lnTo>
                      <a:lnTo>
                        <a:pt x="6" y="9"/>
                      </a:lnTo>
                      <a:lnTo>
                        <a:pt x="8" y="5"/>
                      </a:lnTo>
                      <a:lnTo>
                        <a:pt x="12" y="4"/>
                      </a:lnTo>
                      <a:lnTo>
                        <a:pt x="13" y="4"/>
                      </a:lnTo>
                      <a:lnTo>
                        <a:pt x="15" y="2"/>
                      </a:lnTo>
                      <a:lnTo>
                        <a:pt x="18" y="0"/>
                      </a:lnTo>
                      <a:lnTo>
                        <a:pt x="20" y="0"/>
                      </a:lnTo>
                      <a:lnTo>
                        <a:pt x="22" y="0"/>
                      </a:lnTo>
                      <a:lnTo>
                        <a:pt x="23" y="2"/>
                      </a:lnTo>
                      <a:lnTo>
                        <a:pt x="22" y="4"/>
                      </a:lnTo>
                      <a:lnTo>
                        <a:pt x="20" y="5"/>
                      </a:lnTo>
                      <a:lnTo>
                        <a:pt x="20" y="7"/>
                      </a:lnTo>
                      <a:lnTo>
                        <a:pt x="18" y="9"/>
                      </a:lnTo>
                      <a:lnTo>
                        <a:pt x="17" y="11"/>
                      </a:lnTo>
                      <a:lnTo>
                        <a:pt x="13" y="12"/>
                      </a:lnTo>
                      <a:lnTo>
                        <a:pt x="12" y="14"/>
                      </a:lnTo>
                      <a:lnTo>
                        <a:pt x="10" y="16"/>
                      </a:lnTo>
                      <a:lnTo>
                        <a:pt x="6" y="17"/>
                      </a:lnTo>
                      <a:lnTo>
                        <a:pt x="5" y="17"/>
                      </a:lnTo>
                      <a:lnTo>
                        <a:pt x="3" y="19"/>
                      </a:lnTo>
                      <a:lnTo>
                        <a:pt x="1" y="19"/>
                      </a:lnTo>
                      <a:lnTo>
                        <a:pt x="0" y="19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38" name="Freeform 99"/>
                <p:cNvSpPr>
                  <a:spLocks/>
                </p:cNvSpPr>
                <p:nvPr/>
              </p:nvSpPr>
              <p:spPr bwMode="auto">
                <a:xfrm>
                  <a:off x="674" y="3486"/>
                  <a:ext cx="12" cy="12"/>
                </a:xfrm>
                <a:custGeom>
                  <a:avLst/>
                  <a:gdLst>
                    <a:gd name="T0" fmla="*/ 0 w 12"/>
                    <a:gd name="T1" fmla="*/ 5 h 12"/>
                    <a:gd name="T2" fmla="*/ 0 w 12"/>
                    <a:gd name="T3" fmla="*/ 4 h 12"/>
                    <a:gd name="T4" fmla="*/ 2 w 12"/>
                    <a:gd name="T5" fmla="*/ 2 h 12"/>
                    <a:gd name="T6" fmla="*/ 4 w 12"/>
                    <a:gd name="T7" fmla="*/ 0 h 12"/>
                    <a:gd name="T8" fmla="*/ 7 w 12"/>
                    <a:gd name="T9" fmla="*/ 0 h 12"/>
                    <a:gd name="T10" fmla="*/ 9 w 12"/>
                    <a:gd name="T11" fmla="*/ 0 h 12"/>
                    <a:gd name="T12" fmla="*/ 10 w 12"/>
                    <a:gd name="T13" fmla="*/ 2 h 12"/>
                    <a:gd name="T14" fmla="*/ 12 w 12"/>
                    <a:gd name="T15" fmla="*/ 4 h 12"/>
                    <a:gd name="T16" fmla="*/ 12 w 12"/>
                    <a:gd name="T17" fmla="*/ 5 h 12"/>
                    <a:gd name="T18" fmla="*/ 12 w 12"/>
                    <a:gd name="T19" fmla="*/ 9 h 12"/>
                    <a:gd name="T20" fmla="*/ 10 w 12"/>
                    <a:gd name="T21" fmla="*/ 10 h 12"/>
                    <a:gd name="T22" fmla="*/ 9 w 12"/>
                    <a:gd name="T23" fmla="*/ 10 h 12"/>
                    <a:gd name="T24" fmla="*/ 7 w 12"/>
                    <a:gd name="T25" fmla="*/ 12 h 12"/>
                    <a:gd name="T26" fmla="*/ 4 w 12"/>
                    <a:gd name="T27" fmla="*/ 10 h 12"/>
                    <a:gd name="T28" fmla="*/ 2 w 12"/>
                    <a:gd name="T29" fmla="*/ 10 h 12"/>
                    <a:gd name="T30" fmla="*/ 0 w 12"/>
                    <a:gd name="T31" fmla="*/ 9 h 12"/>
                    <a:gd name="T32" fmla="*/ 0 w 12"/>
                    <a:gd name="T33" fmla="*/ 5 h 12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2"/>
                    <a:gd name="T52" fmla="*/ 0 h 12"/>
                    <a:gd name="T53" fmla="*/ 12 w 12"/>
                    <a:gd name="T54" fmla="*/ 12 h 12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2" h="12">
                      <a:moveTo>
                        <a:pt x="0" y="5"/>
                      </a:moveTo>
                      <a:lnTo>
                        <a:pt x="0" y="4"/>
                      </a:lnTo>
                      <a:lnTo>
                        <a:pt x="2" y="2"/>
                      </a:lnTo>
                      <a:lnTo>
                        <a:pt x="4" y="0"/>
                      </a:lnTo>
                      <a:lnTo>
                        <a:pt x="7" y="0"/>
                      </a:lnTo>
                      <a:lnTo>
                        <a:pt x="9" y="0"/>
                      </a:lnTo>
                      <a:lnTo>
                        <a:pt x="10" y="2"/>
                      </a:lnTo>
                      <a:lnTo>
                        <a:pt x="12" y="4"/>
                      </a:lnTo>
                      <a:lnTo>
                        <a:pt x="12" y="5"/>
                      </a:lnTo>
                      <a:lnTo>
                        <a:pt x="12" y="9"/>
                      </a:lnTo>
                      <a:lnTo>
                        <a:pt x="10" y="10"/>
                      </a:lnTo>
                      <a:lnTo>
                        <a:pt x="9" y="10"/>
                      </a:lnTo>
                      <a:lnTo>
                        <a:pt x="7" y="12"/>
                      </a:lnTo>
                      <a:lnTo>
                        <a:pt x="4" y="10"/>
                      </a:lnTo>
                      <a:lnTo>
                        <a:pt x="2" y="10"/>
                      </a:lnTo>
                      <a:lnTo>
                        <a:pt x="0" y="9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39" name="Freeform 100"/>
                <p:cNvSpPr>
                  <a:spLocks/>
                </p:cNvSpPr>
                <p:nvPr/>
              </p:nvSpPr>
              <p:spPr bwMode="auto">
                <a:xfrm>
                  <a:off x="674" y="3486"/>
                  <a:ext cx="12" cy="12"/>
                </a:xfrm>
                <a:custGeom>
                  <a:avLst/>
                  <a:gdLst>
                    <a:gd name="T0" fmla="*/ 0 w 12"/>
                    <a:gd name="T1" fmla="*/ 5 h 12"/>
                    <a:gd name="T2" fmla="*/ 0 w 12"/>
                    <a:gd name="T3" fmla="*/ 5 h 12"/>
                    <a:gd name="T4" fmla="*/ 0 w 12"/>
                    <a:gd name="T5" fmla="*/ 4 h 12"/>
                    <a:gd name="T6" fmla="*/ 2 w 12"/>
                    <a:gd name="T7" fmla="*/ 2 h 12"/>
                    <a:gd name="T8" fmla="*/ 4 w 12"/>
                    <a:gd name="T9" fmla="*/ 0 h 12"/>
                    <a:gd name="T10" fmla="*/ 7 w 12"/>
                    <a:gd name="T11" fmla="*/ 0 h 12"/>
                    <a:gd name="T12" fmla="*/ 7 w 12"/>
                    <a:gd name="T13" fmla="*/ 0 h 12"/>
                    <a:gd name="T14" fmla="*/ 9 w 12"/>
                    <a:gd name="T15" fmla="*/ 0 h 12"/>
                    <a:gd name="T16" fmla="*/ 10 w 12"/>
                    <a:gd name="T17" fmla="*/ 2 h 12"/>
                    <a:gd name="T18" fmla="*/ 12 w 12"/>
                    <a:gd name="T19" fmla="*/ 4 h 12"/>
                    <a:gd name="T20" fmla="*/ 12 w 12"/>
                    <a:gd name="T21" fmla="*/ 5 h 12"/>
                    <a:gd name="T22" fmla="*/ 12 w 12"/>
                    <a:gd name="T23" fmla="*/ 5 h 12"/>
                    <a:gd name="T24" fmla="*/ 12 w 12"/>
                    <a:gd name="T25" fmla="*/ 9 h 12"/>
                    <a:gd name="T26" fmla="*/ 10 w 12"/>
                    <a:gd name="T27" fmla="*/ 10 h 12"/>
                    <a:gd name="T28" fmla="*/ 9 w 12"/>
                    <a:gd name="T29" fmla="*/ 10 h 12"/>
                    <a:gd name="T30" fmla="*/ 7 w 12"/>
                    <a:gd name="T31" fmla="*/ 12 h 12"/>
                    <a:gd name="T32" fmla="*/ 7 w 12"/>
                    <a:gd name="T33" fmla="*/ 12 h 12"/>
                    <a:gd name="T34" fmla="*/ 4 w 12"/>
                    <a:gd name="T35" fmla="*/ 10 h 12"/>
                    <a:gd name="T36" fmla="*/ 2 w 12"/>
                    <a:gd name="T37" fmla="*/ 10 h 12"/>
                    <a:gd name="T38" fmla="*/ 0 w 12"/>
                    <a:gd name="T39" fmla="*/ 9 h 12"/>
                    <a:gd name="T40" fmla="*/ 0 w 12"/>
                    <a:gd name="T41" fmla="*/ 5 h 12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2"/>
                    <a:gd name="T64" fmla="*/ 0 h 12"/>
                    <a:gd name="T65" fmla="*/ 12 w 12"/>
                    <a:gd name="T66" fmla="*/ 12 h 12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2" h="12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4"/>
                      </a:lnTo>
                      <a:lnTo>
                        <a:pt x="2" y="2"/>
                      </a:lnTo>
                      <a:lnTo>
                        <a:pt x="4" y="0"/>
                      </a:lnTo>
                      <a:lnTo>
                        <a:pt x="7" y="0"/>
                      </a:lnTo>
                      <a:lnTo>
                        <a:pt x="9" y="0"/>
                      </a:lnTo>
                      <a:lnTo>
                        <a:pt x="10" y="2"/>
                      </a:lnTo>
                      <a:lnTo>
                        <a:pt x="12" y="4"/>
                      </a:lnTo>
                      <a:lnTo>
                        <a:pt x="12" y="5"/>
                      </a:lnTo>
                      <a:lnTo>
                        <a:pt x="12" y="9"/>
                      </a:lnTo>
                      <a:lnTo>
                        <a:pt x="10" y="10"/>
                      </a:lnTo>
                      <a:lnTo>
                        <a:pt x="9" y="10"/>
                      </a:lnTo>
                      <a:lnTo>
                        <a:pt x="7" y="12"/>
                      </a:lnTo>
                      <a:lnTo>
                        <a:pt x="4" y="10"/>
                      </a:lnTo>
                      <a:lnTo>
                        <a:pt x="2" y="10"/>
                      </a:lnTo>
                      <a:lnTo>
                        <a:pt x="0" y="9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40" name="Freeform 101"/>
                <p:cNvSpPr>
                  <a:spLocks/>
                </p:cNvSpPr>
                <p:nvPr/>
              </p:nvSpPr>
              <p:spPr bwMode="auto">
                <a:xfrm>
                  <a:off x="463" y="3535"/>
                  <a:ext cx="10" cy="9"/>
                </a:xfrm>
                <a:custGeom>
                  <a:avLst/>
                  <a:gdLst>
                    <a:gd name="T0" fmla="*/ 0 w 10"/>
                    <a:gd name="T1" fmla="*/ 5 h 9"/>
                    <a:gd name="T2" fmla="*/ 0 w 10"/>
                    <a:gd name="T3" fmla="*/ 4 h 9"/>
                    <a:gd name="T4" fmla="*/ 1 w 10"/>
                    <a:gd name="T5" fmla="*/ 2 h 9"/>
                    <a:gd name="T6" fmla="*/ 3 w 10"/>
                    <a:gd name="T7" fmla="*/ 0 h 9"/>
                    <a:gd name="T8" fmla="*/ 5 w 10"/>
                    <a:gd name="T9" fmla="*/ 0 h 9"/>
                    <a:gd name="T10" fmla="*/ 6 w 10"/>
                    <a:gd name="T11" fmla="*/ 0 h 9"/>
                    <a:gd name="T12" fmla="*/ 8 w 10"/>
                    <a:gd name="T13" fmla="*/ 2 h 9"/>
                    <a:gd name="T14" fmla="*/ 10 w 10"/>
                    <a:gd name="T15" fmla="*/ 4 h 9"/>
                    <a:gd name="T16" fmla="*/ 10 w 10"/>
                    <a:gd name="T17" fmla="*/ 5 h 9"/>
                    <a:gd name="T18" fmla="*/ 10 w 10"/>
                    <a:gd name="T19" fmla="*/ 7 h 9"/>
                    <a:gd name="T20" fmla="*/ 8 w 10"/>
                    <a:gd name="T21" fmla="*/ 9 h 9"/>
                    <a:gd name="T22" fmla="*/ 6 w 10"/>
                    <a:gd name="T23" fmla="*/ 9 h 9"/>
                    <a:gd name="T24" fmla="*/ 5 w 10"/>
                    <a:gd name="T25" fmla="*/ 9 h 9"/>
                    <a:gd name="T26" fmla="*/ 3 w 10"/>
                    <a:gd name="T27" fmla="*/ 9 h 9"/>
                    <a:gd name="T28" fmla="*/ 1 w 10"/>
                    <a:gd name="T29" fmla="*/ 9 h 9"/>
                    <a:gd name="T30" fmla="*/ 0 w 10"/>
                    <a:gd name="T31" fmla="*/ 7 h 9"/>
                    <a:gd name="T32" fmla="*/ 0 w 10"/>
                    <a:gd name="T33" fmla="*/ 5 h 9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0"/>
                    <a:gd name="T52" fmla="*/ 0 h 9"/>
                    <a:gd name="T53" fmla="*/ 10 w 10"/>
                    <a:gd name="T54" fmla="*/ 9 h 9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0" h="9">
                      <a:moveTo>
                        <a:pt x="0" y="5"/>
                      </a:moveTo>
                      <a:lnTo>
                        <a:pt x="0" y="4"/>
                      </a:lnTo>
                      <a:lnTo>
                        <a:pt x="1" y="2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6" y="0"/>
                      </a:lnTo>
                      <a:lnTo>
                        <a:pt x="8" y="2"/>
                      </a:lnTo>
                      <a:lnTo>
                        <a:pt x="10" y="4"/>
                      </a:lnTo>
                      <a:lnTo>
                        <a:pt x="10" y="5"/>
                      </a:lnTo>
                      <a:lnTo>
                        <a:pt x="10" y="7"/>
                      </a:lnTo>
                      <a:lnTo>
                        <a:pt x="8" y="9"/>
                      </a:lnTo>
                      <a:lnTo>
                        <a:pt x="6" y="9"/>
                      </a:lnTo>
                      <a:lnTo>
                        <a:pt x="5" y="9"/>
                      </a:lnTo>
                      <a:lnTo>
                        <a:pt x="3" y="9"/>
                      </a:lnTo>
                      <a:lnTo>
                        <a:pt x="1" y="9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41" name="Freeform 102"/>
                <p:cNvSpPr>
                  <a:spLocks/>
                </p:cNvSpPr>
                <p:nvPr/>
              </p:nvSpPr>
              <p:spPr bwMode="auto">
                <a:xfrm>
                  <a:off x="463" y="3535"/>
                  <a:ext cx="10" cy="9"/>
                </a:xfrm>
                <a:custGeom>
                  <a:avLst/>
                  <a:gdLst>
                    <a:gd name="T0" fmla="*/ 0 w 10"/>
                    <a:gd name="T1" fmla="*/ 5 h 9"/>
                    <a:gd name="T2" fmla="*/ 0 w 10"/>
                    <a:gd name="T3" fmla="*/ 5 h 9"/>
                    <a:gd name="T4" fmla="*/ 0 w 10"/>
                    <a:gd name="T5" fmla="*/ 4 h 9"/>
                    <a:gd name="T6" fmla="*/ 1 w 10"/>
                    <a:gd name="T7" fmla="*/ 2 h 9"/>
                    <a:gd name="T8" fmla="*/ 3 w 10"/>
                    <a:gd name="T9" fmla="*/ 0 h 9"/>
                    <a:gd name="T10" fmla="*/ 5 w 10"/>
                    <a:gd name="T11" fmla="*/ 0 h 9"/>
                    <a:gd name="T12" fmla="*/ 5 w 10"/>
                    <a:gd name="T13" fmla="*/ 0 h 9"/>
                    <a:gd name="T14" fmla="*/ 6 w 10"/>
                    <a:gd name="T15" fmla="*/ 0 h 9"/>
                    <a:gd name="T16" fmla="*/ 8 w 10"/>
                    <a:gd name="T17" fmla="*/ 2 h 9"/>
                    <a:gd name="T18" fmla="*/ 10 w 10"/>
                    <a:gd name="T19" fmla="*/ 4 h 9"/>
                    <a:gd name="T20" fmla="*/ 10 w 10"/>
                    <a:gd name="T21" fmla="*/ 5 h 9"/>
                    <a:gd name="T22" fmla="*/ 10 w 10"/>
                    <a:gd name="T23" fmla="*/ 5 h 9"/>
                    <a:gd name="T24" fmla="*/ 10 w 10"/>
                    <a:gd name="T25" fmla="*/ 7 h 9"/>
                    <a:gd name="T26" fmla="*/ 8 w 10"/>
                    <a:gd name="T27" fmla="*/ 9 h 9"/>
                    <a:gd name="T28" fmla="*/ 6 w 10"/>
                    <a:gd name="T29" fmla="*/ 9 h 9"/>
                    <a:gd name="T30" fmla="*/ 5 w 10"/>
                    <a:gd name="T31" fmla="*/ 9 h 9"/>
                    <a:gd name="T32" fmla="*/ 5 w 10"/>
                    <a:gd name="T33" fmla="*/ 9 h 9"/>
                    <a:gd name="T34" fmla="*/ 3 w 10"/>
                    <a:gd name="T35" fmla="*/ 9 h 9"/>
                    <a:gd name="T36" fmla="*/ 1 w 10"/>
                    <a:gd name="T37" fmla="*/ 9 h 9"/>
                    <a:gd name="T38" fmla="*/ 0 w 10"/>
                    <a:gd name="T39" fmla="*/ 7 h 9"/>
                    <a:gd name="T40" fmla="*/ 0 w 10"/>
                    <a:gd name="T41" fmla="*/ 5 h 9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0"/>
                    <a:gd name="T64" fmla="*/ 0 h 9"/>
                    <a:gd name="T65" fmla="*/ 10 w 10"/>
                    <a:gd name="T66" fmla="*/ 9 h 9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0" h="9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4"/>
                      </a:lnTo>
                      <a:lnTo>
                        <a:pt x="1" y="2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6" y="0"/>
                      </a:lnTo>
                      <a:lnTo>
                        <a:pt x="8" y="2"/>
                      </a:lnTo>
                      <a:lnTo>
                        <a:pt x="10" y="4"/>
                      </a:lnTo>
                      <a:lnTo>
                        <a:pt x="10" y="5"/>
                      </a:lnTo>
                      <a:lnTo>
                        <a:pt x="10" y="7"/>
                      </a:lnTo>
                      <a:lnTo>
                        <a:pt x="8" y="9"/>
                      </a:lnTo>
                      <a:lnTo>
                        <a:pt x="6" y="9"/>
                      </a:lnTo>
                      <a:lnTo>
                        <a:pt x="5" y="9"/>
                      </a:lnTo>
                      <a:lnTo>
                        <a:pt x="3" y="9"/>
                      </a:lnTo>
                      <a:lnTo>
                        <a:pt x="1" y="9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42" name="Freeform 103"/>
                <p:cNvSpPr>
                  <a:spLocks/>
                </p:cNvSpPr>
                <p:nvPr/>
              </p:nvSpPr>
              <p:spPr bwMode="auto">
                <a:xfrm>
                  <a:off x="515" y="3537"/>
                  <a:ext cx="15" cy="9"/>
                </a:xfrm>
                <a:custGeom>
                  <a:avLst/>
                  <a:gdLst>
                    <a:gd name="T0" fmla="*/ 0 w 15"/>
                    <a:gd name="T1" fmla="*/ 5 h 9"/>
                    <a:gd name="T2" fmla="*/ 0 w 15"/>
                    <a:gd name="T3" fmla="*/ 3 h 9"/>
                    <a:gd name="T4" fmla="*/ 2 w 15"/>
                    <a:gd name="T5" fmla="*/ 2 h 9"/>
                    <a:gd name="T6" fmla="*/ 5 w 15"/>
                    <a:gd name="T7" fmla="*/ 0 h 9"/>
                    <a:gd name="T8" fmla="*/ 7 w 15"/>
                    <a:gd name="T9" fmla="*/ 0 h 9"/>
                    <a:gd name="T10" fmla="*/ 10 w 15"/>
                    <a:gd name="T11" fmla="*/ 0 h 9"/>
                    <a:gd name="T12" fmla="*/ 12 w 15"/>
                    <a:gd name="T13" fmla="*/ 2 h 9"/>
                    <a:gd name="T14" fmla="*/ 14 w 15"/>
                    <a:gd name="T15" fmla="*/ 3 h 9"/>
                    <a:gd name="T16" fmla="*/ 15 w 15"/>
                    <a:gd name="T17" fmla="*/ 5 h 9"/>
                    <a:gd name="T18" fmla="*/ 14 w 15"/>
                    <a:gd name="T19" fmla="*/ 7 h 9"/>
                    <a:gd name="T20" fmla="*/ 12 w 15"/>
                    <a:gd name="T21" fmla="*/ 7 h 9"/>
                    <a:gd name="T22" fmla="*/ 10 w 15"/>
                    <a:gd name="T23" fmla="*/ 9 h 9"/>
                    <a:gd name="T24" fmla="*/ 7 w 15"/>
                    <a:gd name="T25" fmla="*/ 9 h 9"/>
                    <a:gd name="T26" fmla="*/ 5 w 15"/>
                    <a:gd name="T27" fmla="*/ 9 h 9"/>
                    <a:gd name="T28" fmla="*/ 2 w 15"/>
                    <a:gd name="T29" fmla="*/ 7 h 9"/>
                    <a:gd name="T30" fmla="*/ 0 w 15"/>
                    <a:gd name="T31" fmla="*/ 7 h 9"/>
                    <a:gd name="T32" fmla="*/ 0 w 15"/>
                    <a:gd name="T33" fmla="*/ 5 h 9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5"/>
                    <a:gd name="T52" fmla="*/ 0 h 9"/>
                    <a:gd name="T53" fmla="*/ 15 w 15"/>
                    <a:gd name="T54" fmla="*/ 9 h 9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5" h="9">
                      <a:moveTo>
                        <a:pt x="0" y="5"/>
                      </a:moveTo>
                      <a:lnTo>
                        <a:pt x="0" y="3"/>
                      </a:lnTo>
                      <a:lnTo>
                        <a:pt x="2" y="2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10" y="0"/>
                      </a:lnTo>
                      <a:lnTo>
                        <a:pt x="12" y="2"/>
                      </a:lnTo>
                      <a:lnTo>
                        <a:pt x="14" y="3"/>
                      </a:lnTo>
                      <a:lnTo>
                        <a:pt x="15" y="5"/>
                      </a:lnTo>
                      <a:lnTo>
                        <a:pt x="14" y="7"/>
                      </a:lnTo>
                      <a:lnTo>
                        <a:pt x="12" y="7"/>
                      </a:lnTo>
                      <a:lnTo>
                        <a:pt x="10" y="9"/>
                      </a:lnTo>
                      <a:lnTo>
                        <a:pt x="7" y="9"/>
                      </a:lnTo>
                      <a:lnTo>
                        <a:pt x="5" y="9"/>
                      </a:lnTo>
                      <a:lnTo>
                        <a:pt x="2" y="7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43" name="Freeform 104"/>
                <p:cNvSpPr>
                  <a:spLocks/>
                </p:cNvSpPr>
                <p:nvPr/>
              </p:nvSpPr>
              <p:spPr bwMode="auto">
                <a:xfrm>
                  <a:off x="515" y="3537"/>
                  <a:ext cx="15" cy="9"/>
                </a:xfrm>
                <a:custGeom>
                  <a:avLst/>
                  <a:gdLst>
                    <a:gd name="T0" fmla="*/ 0 w 15"/>
                    <a:gd name="T1" fmla="*/ 5 h 9"/>
                    <a:gd name="T2" fmla="*/ 0 w 15"/>
                    <a:gd name="T3" fmla="*/ 5 h 9"/>
                    <a:gd name="T4" fmla="*/ 0 w 15"/>
                    <a:gd name="T5" fmla="*/ 3 h 9"/>
                    <a:gd name="T6" fmla="*/ 2 w 15"/>
                    <a:gd name="T7" fmla="*/ 2 h 9"/>
                    <a:gd name="T8" fmla="*/ 5 w 15"/>
                    <a:gd name="T9" fmla="*/ 0 h 9"/>
                    <a:gd name="T10" fmla="*/ 7 w 15"/>
                    <a:gd name="T11" fmla="*/ 0 h 9"/>
                    <a:gd name="T12" fmla="*/ 7 w 15"/>
                    <a:gd name="T13" fmla="*/ 0 h 9"/>
                    <a:gd name="T14" fmla="*/ 10 w 15"/>
                    <a:gd name="T15" fmla="*/ 0 h 9"/>
                    <a:gd name="T16" fmla="*/ 12 w 15"/>
                    <a:gd name="T17" fmla="*/ 2 h 9"/>
                    <a:gd name="T18" fmla="*/ 14 w 15"/>
                    <a:gd name="T19" fmla="*/ 3 h 9"/>
                    <a:gd name="T20" fmla="*/ 15 w 15"/>
                    <a:gd name="T21" fmla="*/ 5 h 9"/>
                    <a:gd name="T22" fmla="*/ 15 w 15"/>
                    <a:gd name="T23" fmla="*/ 5 h 9"/>
                    <a:gd name="T24" fmla="*/ 14 w 15"/>
                    <a:gd name="T25" fmla="*/ 7 h 9"/>
                    <a:gd name="T26" fmla="*/ 12 w 15"/>
                    <a:gd name="T27" fmla="*/ 7 h 9"/>
                    <a:gd name="T28" fmla="*/ 10 w 15"/>
                    <a:gd name="T29" fmla="*/ 9 h 9"/>
                    <a:gd name="T30" fmla="*/ 7 w 15"/>
                    <a:gd name="T31" fmla="*/ 9 h 9"/>
                    <a:gd name="T32" fmla="*/ 7 w 15"/>
                    <a:gd name="T33" fmla="*/ 9 h 9"/>
                    <a:gd name="T34" fmla="*/ 5 w 15"/>
                    <a:gd name="T35" fmla="*/ 9 h 9"/>
                    <a:gd name="T36" fmla="*/ 2 w 15"/>
                    <a:gd name="T37" fmla="*/ 7 h 9"/>
                    <a:gd name="T38" fmla="*/ 0 w 15"/>
                    <a:gd name="T39" fmla="*/ 7 h 9"/>
                    <a:gd name="T40" fmla="*/ 0 w 15"/>
                    <a:gd name="T41" fmla="*/ 5 h 9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5"/>
                    <a:gd name="T64" fmla="*/ 0 h 9"/>
                    <a:gd name="T65" fmla="*/ 15 w 15"/>
                    <a:gd name="T66" fmla="*/ 9 h 9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5" h="9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2" y="2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10" y="0"/>
                      </a:lnTo>
                      <a:lnTo>
                        <a:pt x="12" y="2"/>
                      </a:lnTo>
                      <a:lnTo>
                        <a:pt x="14" y="3"/>
                      </a:lnTo>
                      <a:lnTo>
                        <a:pt x="15" y="5"/>
                      </a:lnTo>
                      <a:lnTo>
                        <a:pt x="14" y="7"/>
                      </a:lnTo>
                      <a:lnTo>
                        <a:pt x="12" y="7"/>
                      </a:lnTo>
                      <a:lnTo>
                        <a:pt x="10" y="9"/>
                      </a:lnTo>
                      <a:lnTo>
                        <a:pt x="7" y="9"/>
                      </a:lnTo>
                      <a:lnTo>
                        <a:pt x="5" y="9"/>
                      </a:lnTo>
                      <a:lnTo>
                        <a:pt x="2" y="7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44" name="Freeform 105"/>
                <p:cNvSpPr>
                  <a:spLocks/>
                </p:cNvSpPr>
                <p:nvPr/>
              </p:nvSpPr>
              <p:spPr bwMode="auto">
                <a:xfrm>
                  <a:off x="439" y="3529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1 h 10"/>
                    <a:gd name="T4" fmla="*/ 2 w 8"/>
                    <a:gd name="T5" fmla="*/ 1 h 10"/>
                    <a:gd name="T6" fmla="*/ 2 w 8"/>
                    <a:gd name="T7" fmla="*/ 0 h 10"/>
                    <a:gd name="T8" fmla="*/ 3 w 8"/>
                    <a:gd name="T9" fmla="*/ 0 h 10"/>
                    <a:gd name="T10" fmla="*/ 5 w 8"/>
                    <a:gd name="T11" fmla="*/ 0 h 10"/>
                    <a:gd name="T12" fmla="*/ 7 w 8"/>
                    <a:gd name="T13" fmla="*/ 1 h 10"/>
                    <a:gd name="T14" fmla="*/ 8 w 8"/>
                    <a:gd name="T15" fmla="*/ 1 h 10"/>
                    <a:gd name="T16" fmla="*/ 8 w 8"/>
                    <a:gd name="T17" fmla="*/ 5 h 10"/>
                    <a:gd name="T18" fmla="*/ 8 w 8"/>
                    <a:gd name="T19" fmla="*/ 6 h 10"/>
                    <a:gd name="T20" fmla="*/ 7 w 8"/>
                    <a:gd name="T21" fmla="*/ 8 h 10"/>
                    <a:gd name="T22" fmla="*/ 5 w 8"/>
                    <a:gd name="T23" fmla="*/ 10 h 10"/>
                    <a:gd name="T24" fmla="*/ 3 w 8"/>
                    <a:gd name="T25" fmla="*/ 10 h 10"/>
                    <a:gd name="T26" fmla="*/ 2 w 8"/>
                    <a:gd name="T27" fmla="*/ 10 h 10"/>
                    <a:gd name="T28" fmla="*/ 2 w 8"/>
                    <a:gd name="T29" fmla="*/ 8 h 10"/>
                    <a:gd name="T30" fmla="*/ 0 w 8"/>
                    <a:gd name="T31" fmla="*/ 6 h 10"/>
                    <a:gd name="T32" fmla="*/ 0 w 8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10"/>
                    <a:gd name="T53" fmla="*/ 8 w 8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10">
                      <a:moveTo>
                        <a:pt x="0" y="5"/>
                      </a:moveTo>
                      <a:lnTo>
                        <a:pt x="0" y="1"/>
                      </a:lnTo>
                      <a:lnTo>
                        <a:pt x="2" y="1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1"/>
                      </a:lnTo>
                      <a:lnTo>
                        <a:pt x="8" y="1"/>
                      </a:lnTo>
                      <a:lnTo>
                        <a:pt x="8" y="5"/>
                      </a:lnTo>
                      <a:lnTo>
                        <a:pt x="8" y="6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10"/>
                      </a:lnTo>
                      <a:lnTo>
                        <a:pt x="2" y="8"/>
                      </a:lnTo>
                      <a:lnTo>
                        <a:pt x="0" y="6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45" name="Freeform 106"/>
                <p:cNvSpPr>
                  <a:spLocks/>
                </p:cNvSpPr>
                <p:nvPr/>
              </p:nvSpPr>
              <p:spPr bwMode="auto">
                <a:xfrm>
                  <a:off x="439" y="3529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5 h 10"/>
                    <a:gd name="T4" fmla="*/ 0 w 8"/>
                    <a:gd name="T5" fmla="*/ 1 h 10"/>
                    <a:gd name="T6" fmla="*/ 2 w 8"/>
                    <a:gd name="T7" fmla="*/ 1 h 10"/>
                    <a:gd name="T8" fmla="*/ 2 w 8"/>
                    <a:gd name="T9" fmla="*/ 0 h 10"/>
                    <a:gd name="T10" fmla="*/ 3 w 8"/>
                    <a:gd name="T11" fmla="*/ 0 h 10"/>
                    <a:gd name="T12" fmla="*/ 3 w 8"/>
                    <a:gd name="T13" fmla="*/ 0 h 10"/>
                    <a:gd name="T14" fmla="*/ 5 w 8"/>
                    <a:gd name="T15" fmla="*/ 0 h 10"/>
                    <a:gd name="T16" fmla="*/ 7 w 8"/>
                    <a:gd name="T17" fmla="*/ 1 h 10"/>
                    <a:gd name="T18" fmla="*/ 8 w 8"/>
                    <a:gd name="T19" fmla="*/ 1 h 10"/>
                    <a:gd name="T20" fmla="*/ 8 w 8"/>
                    <a:gd name="T21" fmla="*/ 5 h 10"/>
                    <a:gd name="T22" fmla="*/ 8 w 8"/>
                    <a:gd name="T23" fmla="*/ 5 h 10"/>
                    <a:gd name="T24" fmla="*/ 8 w 8"/>
                    <a:gd name="T25" fmla="*/ 6 h 10"/>
                    <a:gd name="T26" fmla="*/ 7 w 8"/>
                    <a:gd name="T27" fmla="*/ 8 h 10"/>
                    <a:gd name="T28" fmla="*/ 5 w 8"/>
                    <a:gd name="T29" fmla="*/ 10 h 10"/>
                    <a:gd name="T30" fmla="*/ 3 w 8"/>
                    <a:gd name="T31" fmla="*/ 10 h 10"/>
                    <a:gd name="T32" fmla="*/ 3 w 8"/>
                    <a:gd name="T33" fmla="*/ 10 h 10"/>
                    <a:gd name="T34" fmla="*/ 2 w 8"/>
                    <a:gd name="T35" fmla="*/ 10 h 10"/>
                    <a:gd name="T36" fmla="*/ 2 w 8"/>
                    <a:gd name="T37" fmla="*/ 8 h 10"/>
                    <a:gd name="T38" fmla="*/ 0 w 8"/>
                    <a:gd name="T39" fmla="*/ 6 h 10"/>
                    <a:gd name="T40" fmla="*/ 0 w 8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10"/>
                    <a:gd name="T65" fmla="*/ 8 w 8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1"/>
                      </a:lnTo>
                      <a:lnTo>
                        <a:pt x="2" y="1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1"/>
                      </a:lnTo>
                      <a:lnTo>
                        <a:pt x="8" y="1"/>
                      </a:lnTo>
                      <a:lnTo>
                        <a:pt x="8" y="5"/>
                      </a:lnTo>
                      <a:lnTo>
                        <a:pt x="8" y="6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10"/>
                      </a:lnTo>
                      <a:lnTo>
                        <a:pt x="2" y="8"/>
                      </a:lnTo>
                      <a:lnTo>
                        <a:pt x="0" y="6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46" name="Freeform 107"/>
                <p:cNvSpPr>
                  <a:spLocks/>
                </p:cNvSpPr>
                <p:nvPr/>
              </p:nvSpPr>
              <p:spPr bwMode="auto">
                <a:xfrm>
                  <a:off x="738" y="3474"/>
                  <a:ext cx="7" cy="11"/>
                </a:xfrm>
                <a:custGeom>
                  <a:avLst/>
                  <a:gdLst>
                    <a:gd name="T0" fmla="*/ 0 w 7"/>
                    <a:gd name="T1" fmla="*/ 6 h 11"/>
                    <a:gd name="T2" fmla="*/ 0 w 7"/>
                    <a:gd name="T3" fmla="*/ 4 h 11"/>
                    <a:gd name="T4" fmla="*/ 2 w 7"/>
                    <a:gd name="T5" fmla="*/ 2 h 11"/>
                    <a:gd name="T6" fmla="*/ 2 w 7"/>
                    <a:gd name="T7" fmla="*/ 0 h 11"/>
                    <a:gd name="T8" fmla="*/ 4 w 7"/>
                    <a:gd name="T9" fmla="*/ 0 h 11"/>
                    <a:gd name="T10" fmla="*/ 6 w 7"/>
                    <a:gd name="T11" fmla="*/ 0 h 11"/>
                    <a:gd name="T12" fmla="*/ 7 w 7"/>
                    <a:gd name="T13" fmla="*/ 2 h 11"/>
                    <a:gd name="T14" fmla="*/ 7 w 7"/>
                    <a:gd name="T15" fmla="*/ 4 h 11"/>
                    <a:gd name="T16" fmla="*/ 7 w 7"/>
                    <a:gd name="T17" fmla="*/ 6 h 11"/>
                    <a:gd name="T18" fmla="*/ 7 w 7"/>
                    <a:gd name="T19" fmla="*/ 7 h 11"/>
                    <a:gd name="T20" fmla="*/ 7 w 7"/>
                    <a:gd name="T21" fmla="*/ 9 h 11"/>
                    <a:gd name="T22" fmla="*/ 6 w 7"/>
                    <a:gd name="T23" fmla="*/ 9 h 11"/>
                    <a:gd name="T24" fmla="*/ 4 w 7"/>
                    <a:gd name="T25" fmla="*/ 11 h 11"/>
                    <a:gd name="T26" fmla="*/ 2 w 7"/>
                    <a:gd name="T27" fmla="*/ 9 h 11"/>
                    <a:gd name="T28" fmla="*/ 2 w 7"/>
                    <a:gd name="T29" fmla="*/ 9 h 11"/>
                    <a:gd name="T30" fmla="*/ 0 w 7"/>
                    <a:gd name="T31" fmla="*/ 7 h 11"/>
                    <a:gd name="T32" fmla="*/ 0 w 7"/>
                    <a:gd name="T33" fmla="*/ 6 h 11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7"/>
                    <a:gd name="T52" fmla="*/ 0 h 11"/>
                    <a:gd name="T53" fmla="*/ 7 w 7"/>
                    <a:gd name="T54" fmla="*/ 11 h 11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7" h="11">
                      <a:moveTo>
                        <a:pt x="0" y="6"/>
                      </a:moveTo>
                      <a:lnTo>
                        <a:pt x="0" y="4"/>
                      </a:lnTo>
                      <a:lnTo>
                        <a:pt x="2" y="2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6" y="0"/>
                      </a:lnTo>
                      <a:lnTo>
                        <a:pt x="7" y="2"/>
                      </a:lnTo>
                      <a:lnTo>
                        <a:pt x="7" y="4"/>
                      </a:lnTo>
                      <a:lnTo>
                        <a:pt x="7" y="6"/>
                      </a:lnTo>
                      <a:lnTo>
                        <a:pt x="7" y="7"/>
                      </a:lnTo>
                      <a:lnTo>
                        <a:pt x="7" y="9"/>
                      </a:lnTo>
                      <a:lnTo>
                        <a:pt x="6" y="9"/>
                      </a:lnTo>
                      <a:lnTo>
                        <a:pt x="4" y="11"/>
                      </a:lnTo>
                      <a:lnTo>
                        <a:pt x="2" y="9"/>
                      </a:lnTo>
                      <a:lnTo>
                        <a:pt x="0" y="7"/>
                      </a:lnTo>
                      <a:lnTo>
                        <a:pt x="0" y="6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47" name="Freeform 108"/>
                <p:cNvSpPr>
                  <a:spLocks/>
                </p:cNvSpPr>
                <p:nvPr/>
              </p:nvSpPr>
              <p:spPr bwMode="auto">
                <a:xfrm>
                  <a:off x="738" y="3474"/>
                  <a:ext cx="7" cy="11"/>
                </a:xfrm>
                <a:custGeom>
                  <a:avLst/>
                  <a:gdLst>
                    <a:gd name="T0" fmla="*/ 0 w 7"/>
                    <a:gd name="T1" fmla="*/ 6 h 11"/>
                    <a:gd name="T2" fmla="*/ 0 w 7"/>
                    <a:gd name="T3" fmla="*/ 6 h 11"/>
                    <a:gd name="T4" fmla="*/ 0 w 7"/>
                    <a:gd name="T5" fmla="*/ 4 h 11"/>
                    <a:gd name="T6" fmla="*/ 2 w 7"/>
                    <a:gd name="T7" fmla="*/ 2 h 11"/>
                    <a:gd name="T8" fmla="*/ 2 w 7"/>
                    <a:gd name="T9" fmla="*/ 0 h 11"/>
                    <a:gd name="T10" fmla="*/ 4 w 7"/>
                    <a:gd name="T11" fmla="*/ 0 h 11"/>
                    <a:gd name="T12" fmla="*/ 4 w 7"/>
                    <a:gd name="T13" fmla="*/ 0 h 11"/>
                    <a:gd name="T14" fmla="*/ 6 w 7"/>
                    <a:gd name="T15" fmla="*/ 0 h 11"/>
                    <a:gd name="T16" fmla="*/ 7 w 7"/>
                    <a:gd name="T17" fmla="*/ 2 h 11"/>
                    <a:gd name="T18" fmla="*/ 7 w 7"/>
                    <a:gd name="T19" fmla="*/ 4 h 11"/>
                    <a:gd name="T20" fmla="*/ 7 w 7"/>
                    <a:gd name="T21" fmla="*/ 6 h 11"/>
                    <a:gd name="T22" fmla="*/ 7 w 7"/>
                    <a:gd name="T23" fmla="*/ 6 h 11"/>
                    <a:gd name="T24" fmla="*/ 7 w 7"/>
                    <a:gd name="T25" fmla="*/ 7 h 11"/>
                    <a:gd name="T26" fmla="*/ 7 w 7"/>
                    <a:gd name="T27" fmla="*/ 9 h 11"/>
                    <a:gd name="T28" fmla="*/ 6 w 7"/>
                    <a:gd name="T29" fmla="*/ 9 h 11"/>
                    <a:gd name="T30" fmla="*/ 4 w 7"/>
                    <a:gd name="T31" fmla="*/ 11 h 11"/>
                    <a:gd name="T32" fmla="*/ 4 w 7"/>
                    <a:gd name="T33" fmla="*/ 11 h 11"/>
                    <a:gd name="T34" fmla="*/ 2 w 7"/>
                    <a:gd name="T35" fmla="*/ 9 h 11"/>
                    <a:gd name="T36" fmla="*/ 2 w 7"/>
                    <a:gd name="T37" fmla="*/ 9 h 11"/>
                    <a:gd name="T38" fmla="*/ 0 w 7"/>
                    <a:gd name="T39" fmla="*/ 7 h 11"/>
                    <a:gd name="T40" fmla="*/ 0 w 7"/>
                    <a:gd name="T41" fmla="*/ 6 h 11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7"/>
                    <a:gd name="T64" fmla="*/ 0 h 11"/>
                    <a:gd name="T65" fmla="*/ 7 w 7"/>
                    <a:gd name="T66" fmla="*/ 11 h 11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7" h="11">
                      <a:moveTo>
                        <a:pt x="0" y="6"/>
                      </a:moveTo>
                      <a:lnTo>
                        <a:pt x="0" y="6"/>
                      </a:lnTo>
                      <a:lnTo>
                        <a:pt x="0" y="4"/>
                      </a:lnTo>
                      <a:lnTo>
                        <a:pt x="2" y="2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6" y="0"/>
                      </a:lnTo>
                      <a:lnTo>
                        <a:pt x="7" y="2"/>
                      </a:lnTo>
                      <a:lnTo>
                        <a:pt x="7" y="4"/>
                      </a:lnTo>
                      <a:lnTo>
                        <a:pt x="7" y="6"/>
                      </a:lnTo>
                      <a:lnTo>
                        <a:pt x="7" y="7"/>
                      </a:lnTo>
                      <a:lnTo>
                        <a:pt x="7" y="9"/>
                      </a:lnTo>
                      <a:lnTo>
                        <a:pt x="6" y="9"/>
                      </a:lnTo>
                      <a:lnTo>
                        <a:pt x="4" y="11"/>
                      </a:lnTo>
                      <a:lnTo>
                        <a:pt x="2" y="9"/>
                      </a:lnTo>
                      <a:lnTo>
                        <a:pt x="0" y="7"/>
                      </a:lnTo>
                      <a:lnTo>
                        <a:pt x="0" y="6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48" name="Freeform 109"/>
                <p:cNvSpPr>
                  <a:spLocks/>
                </p:cNvSpPr>
                <p:nvPr/>
              </p:nvSpPr>
              <p:spPr bwMode="auto">
                <a:xfrm>
                  <a:off x="650" y="3331"/>
                  <a:ext cx="21" cy="15"/>
                </a:xfrm>
                <a:custGeom>
                  <a:avLst/>
                  <a:gdLst>
                    <a:gd name="T0" fmla="*/ 2 w 21"/>
                    <a:gd name="T1" fmla="*/ 1 h 15"/>
                    <a:gd name="T2" fmla="*/ 19 w 21"/>
                    <a:gd name="T3" fmla="*/ 0 h 15"/>
                    <a:gd name="T4" fmla="*/ 19 w 21"/>
                    <a:gd name="T5" fmla="*/ 1 h 15"/>
                    <a:gd name="T6" fmla="*/ 19 w 21"/>
                    <a:gd name="T7" fmla="*/ 3 h 15"/>
                    <a:gd name="T8" fmla="*/ 21 w 21"/>
                    <a:gd name="T9" fmla="*/ 5 h 15"/>
                    <a:gd name="T10" fmla="*/ 21 w 21"/>
                    <a:gd name="T11" fmla="*/ 8 h 15"/>
                    <a:gd name="T12" fmla="*/ 21 w 21"/>
                    <a:gd name="T13" fmla="*/ 10 h 15"/>
                    <a:gd name="T14" fmla="*/ 21 w 21"/>
                    <a:gd name="T15" fmla="*/ 13 h 15"/>
                    <a:gd name="T16" fmla="*/ 17 w 21"/>
                    <a:gd name="T17" fmla="*/ 15 h 15"/>
                    <a:gd name="T18" fmla="*/ 12 w 21"/>
                    <a:gd name="T19" fmla="*/ 15 h 15"/>
                    <a:gd name="T20" fmla="*/ 12 w 21"/>
                    <a:gd name="T21" fmla="*/ 15 h 15"/>
                    <a:gd name="T22" fmla="*/ 11 w 21"/>
                    <a:gd name="T23" fmla="*/ 13 h 15"/>
                    <a:gd name="T24" fmla="*/ 7 w 21"/>
                    <a:gd name="T25" fmla="*/ 11 h 15"/>
                    <a:gd name="T26" fmla="*/ 6 w 21"/>
                    <a:gd name="T27" fmla="*/ 10 h 15"/>
                    <a:gd name="T28" fmla="*/ 4 w 21"/>
                    <a:gd name="T29" fmla="*/ 8 h 15"/>
                    <a:gd name="T30" fmla="*/ 2 w 21"/>
                    <a:gd name="T31" fmla="*/ 6 h 15"/>
                    <a:gd name="T32" fmla="*/ 0 w 21"/>
                    <a:gd name="T33" fmla="*/ 6 h 15"/>
                    <a:gd name="T34" fmla="*/ 0 w 21"/>
                    <a:gd name="T35" fmla="*/ 6 h 15"/>
                    <a:gd name="T36" fmla="*/ 2 w 21"/>
                    <a:gd name="T37" fmla="*/ 1 h 15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w 21"/>
                    <a:gd name="T58" fmla="*/ 0 h 15"/>
                    <a:gd name="T59" fmla="*/ 21 w 21"/>
                    <a:gd name="T60" fmla="*/ 15 h 15"/>
                  </a:gdLst>
                  <a:ahLst/>
                  <a:cxnLst>
                    <a:cxn ang="T38">
                      <a:pos x="T0" y="T1"/>
                    </a:cxn>
                    <a:cxn ang="T39">
                      <a:pos x="T2" y="T3"/>
                    </a:cxn>
                    <a:cxn ang="T40">
                      <a:pos x="T4" y="T5"/>
                    </a:cxn>
                    <a:cxn ang="T41">
                      <a:pos x="T6" y="T7"/>
                    </a:cxn>
                    <a:cxn ang="T42">
                      <a:pos x="T8" y="T9"/>
                    </a:cxn>
                    <a:cxn ang="T43">
                      <a:pos x="T10" y="T11"/>
                    </a:cxn>
                    <a:cxn ang="T44">
                      <a:pos x="T12" y="T13"/>
                    </a:cxn>
                    <a:cxn ang="T45">
                      <a:pos x="T14" y="T15"/>
                    </a:cxn>
                    <a:cxn ang="T46">
                      <a:pos x="T16" y="T17"/>
                    </a:cxn>
                    <a:cxn ang="T47">
                      <a:pos x="T18" y="T19"/>
                    </a:cxn>
                    <a:cxn ang="T48">
                      <a:pos x="T20" y="T21"/>
                    </a:cxn>
                    <a:cxn ang="T49">
                      <a:pos x="T22" y="T23"/>
                    </a:cxn>
                    <a:cxn ang="T50">
                      <a:pos x="T24" y="T25"/>
                    </a:cxn>
                    <a:cxn ang="T51">
                      <a:pos x="T26" y="T27"/>
                    </a:cxn>
                    <a:cxn ang="T52">
                      <a:pos x="T28" y="T29"/>
                    </a:cxn>
                    <a:cxn ang="T53">
                      <a:pos x="T30" y="T31"/>
                    </a:cxn>
                    <a:cxn ang="T54">
                      <a:pos x="T32" y="T33"/>
                    </a:cxn>
                    <a:cxn ang="T55">
                      <a:pos x="T34" y="T35"/>
                    </a:cxn>
                    <a:cxn ang="T56">
                      <a:pos x="T36" y="T37"/>
                    </a:cxn>
                  </a:cxnLst>
                  <a:rect l="T57" t="T58" r="T59" b="T60"/>
                  <a:pathLst>
                    <a:path w="21" h="15">
                      <a:moveTo>
                        <a:pt x="2" y="1"/>
                      </a:moveTo>
                      <a:lnTo>
                        <a:pt x="19" y="0"/>
                      </a:lnTo>
                      <a:lnTo>
                        <a:pt x="19" y="1"/>
                      </a:lnTo>
                      <a:lnTo>
                        <a:pt x="19" y="3"/>
                      </a:lnTo>
                      <a:lnTo>
                        <a:pt x="21" y="5"/>
                      </a:lnTo>
                      <a:lnTo>
                        <a:pt x="21" y="8"/>
                      </a:lnTo>
                      <a:lnTo>
                        <a:pt x="21" y="10"/>
                      </a:lnTo>
                      <a:lnTo>
                        <a:pt x="21" y="13"/>
                      </a:lnTo>
                      <a:lnTo>
                        <a:pt x="17" y="15"/>
                      </a:lnTo>
                      <a:lnTo>
                        <a:pt x="12" y="15"/>
                      </a:lnTo>
                      <a:lnTo>
                        <a:pt x="11" y="13"/>
                      </a:lnTo>
                      <a:lnTo>
                        <a:pt x="7" y="11"/>
                      </a:lnTo>
                      <a:lnTo>
                        <a:pt x="6" y="10"/>
                      </a:lnTo>
                      <a:lnTo>
                        <a:pt x="4" y="8"/>
                      </a:lnTo>
                      <a:lnTo>
                        <a:pt x="2" y="6"/>
                      </a:lnTo>
                      <a:lnTo>
                        <a:pt x="0" y="6"/>
                      </a:lnTo>
                      <a:lnTo>
                        <a:pt x="2" y="1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49" name="Freeform 110"/>
                <p:cNvSpPr>
                  <a:spLocks/>
                </p:cNvSpPr>
                <p:nvPr/>
              </p:nvSpPr>
              <p:spPr bwMode="auto">
                <a:xfrm>
                  <a:off x="650" y="3331"/>
                  <a:ext cx="21" cy="15"/>
                </a:xfrm>
                <a:custGeom>
                  <a:avLst/>
                  <a:gdLst>
                    <a:gd name="T0" fmla="*/ 2 w 21"/>
                    <a:gd name="T1" fmla="*/ 1 h 15"/>
                    <a:gd name="T2" fmla="*/ 19 w 21"/>
                    <a:gd name="T3" fmla="*/ 0 h 15"/>
                    <a:gd name="T4" fmla="*/ 19 w 21"/>
                    <a:gd name="T5" fmla="*/ 0 h 15"/>
                    <a:gd name="T6" fmla="*/ 19 w 21"/>
                    <a:gd name="T7" fmla="*/ 1 h 15"/>
                    <a:gd name="T8" fmla="*/ 19 w 21"/>
                    <a:gd name="T9" fmla="*/ 3 h 15"/>
                    <a:gd name="T10" fmla="*/ 21 w 21"/>
                    <a:gd name="T11" fmla="*/ 5 h 15"/>
                    <a:gd name="T12" fmla="*/ 21 w 21"/>
                    <a:gd name="T13" fmla="*/ 8 h 15"/>
                    <a:gd name="T14" fmla="*/ 21 w 21"/>
                    <a:gd name="T15" fmla="*/ 10 h 15"/>
                    <a:gd name="T16" fmla="*/ 21 w 21"/>
                    <a:gd name="T17" fmla="*/ 13 h 15"/>
                    <a:gd name="T18" fmla="*/ 17 w 21"/>
                    <a:gd name="T19" fmla="*/ 15 h 15"/>
                    <a:gd name="T20" fmla="*/ 12 w 21"/>
                    <a:gd name="T21" fmla="*/ 15 h 15"/>
                    <a:gd name="T22" fmla="*/ 12 w 21"/>
                    <a:gd name="T23" fmla="*/ 15 h 15"/>
                    <a:gd name="T24" fmla="*/ 12 w 21"/>
                    <a:gd name="T25" fmla="*/ 15 h 15"/>
                    <a:gd name="T26" fmla="*/ 11 w 21"/>
                    <a:gd name="T27" fmla="*/ 13 h 15"/>
                    <a:gd name="T28" fmla="*/ 7 w 21"/>
                    <a:gd name="T29" fmla="*/ 11 h 15"/>
                    <a:gd name="T30" fmla="*/ 6 w 21"/>
                    <a:gd name="T31" fmla="*/ 10 h 15"/>
                    <a:gd name="T32" fmla="*/ 4 w 21"/>
                    <a:gd name="T33" fmla="*/ 8 h 15"/>
                    <a:gd name="T34" fmla="*/ 2 w 21"/>
                    <a:gd name="T35" fmla="*/ 6 h 15"/>
                    <a:gd name="T36" fmla="*/ 0 w 21"/>
                    <a:gd name="T37" fmla="*/ 6 h 15"/>
                    <a:gd name="T38" fmla="*/ 0 w 21"/>
                    <a:gd name="T39" fmla="*/ 6 h 15"/>
                    <a:gd name="T40" fmla="*/ 2 w 21"/>
                    <a:gd name="T41" fmla="*/ 1 h 1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21"/>
                    <a:gd name="T64" fmla="*/ 0 h 15"/>
                    <a:gd name="T65" fmla="*/ 21 w 21"/>
                    <a:gd name="T66" fmla="*/ 15 h 1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21" h="15">
                      <a:moveTo>
                        <a:pt x="2" y="1"/>
                      </a:moveTo>
                      <a:lnTo>
                        <a:pt x="19" y="0"/>
                      </a:lnTo>
                      <a:lnTo>
                        <a:pt x="19" y="1"/>
                      </a:lnTo>
                      <a:lnTo>
                        <a:pt x="19" y="3"/>
                      </a:lnTo>
                      <a:lnTo>
                        <a:pt x="21" y="5"/>
                      </a:lnTo>
                      <a:lnTo>
                        <a:pt x="21" y="8"/>
                      </a:lnTo>
                      <a:lnTo>
                        <a:pt x="21" y="10"/>
                      </a:lnTo>
                      <a:lnTo>
                        <a:pt x="21" y="13"/>
                      </a:lnTo>
                      <a:lnTo>
                        <a:pt x="17" y="15"/>
                      </a:lnTo>
                      <a:lnTo>
                        <a:pt x="12" y="15"/>
                      </a:lnTo>
                      <a:lnTo>
                        <a:pt x="11" y="13"/>
                      </a:lnTo>
                      <a:lnTo>
                        <a:pt x="7" y="11"/>
                      </a:lnTo>
                      <a:lnTo>
                        <a:pt x="6" y="10"/>
                      </a:lnTo>
                      <a:lnTo>
                        <a:pt x="4" y="8"/>
                      </a:lnTo>
                      <a:lnTo>
                        <a:pt x="2" y="6"/>
                      </a:lnTo>
                      <a:lnTo>
                        <a:pt x="0" y="6"/>
                      </a:lnTo>
                      <a:lnTo>
                        <a:pt x="2" y="1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50" name="Freeform 111"/>
                <p:cNvSpPr>
                  <a:spLocks/>
                </p:cNvSpPr>
                <p:nvPr/>
              </p:nvSpPr>
              <p:spPr bwMode="auto">
                <a:xfrm>
                  <a:off x="495" y="3530"/>
                  <a:ext cx="18" cy="9"/>
                </a:xfrm>
                <a:custGeom>
                  <a:avLst/>
                  <a:gdLst>
                    <a:gd name="T0" fmla="*/ 12 w 18"/>
                    <a:gd name="T1" fmla="*/ 2 h 9"/>
                    <a:gd name="T2" fmla="*/ 0 w 18"/>
                    <a:gd name="T3" fmla="*/ 5 h 9"/>
                    <a:gd name="T4" fmla="*/ 13 w 18"/>
                    <a:gd name="T5" fmla="*/ 9 h 9"/>
                    <a:gd name="T6" fmla="*/ 18 w 18"/>
                    <a:gd name="T7" fmla="*/ 0 h 9"/>
                    <a:gd name="T8" fmla="*/ 12 w 18"/>
                    <a:gd name="T9" fmla="*/ 2 h 9"/>
                    <a:gd name="T10" fmla="*/ 0 60000 65536"/>
                    <a:gd name="T11" fmla="*/ 0 60000 65536"/>
                    <a:gd name="T12" fmla="*/ 0 60000 65536"/>
                    <a:gd name="T13" fmla="*/ 0 60000 65536"/>
                    <a:gd name="T14" fmla="*/ 0 60000 65536"/>
                    <a:gd name="T15" fmla="*/ 0 w 18"/>
                    <a:gd name="T16" fmla="*/ 0 h 9"/>
                    <a:gd name="T17" fmla="*/ 18 w 18"/>
                    <a:gd name="T18" fmla="*/ 9 h 9"/>
                  </a:gdLst>
                  <a:ahLst/>
                  <a:cxnLst>
                    <a:cxn ang="T10">
                      <a:pos x="T0" y="T1"/>
                    </a:cxn>
                    <a:cxn ang="T11">
                      <a:pos x="T2" y="T3"/>
                    </a:cxn>
                    <a:cxn ang="T12">
                      <a:pos x="T4" y="T5"/>
                    </a:cxn>
                    <a:cxn ang="T13">
                      <a:pos x="T6" y="T7"/>
                    </a:cxn>
                    <a:cxn ang="T14">
                      <a:pos x="T8" y="T9"/>
                    </a:cxn>
                  </a:cxnLst>
                  <a:rect l="T15" t="T16" r="T17" b="T18"/>
                  <a:pathLst>
                    <a:path w="18" h="9">
                      <a:moveTo>
                        <a:pt x="12" y="2"/>
                      </a:moveTo>
                      <a:lnTo>
                        <a:pt x="0" y="5"/>
                      </a:lnTo>
                      <a:lnTo>
                        <a:pt x="13" y="9"/>
                      </a:lnTo>
                      <a:lnTo>
                        <a:pt x="18" y="0"/>
                      </a:lnTo>
                      <a:lnTo>
                        <a:pt x="12" y="2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51" name="Freeform 112"/>
                <p:cNvSpPr>
                  <a:spLocks/>
                </p:cNvSpPr>
                <p:nvPr/>
              </p:nvSpPr>
              <p:spPr bwMode="auto">
                <a:xfrm>
                  <a:off x="495" y="3530"/>
                  <a:ext cx="18" cy="9"/>
                </a:xfrm>
                <a:custGeom>
                  <a:avLst/>
                  <a:gdLst>
                    <a:gd name="T0" fmla="*/ 12 w 18"/>
                    <a:gd name="T1" fmla="*/ 2 h 9"/>
                    <a:gd name="T2" fmla="*/ 0 w 18"/>
                    <a:gd name="T3" fmla="*/ 5 h 9"/>
                    <a:gd name="T4" fmla="*/ 13 w 18"/>
                    <a:gd name="T5" fmla="*/ 9 h 9"/>
                    <a:gd name="T6" fmla="*/ 18 w 18"/>
                    <a:gd name="T7" fmla="*/ 0 h 9"/>
                    <a:gd name="T8" fmla="*/ 12 w 18"/>
                    <a:gd name="T9" fmla="*/ 2 h 9"/>
                    <a:gd name="T10" fmla="*/ 0 60000 65536"/>
                    <a:gd name="T11" fmla="*/ 0 60000 65536"/>
                    <a:gd name="T12" fmla="*/ 0 60000 65536"/>
                    <a:gd name="T13" fmla="*/ 0 60000 65536"/>
                    <a:gd name="T14" fmla="*/ 0 60000 65536"/>
                    <a:gd name="T15" fmla="*/ 0 w 18"/>
                    <a:gd name="T16" fmla="*/ 0 h 9"/>
                    <a:gd name="T17" fmla="*/ 18 w 18"/>
                    <a:gd name="T18" fmla="*/ 9 h 9"/>
                  </a:gdLst>
                  <a:ahLst/>
                  <a:cxnLst>
                    <a:cxn ang="T10">
                      <a:pos x="T0" y="T1"/>
                    </a:cxn>
                    <a:cxn ang="T11">
                      <a:pos x="T2" y="T3"/>
                    </a:cxn>
                    <a:cxn ang="T12">
                      <a:pos x="T4" y="T5"/>
                    </a:cxn>
                    <a:cxn ang="T13">
                      <a:pos x="T6" y="T7"/>
                    </a:cxn>
                    <a:cxn ang="T14">
                      <a:pos x="T8" y="T9"/>
                    </a:cxn>
                  </a:cxnLst>
                  <a:rect l="T15" t="T16" r="T17" b="T18"/>
                  <a:pathLst>
                    <a:path w="18" h="9">
                      <a:moveTo>
                        <a:pt x="12" y="2"/>
                      </a:moveTo>
                      <a:lnTo>
                        <a:pt x="0" y="5"/>
                      </a:lnTo>
                      <a:lnTo>
                        <a:pt x="13" y="9"/>
                      </a:lnTo>
                      <a:lnTo>
                        <a:pt x="18" y="0"/>
                      </a:lnTo>
                      <a:lnTo>
                        <a:pt x="12" y="2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52" name="Freeform 113"/>
                <p:cNvSpPr>
                  <a:spLocks/>
                </p:cNvSpPr>
                <p:nvPr/>
              </p:nvSpPr>
              <p:spPr bwMode="auto">
                <a:xfrm>
                  <a:off x="606" y="3229"/>
                  <a:ext cx="34" cy="25"/>
                </a:xfrm>
                <a:custGeom>
                  <a:avLst/>
                  <a:gdLst>
                    <a:gd name="T0" fmla="*/ 4 w 34"/>
                    <a:gd name="T1" fmla="*/ 0 h 25"/>
                    <a:gd name="T2" fmla="*/ 4 w 34"/>
                    <a:gd name="T3" fmla="*/ 0 h 25"/>
                    <a:gd name="T4" fmla="*/ 4 w 34"/>
                    <a:gd name="T5" fmla="*/ 2 h 25"/>
                    <a:gd name="T6" fmla="*/ 6 w 34"/>
                    <a:gd name="T7" fmla="*/ 3 h 25"/>
                    <a:gd name="T8" fmla="*/ 9 w 34"/>
                    <a:gd name="T9" fmla="*/ 5 h 25"/>
                    <a:gd name="T10" fmla="*/ 11 w 34"/>
                    <a:gd name="T11" fmla="*/ 7 h 25"/>
                    <a:gd name="T12" fmla="*/ 14 w 34"/>
                    <a:gd name="T13" fmla="*/ 7 h 25"/>
                    <a:gd name="T14" fmla="*/ 17 w 34"/>
                    <a:gd name="T15" fmla="*/ 5 h 25"/>
                    <a:gd name="T16" fmla="*/ 21 w 34"/>
                    <a:gd name="T17" fmla="*/ 3 h 25"/>
                    <a:gd name="T18" fmla="*/ 21 w 34"/>
                    <a:gd name="T19" fmla="*/ 3 h 25"/>
                    <a:gd name="T20" fmla="*/ 21 w 34"/>
                    <a:gd name="T21" fmla="*/ 5 h 25"/>
                    <a:gd name="T22" fmla="*/ 22 w 34"/>
                    <a:gd name="T23" fmla="*/ 7 h 25"/>
                    <a:gd name="T24" fmla="*/ 22 w 34"/>
                    <a:gd name="T25" fmla="*/ 10 h 25"/>
                    <a:gd name="T26" fmla="*/ 26 w 34"/>
                    <a:gd name="T27" fmla="*/ 14 h 25"/>
                    <a:gd name="T28" fmla="*/ 28 w 34"/>
                    <a:gd name="T29" fmla="*/ 15 h 25"/>
                    <a:gd name="T30" fmla="*/ 31 w 34"/>
                    <a:gd name="T31" fmla="*/ 17 h 25"/>
                    <a:gd name="T32" fmla="*/ 34 w 34"/>
                    <a:gd name="T33" fmla="*/ 17 h 25"/>
                    <a:gd name="T34" fmla="*/ 34 w 34"/>
                    <a:gd name="T35" fmla="*/ 19 h 25"/>
                    <a:gd name="T36" fmla="*/ 33 w 34"/>
                    <a:gd name="T37" fmla="*/ 19 h 25"/>
                    <a:gd name="T38" fmla="*/ 31 w 34"/>
                    <a:gd name="T39" fmla="*/ 20 h 25"/>
                    <a:gd name="T40" fmla="*/ 28 w 34"/>
                    <a:gd name="T41" fmla="*/ 22 h 25"/>
                    <a:gd name="T42" fmla="*/ 26 w 34"/>
                    <a:gd name="T43" fmla="*/ 24 h 25"/>
                    <a:gd name="T44" fmla="*/ 24 w 34"/>
                    <a:gd name="T45" fmla="*/ 25 h 25"/>
                    <a:gd name="T46" fmla="*/ 22 w 34"/>
                    <a:gd name="T47" fmla="*/ 25 h 25"/>
                    <a:gd name="T48" fmla="*/ 22 w 34"/>
                    <a:gd name="T49" fmla="*/ 25 h 25"/>
                    <a:gd name="T50" fmla="*/ 22 w 34"/>
                    <a:gd name="T51" fmla="*/ 25 h 25"/>
                    <a:gd name="T52" fmla="*/ 22 w 34"/>
                    <a:gd name="T53" fmla="*/ 24 h 25"/>
                    <a:gd name="T54" fmla="*/ 21 w 34"/>
                    <a:gd name="T55" fmla="*/ 20 h 25"/>
                    <a:gd name="T56" fmla="*/ 19 w 34"/>
                    <a:gd name="T57" fmla="*/ 19 h 25"/>
                    <a:gd name="T58" fmla="*/ 17 w 34"/>
                    <a:gd name="T59" fmla="*/ 15 h 25"/>
                    <a:gd name="T60" fmla="*/ 12 w 34"/>
                    <a:gd name="T61" fmla="*/ 14 h 25"/>
                    <a:gd name="T62" fmla="*/ 7 w 34"/>
                    <a:gd name="T63" fmla="*/ 10 h 25"/>
                    <a:gd name="T64" fmla="*/ 0 w 34"/>
                    <a:gd name="T65" fmla="*/ 10 h 25"/>
                    <a:gd name="T66" fmla="*/ 0 w 34"/>
                    <a:gd name="T67" fmla="*/ 9 h 25"/>
                    <a:gd name="T68" fmla="*/ 0 w 34"/>
                    <a:gd name="T69" fmla="*/ 5 h 25"/>
                    <a:gd name="T70" fmla="*/ 2 w 34"/>
                    <a:gd name="T71" fmla="*/ 2 h 25"/>
                    <a:gd name="T72" fmla="*/ 4 w 34"/>
                    <a:gd name="T73" fmla="*/ 0 h 25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34"/>
                    <a:gd name="T112" fmla="*/ 0 h 25"/>
                    <a:gd name="T113" fmla="*/ 34 w 34"/>
                    <a:gd name="T114" fmla="*/ 25 h 25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34" h="25">
                      <a:moveTo>
                        <a:pt x="4" y="0"/>
                      </a:moveTo>
                      <a:lnTo>
                        <a:pt x="4" y="0"/>
                      </a:lnTo>
                      <a:lnTo>
                        <a:pt x="4" y="2"/>
                      </a:lnTo>
                      <a:lnTo>
                        <a:pt x="6" y="3"/>
                      </a:lnTo>
                      <a:lnTo>
                        <a:pt x="9" y="5"/>
                      </a:lnTo>
                      <a:lnTo>
                        <a:pt x="11" y="7"/>
                      </a:lnTo>
                      <a:lnTo>
                        <a:pt x="14" y="7"/>
                      </a:lnTo>
                      <a:lnTo>
                        <a:pt x="17" y="5"/>
                      </a:lnTo>
                      <a:lnTo>
                        <a:pt x="21" y="3"/>
                      </a:lnTo>
                      <a:lnTo>
                        <a:pt x="21" y="5"/>
                      </a:lnTo>
                      <a:lnTo>
                        <a:pt x="22" y="7"/>
                      </a:lnTo>
                      <a:lnTo>
                        <a:pt x="22" y="10"/>
                      </a:lnTo>
                      <a:lnTo>
                        <a:pt x="26" y="14"/>
                      </a:lnTo>
                      <a:lnTo>
                        <a:pt x="28" y="15"/>
                      </a:lnTo>
                      <a:lnTo>
                        <a:pt x="31" y="17"/>
                      </a:lnTo>
                      <a:lnTo>
                        <a:pt x="34" y="17"/>
                      </a:lnTo>
                      <a:lnTo>
                        <a:pt x="34" y="19"/>
                      </a:lnTo>
                      <a:lnTo>
                        <a:pt x="33" y="19"/>
                      </a:lnTo>
                      <a:lnTo>
                        <a:pt x="31" y="20"/>
                      </a:lnTo>
                      <a:lnTo>
                        <a:pt x="28" y="22"/>
                      </a:lnTo>
                      <a:lnTo>
                        <a:pt x="26" y="24"/>
                      </a:lnTo>
                      <a:lnTo>
                        <a:pt x="24" y="25"/>
                      </a:lnTo>
                      <a:lnTo>
                        <a:pt x="22" y="25"/>
                      </a:lnTo>
                      <a:lnTo>
                        <a:pt x="22" y="24"/>
                      </a:lnTo>
                      <a:lnTo>
                        <a:pt x="21" y="20"/>
                      </a:lnTo>
                      <a:lnTo>
                        <a:pt x="19" y="19"/>
                      </a:lnTo>
                      <a:lnTo>
                        <a:pt x="17" y="15"/>
                      </a:lnTo>
                      <a:lnTo>
                        <a:pt x="12" y="14"/>
                      </a:lnTo>
                      <a:lnTo>
                        <a:pt x="7" y="10"/>
                      </a:lnTo>
                      <a:lnTo>
                        <a:pt x="0" y="10"/>
                      </a:lnTo>
                      <a:lnTo>
                        <a:pt x="0" y="9"/>
                      </a:lnTo>
                      <a:lnTo>
                        <a:pt x="0" y="5"/>
                      </a:lnTo>
                      <a:lnTo>
                        <a:pt x="2" y="2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53" name="Freeform 114"/>
                <p:cNvSpPr>
                  <a:spLocks/>
                </p:cNvSpPr>
                <p:nvPr/>
              </p:nvSpPr>
              <p:spPr bwMode="auto">
                <a:xfrm>
                  <a:off x="606" y="3229"/>
                  <a:ext cx="34" cy="25"/>
                </a:xfrm>
                <a:custGeom>
                  <a:avLst/>
                  <a:gdLst>
                    <a:gd name="T0" fmla="*/ 4 w 34"/>
                    <a:gd name="T1" fmla="*/ 0 h 25"/>
                    <a:gd name="T2" fmla="*/ 4 w 34"/>
                    <a:gd name="T3" fmla="*/ 0 h 25"/>
                    <a:gd name="T4" fmla="*/ 4 w 34"/>
                    <a:gd name="T5" fmla="*/ 0 h 25"/>
                    <a:gd name="T6" fmla="*/ 4 w 34"/>
                    <a:gd name="T7" fmla="*/ 2 h 25"/>
                    <a:gd name="T8" fmla="*/ 6 w 34"/>
                    <a:gd name="T9" fmla="*/ 3 h 25"/>
                    <a:gd name="T10" fmla="*/ 9 w 34"/>
                    <a:gd name="T11" fmla="*/ 5 h 25"/>
                    <a:gd name="T12" fmla="*/ 11 w 34"/>
                    <a:gd name="T13" fmla="*/ 7 h 25"/>
                    <a:gd name="T14" fmla="*/ 14 w 34"/>
                    <a:gd name="T15" fmla="*/ 7 h 25"/>
                    <a:gd name="T16" fmla="*/ 17 w 34"/>
                    <a:gd name="T17" fmla="*/ 5 h 25"/>
                    <a:gd name="T18" fmla="*/ 21 w 34"/>
                    <a:gd name="T19" fmla="*/ 3 h 25"/>
                    <a:gd name="T20" fmla="*/ 21 w 34"/>
                    <a:gd name="T21" fmla="*/ 3 h 25"/>
                    <a:gd name="T22" fmla="*/ 21 w 34"/>
                    <a:gd name="T23" fmla="*/ 3 h 25"/>
                    <a:gd name="T24" fmla="*/ 21 w 34"/>
                    <a:gd name="T25" fmla="*/ 5 h 25"/>
                    <a:gd name="T26" fmla="*/ 22 w 34"/>
                    <a:gd name="T27" fmla="*/ 7 h 25"/>
                    <a:gd name="T28" fmla="*/ 22 w 34"/>
                    <a:gd name="T29" fmla="*/ 10 h 25"/>
                    <a:gd name="T30" fmla="*/ 26 w 34"/>
                    <a:gd name="T31" fmla="*/ 14 h 25"/>
                    <a:gd name="T32" fmla="*/ 28 w 34"/>
                    <a:gd name="T33" fmla="*/ 15 h 25"/>
                    <a:gd name="T34" fmla="*/ 31 w 34"/>
                    <a:gd name="T35" fmla="*/ 17 h 25"/>
                    <a:gd name="T36" fmla="*/ 34 w 34"/>
                    <a:gd name="T37" fmla="*/ 17 h 25"/>
                    <a:gd name="T38" fmla="*/ 34 w 34"/>
                    <a:gd name="T39" fmla="*/ 17 h 25"/>
                    <a:gd name="T40" fmla="*/ 34 w 34"/>
                    <a:gd name="T41" fmla="*/ 19 h 25"/>
                    <a:gd name="T42" fmla="*/ 33 w 34"/>
                    <a:gd name="T43" fmla="*/ 19 h 25"/>
                    <a:gd name="T44" fmla="*/ 31 w 34"/>
                    <a:gd name="T45" fmla="*/ 20 h 25"/>
                    <a:gd name="T46" fmla="*/ 28 w 34"/>
                    <a:gd name="T47" fmla="*/ 22 h 25"/>
                    <a:gd name="T48" fmla="*/ 26 w 34"/>
                    <a:gd name="T49" fmla="*/ 24 h 25"/>
                    <a:gd name="T50" fmla="*/ 24 w 34"/>
                    <a:gd name="T51" fmla="*/ 25 h 25"/>
                    <a:gd name="T52" fmla="*/ 22 w 34"/>
                    <a:gd name="T53" fmla="*/ 25 h 25"/>
                    <a:gd name="T54" fmla="*/ 22 w 34"/>
                    <a:gd name="T55" fmla="*/ 25 h 25"/>
                    <a:gd name="T56" fmla="*/ 22 w 34"/>
                    <a:gd name="T57" fmla="*/ 25 h 25"/>
                    <a:gd name="T58" fmla="*/ 22 w 34"/>
                    <a:gd name="T59" fmla="*/ 25 h 25"/>
                    <a:gd name="T60" fmla="*/ 22 w 34"/>
                    <a:gd name="T61" fmla="*/ 24 h 25"/>
                    <a:gd name="T62" fmla="*/ 21 w 34"/>
                    <a:gd name="T63" fmla="*/ 20 h 25"/>
                    <a:gd name="T64" fmla="*/ 19 w 34"/>
                    <a:gd name="T65" fmla="*/ 19 h 25"/>
                    <a:gd name="T66" fmla="*/ 17 w 34"/>
                    <a:gd name="T67" fmla="*/ 15 h 25"/>
                    <a:gd name="T68" fmla="*/ 12 w 34"/>
                    <a:gd name="T69" fmla="*/ 14 h 25"/>
                    <a:gd name="T70" fmla="*/ 7 w 34"/>
                    <a:gd name="T71" fmla="*/ 10 h 25"/>
                    <a:gd name="T72" fmla="*/ 0 w 34"/>
                    <a:gd name="T73" fmla="*/ 10 h 25"/>
                    <a:gd name="T74" fmla="*/ 0 w 34"/>
                    <a:gd name="T75" fmla="*/ 10 h 25"/>
                    <a:gd name="T76" fmla="*/ 0 w 34"/>
                    <a:gd name="T77" fmla="*/ 9 h 25"/>
                    <a:gd name="T78" fmla="*/ 0 w 34"/>
                    <a:gd name="T79" fmla="*/ 5 h 25"/>
                    <a:gd name="T80" fmla="*/ 2 w 34"/>
                    <a:gd name="T81" fmla="*/ 2 h 25"/>
                    <a:gd name="T82" fmla="*/ 4 w 34"/>
                    <a:gd name="T83" fmla="*/ 0 h 25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w 34"/>
                    <a:gd name="T127" fmla="*/ 0 h 25"/>
                    <a:gd name="T128" fmla="*/ 34 w 34"/>
                    <a:gd name="T129" fmla="*/ 25 h 25"/>
                  </a:gdLst>
                  <a:ahLst/>
                  <a:cxnLst>
                    <a:cxn ang="T84">
                      <a:pos x="T0" y="T1"/>
                    </a:cxn>
                    <a:cxn ang="T85">
                      <a:pos x="T2" y="T3"/>
                    </a:cxn>
                    <a:cxn ang="T86">
                      <a:pos x="T4" y="T5"/>
                    </a:cxn>
                    <a:cxn ang="T87">
                      <a:pos x="T6" y="T7"/>
                    </a:cxn>
                    <a:cxn ang="T88">
                      <a:pos x="T8" y="T9"/>
                    </a:cxn>
                    <a:cxn ang="T89">
                      <a:pos x="T10" y="T11"/>
                    </a:cxn>
                    <a:cxn ang="T90">
                      <a:pos x="T12" y="T13"/>
                    </a:cxn>
                    <a:cxn ang="T91">
                      <a:pos x="T14" y="T15"/>
                    </a:cxn>
                    <a:cxn ang="T92">
                      <a:pos x="T16" y="T17"/>
                    </a:cxn>
                    <a:cxn ang="T93">
                      <a:pos x="T18" y="T19"/>
                    </a:cxn>
                    <a:cxn ang="T94">
                      <a:pos x="T20" y="T21"/>
                    </a:cxn>
                    <a:cxn ang="T95">
                      <a:pos x="T22" y="T23"/>
                    </a:cxn>
                    <a:cxn ang="T96">
                      <a:pos x="T24" y="T25"/>
                    </a:cxn>
                    <a:cxn ang="T97">
                      <a:pos x="T26" y="T27"/>
                    </a:cxn>
                    <a:cxn ang="T98">
                      <a:pos x="T28" y="T29"/>
                    </a:cxn>
                    <a:cxn ang="T99">
                      <a:pos x="T30" y="T31"/>
                    </a:cxn>
                    <a:cxn ang="T100">
                      <a:pos x="T32" y="T33"/>
                    </a:cxn>
                    <a:cxn ang="T101">
                      <a:pos x="T34" y="T35"/>
                    </a:cxn>
                    <a:cxn ang="T102">
                      <a:pos x="T36" y="T37"/>
                    </a:cxn>
                    <a:cxn ang="T103">
                      <a:pos x="T38" y="T39"/>
                    </a:cxn>
                    <a:cxn ang="T104">
                      <a:pos x="T40" y="T41"/>
                    </a:cxn>
                    <a:cxn ang="T105">
                      <a:pos x="T42" y="T43"/>
                    </a:cxn>
                    <a:cxn ang="T106">
                      <a:pos x="T44" y="T45"/>
                    </a:cxn>
                    <a:cxn ang="T107">
                      <a:pos x="T46" y="T47"/>
                    </a:cxn>
                    <a:cxn ang="T108">
                      <a:pos x="T48" y="T49"/>
                    </a:cxn>
                    <a:cxn ang="T109">
                      <a:pos x="T50" y="T51"/>
                    </a:cxn>
                    <a:cxn ang="T110">
                      <a:pos x="T52" y="T53"/>
                    </a:cxn>
                    <a:cxn ang="T111">
                      <a:pos x="T54" y="T55"/>
                    </a:cxn>
                    <a:cxn ang="T112">
                      <a:pos x="T56" y="T57"/>
                    </a:cxn>
                    <a:cxn ang="T113">
                      <a:pos x="T58" y="T59"/>
                    </a:cxn>
                    <a:cxn ang="T114">
                      <a:pos x="T60" y="T61"/>
                    </a:cxn>
                    <a:cxn ang="T115">
                      <a:pos x="T62" y="T63"/>
                    </a:cxn>
                    <a:cxn ang="T116">
                      <a:pos x="T64" y="T65"/>
                    </a:cxn>
                    <a:cxn ang="T117">
                      <a:pos x="T66" y="T67"/>
                    </a:cxn>
                    <a:cxn ang="T118">
                      <a:pos x="T68" y="T69"/>
                    </a:cxn>
                    <a:cxn ang="T119">
                      <a:pos x="T70" y="T71"/>
                    </a:cxn>
                    <a:cxn ang="T120">
                      <a:pos x="T72" y="T73"/>
                    </a:cxn>
                    <a:cxn ang="T121">
                      <a:pos x="T74" y="T75"/>
                    </a:cxn>
                    <a:cxn ang="T122">
                      <a:pos x="T76" y="T77"/>
                    </a:cxn>
                    <a:cxn ang="T123">
                      <a:pos x="T78" y="T79"/>
                    </a:cxn>
                    <a:cxn ang="T124">
                      <a:pos x="T80" y="T81"/>
                    </a:cxn>
                    <a:cxn ang="T125">
                      <a:pos x="T82" y="T83"/>
                    </a:cxn>
                  </a:cxnLst>
                  <a:rect l="T126" t="T127" r="T128" b="T129"/>
                  <a:pathLst>
                    <a:path w="34" h="25">
                      <a:moveTo>
                        <a:pt x="4" y="0"/>
                      </a:moveTo>
                      <a:lnTo>
                        <a:pt x="4" y="0"/>
                      </a:lnTo>
                      <a:lnTo>
                        <a:pt x="4" y="2"/>
                      </a:lnTo>
                      <a:lnTo>
                        <a:pt x="6" y="3"/>
                      </a:lnTo>
                      <a:lnTo>
                        <a:pt x="9" y="5"/>
                      </a:lnTo>
                      <a:lnTo>
                        <a:pt x="11" y="7"/>
                      </a:lnTo>
                      <a:lnTo>
                        <a:pt x="14" y="7"/>
                      </a:lnTo>
                      <a:lnTo>
                        <a:pt x="17" y="5"/>
                      </a:lnTo>
                      <a:lnTo>
                        <a:pt x="21" y="3"/>
                      </a:lnTo>
                      <a:lnTo>
                        <a:pt x="21" y="5"/>
                      </a:lnTo>
                      <a:lnTo>
                        <a:pt x="22" y="7"/>
                      </a:lnTo>
                      <a:lnTo>
                        <a:pt x="22" y="10"/>
                      </a:lnTo>
                      <a:lnTo>
                        <a:pt x="26" y="14"/>
                      </a:lnTo>
                      <a:lnTo>
                        <a:pt x="28" y="15"/>
                      </a:lnTo>
                      <a:lnTo>
                        <a:pt x="31" y="17"/>
                      </a:lnTo>
                      <a:lnTo>
                        <a:pt x="34" y="17"/>
                      </a:lnTo>
                      <a:lnTo>
                        <a:pt x="34" y="19"/>
                      </a:lnTo>
                      <a:lnTo>
                        <a:pt x="33" y="19"/>
                      </a:lnTo>
                      <a:lnTo>
                        <a:pt x="31" y="20"/>
                      </a:lnTo>
                      <a:lnTo>
                        <a:pt x="28" y="22"/>
                      </a:lnTo>
                      <a:lnTo>
                        <a:pt x="26" y="24"/>
                      </a:lnTo>
                      <a:lnTo>
                        <a:pt x="24" y="25"/>
                      </a:lnTo>
                      <a:lnTo>
                        <a:pt x="22" y="25"/>
                      </a:lnTo>
                      <a:lnTo>
                        <a:pt x="22" y="24"/>
                      </a:lnTo>
                      <a:lnTo>
                        <a:pt x="21" y="20"/>
                      </a:lnTo>
                      <a:lnTo>
                        <a:pt x="19" y="19"/>
                      </a:lnTo>
                      <a:lnTo>
                        <a:pt x="17" y="15"/>
                      </a:lnTo>
                      <a:lnTo>
                        <a:pt x="12" y="14"/>
                      </a:lnTo>
                      <a:lnTo>
                        <a:pt x="7" y="10"/>
                      </a:lnTo>
                      <a:lnTo>
                        <a:pt x="0" y="10"/>
                      </a:lnTo>
                      <a:lnTo>
                        <a:pt x="0" y="9"/>
                      </a:lnTo>
                      <a:lnTo>
                        <a:pt x="0" y="5"/>
                      </a:lnTo>
                      <a:lnTo>
                        <a:pt x="2" y="2"/>
                      </a:lnTo>
                      <a:lnTo>
                        <a:pt x="4" y="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39" name="Freeform 115"/>
              <p:cNvSpPr>
                <a:spLocks/>
              </p:cNvSpPr>
              <p:nvPr/>
            </p:nvSpPr>
            <p:spPr bwMode="auto">
              <a:xfrm>
                <a:off x="250" y="1142"/>
                <a:ext cx="769" cy="650"/>
              </a:xfrm>
              <a:custGeom>
                <a:avLst/>
                <a:gdLst>
                  <a:gd name="T0" fmla="*/ 149 w 791"/>
                  <a:gd name="T1" fmla="*/ 14 h 669"/>
                  <a:gd name="T2" fmla="*/ 137 w 791"/>
                  <a:gd name="T3" fmla="*/ 12 h 669"/>
                  <a:gd name="T4" fmla="*/ 122 w 791"/>
                  <a:gd name="T5" fmla="*/ 0 h 669"/>
                  <a:gd name="T6" fmla="*/ 116 w 791"/>
                  <a:gd name="T7" fmla="*/ 29 h 669"/>
                  <a:gd name="T8" fmla="*/ 89 w 791"/>
                  <a:gd name="T9" fmla="*/ 99 h 669"/>
                  <a:gd name="T10" fmla="*/ 71 w 791"/>
                  <a:gd name="T11" fmla="*/ 147 h 669"/>
                  <a:gd name="T12" fmla="*/ 55 w 791"/>
                  <a:gd name="T13" fmla="*/ 179 h 669"/>
                  <a:gd name="T14" fmla="*/ 40 w 791"/>
                  <a:gd name="T15" fmla="*/ 210 h 669"/>
                  <a:gd name="T16" fmla="*/ 27 w 791"/>
                  <a:gd name="T17" fmla="*/ 224 h 669"/>
                  <a:gd name="T18" fmla="*/ 24 w 791"/>
                  <a:gd name="T19" fmla="*/ 230 h 669"/>
                  <a:gd name="T20" fmla="*/ 14 w 791"/>
                  <a:gd name="T21" fmla="*/ 258 h 669"/>
                  <a:gd name="T22" fmla="*/ 12 w 791"/>
                  <a:gd name="T23" fmla="*/ 275 h 669"/>
                  <a:gd name="T24" fmla="*/ 12 w 791"/>
                  <a:gd name="T25" fmla="*/ 286 h 669"/>
                  <a:gd name="T26" fmla="*/ 2 w 791"/>
                  <a:gd name="T27" fmla="*/ 302 h 669"/>
                  <a:gd name="T28" fmla="*/ 0 w 791"/>
                  <a:gd name="T29" fmla="*/ 317 h 669"/>
                  <a:gd name="T30" fmla="*/ 2 w 791"/>
                  <a:gd name="T31" fmla="*/ 326 h 669"/>
                  <a:gd name="T32" fmla="*/ 4 w 791"/>
                  <a:gd name="T33" fmla="*/ 330 h 669"/>
                  <a:gd name="T34" fmla="*/ 10 w 791"/>
                  <a:gd name="T35" fmla="*/ 337 h 669"/>
                  <a:gd name="T36" fmla="*/ 25 w 791"/>
                  <a:gd name="T37" fmla="*/ 340 h 669"/>
                  <a:gd name="T38" fmla="*/ 59 w 791"/>
                  <a:gd name="T39" fmla="*/ 350 h 669"/>
                  <a:gd name="T40" fmla="*/ 98 w 791"/>
                  <a:gd name="T41" fmla="*/ 361 h 669"/>
                  <a:gd name="T42" fmla="*/ 145 w 791"/>
                  <a:gd name="T43" fmla="*/ 374 h 669"/>
                  <a:gd name="T44" fmla="*/ 193 w 791"/>
                  <a:gd name="T45" fmla="*/ 387 h 669"/>
                  <a:gd name="T46" fmla="*/ 247 w 791"/>
                  <a:gd name="T47" fmla="*/ 400 h 669"/>
                  <a:gd name="T48" fmla="*/ 291 w 791"/>
                  <a:gd name="T49" fmla="*/ 412 h 669"/>
                  <a:gd name="T50" fmla="*/ 330 w 791"/>
                  <a:gd name="T51" fmla="*/ 422 h 669"/>
                  <a:gd name="T52" fmla="*/ 367 w 791"/>
                  <a:gd name="T53" fmla="*/ 431 h 669"/>
                  <a:gd name="T54" fmla="*/ 398 w 791"/>
                  <a:gd name="T55" fmla="*/ 436 h 669"/>
                  <a:gd name="T56" fmla="*/ 421 w 791"/>
                  <a:gd name="T57" fmla="*/ 444 h 669"/>
                  <a:gd name="T58" fmla="*/ 432 w 791"/>
                  <a:gd name="T59" fmla="*/ 448 h 669"/>
                  <a:gd name="T60" fmla="*/ 462 w 791"/>
                  <a:gd name="T61" fmla="*/ 308 h 669"/>
                  <a:gd name="T62" fmla="*/ 477 w 791"/>
                  <a:gd name="T63" fmla="*/ 266 h 669"/>
                  <a:gd name="T64" fmla="*/ 466 w 791"/>
                  <a:gd name="T65" fmla="*/ 250 h 669"/>
                  <a:gd name="T66" fmla="*/ 470 w 791"/>
                  <a:gd name="T67" fmla="*/ 245 h 669"/>
                  <a:gd name="T68" fmla="*/ 492 w 791"/>
                  <a:gd name="T69" fmla="*/ 216 h 669"/>
                  <a:gd name="T70" fmla="*/ 531 w 791"/>
                  <a:gd name="T71" fmla="*/ 159 h 669"/>
                  <a:gd name="T72" fmla="*/ 515 w 791"/>
                  <a:gd name="T73" fmla="*/ 124 h 669"/>
                  <a:gd name="T74" fmla="*/ 398 w 791"/>
                  <a:gd name="T75" fmla="*/ 96 h 669"/>
                  <a:gd name="T76" fmla="*/ 383 w 791"/>
                  <a:gd name="T77" fmla="*/ 98 h 669"/>
                  <a:gd name="T78" fmla="*/ 367 w 791"/>
                  <a:gd name="T79" fmla="*/ 95 h 669"/>
                  <a:gd name="T80" fmla="*/ 357 w 791"/>
                  <a:gd name="T81" fmla="*/ 93 h 669"/>
                  <a:gd name="T82" fmla="*/ 350 w 791"/>
                  <a:gd name="T83" fmla="*/ 96 h 669"/>
                  <a:gd name="T84" fmla="*/ 319 w 791"/>
                  <a:gd name="T85" fmla="*/ 99 h 669"/>
                  <a:gd name="T86" fmla="*/ 297 w 791"/>
                  <a:gd name="T87" fmla="*/ 94 h 669"/>
                  <a:gd name="T88" fmla="*/ 283 w 791"/>
                  <a:gd name="T89" fmla="*/ 95 h 669"/>
                  <a:gd name="T90" fmla="*/ 265 w 791"/>
                  <a:gd name="T91" fmla="*/ 95 h 669"/>
                  <a:gd name="T92" fmla="*/ 244 w 791"/>
                  <a:gd name="T93" fmla="*/ 81 h 669"/>
                  <a:gd name="T94" fmla="*/ 228 w 791"/>
                  <a:gd name="T95" fmla="*/ 80 h 669"/>
                  <a:gd name="T96" fmla="*/ 212 w 791"/>
                  <a:gd name="T97" fmla="*/ 82 h 669"/>
                  <a:gd name="T98" fmla="*/ 193 w 791"/>
                  <a:gd name="T99" fmla="*/ 81 h 669"/>
                  <a:gd name="T100" fmla="*/ 185 w 791"/>
                  <a:gd name="T101" fmla="*/ 76 h 669"/>
                  <a:gd name="T102" fmla="*/ 178 w 791"/>
                  <a:gd name="T103" fmla="*/ 70 h 669"/>
                  <a:gd name="T104" fmla="*/ 177 w 791"/>
                  <a:gd name="T105" fmla="*/ 59 h 669"/>
                  <a:gd name="T106" fmla="*/ 177 w 791"/>
                  <a:gd name="T107" fmla="*/ 43 h 669"/>
                  <a:gd name="T108" fmla="*/ 172 w 791"/>
                  <a:gd name="T109" fmla="*/ 22 h 669"/>
                  <a:gd name="T110" fmla="*/ 159 w 791"/>
                  <a:gd name="T111" fmla="*/ 17 h 669"/>
                  <a:gd name="T112" fmla="*/ 154 w 791"/>
                  <a:gd name="T113" fmla="*/ 17 h 669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791"/>
                  <a:gd name="T172" fmla="*/ 0 h 669"/>
                  <a:gd name="T173" fmla="*/ 791 w 791"/>
                  <a:gd name="T174" fmla="*/ 669 h 669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791" h="669">
                    <a:moveTo>
                      <a:pt x="239" y="27"/>
                    </a:moveTo>
                    <a:lnTo>
                      <a:pt x="232" y="27"/>
                    </a:lnTo>
                    <a:lnTo>
                      <a:pt x="227" y="22"/>
                    </a:lnTo>
                    <a:lnTo>
                      <a:pt x="222" y="19"/>
                    </a:lnTo>
                    <a:lnTo>
                      <a:pt x="220" y="14"/>
                    </a:lnTo>
                    <a:lnTo>
                      <a:pt x="214" y="12"/>
                    </a:lnTo>
                    <a:lnTo>
                      <a:pt x="212" y="12"/>
                    </a:lnTo>
                    <a:lnTo>
                      <a:pt x="207" y="14"/>
                    </a:lnTo>
                    <a:lnTo>
                      <a:pt x="202" y="12"/>
                    </a:lnTo>
                    <a:lnTo>
                      <a:pt x="197" y="9"/>
                    </a:lnTo>
                    <a:lnTo>
                      <a:pt x="193" y="9"/>
                    </a:lnTo>
                    <a:lnTo>
                      <a:pt x="190" y="12"/>
                    </a:lnTo>
                    <a:lnTo>
                      <a:pt x="185" y="7"/>
                    </a:lnTo>
                    <a:lnTo>
                      <a:pt x="181" y="0"/>
                    </a:lnTo>
                    <a:lnTo>
                      <a:pt x="178" y="0"/>
                    </a:lnTo>
                    <a:lnTo>
                      <a:pt x="180" y="17"/>
                    </a:lnTo>
                    <a:lnTo>
                      <a:pt x="178" y="26"/>
                    </a:lnTo>
                    <a:lnTo>
                      <a:pt x="168" y="34"/>
                    </a:lnTo>
                    <a:lnTo>
                      <a:pt x="173" y="43"/>
                    </a:lnTo>
                    <a:lnTo>
                      <a:pt x="168" y="48"/>
                    </a:lnTo>
                    <a:lnTo>
                      <a:pt x="161" y="63"/>
                    </a:lnTo>
                    <a:lnTo>
                      <a:pt x="164" y="73"/>
                    </a:lnTo>
                    <a:lnTo>
                      <a:pt x="156" y="88"/>
                    </a:lnTo>
                    <a:lnTo>
                      <a:pt x="134" y="147"/>
                    </a:lnTo>
                    <a:lnTo>
                      <a:pt x="119" y="169"/>
                    </a:lnTo>
                    <a:lnTo>
                      <a:pt x="119" y="176"/>
                    </a:lnTo>
                    <a:lnTo>
                      <a:pt x="102" y="222"/>
                    </a:lnTo>
                    <a:lnTo>
                      <a:pt x="104" y="222"/>
                    </a:lnTo>
                    <a:lnTo>
                      <a:pt x="104" y="220"/>
                    </a:lnTo>
                    <a:lnTo>
                      <a:pt x="102" y="222"/>
                    </a:lnTo>
                    <a:lnTo>
                      <a:pt x="95" y="239"/>
                    </a:lnTo>
                    <a:lnTo>
                      <a:pt x="90" y="254"/>
                    </a:lnTo>
                    <a:lnTo>
                      <a:pt x="83" y="268"/>
                    </a:lnTo>
                    <a:lnTo>
                      <a:pt x="76" y="279"/>
                    </a:lnTo>
                    <a:lnTo>
                      <a:pt x="71" y="290"/>
                    </a:lnTo>
                    <a:lnTo>
                      <a:pt x="66" y="300"/>
                    </a:lnTo>
                    <a:lnTo>
                      <a:pt x="61" y="308"/>
                    </a:lnTo>
                    <a:lnTo>
                      <a:pt x="56" y="315"/>
                    </a:lnTo>
                    <a:lnTo>
                      <a:pt x="53" y="322"/>
                    </a:lnTo>
                    <a:lnTo>
                      <a:pt x="49" y="327"/>
                    </a:lnTo>
                    <a:lnTo>
                      <a:pt x="46" y="332"/>
                    </a:lnTo>
                    <a:lnTo>
                      <a:pt x="43" y="335"/>
                    </a:lnTo>
                    <a:lnTo>
                      <a:pt x="41" y="337"/>
                    </a:lnTo>
                    <a:lnTo>
                      <a:pt x="39" y="339"/>
                    </a:lnTo>
                    <a:lnTo>
                      <a:pt x="39" y="340"/>
                    </a:lnTo>
                    <a:lnTo>
                      <a:pt x="39" y="344"/>
                    </a:lnTo>
                    <a:lnTo>
                      <a:pt x="38" y="345"/>
                    </a:lnTo>
                    <a:lnTo>
                      <a:pt x="34" y="351"/>
                    </a:lnTo>
                    <a:lnTo>
                      <a:pt x="31" y="359"/>
                    </a:lnTo>
                    <a:lnTo>
                      <a:pt x="24" y="367"/>
                    </a:lnTo>
                    <a:lnTo>
                      <a:pt x="19" y="378"/>
                    </a:lnTo>
                    <a:lnTo>
                      <a:pt x="14" y="386"/>
                    </a:lnTo>
                    <a:lnTo>
                      <a:pt x="10" y="393"/>
                    </a:lnTo>
                    <a:lnTo>
                      <a:pt x="9" y="396"/>
                    </a:lnTo>
                    <a:lnTo>
                      <a:pt x="10" y="401"/>
                    </a:lnTo>
                    <a:lnTo>
                      <a:pt x="12" y="406"/>
                    </a:lnTo>
                    <a:lnTo>
                      <a:pt x="12" y="411"/>
                    </a:lnTo>
                    <a:lnTo>
                      <a:pt x="12" y="417"/>
                    </a:lnTo>
                    <a:lnTo>
                      <a:pt x="12" y="420"/>
                    </a:lnTo>
                    <a:lnTo>
                      <a:pt x="12" y="423"/>
                    </a:lnTo>
                    <a:lnTo>
                      <a:pt x="12" y="427"/>
                    </a:lnTo>
                    <a:lnTo>
                      <a:pt x="12" y="428"/>
                    </a:lnTo>
                    <a:lnTo>
                      <a:pt x="9" y="432"/>
                    </a:lnTo>
                    <a:lnTo>
                      <a:pt x="7" y="437"/>
                    </a:lnTo>
                    <a:lnTo>
                      <a:pt x="5" y="442"/>
                    </a:lnTo>
                    <a:lnTo>
                      <a:pt x="4" y="447"/>
                    </a:lnTo>
                    <a:lnTo>
                      <a:pt x="2" y="452"/>
                    </a:lnTo>
                    <a:lnTo>
                      <a:pt x="2" y="457"/>
                    </a:lnTo>
                    <a:lnTo>
                      <a:pt x="0" y="462"/>
                    </a:lnTo>
                    <a:lnTo>
                      <a:pt x="0" y="466"/>
                    </a:lnTo>
                    <a:lnTo>
                      <a:pt x="0" y="471"/>
                    </a:lnTo>
                    <a:lnTo>
                      <a:pt x="0" y="474"/>
                    </a:lnTo>
                    <a:lnTo>
                      <a:pt x="0" y="477"/>
                    </a:lnTo>
                    <a:lnTo>
                      <a:pt x="2" y="481"/>
                    </a:lnTo>
                    <a:lnTo>
                      <a:pt x="2" y="484"/>
                    </a:lnTo>
                    <a:lnTo>
                      <a:pt x="2" y="486"/>
                    </a:lnTo>
                    <a:lnTo>
                      <a:pt x="2" y="488"/>
                    </a:lnTo>
                    <a:lnTo>
                      <a:pt x="2" y="489"/>
                    </a:lnTo>
                    <a:lnTo>
                      <a:pt x="4" y="491"/>
                    </a:lnTo>
                    <a:lnTo>
                      <a:pt x="4" y="494"/>
                    </a:lnTo>
                    <a:lnTo>
                      <a:pt x="5" y="496"/>
                    </a:lnTo>
                    <a:lnTo>
                      <a:pt x="5" y="498"/>
                    </a:lnTo>
                    <a:lnTo>
                      <a:pt x="7" y="499"/>
                    </a:lnTo>
                    <a:lnTo>
                      <a:pt x="7" y="501"/>
                    </a:lnTo>
                    <a:lnTo>
                      <a:pt x="10" y="503"/>
                    </a:lnTo>
                    <a:lnTo>
                      <a:pt x="16" y="503"/>
                    </a:lnTo>
                    <a:lnTo>
                      <a:pt x="21" y="506"/>
                    </a:lnTo>
                    <a:lnTo>
                      <a:pt x="26" y="508"/>
                    </a:lnTo>
                    <a:lnTo>
                      <a:pt x="32" y="510"/>
                    </a:lnTo>
                    <a:lnTo>
                      <a:pt x="39" y="511"/>
                    </a:lnTo>
                    <a:lnTo>
                      <a:pt x="48" y="515"/>
                    </a:lnTo>
                    <a:lnTo>
                      <a:pt x="56" y="516"/>
                    </a:lnTo>
                    <a:lnTo>
                      <a:pt x="66" y="520"/>
                    </a:lnTo>
                    <a:lnTo>
                      <a:pt x="76" y="521"/>
                    </a:lnTo>
                    <a:lnTo>
                      <a:pt x="87" y="525"/>
                    </a:lnTo>
                    <a:lnTo>
                      <a:pt x="97" y="528"/>
                    </a:lnTo>
                    <a:lnTo>
                      <a:pt x="109" y="532"/>
                    </a:lnTo>
                    <a:lnTo>
                      <a:pt x="120" y="535"/>
                    </a:lnTo>
                    <a:lnTo>
                      <a:pt x="132" y="538"/>
                    </a:lnTo>
                    <a:lnTo>
                      <a:pt x="146" y="542"/>
                    </a:lnTo>
                    <a:lnTo>
                      <a:pt x="159" y="545"/>
                    </a:lnTo>
                    <a:lnTo>
                      <a:pt x="173" y="549"/>
                    </a:lnTo>
                    <a:lnTo>
                      <a:pt x="186" y="552"/>
                    </a:lnTo>
                    <a:lnTo>
                      <a:pt x="200" y="555"/>
                    </a:lnTo>
                    <a:lnTo>
                      <a:pt x="214" y="560"/>
                    </a:lnTo>
                    <a:lnTo>
                      <a:pt x="229" y="564"/>
                    </a:lnTo>
                    <a:lnTo>
                      <a:pt x="244" y="567"/>
                    </a:lnTo>
                    <a:lnTo>
                      <a:pt x="259" y="572"/>
                    </a:lnTo>
                    <a:lnTo>
                      <a:pt x="274" y="576"/>
                    </a:lnTo>
                    <a:lnTo>
                      <a:pt x="288" y="579"/>
                    </a:lnTo>
                    <a:lnTo>
                      <a:pt x="305" y="584"/>
                    </a:lnTo>
                    <a:lnTo>
                      <a:pt x="318" y="587"/>
                    </a:lnTo>
                    <a:lnTo>
                      <a:pt x="335" y="591"/>
                    </a:lnTo>
                    <a:lnTo>
                      <a:pt x="349" y="594"/>
                    </a:lnTo>
                    <a:lnTo>
                      <a:pt x="366" y="599"/>
                    </a:lnTo>
                    <a:lnTo>
                      <a:pt x="379" y="603"/>
                    </a:lnTo>
                    <a:lnTo>
                      <a:pt x="393" y="606"/>
                    </a:lnTo>
                    <a:lnTo>
                      <a:pt x="406" y="609"/>
                    </a:lnTo>
                    <a:lnTo>
                      <a:pt x="418" y="613"/>
                    </a:lnTo>
                    <a:lnTo>
                      <a:pt x="432" y="616"/>
                    </a:lnTo>
                    <a:lnTo>
                      <a:pt x="444" y="620"/>
                    </a:lnTo>
                    <a:lnTo>
                      <a:pt x="456" y="621"/>
                    </a:lnTo>
                    <a:lnTo>
                      <a:pt x="469" y="625"/>
                    </a:lnTo>
                    <a:lnTo>
                      <a:pt x="479" y="628"/>
                    </a:lnTo>
                    <a:lnTo>
                      <a:pt x="491" y="631"/>
                    </a:lnTo>
                    <a:lnTo>
                      <a:pt x="503" y="633"/>
                    </a:lnTo>
                    <a:lnTo>
                      <a:pt x="515" y="637"/>
                    </a:lnTo>
                    <a:lnTo>
                      <a:pt x="525" y="640"/>
                    </a:lnTo>
                    <a:lnTo>
                      <a:pt x="535" y="642"/>
                    </a:lnTo>
                    <a:lnTo>
                      <a:pt x="545" y="645"/>
                    </a:lnTo>
                    <a:lnTo>
                      <a:pt x="555" y="647"/>
                    </a:lnTo>
                    <a:lnTo>
                      <a:pt x="564" y="650"/>
                    </a:lnTo>
                    <a:lnTo>
                      <a:pt x="574" y="652"/>
                    </a:lnTo>
                    <a:lnTo>
                      <a:pt x="582" y="653"/>
                    </a:lnTo>
                    <a:lnTo>
                      <a:pt x="589" y="655"/>
                    </a:lnTo>
                    <a:lnTo>
                      <a:pt x="598" y="657"/>
                    </a:lnTo>
                    <a:lnTo>
                      <a:pt x="604" y="659"/>
                    </a:lnTo>
                    <a:lnTo>
                      <a:pt x="611" y="660"/>
                    </a:lnTo>
                    <a:lnTo>
                      <a:pt x="616" y="662"/>
                    </a:lnTo>
                    <a:lnTo>
                      <a:pt x="623" y="664"/>
                    </a:lnTo>
                    <a:lnTo>
                      <a:pt x="626" y="665"/>
                    </a:lnTo>
                    <a:lnTo>
                      <a:pt x="632" y="667"/>
                    </a:lnTo>
                    <a:lnTo>
                      <a:pt x="635" y="667"/>
                    </a:lnTo>
                    <a:lnTo>
                      <a:pt x="638" y="667"/>
                    </a:lnTo>
                    <a:lnTo>
                      <a:pt x="640" y="669"/>
                    </a:lnTo>
                    <a:lnTo>
                      <a:pt x="643" y="669"/>
                    </a:lnTo>
                    <a:lnTo>
                      <a:pt x="689" y="474"/>
                    </a:lnTo>
                    <a:lnTo>
                      <a:pt x="687" y="461"/>
                    </a:lnTo>
                    <a:lnTo>
                      <a:pt x="706" y="428"/>
                    </a:lnTo>
                    <a:lnTo>
                      <a:pt x="706" y="418"/>
                    </a:lnTo>
                    <a:lnTo>
                      <a:pt x="711" y="411"/>
                    </a:lnTo>
                    <a:lnTo>
                      <a:pt x="714" y="403"/>
                    </a:lnTo>
                    <a:lnTo>
                      <a:pt x="709" y="398"/>
                    </a:lnTo>
                    <a:lnTo>
                      <a:pt x="691" y="386"/>
                    </a:lnTo>
                    <a:lnTo>
                      <a:pt x="692" y="378"/>
                    </a:lnTo>
                    <a:lnTo>
                      <a:pt x="692" y="376"/>
                    </a:lnTo>
                    <a:lnTo>
                      <a:pt x="692" y="374"/>
                    </a:lnTo>
                    <a:lnTo>
                      <a:pt x="694" y="373"/>
                    </a:lnTo>
                    <a:lnTo>
                      <a:pt x="694" y="371"/>
                    </a:lnTo>
                    <a:lnTo>
                      <a:pt x="696" y="369"/>
                    </a:lnTo>
                    <a:lnTo>
                      <a:pt x="696" y="367"/>
                    </a:lnTo>
                    <a:lnTo>
                      <a:pt x="696" y="366"/>
                    </a:lnTo>
                    <a:lnTo>
                      <a:pt x="701" y="356"/>
                    </a:lnTo>
                    <a:lnTo>
                      <a:pt x="706" y="347"/>
                    </a:lnTo>
                    <a:lnTo>
                      <a:pt x="714" y="339"/>
                    </a:lnTo>
                    <a:lnTo>
                      <a:pt x="721" y="330"/>
                    </a:lnTo>
                    <a:lnTo>
                      <a:pt x="730" y="323"/>
                    </a:lnTo>
                    <a:lnTo>
                      <a:pt x="736" y="318"/>
                    </a:lnTo>
                    <a:lnTo>
                      <a:pt x="740" y="315"/>
                    </a:lnTo>
                    <a:lnTo>
                      <a:pt x="742" y="313"/>
                    </a:lnTo>
                    <a:lnTo>
                      <a:pt x="742" y="305"/>
                    </a:lnTo>
                    <a:lnTo>
                      <a:pt x="789" y="239"/>
                    </a:lnTo>
                    <a:lnTo>
                      <a:pt x="791" y="230"/>
                    </a:lnTo>
                    <a:lnTo>
                      <a:pt x="784" y="217"/>
                    </a:lnTo>
                    <a:lnTo>
                      <a:pt x="774" y="208"/>
                    </a:lnTo>
                    <a:lnTo>
                      <a:pt x="762" y="185"/>
                    </a:lnTo>
                    <a:lnTo>
                      <a:pt x="764" y="186"/>
                    </a:lnTo>
                    <a:lnTo>
                      <a:pt x="596" y="144"/>
                    </a:lnTo>
                    <a:lnTo>
                      <a:pt x="594" y="144"/>
                    </a:lnTo>
                    <a:lnTo>
                      <a:pt x="593" y="144"/>
                    </a:lnTo>
                    <a:lnTo>
                      <a:pt x="589" y="144"/>
                    </a:lnTo>
                    <a:lnTo>
                      <a:pt x="586" y="144"/>
                    </a:lnTo>
                    <a:lnTo>
                      <a:pt x="582" y="146"/>
                    </a:lnTo>
                    <a:lnTo>
                      <a:pt x="577" y="146"/>
                    </a:lnTo>
                    <a:lnTo>
                      <a:pt x="574" y="146"/>
                    </a:lnTo>
                    <a:lnTo>
                      <a:pt x="569" y="146"/>
                    </a:lnTo>
                    <a:lnTo>
                      <a:pt x="564" y="146"/>
                    </a:lnTo>
                    <a:lnTo>
                      <a:pt x="559" y="146"/>
                    </a:lnTo>
                    <a:lnTo>
                      <a:pt x="554" y="144"/>
                    </a:lnTo>
                    <a:lnTo>
                      <a:pt x="549" y="144"/>
                    </a:lnTo>
                    <a:lnTo>
                      <a:pt x="544" y="142"/>
                    </a:lnTo>
                    <a:lnTo>
                      <a:pt x="538" y="141"/>
                    </a:lnTo>
                    <a:lnTo>
                      <a:pt x="533" y="139"/>
                    </a:lnTo>
                    <a:lnTo>
                      <a:pt x="532" y="139"/>
                    </a:lnTo>
                    <a:lnTo>
                      <a:pt x="530" y="139"/>
                    </a:lnTo>
                    <a:lnTo>
                      <a:pt x="528" y="139"/>
                    </a:lnTo>
                    <a:lnTo>
                      <a:pt x="527" y="141"/>
                    </a:lnTo>
                    <a:lnTo>
                      <a:pt x="523" y="142"/>
                    </a:lnTo>
                    <a:lnTo>
                      <a:pt x="522" y="144"/>
                    </a:lnTo>
                    <a:lnTo>
                      <a:pt x="520" y="144"/>
                    </a:lnTo>
                    <a:lnTo>
                      <a:pt x="498" y="144"/>
                    </a:lnTo>
                    <a:lnTo>
                      <a:pt x="496" y="144"/>
                    </a:lnTo>
                    <a:lnTo>
                      <a:pt x="491" y="144"/>
                    </a:lnTo>
                    <a:lnTo>
                      <a:pt x="483" y="146"/>
                    </a:lnTo>
                    <a:lnTo>
                      <a:pt x="472" y="147"/>
                    </a:lnTo>
                    <a:lnTo>
                      <a:pt x="464" y="147"/>
                    </a:lnTo>
                    <a:lnTo>
                      <a:pt x="454" y="147"/>
                    </a:lnTo>
                    <a:lnTo>
                      <a:pt x="447" y="144"/>
                    </a:lnTo>
                    <a:lnTo>
                      <a:pt x="440" y="141"/>
                    </a:lnTo>
                    <a:lnTo>
                      <a:pt x="437" y="141"/>
                    </a:lnTo>
                    <a:lnTo>
                      <a:pt x="434" y="141"/>
                    </a:lnTo>
                    <a:lnTo>
                      <a:pt x="428" y="141"/>
                    </a:lnTo>
                    <a:lnTo>
                      <a:pt x="423" y="141"/>
                    </a:lnTo>
                    <a:lnTo>
                      <a:pt x="420" y="142"/>
                    </a:lnTo>
                    <a:lnTo>
                      <a:pt x="417" y="142"/>
                    </a:lnTo>
                    <a:lnTo>
                      <a:pt x="408" y="141"/>
                    </a:lnTo>
                    <a:lnTo>
                      <a:pt x="395" y="144"/>
                    </a:lnTo>
                    <a:lnTo>
                      <a:pt x="395" y="142"/>
                    </a:lnTo>
                    <a:lnTo>
                      <a:pt x="390" y="139"/>
                    </a:lnTo>
                    <a:lnTo>
                      <a:pt x="384" y="134"/>
                    </a:lnTo>
                    <a:lnTo>
                      <a:pt x="376" y="129"/>
                    </a:lnTo>
                    <a:lnTo>
                      <a:pt x="369" y="124"/>
                    </a:lnTo>
                    <a:lnTo>
                      <a:pt x="361" y="120"/>
                    </a:lnTo>
                    <a:lnTo>
                      <a:pt x="352" y="117"/>
                    </a:lnTo>
                    <a:lnTo>
                      <a:pt x="346" y="117"/>
                    </a:lnTo>
                    <a:lnTo>
                      <a:pt x="344" y="117"/>
                    </a:lnTo>
                    <a:lnTo>
                      <a:pt x="342" y="117"/>
                    </a:lnTo>
                    <a:lnTo>
                      <a:pt x="339" y="119"/>
                    </a:lnTo>
                    <a:lnTo>
                      <a:pt x="335" y="119"/>
                    </a:lnTo>
                    <a:lnTo>
                      <a:pt x="332" y="120"/>
                    </a:lnTo>
                    <a:lnTo>
                      <a:pt x="327" y="120"/>
                    </a:lnTo>
                    <a:lnTo>
                      <a:pt x="320" y="122"/>
                    </a:lnTo>
                    <a:lnTo>
                      <a:pt x="315" y="122"/>
                    </a:lnTo>
                    <a:lnTo>
                      <a:pt x="310" y="122"/>
                    </a:lnTo>
                    <a:lnTo>
                      <a:pt x="303" y="122"/>
                    </a:lnTo>
                    <a:lnTo>
                      <a:pt x="298" y="122"/>
                    </a:lnTo>
                    <a:lnTo>
                      <a:pt x="293" y="122"/>
                    </a:lnTo>
                    <a:lnTo>
                      <a:pt x="288" y="120"/>
                    </a:lnTo>
                    <a:lnTo>
                      <a:pt x="283" y="119"/>
                    </a:lnTo>
                    <a:lnTo>
                      <a:pt x="280" y="117"/>
                    </a:lnTo>
                    <a:lnTo>
                      <a:pt x="278" y="114"/>
                    </a:lnTo>
                    <a:lnTo>
                      <a:pt x="276" y="112"/>
                    </a:lnTo>
                    <a:lnTo>
                      <a:pt x="274" y="112"/>
                    </a:lnTo>
                    <a:lnTo>
                      <a:pt x="273" y="110"/>
                    </a:lnTo>
                    <a:lnTo>
                      <a:pt x="269" y="107"/>
                    </a:lnTo>
                    <a:lnTo>
                      <a:pt x="268" y="105"/>
                    </a:lnTo>
                    <a:lnTo>
                      <a:pt x="266" y="103"/>
                    </a:lnTo>
                    <a:lnTo>
                      <a:pt x="264" y="103"/>
                    </a:lnTo>
                    <a:lnTo>
                      <a:pt x="259" y="92"/>
                    </a:lnTo>
                    <a:lnTo>
                      <a:pt x="259" y="90"/>
                    </a:lnTo>
                    <a:lnTo>
                      <a:pt x="261" y="87"/>
                    </a:lnTo>
                    <a:lnTo>
                      <a:pt x="261" y="83"/>
                    </a:lnTo>
                    <a:lnTo>
                      <a:pt x="263" y="78"/>
                    </a:lnTo>
                    <a:lnTo>
                      <a:pt x="263" y="73"/>
                    </a:lnTo>
                    <a:lnTo>
                      <a:pt x="263" y="68"/>
                    </a:lnTo>
                    <a:lnTo>
                      <a:pt x="263" y="63"/>
                    </a:lnTo>
                    <a:lnTo>
                      <a:pt x="263" y="56"/>
                    </a:lnTo>
                    <a:lnTo>
                      <a:pt x="261" y="51"/>
                    </a:lnTo>
                    <a:lnTo>
                      <a:pt x="261" y="46"/>
                    </a:lnTo>
                    <a:lnTo>
                      <a:pt x="258" y="41"/>
                    </a:lnTo>
                    <a:lnTo>
                      <a:pt x="254" y="36"/>
                    </a:lnTo>
                    <a:lnTo>
                      <a:pt x="251" y="32"/>
                    </a:lnTo>
                    <a:lnTo>
                      <a:pt x="246" y="29"/>
                    </a:lnTo>
                    <a:lnTo>
                      <a:pt x="239" y="27"/>
                    </a:lnTo>
                    <a:lnTo>
                      <a:pt x="237" y="27"/>
                    </a:lnTo>
                    <a:lnTo>
                      <a:pt x="236" y="27"/>
                    </a:lnTo>
                    <a:lnTo>
                      <a:pt x="232" y="26"/>
                    </a:lnTo>
                    <a:lnTo>
                      <a:pt x="230" y="26"/>
                    </a:lnTo>
                    <a:lnTo>
                      <a:pt x="229" y="26"/>
                    </a:lnTo>
                    <a:lnTo>
                      <a:pt x="227" y="26"/>
                    </a:lnTo>
                    <a:lnTo>
                      <a:pt x="239" y="27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0" name="Freeform 116"/>
              <p:cNvSpPr>
                <a:spLocks/>
              </p:cNvSpPr>
              <p:nvPr/>
            </p:nvSpPr>
            <p:spPr bwMode="auto">
              <a:xfrm>
                <a:off x="875" y="965"/>
                <a:ext cx="570" cy="930"/>
              </a:xfrm>
              <a:custGeom>
                <a:avLst/>
                <a:gdLst>
                  <a:gd name="T0" fmla="*/ 177 w 586"/>
                  <a:gd name="T1" fmla="*/ 129 h 958"/>
                  <a:gd name="T2" fmla="*/ 183 w 586"/>
                  <a:gd name="T3" fmla="*/ 147 h 958"/>
                  <a:gd name="T4" fmla="*/ 183 w 586"/>
                  <a:gd name="T5" fmla="*/ 152 h 958"/>
                  <a:gd name="T6" fmla="*/ 191 w 586"/>
                  <a:gd name="T7" fmla="*/ 156 h 958"/>
                  <a:gd name="T8" fmla="*/ 200 w 586"/>
                  <a:gd name="T9" fmla="*/ 173 h 958"/>
                  <a:gd name="T10" fmla="*/ 208 w 586"/>
                  <a:gd name="T11" fmla="*/ 192 h 958"/>
                  <a:gd name="T12" fmla="*/ 214 w 586"/>
                  <a:gd name="T13" fmla="*/ 202 h 958"/>
                  <a:gd name="T14" fmla="*/ 227 w 586"/>
                  <a:gd name="T15" fmla="*/ 217 h 958"/>
                  <a:gd name="T16" fmla="*/ 232 w 586"/>
                  <a:gd name="T17" fmla="*/ 242 h 958"/>
                  <a:gd name="T18" fmla="*/ 222 w 586"/>
                  <a:gd name="T19" fmla="*/ 265 h 958"/>
                  <a:gd name="T20" fmla="*/ 222 w 586"/>
                  <a:gd name="T21" fmla="*/ 281 h 958"/>
                  <a:gd name="T22" fmla="*/ 213 w 586"/>
                  <a:gd name="T23" fmla="*/ 292 h 958"/>
                  <a:gd name="T24" fmla="*/ 211 w 586"/>
                  <a:gd name="T25" fmla="*/ 305 h 958"/>
                  <a:gd name="T26" fmla="*/ 247 w 586"/>
                  <a:gd name="T27" fmla="*/ 300 h 958"/>
                  <a:gd name="T28" fmla="*/ 250 w 586"/>
                  <a:gd name="T29" fmla="*/ 299 h 958"/>
                  <a:gd name="T30" fmla="*/ 253 w 586"/>
                  <a:gd name="T31" fmla="*/ 329 h 958"/>
                  <a:gd name="T32" fmla="*/ 259 w 586"/>
                  <a:gd name="T33" fmla="*/ 348 h 958"/>
                  <a:gd name="T34" fmla="*/ 264 w 586"/>
                  <a:gd name="T35" fmla="*/ 360 h 958"/>
                  <a:gd name="T36" fmla="*/ 261 w 586"/>
                  <a:gd name="T37" fmla="*/ 369 h 958"/>
                  <a:gd name="T38" fmla="*/ 270 w 586"/>
                  <a:gd name="T39" fmla="*/ 378 h 958"/>
                  <a:gd name="T40" fmla="*/ 282 w 586"/>
                  <a:gd name="T41" fmla="*/ 394 h 958"/>
                  <a:gd name="T42" fmla="*/ 284 w 586"/>
                  <a:gd name="T43" fmla="*/ 415 h 958"/>
                  <a:gd name="T44" fmla="*/ 292 w 586"/>
                  <a:gd name="T45" fmla="*/ 419 h 958"/>
                  <a:gd name="T46" fmla="*/ 295 w 586"/>
                  <a:gd name="T47" fmla="*/ 411 h 958"/>
                  <a:gd name="T48" fmla="*/ 308 w 586"/>
                  <a:gd name="T49" fmla="*/ 413 h 958"/>
                  <a:gd name="T50" fmla="*/ 320 w 586"/>
                  <a:gd name="T51" fmla="*/ 416 h 958"/>
                  <a:gd name="T52" fmla="*/ 327 w 586"/>
                  <a:gd name="T53" fmla="*/ 409 h 958"/>
                  <a:gd name="T54" fmla="*/ 334 w 586"/>
                  <a:gd name="T55" fmla="*/ 411 h 958"/>
                  <a:gd name="T56" fmla="*/ 352 w 586"/>
                  <a:gd name="T57" fmla="*/ 413 h 958"/>
                  <a:gd name="T58" fmla="*/ 386 w 586"/>
                  <a:gd name="T59" fmla="*/ 403 h 958"/>
                  <a:gd name="T60" fmla="*/ 183 w 586"/>
                  <a:gd name="T61" fmla="*/ 599 h 958"/>
                  <a:gd name="T62" fmla="*/ 176 w 586"/>
                  <a:gd name="T63" fmla="*/ 598 h 958"/>
                  <a:gd name="T64" fmla="*/ 156 w 586"/>
                  <a:gd name="T65" fmla="*/ 595 h 958"/>
                  <a:gd name="T66" fmla="*/ 125 w 586"/>
                  <a:gd name="T67" fmla="*/ 588 h 958"/>
                  <a:gd name="T68" fmla="*/ 89 w 586"/>
                  <a:gd name="T69" fmla="*/ 580 h 958"/>
                  <a:gd name="T70" fmla="*/ 51 w 586"/>
                  <a:gd name="T71" fmla="*/ 572 h 958"/>
                  <a:gd name="T72" fmla="*/ 18 w 586"/>
                  <a:gd name="T73" fmla="*/ 564 h 958"/>
                  <a:gd name="T74" fmla="*/ 44 w 586"/>
                  <a:gd name="T75" fmla="*/ 403 h 958"/>
                  <a:gd name="T76" fmla="*/ 34 w 586"/>
                  <a:gd name="T77" fmla="*/ 375 h 958"/>
                  <a:gd name="T78" fmla="*/ 37 w 586"/>
                  <a:gd name="T79" fmla="*/ 368 h 958"/>
                  <a:gd name="T80" fmla="*/ 42 w 586"/>
                  <a:gd name="T81" fmla="*/ 356 h 958"/>
                  <a:gd name="T82" fmla="*/ 64 w 586"/>
                  <a:gd name="T83" fmla="*/ 330 h 958"/>
                  <a:gd name="T84" fmla="*/ 101 w 586"/>
                  <a:gd name="T85" fmla="*/ 273 h 958"/>
                  <a:gd name="T86" fmla="*/ 83 w 586"/>
                  <a:gd name="T87" fmla="*/ 228 h 958"/>
                  <a:gd name="T88" fmla="*/ 83 w 586"/>
                  <a:gd name="T89" fmla="*/ 198 h 958"/>
                  <a:gd name="T90" fmla="*/ 89 w 586"/>
                  <a:gd name="T91" fmla="*/ 176 h 958"/>
                  <a:gd name="T92" fmla="*/ 98 w 586"/>
                  <a:gd name="T93" fmla="*/ 137 h 958"/>
                  <a:gd name="T94" fmla="*/ 109 w 586"/>
                  <a:gd name="T95" fmla="*/ 91 h 958"/>
                  <a:gd name="T96" fmla="*/ 118 w 586"/>
                  <a:gd name="T97" fmla="*/ 46 h 958"/>
                  <a:gd name="T98" fmla="*/ 125 w 586"/>
                  <a:gd name="T99" fmla="*/ 17 h 958"/>
                  <a:gd name="T100" fmla="*/ 127 w 586"/>
                  <a:gd name="T101" fmla="*/ 0 h 958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w 586"/>
                  <a:gd name="T154" fmla="*/ 0 h 958"/>
                  <a:gd name="T155" fmla="*/ 586 w 586"/>
                  <a:gd name="T156" fmla="*/ 958 h 958"/>
                </a:gdLst>
                <a:ahLst/>
                <a:cxnLst>
                  <a:cxn ang="T102">
                    <a:pos x="T0" y="T1"/>
                  </a:cxn>
                  <a:cxn ang="T103">
                    <a:pos x="T2" y="T3"/>
                  </a:cxn>
                  <a:cxn ang="T104">
                    <a:pos x="T4" y="T5"/>
                  </a:cxn>
                  <a:cxn ang="T105">
                    <a:pos x="T6" y="T7"/>
                  </a:cxn>
                  <a:cxn ang="T106">
                    <a:pos x="T8" y="T9"/>
                  </a:cxn>
                  <a:cxn ang="T107">
                    <a:pos x="T10" y="T11"/>
                  </a:cxn>
                  <a:cxn ang="T108">
                    <a:pos x="T12" y="T13"/>
                  </a:cxn>
                  <a:cxn ang="T109">
                    <a:pos x="T14" y="T15"/>
                  </a:cxn>
                  <a:cxn ang="T110">
                    <a:pos x="T16" y="T17"/>
                  </a:cxn>
                  <a:cxn ang="T111">
                    <a:pos x="T18" y="T19"/>
                  </a:cxn>
                  <a:cxn ang="T112">
                    <a:pos x="T20" y="T21"/>
                  </a:cxn>
                  <a:cxn ang="T113">
                    <a:pos x="T22" y="T23"/>
                  </a:cxn>
                  <a:cxn ang="T114">
                    <a:pos x="T24" y="T25"/>
                  </a:cxn>
                  <a:cxn ang="T115">
                    <a:pos x="T26" y="T27"/>
                  </a:cxn>
                  <a:cxn ang="T116">
                    <a:pos x="T28" y="T29"/>
                  </a:cxn>
                  <a:cxn ang="T117">
                    <a:pos x="T30" y="T31"/>
                  </a:cxn>
                  <a:cxn ang="T118">
                    <a:pos x="T32" y="T33"/>
                  </a:cxn>
                  <a:cxn ang="T119">
                    <a:pos x="T34" y="T35"/>
                  </a:cxn>
                  <a:cxn ang="T120">
                    <a:pos x="T36" y="T37"/>
                  </a:cxn>
                  <a:cxn ang="T121">
                    <a:pos x="T38" y="T39"/>
                  </a:cxn>
                  <a:cxn ang="T122">
                    <a:pos x="T40" y="T41"/>
                  </a:cxn>
                  <a:cxn ang="T123">
                    <a:pos x="T42" y="T43"/>
                  </a:cxn>
                  <a:cxn ang="T124">
                    <a:pos x="T44" y="T45"/>
                  </a:cxn>
                  <a:cxn ang="T125">
                    <a:pos x="T46" y="T47"/>
                  </a:cxn>
                  <a:cxn ang="T126">
                    <a:pos x="T48" y="T49"/>
                  </a:cxn>
                  <a:cxn ang="T127">
                    <a:pos x="T50" y="T51"/>
                  </a:cxn>
                  <a:cxn ang="T128">
                    <a:pos x="T52" y="T53"/>
                  </a:cxn>
                  <a:cxn ang="T129">
                    <a:pos x="T54" y="T55"/>
                  </a:cxn>
                  <a:cxn ang="T130">
                    <a:pos x="T56" y="T57"/>
                  </a:cxn>
                  <a:cxn ang="T131">
                    <a:pos x="T58" y="T59"/>
                  </a:cxn>
                  <a:cxn ang="T132">
                    <a:pos x="T60" y="T61"/>
                  </a:cxn>
                  <a:cxn ang="T133">
                    <a:pos x="T62" y="T63"/>
                  </a:cxn>
                  <a:cxn ang="T134">
                    <a:pos x="T64" y="T65"/>
                  </a:cxn>
                  <a:cxn ang="T135">
                    <a:pos x="T66" y="T67"/>
                  </a:cxn>
                  <a:cxn ang="T136">
                    <a:pos x="T68" y="T69"/>
                  </a:cxn>
                  <a:cxn ang="T137">
                    <a:pos x="T70" y="T71"/>
                  </a:cxn>
                  <a:cxn ang="T138">
                    <a:pos x="T72" y="T73"/>
                  </a:cxn>
                  <a:cxn ang="T139">
                    <a:pos x="T74" y="T75"/>
                  </a:cxn>
                  <a:cxn ang="T140">
                    <a:pos x="T76" y="T77"/>
                  </a:cxn>
                  <a:cxn ang="T141">
                    <a:pos x="T78" y="T79"/>
                  </a:cxn>
                  <a:cxn ang="T142">
                    <a:pos x="T80" y="T81"/>
                  </a:cxn>
                  <a:cxn ang="T143">
                    <a:pos x="T82" y="T83"/>
                  </a:cxn>
                  <a:cxn ang="T144">
                    <a:pos x="T84" y="T85"/>
                  </a:cxn>
                  <a:cxn ang="T145">
                    <a:pos x="T86" y="T87"/>
                  </a:cxn>
                  <a:cxn ang="T146">
                    <a:pos x="T88" y="T89"/>
                  </a:cxn>
                  <a:cxn ang="T147">
                    <a:pos x="T90" y="T91"/>
                  </a:cxn>
                  <a:cxn ang="T148">
                    <a:pos x="T92" y="T93"/>
                  </a:cxn>
                  <a:cxn ang="T149">
                    <a:pos x="T94" y="T95"/>
                  </a:cxn>
                  <a:cxn ang="T150">
                    <a:pos x="T96" y="T97"/>
                  </a:cxn>
                  <a:cxn ang="T151">
                    <a:pos x="T98" y="T99"/>
                  </a:cxn>
                  <a:cxn ang="T152">
                    <a:pos x="T100" y="T101"/>
                  </a:cxn>
                </a:cxnLst>
                <a:rect l="T153" t="T154" r="T155" b="T156"/>
                <a:pathLst>
                  <a:path w="586" h="958">
                    <a:moveTo>
                      <a:pt x="266" y="17"/>
                    </a:moveTo>
                    <a:lnTo>
                      <a:pt x="241" y="139"/>
                    </a:lnTo>
                    <a:lnTo>
                      <a:pt x="249" y="158"/>
                    </a:lnTo>
                    <a:lnTo>
                      <a:pt x="261" y="185"/>
                    </a:lnTo>
                    <a:lnTo>
                      <a:pt x="261" y="195"/>
                    </a:lnTo>
                    <a:lnTo>
                      <a:pt x="254" y="200"/>
                    </a:lnTo>
                    <a:lnTo>
                      <a:pt x="263" y="207"/>
                    </a:lnTo>
                    <a:lnTo>
                      <a:pt x="256" y="212"/>
                    </a:lnTo>
                    <a:lnTo>
                      <a:pt x="256" y="219"/>
                    </a:lnTo>
                    <a:lnTo>
                      <a:pt x="269" y="222"/>
                    </a:lnTo>
                    <a:lnTo>
                      <a:pt x="269" y="224"/>
                    </a:lnTo>
                    <a:lnTo>
                      <a:pt x="269" y="226"/>
                    </a:lnTo>
                    <a:lnTo>
                      <a:pt x="269" y="227"/>
                    </a:lnTo>
                    <a:lnTo>
                      <a:pt x="269" y="229"/>
                    </a:lnTo>
                    <a:lnTo>
                      <a:pt x="269" y="231"/>
                    </a:lnTo>
                    <a:lnTo>
                      <a:pt x="269" y="232"/>
                    </a:lnTo>
                    <a:lnTo>
                      <a:pt x="271" y="234"/>
                    </a:lnTo>
                    <a:lnTo>
                      <a:pt x="276" y="236"/>
                    </a:lnTo>
                    <a:lnTo>
                      <a:pt x="280" y="237"/>
                    </a:lnTo>
                    <a:lnTo>
                      <a:pt x="283" y="241"/>
                    </a:lnTo>
                    <a:lnTo>
                      <a:pt x="286" y="244"/>
                    </a:lnTo>
                    <a:lnTo>
                      <a:pt x="290" y="249"/>
                    </a:lnTo>
                    <a:lnTo>
                      <a:pt x="293" y="256"/>
                    </a:lnTo>
                    <a:lnTo>
                      <a:pt x="295" y="261"/>
                    </a:lnTo>
                    <a:lnTo>
                      <a:pt x="298" y="268"/>
                    </a:lnTo>
                    <a:lnTo>
                      <a:pt x="300" y="275"/>
                    </a:lnTo>
                    <a:lnTo>
                      <a:pt x="302" y="280"/>
                    </a:lnTo>
                    <a:lnTo>
                      <a:pt x="303" y="286"/>
                    </a:lnTo>
                    <a:lnTo>
                      <a:pt x="305" y="292"/>
                    </a:lnTo>
                    <a:lnTo>
                      <a:pt x="305" y="295"/>
                    </a:lnTo>
                    <a:lnTo>
                      <a:pt x="307" y="298"/>
                    </a:lnTo>
                    <a:lnTo>
                      <a:pt x="307" y="300"/>
                    </a:lnTo>
                    <a:lnTo>
                      <a:pt x="307" y="302"/>
                    </a:lnTo>
                    <a:lnTo>
                      <a:pt x="315" y="305"/>
                    </a:lnTo>
                    <a:lnTo>
                      <a:pt x="315" y="317"/>
                    </a:lnTo>
                    <a:lnTo>
                      <a:pt x="327" y="317"/>
                    </a:lnTo>
                    <a:lnTo>
                      <a:pt x="329" y="330"/>
                    </a:lnTo>
                    <a:lnTo>
                      <a:pt x="335" y="330"/>
                    </a:lnTo>
                    <a:lnTo>
                      <a:pt x="354" y="330"/>
                    </a:lnTo>
                    <a:lnTo>
                      <a:pt x="354" y="332"/>
                    </a:lnTo>
                    <a:lnTo>
                      <a:pt x="342" y="354"/>
                    </a:lnTo>
                    <a:lnTo>
                      <a:pt x="342" y="366"/>
                    </a:lnTo>
                    <a:lnTo>
                      <a:pt x="334" y="376"/>
                    </a:lnTo>
                    <a:lnTo>
                      <a:pt x="335" y="376"/>
                    </a:lnTo>
                    <a:lnTo>
                      <a:pt x="335" y="385"/>
                    </a:lnTo>
                    <a:lnTo>
                      <a:pt x="329" y="390"/>
                    </a:lnTo>
                    <a:lnTo>
                      <a:pt x="327" y="400"/>
                    </a:lnTo>
                    <a:lnTo>
                      <a:pt x="330" y="418"/>
                    </a:lnTo>
                    <a:lnTo>
                      <a:pt x="330" y="420"/>
                    </a:lnTo>
                    <a:lnTo>
                      <a:pt x="329" y="422"/>
                    </a:lnTo>
                    <a:lnTo>
                      <a:pt x="327" y="425"/>
                    </a:lnTo>
                    <a:lnTo>
                      <a:pt x="320" y="427"/>
                    </a:lnTo>
                    <a:lnTo>
                      <a:pt x="317" y="430"/>
                    </a:lnTo>
                    <a:lnTo>
                      <a:pt x="315" y="434"/>
                    </a:lnTo>
                    <a:lnTo>
                      <a:pt x="313" y="439"/>
                    </a:lnTo>
                    <a:lnTo>
                      <a:pt x="313" y="444"/>
                    </a:lnTo>
                    <a:lnTo>
                      <a:pt x="315" y="447"/>
                    </a:lnTo>
                    <a:lnTo>
                      <a:pt x="315" y="451"/>
                    </a:lnTo>
                    <a:lnTo>
                      <a:pt x="315" y="452"/>
                    </a:lnTo>
                    <a:lnTo>
                      <a:pt x="310" y="454"/>
                    </a:lnTo>
                    <a:lnTo>
                      <a:pt x="310" y="462"/>
                    </a:lnTo>
                    <a:lnTo>
                      <a:pt x="319" y="466"/>
                    </a:lnTo>
                    <a:lnTo>
                      <a:pt x="327" y="474"/>
                    </a:lnTo>
                    <a:lnTo>
                      <a:pt x="342" y="469"/>
                    </a:lnTo>
                    <a:lnTo>
                      <a:pt x="357" y="456"/>
                    </a:lnTo>
                    <a:lnTo>
                      <a:pt x="364" y="454"/>
                    </a:lnTo>
                    <a:lnTo>
                      <a:pt x="366" y="452"/>
                    </a:lnTo>
                    <a:lnTo>
                      <a:pt x="366" y="451"/>
                    </a:lnTo>
                    <a:lnTo>
                      <a:pt x="368" y="451"/>
                    </a:lnTo>
                    <a:lnTo>
                      <a:pt x="369" y="452"/>
                    </a:lnTo>
                    <a:lnTo>
                      <a:pt x="371" y="456"/>
                    </a:lnTo>
                    <a:lnTo>
                      <a:pt x="373" y="464"/>
                    </a:lnTo>
                    <a:lnTo>
                      <a:pt x="373" y="474"/>
                    </a:lnTo>
                    <a:lnTo>
                      <a:pt x="373" y="488"/>
                    </a:lnTo>
                    <a:lnTo>
                      <a:pt x="373" y="498"/>
                    </a:lnTo>
                    <a:lnTo>
                      <a:pt x="374" y="506"/>
                    </a:lnTo>
                    <a:lnTo>
                      <a:pt x="376" y="513"/>
                    </a:lnTo>
                    <a:lnTo>
                      <a:pt x="378" y="520"/>
                    </a:lnTo>
                    <a:lnTo>
                      <a:pt x="379" y="523"/>
                    </a:lnTo>
                    <a:lnTo>
                      <a:pt x="381" y="525"/>
                    </a:lnTo>
                    <a:lnTo>
                      <a:pt x="383" y="527"/>
                    </a:lnTo>
                    <a:lnTo>
                      <a:pt x="386" y="535"/>
                    </a:lnTo>
                    <a:lnTo>
                      <a:pt x="388" y="540"/>
                    </a:lnTo>
                    <a:lnTo>
                      <a:pt x="390" y="545"/>
                    </a:lnTo>
                    <a:lnTo>
                      <a:pt x="390" y="547"/>
                    </a:lnTo>
                    <a:lnTo>
                      <a:pt x="388" y="550"/>
                    </a:lnTo>
                    <a:lnTo>
                      <a:pt x="388" y="552"/>
                    </a:lnTo>
                    <a:lnTo>
                      <a:pt x="386" y="554"/>
                    </a:lnTo>
                    <a:lnTo>
                      <a:pt x="385" y="559"/>
                    </a:lnTo>
                    <a:lnTo>
                      <a:pt x="386" y="562"/>
                    </a:lnTo>
                    <a:lnTo>
                      <a:pt x="388" y="566"/>
                    </a:lnTo>
                    <a:lnTo>
                      <a:pt x="391" y="569"/>
                    </a:lnTo>
                    <a:lnTo>
                      <a:pt x="395" y="571"/>
                    </a:lnTo>
                    <a:lnTo>
                      <a:pt x="398" y="572"/>
                    </a:lnTo>
                    <a:lnTo>
                      <a:pt x="400" y="572"/>
                    </a:lnTo>
                    <a:lnTo>
                      <a:pt x="401" y="572"/>
                    </a:lnTo>
                    <a:lnTo>
                      <a:pt x="413" y="591"/>
                    </a:lnTo>
                    <a:lnTo>
                      <a:pt x="413" y="593"/>
                    </a:lnTo>
                    <a:lnTo>
                      <a:pt x="415" y="596"/>
                    </a:lnTo>
                    <a:lnTo>
                      <a:pt x="415" y="603"/>
                    </a:lnTo>
                    <a:lnTo>
                      <a:pt x="415" y="610"/>
                    </a:lnTo>
                    <a:lnTo>
                      <a:pt x="417" y="616"/>
                    </a:lnTo>
                    <a:lnTo>
                      <a:pt x="417" y="622"/>
                    </a:lnTo>
                    <a:lnTo>
                      <a:pt x="418" y="627"/>
                    </a:lnTo>
                    <a:lnTo>
                      <a:pt x="418" y="628"/>
                    </a:lnTo>
                    <a:lnTo>
                      <a:pt x="422" y="633"/>
                    </a:lnTo>
                    <a:lnTo>
                      <a:pt x="425" y="637"/>
                    </a:lnTo>
                    <a:lnTo>
                      <a:pt x="427" y="637"/>
                    </a:lnTo>
                    <a:lnTo>
                      <a:pt x="429" y="637"/>
                    </a:lnTo>
                    <a:lnTo>
                      <a:pt x="430" y="633"/>
                    </a:lnTo>
                    <a:lnTo>
                      <a:pt x="432" y="632"/>
                    </a:lnTo>
                    <a:lnTo>
                      <a:pt x="432" y="630"/>
                    </a:lnTo>
                    <a:lnTo>
                      <a:pt x="432" y="628"/>
                    </a:lnTo>
                    <a:lnTo>
                      <a:pt x="435" y="623"/>
                    </a:lnTo>
                    <a:lnTo>
                      <a:pt x="440" y="622"/>
                    </a:lnTo>
                    <a:lnTo>
                      <a:pt x="444" y="622"/>
                    </a:lnTo>
                    <a:lnTo>
                      <a:pt x="447" y="622"/>
                    </a:lnTo>
                    <a:lnTo>
                      <a:pt x="452" y="623"/>
                    </a:lnTo>
                    <a:lnTo>
                      <a:pt x="454" y="625"/>
                    </a:lnTo>
                    <a:lnTo>
                      <a:pt x="457" y="627"/>
                    </a:lnTo>
                    <a:lnTo>
                      <a:pt x="459" y="628"/>
                    </a:lnTo>
                    <a:lnTo>
                      <a:pt x="464" y="632"/>
                    </a:lnTo>
                    <a:lnTo>
                      <a:pt x="469" y="632"/>
                    </a:lnTo>
                    <a:lnTo>
                      <a:pt x="473" y="630"/>
                    </a:lnTo>
                    <a:lnTo>
                      <a:pt x="476" y="628"/>
                    </a:lnTo>
                    <a:lnTo>
                      <a:pt x="478" y="625"/>
                    </a:lnTo>
                    <a:lnTo>
                      <a:pt x="479" y="623"/>
                    </a:lnTo>
                    <a:lnTo>
                      <a:pt x="479" y="620"/>
                    </a:lnTo>
                    <a:lnTo>
                      <a:pt x="481" y="620"/>
                    </a:lnTo>
                    <a:lnTo>
                      <a:pt x="484" y="618"/>
                    </a:lnTo>
                    <a:lnTo>
                      <a:pt x="486" y="618"/>
                    </a:lnTo>
                    <a:lnTo>
                      <a:pt x="488" y="620"/>
                    </a:lnTo>
                    <a:lnTo>
                      <a:pt x="489" y="622"/>
                    </a:lnTo>
                    <a:lnTo>
                      <a:pt x="491" y="623"/>
                    </a:lnTo>
                    <a:lnTo>
                      <a:pt x="491" y="625"/>
                    </a:lnTo>
                    <a:lnTo>
                      <a:pt x="493" y="627"/>
                    </a:lnTo>
                    <a:lnTo>
                      <a:pt x="493" y="628"/>
                    </a:lnTo>
                    <a:lnTo>
                      <a:pt x="498" y="628"/>
                    </a:lnTo>
                    <a:lnTo>
                      <a:pt x="518" y="625"/>
                    </a:lnTo>
                    <a:lnTo>
                      <a:pt x="525" y="630"/>
                    </a:lnTo>
                    <a:lnTo>
                      <a:pt x="537" y="630"/>
                    </a:lnTo>
                    <a:lnTo>
                      <a:pt x="552" y="628"/>
                    </a:lnTo>
                    <a:lnTo>
                      <a:pt x="559" y="611"/>
                    </a:lnTo>
                    <a:lnTo>
                      <a:pt x="569" y="611"/>
                    </a:lnTo>
                    <a:lnTo>
                      <a:pt x="576" y="632"/>
                    </a:lnTo>
                    <a:lnTo>
                      <a:pt x="586" y="647"/>
                    </a:lnTo>
                    <a:lnTo>
                      <a:pt x="540" y="958"/>
                    </a:lnTo>
                    <a:lnTo>
                      <a:pt x="269" y="909"/>
                    </a:lnTo>
                    <a:lnTo>
                      <a:pt x="268" y="909"/>
                    </a:lnTo>
                    <a:lnTo>
                      <a:pt x="266" y="909"/>
                    </a:lnTo>
                    <a:lnTo>
                      <a:pt x="263" y="908"/>
                    </a:lnTo>
                    <a:lnTo>
                      <a:pt x="259" y="908"/>
                    </a:lnTo>
                    <a:lnTo>
                      <a:pt x="254" y="906"/>
                    </a:lnTo>
                    <a:lnTo>
                      <a:pt x="249" y="904"/>
                    </a:lnTo>
                    <a:lnTo>
                      <a:pt x="242" y="904"/>
                    </a:lnTo>
                    <a:lnTo>
                      <a:pt x="236" y="902"/>
                    </a:lnTo>
                    <a:lnTo>
                      <a:pt x="229" y="901"/>
                    </a:lnTo>
                    <a:lnTo>
                      <a:pt x="220" y="899"/>
                    </a:lnTo>
                    <a:lnTo>
                      <a:pt x="212" y="897"/>
                    </a:lnTo>
                    <a:lnTo>
                      <a:pt x="203" y="896"/>
                    </a:lnTo>
                    <a:lnTo>
                      <a:pt x="193" y="894"/>
                    </a:lnTo>
                    <a:lnTo>
                      <a:pt x="185" y="891"/>
                    </a:lnTo>
                    <a:lnTo>
                      <a:pt x="175" y="889"/>
                    </a:lnTo>
                    <a:lnTo>
                      <a:pt x="165" y="887"/>
                    </a:lnTo>
                    <a:lnTo>
                      <a:pt x="154" y="884"/>
                    </a:lnTo>
                    <a:lnTo>
                      <a:pt x="143" y="882"/>
                    </a:lnTo>
                    <a:lnTo>
                      <a:pt x="132" y="880"/>
                    </a:lnTo>
                    <a:lnTo>
                      <a:pt x="121" y="877"/>
                    </a:lnTo>
                    <a:lnTo>
                      <a:pt x="110" y="875"/>
                    </a:lnTo>
                    <a:lnTo>
                      <a:pt x="99" y="872"/>
                    </a:lnTo>
                    <a:lnTo>
                      <a:pt x="87" y="870"/>
                    </a:lnTo>
                    <a:lnTo>
                      <a:pt x="77" y="867"/>
                    </a:lnTo>
                    <a:lnTo>
                      <a:pt x="65" y="865"/>
                    </a:lnTo>
                    <a:lnTo>
                      <a:pt x="53" y="862"/>
                    </a:lnTo>
                    <a:lnTo>
                      <a:pt x="43" y="860"/>
                    </a:lnTo>
                    <a:lnTo>
                      <a:pt x="33" y="858"/>
                    </a:lnTo>
                    <a:lnTo>
                      <a:pt x="21" y="855"/>
                    </a:lnTo>
                    <a:lnTo>
                      <a:pt x="11" y="853"/>
                    </a:lnTo>
                    <a:lnTo>
                      <a:pt x="0" y="852"/>
                    </a:lnTo>
                    <a:lnTo>
                      <a:pt x="46" y="657"/>
                    </a:lnTo>
                    <a:lnTo>
                      <a:pt x="44" y="644"/>
                    </a:lnTo>
                    <a:lnTo>
                      <a:pt x="63" y="611"/>
                    </a:lnTo>
                    <a:lnTo>
                      <a:pt x="63" y="601"/>
                    </a:lnTo>
                    <a:lnTo>
                      <a:pt x="68" y="594"/>
                    </a:lnTo>
                    <a:lnTo>
                      <a:pt x="71" y="586"/>
                    </a:lnTo>
                    <a:lnTo>
                      <a:pt x="66" y="581"/>
                    </a:lnTo>
                    <a:lnTo>
                      <a:pt x="48" y="569"/>
                    </a:lnTo>
                    <a:lnTo>
                      <a:pt x="49" y="561"/>
                    </a:lnTo>
                    <a:lnTo>
                      <a:pt x="49" y="559"/>
                    </a:lnTo>
                    <a:lnTo>
                      <a:pt x="49" y="557"/>
                    </a:lnTo>
                    <a:lnTo>
                      <a:pt x="51" y="556"/>
                    </a:lnTo>
                    <a:lnTo>
                      <a:pt x="51" y="554"/>
                    </a:lnTo>
                    <a:lnTo>
                      <a:pt x="53" y="552"/>
                    </a:lnTo>
                    <a:lnTo>
                      <a:pt x="53" y="550"/>
                    </a:lnTo>
                    <a:lnTo>
                      <a:pt x="53" y="549"/>
                    </a:lnTo>
                    <a:lnTo>
                      <a:pt x="58" y="539"/>
                    </a:lnTo>
                    <a:lnTo>
                      <a:pt x="63" y="530"/>
                    </a:lnTo>
                    <a:lnTo>
                      <a:pt x="71" y="522"/>
                    </a:lnTo>
                    <a:lnTo>
                      <a:pt x="78" y="513"/>
                    </a:lnTo>
                    <a:lnTo>
                      <a:pt x="87" y="506"/>
                    </a:lnTo>
                    <a:lnTo>
                      <a:pt x="93" y="501"/>
                    </a:lnTo>
                    <a:lnTo>
                      <a:pt x="97" y="498"/>
                    </a:lnTo>
                    <a:lnTo>
                      <a:pt x="99" y="496"/>
                    </a:lnTo>
                    <a:lnTo>
                      <a:pt x="99" y="488"/>
                    </a:lnTo>
                    <a:lnTo>
                      <a:pt x="146" y="422"/>
                    </a:lnTo>
                    <a:lnTo>
                      <a:pt x="148" y="413"/>
                    </a:lnTo>
                    <a:lnTo>
                      <a:pt x="141" y="400"/>
                    </a:lnTo>
                    <a:lnTo>
                      <a:pt x="131" y="391"/>
                    </a:lnTo>
                    <a:lnTo>
                      <a:pt x="119" y="368"/>
                    </a:lnTo>
                    <a:lnTo>
                      <a:pt x="119" y="358"/>
                    </a:lnTo>
                    <a:lnTo>
                      <a:pt x="122" y="344"/>
                    </a:lnTo>
                    <a:lnTo>
                      <a:pt x="122" y="332"/>
                    </a:lnTo>
                    <a:lnTo>
                      <a:pt x="117" y="320"/>
                    </a:lnTo>
                    <a:lnTo>
                      <a:pt x="122" y="303"/>
                    </a:lnTo>
                    <a:lnTo>
                      <a:pt x="122" y="302"/>
                    </a:lnTo>
                    <a:lnTo>
                      <a:pt x="122" y="300"/>
                    </a:lnTo>
                    <a:lnTo>
                      <a:pt x="124" y="297"/>
                    </a:lnTo>
                    <a:lnTo>
                      <a:pt x="126" y="290"/>
                    </a:lnTo>
                    <a:lnTo>
                      <a:pt x="127" y="283"/>
                    </a:lnTo>
                    <a:lnTo>
                      <a:pt x="129" y="275"/>
                    </a:lnTo>
                    <a:lnTo>
                      <a:pt x="131" y="266"/>
                    </a:lnTo>
                    <a:lnTo>
                      <a:pt x="132" y="256"/>
                    </a:lnTo>
                    <a:lnTo>
                      <a:pt x="136" y="244"/>
                    </a:lnTo>
                    <a:lnTo>
                      <a:pt x="137" y="232"/>
                    </a:lnTo>
                    <a:lnTo>
                      <a:pt x="141" y="220"/>
                    </a:lnTo>
                    <a:lnTo>
                      <a:pt x="144" y="207"/>
                    </a:lnTo>
                    <a:lnTo>
                      <a:pt x="146" y="193"/>
                    </a:lnTo>
                    <a:lnTo>
                      <a:pt x="149" y="180"/>
                    </a:lnTo>
                    <a:lnTo>
                      <a:pt x="153" y="166"/>
                    </a:lnTo>
                    <a:lnTo>
                      <a:pt x="156" y="151"/>
                    </a:lnTo>
                    <a:lnTo>
                      <a:pt x="159" y="138"/>
                    </a:lnTo>
                    <a:lnTo>
                      <a:pt x="161" y="122"/>
                    </a:lnTo>
                    <a:lnTo>
                      <a:pt x="165" y="109"/>
                    </a:lnTo>
                    <a:lnTo>
                      <a:pt x="168" y="95"/>
                    </a:lnTo>
                    <a:lnTo>
                      <a:pt x="171" y="82"/>
                    </a:lnTo>
                    <a:lnTo>
                      <a:pt x="173" y="70"/>
                    </a:lnTo>
                    <a:lnTo>
                      <a:pt x="176" y="58"/>
                    </a:lnTo>
                    <a:lnTo>
                      <a:pt x="178" y="48"/>
                    </a:lnTo>
                    <a:lnTo>
                      <a:pt x="181" y="38"/>
                    </a:lnTo>
                    <a:lnTo>
                      <a:pt x="183" y="28"/>
                    </a:lnTo>
                    <a:lnTo>
                      <a:pt x="185" y="19"/>
                    </a:lnTo>
                    <a:lnTo>
                      <a:pt x="187" y="12"/>
                    </a:lnTo>
                    <a:lnTo>
                      <a:pt x="188" y="7"/>
                    </a:lnTo>
                    <a:lnTo>
                      <a:pt x="188" y="4"/>
                    </a:lnTo>
                    <a:lnTo>
                      <a:pt x="188" y="0"/>
                    </a:lnTo>
                    <a:lnTo>
                      <a:pt x="266" y="1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1" name="Freeform 117"/>
              <p:cNvSpPr>
                <a:spLocks/>
              </p:cNvSpPr>
              <p:nvPr/>
            </p:nvSpPr>
            <p:spPr bwMode="auto">
              <a:xfrm>
                <a:off x="1110" y="981"/>
                <a:ext cx="979" cy="621"/>
              </a:xfrm>
              <a:custGeom>
                <a:avLst/>
                <a:gdLst>
                  <a:gd name="T0" fmla="*/ 289 w 1007"/>
                  <a:gd name="T1" fmla="*/ 381 h 640"/>
                  <a:gd name="T2" fmla="*/ 357 w 1007"/>
                  <a:gd name="T3" fmla="*/ 389 h 640"/>
                  <a:gd name="T4" fmla="*/ 425 w 1007"/>
                  <a:gd name="T5" fmla="*/ 398 h 640"/>
                  <a:gd name="T6" fmla="*/ 489 w 1007"/>
                  <a:gd name="T7" fmla="*/ 406 h 640"/>
                  <a:gd name="T8" fmla="*/ 550 w 1007"/>
                  <a:gd name="T9" fmla="*/ 410 h 640"/>
                  <a:gd name="T10" fmla="*/ 600 w 1007"/>
                  <a:gd name="T11" fmla="*/ 415 h 640"/>
                  <a:gd name="T12" fmla="*/ 635 w 1007"/>
                  <a:gd name="T13" fmla="*/ 418 h 640"/>
                  <a:gd name="T14" fmla="*/ 651 w 1007"/>
                  <a:gd name="T15" fmla="*/ 420 h 640"/>
                  <a:gd name="T16" fmla="*/ 635 w 1007"/>
                  <a:gd name="T17" fmla="*/ 93 h 640"/>
                  <a:gd name="T18" fmla="*/ 534 w 1007"/>
                  <a:gd name="T19" fmla="*/ 82 h 640"/>
                  <a:gd name="T20" fmla="*/ 426 w 1007"/>
                  <a:gd name="T21" fmla="*/ 70 h 640"/>
                  <a:gd name="T22" fmla="*/ 317 w 1007"/>
                  <a:gd name="T23" fmla="*/ 54 h 640"/>
                  <a:gd name="T24" fmla="*/ 215 w 1007"/>
                  <a:gd name="T25" fmla="*/ 39 h 640"/>
                  <a:gd name="T26" fmla="*/ 126 w 1007"/>
                  <a:gd name="T27" fmla="*/ 17 h 640"/>
                  <a:gd name="T28" fmla="*/ 60 w 1007"/>
                  <a:gd name="T29" fmla="*/ 12 h 640"/>
                  <a:gd name="T30" fmla="*/ 20 w 1007"/>
                  <a:gd name="T31" fmla="*/ 2 h 640"/>
                  <a:gd name="T32" fmla="*/ 0 w 1007"/>
                  <a:gd name="T33" fmla="*/ 80 h 640"/>
                  <a:gd name="T34" fmla="*/ 13 w 1007"/>
                  <a:gd name="T35" fmla="*/ 120 h 640"/>
                  <a:gd name="T36" fmla="*/ 17 w 1007"/>
                  <a:gd name="T37" fmla="*/ 135 h 640"/>
                  <a:gd name="T38" fmla="*/ 17 w 1007"/>
                  <a:gd name="T39" fmla="*/ 139 h 640"/>
                  <a:gd name="T40" fmla="*/ 17 w 1007"/>
                  <a:gd name="T41" fmla="*/ 143 h 640"/>
                  <a:gd name="T42" fmla="*/ 31 w 1007"/>
                  <a:gd name="T43" fmla="*/ 148 h 640"/>
                  <a:gd name="T44" fmla="*/ 41 w 1007"/>
                  <a:gd name="T45" fmla="*/ 165 h 640"/>
                  <a:gd name="T46" fmla="*/ 44 w 1007"/>
                  <a:gd name="T47" fmla="*/ 180 h 640"/>
                  <a:gd name="T48" fmla="*/ 45 w 1007"/>
                  <a:gd name="T49" fmla="*/ 187 h 640"/>
                  <a:gd name="T50" fmla="*/ 60 w 1007"/>
                  <a:gd name="T51" fmla="*/ 206 h 640"/>
                  <a:gd name="T52" fmla="*/ 77 w 1007"/>
                  <a:gd name="T53" fmla="*/ 206 h 640"/>
                  <a:gd name="T54" fmla="*/ 63 w 1007"/>
                  <a:gd name="T55" fmla="*/ 236 h 640"/>
                  <a:gd name="T56" fmla="*/ 58 w 1007"/>
                  <a:gd name="T57" fmla="*/ 252 h 640"/>
                  <a:gd name="T58" fmla="*/ 58 w 1007"/>
                  <a:gd name="T59" fmla="*/ 268 h 640"/>
                  <a:gd name="T60" fmla="*/ 49 w 1007"/>
                  <a:gd name="T61" fmla="*/ 274 h 640"/>
                  <a:gd name="T62" fmla="*/ 49 w 1007"/>
                  <a:gd name="T63" fmla="*/ 285 h 640"/>
                  <a:gd name="T64" fmla="*/ 51 w 1007"/>
                  <a:gd name="T65" fmla="*/ 295 h 640"/>
                  <a:gd name="T66" fmla="*/ 83 w 1007"/>
                  <a:gd name="T67" fmla="*/ 286 h 640"/>
                  <a:gd name="T68" fmla="*/ 85 w 1007"/>
                  <a:gd name="T69" fmla="*/ 285 h 640"/>
                  <a:gd name="T70" fmla="*/ 88 w 1007"/>
                  <a:gd name="T71" fmla="*/ 300 h 640"/>
                  <a:gd name="T72" fmla="*/ 90 w 1007"/>
                  <a:gd name="T73" fmla="*/ 325 h 640"/>
                  <a:gd name="T74" fmla="*/ 95 w 1007"/>
                  <a:gd name="T75" fmla="*/ 334 h 640"/>
                  <a:gd name="T76" fmla="*/ 101 w 1007"/>
                  <a:gd name="T77" fmla="*/ 347 h 640"/>
                  <a:gd name="T78" fmla="*/ 98 w 1007"/>
                  <a:gd name="T79" fmla="*/ 352 h 640"/>
                  <a:gd name="T80" fmla="*/ 101 w 1007"/>
                  <a:gd name="T81" fmla="*/ 363 h 640"/>
                  <a:gd name="T82" fmla="*/ 109 w 1007"/>
                  <a:gd name="T83" fmla="*/ 364 h 640"/>
                  <a:gd name="T84" fmla="*/ 117 w 1007"/>
                  <a:gd name="T85" fmla="*/ 385 h 640"/>
                  <a:gd name="T86" fmla="*/ 119 w 1007"/>
                  <a:gd name="T87" fmla="*/ 399 h 640"/>
                  <a:gd name="T88" fmla="*/ 125 w 1007"/>
                  <a:gd name="T89" fmla="*/ 408 h 640"/>
                  <a:gd name="T90" fmla="*/ 129 w 1007"/>
                  <a:gd name="T91" fmla="*/ 402 h 640"/>
                  <a:gd name="T92" fmla="*/ 137 w 1007"/>
                  <a:gd name="T93" fmla="*/ 397 h 640"/>
                  <a:gd name="T94" fmla="*/ 145 w 1007"/>
                  <a:gd name="T95" fmla="*/ 399 h 640"/>
                  <a:gd name="T96" fmla="*/ 157 w 1007"/>
                  <a:gd name="T97" fmla="*/ 402 h 640"/>
                  <a:gd name="T98" fmla="*/ 160 w 1007"/>
                  <a:gd name="T99" fmla="*/ 396 h 640"/>
                  <a:gd name="T100" fmla="*/ 167 w 1007"/>
                  <a:gd name="T101" fmla="*/ 396 h 640"/>
                  <a:gd name="T102" fmla="*/ 170 w 1007"/>
                  <a:gd name="T103" fmla="*/ 399 h 640"/>
                  <a:gd name="T104" fmla="*/ 192 w 1007"/>
                  <a:gd name="T105" fmla="*/ 402 h 640"/>
                  <a:gd name="T106" fmla="*/ 221 w 1007"/>
                  <a:gd name="T107" fmla="*/ 389 h 640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1007"/>
                  <a:gd name="T163" fmla="*/ 0 h 640"/>
                  <a:gd name="T164" fmla="*/ 1007 w 1007"/>
                  <a:gd name="T165" fmla="*/ 640 h 640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1007" h="640">
                    <a:moveTo>
                      <a:pt x="358" y="569"/>
                    </a:moveTo>
                    <a:lnTo>
                      <a:pt x="380" y="572"/>
                    </a:lnTo>
                    <a:lnTo>
                      <a:pt x="404" y="576"/>
                    </a:lnTo>
                    <a:lnTo>
                      <a:pt x="428" y="581"/>
                    </a:lnTo>
                    <a:lnTo>
                      <a:pt x="453" y="584"/>
                    </a:lnTo>
                    <a:lnTo>
                      <a:pt x="477" y="588"/>
                    </a:lnTo>
                    <a:lnTo>
                      <a:pt x="502" y="591"/>
                    </a:lnTo>
                    <a:lnTo>
                      <a:pt x="528" y="594"/>
                    </a:lnTo>
                    <a:lnTo>
                      <a:pt x="553" y="598"/>
                    </a:lnTo>
                    <a:lnTo>
                      <a:pt x="578" y="601"/>
                    </a:lnTo>
                    <a:lnTo>
                      <a:pt x="605" y="603"/>
                    </a:lnTo>
                    <a:lnTo>
                      <a:pt x="631" y="606"/>
                    </a:lnTo>
                    <a:lnTo>
                      <a:pt x="655" y="610"/>
                    </a:lnTo>
                    <a:lnTo>
                      <a:pt x="680" y="613"/>
                    </a:lnTo>
                    <a:lnTo>
                      <a:pt x="704" y="615"/>
                    </a:lnTo>
                    <a:lnTo>
                      <a:pt x="727" y="618"/>
                    </a:lnTo>
                    <a:lnTo>
                      <a:pt x="751" y="620"/>
                    </a:lnTo>
                    <a:lnTo>
                      <a:pt x="775" y="621"/>
                    </a:lnTo>
                    <a:lnTo>
                      <a:pt x="797" y="625"/>
                    </a:lnTo>
                    <a:lnTo>
                      <a:pt x="817" y="627"/>
                    </a:lnTo>
                    <a:lnTo>
                      <a:pt x="837" y="628"/>
                    </a:lnTo>
                    <a:lnTo>
                      <a:pt x="856" y="630"/>
                    </a:lnTo>
                    <a:lnTo>
                      <a:pt x="873" y="632"/>
                    </a:lnTo>
                    <a:lnTo>
                      <a:pt x="890" y="633"/>
                    </a:lnTo>
                    <a:lnTo>
                      <a:pt x="905" y="635"/>
                    </a:lnTo>
                    <a:lnTo>
                      <a:pt x="919" y="635"/>
                    </a:lnTo>
                    <a:lnTo>
                      <a:pt x="930" y="637"/>
                    </a:lnTo>
                    <a:lnTo>
                      <a:pt x="941" y="637"/>
                    </a:lnTo>
                    <a:lnTo>
                      <a:pt x="949" y="638"/>
                    </a:lnTo>
                    <a:lnTo>
                      <a:pt x="957" y="638"/>
                    </a:lnTo>
                    <a:lnTo>
                      <a:pt x="963" y="638"/>
                    </a:lnTo>
                    <a:lnTo>
                      <a:pt x="966" y="640"/>
                    </a:lnTo>
                    <a:lnTo>
                      <a:pt x="1007" y="144"/>
                    </a:lnTo>
                    <a:lnTo>
                      <a:pt x="974" y="143"/>
                    </a:lnTo>
                    <a:lnTo>
                      <a:pt x="941" y="141"/>
                    </a:lnTo>
                    <a:lnTo>
                      <a:pt x="905" y="139"/>
                    </a:lnTo>
                    <a:lnTo>
                      <a:pt x="869" y="136"/>
                    </a:lnTo>
                    <a:lnTo>
                      <a:pt x="832" y="131"/>
                    </a:lnTo>
                    <a:lnTo>
                      <a:pt x="793" y="127"/>
                    </a:lnTo>
                    <a:lnTo>
                      <a:pt x="754" y="122"/>
                    </a:lnTo>
                    <a:lnTo>
                      <a:pt x="714" y="117"/>
                    </a:lnTo>
                    <a:lnTo>
                      <a:pt x="673" y="112"/>
                    </a:lnTo>
                    <a:lnTo>
                      <a:pt x="633" y="105"/>
                    </a:lnTo>
                    <a:lnTo>
                      <a:pt x="592" y="100"/>
                    </a:lnTo>
                    <a:lnTo>
                      <a:pt x="551" y="93"/>
                    </a:lnTo>
                    <a:lnTo>
                      <a:pt x="511" y="88"/>
                    </a:lnTo>
                    <a:lnTo>
                      <a:pt x="470" y="82"/>
                    </a:lnTo>
                    <a:lnTo>
                      <a:pt x="431" y="75"/>
                    </a:lnTo>
                    <a:lnTo>
                      <a:pt x="392" y="68"/>
                    </a:lnTo>
                    <a:lnTo>
                      <a:pt x="355" y="61"/>
                    </a:lnTo>
                    <a:lnTo>
                      <a:pt x="318" y="56"/>
                    </a:lnTo>
                    <a:lnTo>
                      <a:pt x="282" y="49"/>
                    </a:lnTo>
                    <a:lnTo>
                      <a:pt x="248" y="43"/>
                    </a:lnTo>
                    <a:lnTo>
                      <a:pt x="216" y="38"/>
                    </a:lnTo>
                    <a:lnTo>
                      <a:pt x="188" y="31"/>
                    </a:lnTo>
                    <a:lnTo>
                      <a:pt x="159" y="26"/>
                    </a:lnTo>
                    <a:lnTo>
                      <a:pt x="133" y="21"/>
                    </a:lnTo>
                    <a:lnTo>
                      <a:pt x="108" y="17"/>
                    </a:lnTo>
                    <a:lnTo>
                      <a:pt x="88" y="12"/>
                    </a:lnTo>
                    <a:lnTo>
                      <a:pt x="69" y="9"/>
                    </a:lnTo>
                    <a:lnTo>
                      <a:pt x="54" y="5"/>
                    </a:lnTo>
                    <a:lnTo>
                      <a:pt x="42" y="4"/>
                    </a:lnTo>
                    <a:lnTo>
                      <a:pt x="34" y="2"/>
                    </a:lnTo>
                    <a:lnTo>
                      <a:pt x="27" y="0"/>
                    </a:lnTo>
                    <a:lnTo>
                      <a:pt x="25" y="0"/>
                    </a:lnTo>
                    <a:lnTo>
                      <a:pt x="0" y="122"/>
                    </a:lnTo>
                    <a:lnTo>
                      <a:pt x="8" y="141"/>
                    </a:lnTo>
                    <a:lnTo>
                      <a:pt x="20" y="168"/>
                    </a:lnTo>
                    <a:lnTo>
                      <a:pt x="20" y="178"/>
                    </a:lnTo>
                    <a:lnTo>
                      <a:pt x="13" y="183"/>
                    </a:lnTo>
                    <a:lnTo>
                      <a:pt x="22" y="190"/>
                    </a:lnTo>
                    <a:lnTo>
                      <a:pt x="15" y="195"/>
                    </a:lnTo>
                    <a:lnTo>
                      <a:pt x="15" y="202"/>
                    </a:lnTo>
                    <a:lnTo>
                      <a:pt x="28" y="205"/>
                    </a:lnTo>
                    <a:lnTo>
                      <a:pt x="28" y="207"/>
                    </a:lnTo>
                    <a:lnTo>
                      <a:pt x="28" y="209"/>
                    </a:lnTo>
                    <a:lnTo>
                      <a:pt x="28" y="210"/>
                    </a:lnTo>
                    <a:lnTo>
                      <a:pt x="28" y="212"/>
                    </a:lnTo>
                    <a:lnTo>
                      <a:pt x="28" y="214"/>
                    </a:lnTo>
                    <a:lnTo>
                      <a:pt x="28" y="215"/>
                    </a:lnTo>
                    <a:lnTo>
                      <a:pt x="30" y="217"/>
                    </a:lnTo>
                    <a:lnTo>
                      <a:pt x="35" y="219"/>
                    </a:lnTo>
                    <a:lnTo>
                      <a:pt x="39" y="220"/>
                    </a:lnTo>
                    <a:lnTo>
                      <a:pt x="42" y="224"/>
                    </a:lnTo>
                    <a:lnTo>
                      <a:pt x="45" y="227"/>
                    </a:lnTo>
                    <a:lnTo>
                      <a:pt x="49" y="232"/>
                    </a:lnTo>
                    <a:lnTo>
                      <a:pt x="52" y="239"/>
                    </a:lnTo>
                    <a:lnTo>
                      <a:pt x="54" y="244"/>
                    </a:lnTo>
                    <a:lnTo>
                      <a:pt x="57" y="251"/>
                    </a:lnTo>
                    <a:lnTo>
                      <a:pt x="59" y="258"/>
                    </a:lnTo>
                    <a:lnTo>
                      <a:pt x="61" y="263"/>
                    </a:lnTo>
                    <a:lnTo>
                      <a:pt x="62" y="269"/>
                    </a:lnTo>
                    <a:lnTo>
                      <a:pt x="64" y="275"/>
                    </a:lnTo>
                    <a:lnTo>
                      <a:pt x="64" y="278"/>
                    </a:lnTo>
                    <a:lnTo>
                      <a:pt x="66" y="281"/>
                    </a:lnTo>
                    <a:lnTo>
                      <a:pt x="66" y="283"/>
                    </a:lnTo>
                    <a:lnTo>
                      <a:pt x="66" y="285"/>
                    </a:lnTo>
                    <a:lnTo>
                      <a:pt x="74" y="288"/>
                    </a:lnTo>
                    <a:lnTo>
                      <a:pt x="74" y="300"/>
                    </a:lnTo>
                    <a:lnTo>
                      <a:pt x="86" y="300"/>
                    </a:lnTo>
                    <a:lnTo>
                      <a:pt x="88" y="313"/>
                    </a:lnTo>
                    <a:lnTo>
                      <a:pt x="94" y="313"/>
                    </a:lnTo>
                    <a:lnTo>
                      <a:pt x="113" y="313"/>
                    </a:lnTo>
                    <a:lnTo>
                      <a:pt x="113" y="315"/>
                    </a:lnTo>
                    <a:lnTo>
                      <a:pt x="101" y="337"/>
                    </a:lnTo>
                    <a:lnTo>
                      <a:pt x="101" y="349"/>
                    </a:lnTo>
                    <a:lnTo>
                      <a:pt x="93" y="359"/>
                    </a:lnTo>
                    <a:lnTo>
                      <a:pt x="94" y="359"/>
                    </a:lnTo>
                    <a:lnTo>
                      <a:pt x="94" y="368"/>
                    </a:lnTo>
                    <a:lnTo>
                      <a:pt x="88" y="373"/>
                    </a:lnTo>
                    <a:lnTo>
                      <a:pt x="86" y="383"/>
                    </a:lnTo>
                    <a:lnTo>
                      <a:pt x="89" y="401"/>
                    </a:lnTo>
                    <a:lnTo>
                      <a:pt x="89" y="403"/>
                    </a:lnTo>
                    <a:lnTo>
                      <a:pt x="88" y="405"/>
                    </a:lnTo>
                    <a:lnTo>
                      <a:pt x="86" y="408"/>
                    </a:lnTo>
                    <a:lnTo>
                      <a:pt x="79" y="410"/>
                    </a:lnTo>
                    <a:lnTo>
                      <a:pt x="76" y="413"/>
                    </a:lnTo>
                    <a:lnTo>
                      <a:pt x="74" y="417"/>
                    </a:lnTo>
                    <a:lnTo>
                      <a:pt x="72" y="422"/>
                    </a:lnTo>
                    <a:lnTo>
                      <a:pt x="72" y="427"/>
                    </a:lnTo>
                    <a:lnTo>
                      <a:pt x="74" y="430"/>
                    </a:lnTo>
                    <a:lnTo>
                      <a:pt x="74" y="434"/>
                    </a:lnTo>
                    <a:lnTo>
                      <a:pt x="74" y="435"/>
                    </a:lnTo>
                    <a:lnTo>
                      <a:pt x="69" y="437"/>
                    </a:lnTo>
                    <a:lnTo>
                      <a:pt x="69" y="445"/>
                    </a:lnTo>
                    <a:lnTo>
                      <a:pt x="78" y="449"/>
                    </a:lnTo>
                    <a:lnTo>
                      <a:pt x="86" y="457"/>
                    </a:lnTo>
                    <a:lnTo>
                      <a:pt x="101" y="452"/>
                    </a:lnTo>
                    <a:lnTo>
                      <a:pt x="116" y="439"/>
                    </a:lnTo>
                    <a:lnTo>
                      <a:pt x="123" y="437"/>
                    </a:lnTo>
                    <a:lnTo>
                      <a:pt x="125" y="435"/>
                    </a:lnTo>
                    <a:lnTo>
                      <a:pt x="125" y="434"/>
                    </a:lnTo>
                    <a:lnTo>
                      <a:pt x="127" y="434"/>
                    </a:lnTo>
                    <a:lnTo>
                      <a:pt x="128" y="435"/>
                    </a:lnTo>
                    <a:lnTo>
                      <a:pt x="130" y="439"/>
                    </a:lnTo>
                    <a:lnTo>
                      <a:pt x="132" y="447"/>
                    </a:lnTo>
                    <a:lnTo>
                      <a:pt x="132" y="457"/>
                    </a:lnTo>
                    <a:lnTo>
                      <a:pt x="132" y="471"/>
                    </a:lnTo>
                    <a:lnTo>
                      <a:pt x="132" y="481"/>
                    </a:lnTo>
                    <a:lnTo>
                      <a:pt x="133" y="489"/>
                    </a:lnTo>
                    <a:lnTo>
                      <a:pt x="135" y="496"/>
                    </a:lnTo>
                    <a:lnTo>
                      <a:pt x="137" y="503"/>
                    </a:lnTo>
                    <a:lnTo>
                      <a:pt x="138" y="506"/>
                    </a:lnTo>
                    <a:lnTo>
                      <a:pt x="140" y="508"/>
                    </a:lnTo>
                    <a:lnTo>
                      <a:pt x="142" y="510"/>
                    </a:lnTo>
                    <a:lnTo>
                      <a:pt x="145" y="518"/>
                    </a:lnTo>
                    <a:lnTo>
                      <a:pt x="147" y="523"/>
                    </a:lnTo>
                    <a:lnTo>
                      <a:pt x="149" y="528"/>
                    </a:lnTo>
                    <a:lnTo>
                      <a:pt x="149" y="530"/>
                    </a:lnTo>
                    <a:lnTo>
                      <a:pt x="147" y="533"/>
                    </a:lnTo>
                    <a:lnTo>
                      <a:pt x="147" y="535"/>
                    </a:lnTo>
                    <a:lnTo>
                      <a:pt x="145" y="537"/>
                    </a:lnTo>
                    <a:lnTo>
                      <a:pt x="144" y="542"/>
                    </a:lnTo>
                    <a:lnTo>
                      <a:pt x="145" y="545"/>
                    </a:lnTo>
                    <a:lnTo>
                      <a:pt x="147" y="549"/>
                    </a:lnTo>
                    <a:lnTo>
                      <a:pt x="150" y="552"/>
                    </a:lnTo>
                    <a:lnTo>
                      <a:pt x="154" y="554"/>
                    </a:lnTo>
                    <a:lnTo>
                      <a:pt x="157" y="555"/>
                    </a:lnTo>
                    <a:lnTo>
                      <a:pt x="159" y="555"/>
                    </a:lnTo>
                    <a:lnTo>
                      <a:pt x="160" y="555"/>
                    </a:lnTo>
                    <a:lnTo>
                      <a:pt x="172" y="574"/>
                    </a:lnTo>
                    <a:lnTo>
                      <a:pt x="172" y="576"/>
                    </a:lnTo>
                    <a:lnTo>
                      <a:pt x="174" y="579"/>
                    </a:lnTo>
                    <a:lnTo>
                      <a:pt x="174" y="586"/>
                    </a:lnTo>
                    <a:lnTo>
                      <a:pt x="174" y="593"/>
                    </a:lnTo>
                    <a:lnTo>
                      <a:pt x="176" y="599"/>
                    </a:lnTo>
                    <a:lnTo>
                      <a:pt x="176" y="605"/>
                    </a:lnTo>
                    <a:lnTo>
                      <a:pt x="177" y="610"/>
                    </a:lnTo>
                    <a:lnTo>
                      <a:pt x="177" y="611"/>
                    </a:lnTo>
                    <a:lnTo>
                      <a:pt x="181" y="616"/>
                    </a:lnTo>
                    <a:lnTo>
                      <a:pt x="184" y="620"/>
                    </a:lnTo>
                    <a:lnTo>
                      <a:pt x="186" y="620"/>
                    </a:lnTo>
                    <a:lnTo>
                      <a:pt x="188" y="620"/>
                    </a:lnTo>
                    <a:lnTo>
                      <a:pt x="189" y="616"/>
                    </a:lnTo>
                    <a:lnTo>
                      <a:pt x="191" y="615"/>
                    </a:lnTo>
                    <a:lnTo>
                      <a:pt x="191" y="613"/>
                    </a:lnTo>
                    <a:lnTo>
                      <a:pt x="191" y="611"/>
                    </a:lnTo>
                    <a:lnTo>
                      <a:pt x="194" y="606"/>
                    </a:lnTo>
                    <a:lnTo>
                      <a:pt x="199" y="605"/>
                    </a:lnTo>
                    <a:lnTo>
                      <a:pt x="203" y="605"/>
                    </a:lnTo>
                    <a:lnTo>
                      <a:pt x="206" y="605"/>
                    </a:lnTo>
                    <a:lnTo>
                      <a:pt x="211" y="606"/>
                    </a:lnTo>
                    <a:lnTo>
                      <a:pt x="213" y="608"/>
                    </a:lnTo>
                    <a:lnTo>
                      <a:pt x="216" y="610"/>
                    </a:lnTo>
                    <a:lnTo>
                      <a:pt x="218" y="611"/>
                    </a:lnTo>
                    <a:lnTo>
                      <a:pt x="223" y="615"/>
                    </a:lnTo>
                    <a:lnTo>
                      <a:pt x="228" y="615"/>
                    </a:lnTo>
                    <a:lnTo>
                      <a:pt x="232" y="613"/>
                    </a:lnTo>
                    <a:lnTo>
                      <a:pt x="235" y="611"/>
                    </a:lnTo>
                    <a:lnTo>
                      <a:pt x="237" y="608"/>
                    </a:lnTo>
                    <a:lnTo>
                      <a:pt x="238" y="606"/>
                    </a:lnTo>
                    <a:lnTo>
                      <a:pt x="238" y="603"/>
                    </a:lnTo>
                    <a:lnTo>
                      <a:pt x="240" y="603"/>
                    </a:lnTo>
                    <a:lnTo>
                      <a:pt x="243" y="601"/>
                    </a:lnTo>
                    <a:lnTo>
                      <a:pt x="245" y="601"/>
                    </a:lnTo>
                    <a:lnTo>
                      <a:pt x="247" y="603"/>
                    </a:lnTo>
                    <a:lnTo>
                      <a:pt x="248" y="605"/>
                    </a:lnTo>
                    <a:lnTo>
                      <a:pt x="250" y="606"/>
                    </a:lnTo>
                    <a:lnTo>
                      <a:pt x="250" y="608"/>
                    </a:lnTo>
                    <a:lnTo>
                      <a:pt x="252" y="610"/>
                    </a:lnTo>
                    <a:lnTo>
                      <a:pt x="252" y="611"/>
                    </a:lnTo>
                    <a:lnTo>
                      <a:pt x="257" y="611"/>
                    </a:lnTo>
                    <a:lnTo>
                      <a:pt x="277" y="608"/>
                    </a:lnTo>
                    <a:lnTo>
                      <a:pt x="284" y="613"/>
                    </a:lnTo>
                    <a:lnTo>
                      <a:pt x="296" y="613"/>
                    </a:lnTo>
                    <a:lnTo>
                      <a:pt x="311" y="611"/>
                    </a:lnTo>
                    <a:lnTo>
                      <a:pt x="318" y="594"/>
                    </a:lnTo>
                    <a:lnTo>
                      <a:pt x="328" y="594"/>
                    </a:lnTo>
                    <a:lnTo>
                      <a:pt x="335" y="615"/>
                    </a:lnTo>
                    <a:lnTo>
                      <a:pt x="345" y="630"/>
                    </a:lnTo>
                    <a:lnTo>
                      <a:pt x="358" y="569"/>
                    </a:lnTo>
                    <a:close/>
                  </a:path>
                </a:pathLst>
              </a:custGeom>
              <a:solidFill>
                <a:schemeClr val="bg2">
                  <a:lumMod val="85000"/>
                </a:schemeClr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2" name="Freeform 118"/>
              <p:cNvSpPr>
                <a:spLocks/>
              </p:cNvSpPr>
              <p:nvPr/>
            </p:nvSpPr>
            <p:spPr bwMode="auto">
              <a:xfrm>
                <a:off x="528" y="1726"/>
                <a:ext cx="609" cy="942"/>
              </a:xfrm>
              <a:custGeom>
                <a:avLst/>
                <a:gdLst>
                  <a:gd name="T0" fmla="*/ 0 w 626"/>
                  <a:gd name="T1" fmla="*/ 243 h 970"/>
                  <a:gd name="T2" fmla="*/ 64 w 626"/>
                  <a:gd name="T3" fmla="*/ 2 h 970"/>
                  <a:gd name="T4" fmla="*/ 82 w 626"/>
                  <a:gd name="T5" fmla="*/ 8 h 970"/>
                  <a:gd name="T6" fmla="*/ 99 w 626"/>
                  <a:gd name="T7" fmla="*/ 15 h 970"/>
                  <a:gd name="T8" fmla="*/ 116 w 626"/>
                  <a:gd name="T9" fmla="*/ 17 h 970"/>
                  <a:gd name="T10" fmla="*/ 131 w 626"/>
                  <a:gd name="T11" fmla="*/ 17 h 970"/>
                  <a:gd name="T12" fmla="*/ 148 w 626"/>
                  <a:gd name="T13" fmla="*/ 18 h 970"/>
                  <a:gd name="T14" fmla="*/ 162 w 626"/>
                  <a:gd name="T15" fmla="*/ 25 h 970"/>
                  <a:gd name="T16" fmla="*/ 177 w 626"/>
                  <a:gd name="T17" fmla="*/ 30 h 970"/>
                  <a:gd name="T18" fmla="*/ 189 w 626"/>
                  <a:gd name="T19" fmla="*/ 35 h 970"/>
                  <a:gd name="T20" fmla="*/ 201 w 626"/>
                  <a:gd name="T21" fmla="*/ 37 h 970"/>
                  <a:gd name="T22" fmla="*/ 213 w 626"/>
                  <a:gd name="T23" fmla="*/ 39 h 970"/>
                  <a:gd name="T24" fmla="*/ 221 w 626"/>
                  <a:gd name="T25" fmla="*/ 41 h 970"/>
                  <a:gd name="T26" fmla="*/ 229 w 626"/>
                  <a:gd name="T27" fmla="*/ 43 h 970"/>
                  <a:gd name="T28" fmla="*/ 235 w 626"/>
                  <a:gd name="T29" fmla="*/ 44 h 970"/>
                  <a:gd name="T30" fmla="*/ 239 w 626"/>
                  <a:gd name="T31" fmla="*/ 44 h 970"/>
                  <a:gd name="T32" fmla="*/ 243 w 626"/>
                  <a:gd name="T33" fmla="*/ 45 h 970"/>
                  <a:gd name="T34" fmla="*/ 243 w 626"/>
                  <a:gd name="T35" fmla="*/ 45 h 970"/>
                  <a:gd name="T36" fmla="*/ 425 w 626"/>
                  <a:gd name="T37" fmla="*/ 83 h 970"/>
                  <a:gd name="T38" fmla="*/ 334 w 626"/>
                  <a:gd name="T39" fmla="*/ 552 h 970"/>
                  <a:gd name="T40" fmla="*/ 332 w 626"/>
                  <a:gd name="T41" fmla="*/ 555 h 970"/>
                  <a:gd name="T42" fmla="*/ 330 w 626"/>
                  <a:gd name="T43" fmla="*/ 564 h 970"/>
                  <a:gd name="T44" fmla="*/ 323 w 626"/>
                  <a:gd name="T45" fmla="*/ 570 h 970"/>
                  <a:gd name="T46" fmla="*/ 315 w 626"/>
                  <a:gd name="T47" fmla="*/ 566 h 970"/>
                  <a:gd name="T48" fmla="*/ 313 w 626"/>
                  <a:gd name="T49" fmla="*/ 564 h 970"/>
                  <a:gd name="T50" fmla="*/ 313 w 626"/>
                  <a:gd name="T51" fmla="*/ 562 h 970"/>
                  <a:gd name="T52" fmla="*/ 311 w 626"/>
                  <a:gd name="T53" fmla="*/ 557 h 970"/>
                  <a:gd name="T54" fmla="*/ 305 w 626"/>
                  <a:gd name="T55" fmla="*/ 555 h 970"/>
                  <a:gd name="T56" fmla="*/ 303 w 626"/>
                  <a:gd name="T57" fmla="*/ 555 h 970"/>
                  <a:gd name="T58" fmla="*/ 302 w 626"/>
                  <a:gd name="T59" fmla="*/ 554 h 970"/>
                  <a:gd name="T60" fmla="*/ 298 w 626"/>
                  <a:gd name="T61" fmla="*/ 554 h 970"/>
                  <a:gd name="T62" fmla="*/ 297 w 626"/>
                  <a:gd name="T63" fmla="*/ 555 h 970"/>
                  <a:gd name="T64" fmla="*/ 294 w 626"/>
                  <a:gd name="T65" fmla="*/ 555 h 970"/>
                  <a:gd name="T66" fmla="*/ 289 w 626"/>
                  <a:gd name="T67" fmla="*/ 555 h 970"/>
                  <a:gd name="T68" fmla="*/ 286 w 626"/>
                  <a:gd name="T69" fmla="*/ 555 h 970"/>
                  <a:gd name="T70" fmla="*/ 285 w 626"/>
                  <a:gd name="T71" fmla="*/ 559 h 970"/>
                  <a:gd name="T72" fmla="*/ 285 w 626"/>
                  <a:gd name="T73" fmla="*/ 562 h 970"/>
                  <a:gd name="T74" fmla="*/ 286 w 626"/>
                  <a:gd name="T75" fmla="*/ 566 h 970"/>
                  <a:gd name="T76" fmla="*/ 286 w 626"/>
                  <a:gd name="T77" fmla="*/ 572 h 970"/>
                  <a:gd name="T78" fmla="*/ 286 w 626"/>
                  <a:gd name="T79" fmla="*/ 580 h 970"/>
                  <a:gd name="T80" fmla="*/ 288 w 626"/>
                  <a:gd name="T81" fmla="*/ 587 h 970"/>
                  <a:gd name="T82" fmla="*/ 286 w 626"/>
                  <a:gd name="T83" fmla="*/ 596 h 970"/>
                  <a:gd name="T84" fmla="*/ 285 w 626"/>
                  <a:gd name="T85" fmla="*/ 602 h 970"/>
                  <a:gd name="T86" fmla="*/ 282 w 626"/>
                  <a:gd name="T87" fmla="*/ 607 h 970"/>
                  <a:gd name="T88" fmla="*/ 282 w 626"/>
                  <a:gd name="T89" fmla="*/ 612 h 970"/>
                  <a:gd name="T90" fmla="*/ 282 w 626"/>
                  <a:gd name="T91" fmla="*/ 620 h 970"/>
                  <a:gd name="T92" fmla="*/ 282 w 626"/>
                  <a:gd name="T93" fmla="*/ 629 h 970"/>
                  <a:gd name="T94" fmla="*/ 281 w 626"/>
                  <a:gd name="T95" fmla="*/ 637 h 970"/>
                  <a:gd name="T96" fmla="*/ 279 w 626"/>
                  <a:gd name="T97" fmla="*/ 637 h 970"/>
                  <a:gd name="T98" fmla="*/ 276 w 626"/>
                  <a:gd name="T99" fmla="*/ 640 h 970"/>
                  <a:gd name="T100" fmla="*/ 273 w 626"/>
                  <a:gd name="T101" fmla="*/ 643 h 970"/>
                  <a:gd name="T102" fmla="*/ 272 w 626"/>
                  <a:gd name="T103" fmla="*/ 644 h 970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w 626"/>
                  <a:gd name="T157" fmla="*/ 0 h 970"/>
                  <a:gd name="T158" fmla="*/ 626 w 626"/>
                  <a:gd name="T159" fmla="*/ 970 h 970"/>
                </a:gdLst>
                <a:ahLst/>
                <a:cxnLst>
                  <a:cxn ang="T104">
                    <a:pos x="T0" y="T1"/>
                  </a:cxn>
                  <a:cxn ang="T105">
                    <a:pos x="T2" y="T3"/>
                  </a:cxn>
                  <a:cxn ang="T106">
                    <a:pos x="T4" y="T5"/>
                  </a:cxn>
                  <a:cxn ang="T107">
                    <a:pos x="T6" y="T7"/>
                  </a:cxn>
                  <a:cxn ang="T108">
                    <a:pos x="T8" y="T9"/>
                  </a:cxn>
                  <a:cxn ang="T109">
                    <a:pos x="T10" y="T11"/>
                  </a:cxn>
                  <a:cxn ang="T110">
                    <a:pos x="T12" y="T13"/>
                  </a:cxn>
                  <a:cxn ang="T111">
                    <a:pos x="T14" y="T15"/>
                  </a:cxn>
                  <a:cxn ang="T112">
                    <a:pos x="T16" y="T17"/>
                  </a:cxn>
                  <a:cxn ang="T113">
                    <a:pos x="T18" y="T19"/>
                  </a:cxn>
                  <a:cxn ang="T114">
                    <a:pos x="T20" y="T21"/>
                  </a:cxn>
                  <a:cxn ang="T115">
                    <a:pos x="T22" y="T23"/>
                  </a:cxn>
                  <a:cxn ang="T116">
                    <a:pos x="T24" y="T25"/>
                  </a:cxn>
                  <a:cxn ang="T117">
                    <a:pos x="T26" y="T27"/>
                  </a:cxn>
                  <a:cxn ang="T118">
                    <a:pos x="T28" y="T29"/>
                  </a:cxn>
                  <a:cxn ang="T119">
                    <a:pos x="T30" y="T31"/>
                  </a:cxn>
                  <a:cxn ang="T120">
                    <a:pos x="T32" y="T33"/>
                  </a:cxn>
                  <a:cxn ang="T121">
                    <a:pos x="T34" y="T35"/>
                  </a:cxn>
                  <a:cxn ang="T122">
                    <a:pos x="T36" y="T37"/>
                  </a:cxn>
                  <a:cxn ang="T123">
                    <a:pos x="T38" y="T39"/>
                  </a:cxn>
                  <a:cxn ang="T124">
                    <a:pos x="T40" y="T41"/>
                  </a:cxn>
                  <a:cxn ang="T125">
                    <a:pos x="T42" y="T43"/>
                  </a:cxn>
                  <a:cxn ang="T126">
                    <a:pos x="T44" y="T45"/>
                  </a:cxn>
                  <a:cxn ang="T127">
                    <a:pos x="T46" y="T47"/>
                  </a:cxn>
                  <a:cxn ang="T128">
                    <a:pos x="T48" y="T49"/>
                  </a:cxn>
                  <a:cxn ang="T129">
                    <a:pos x="T50" y="T51"/>
                  </a:cxn>
                  <a:cxn ang="T130">
                    <a:pos x="T52" y="T53"/>
                  </a:cxn>
                  <a:cxn ang="T131">
                    <a:pos x="T54" y="T55"/>
                  </a:cxn>
                  <a:cxn ang="T132">
                    <a:pos x="T56" y="T57"/>
                  </a:cxn>
                  <a:cxn ang="T133">
                    <a:pos x="T58" y="T59"/>
                  </a:cxn>
                  <a:cxn ang="T134">
                    <a:pos x="T60" y="T61"/>
                  </a:cxn>
                  <a:cxn ang="T135">
                    <a:pos x="T62" y="T63"/>
                  </a:cxn>
                  <a:cxn ang="T136">
                    <a:pos x="T64" y="T65"/>
                  </a:cxn>
                  <a:cxn ang="T137">
                    <a:pos x="T66" y="T67"/>
                  </a:cxn>
                  <a:cxn ang="T138">
                    <a:pos x="T68" y="T69"/>
                  </a:cxn>
                  <a:cxn ang="T139">
                    <a:pos x="T70" y="T71"/>
                  </a:cxn>
                  <a:cxn ang="T140">
                    <a:pos x="T72" y="T73"/>
                  </a:cxn>
                  <a:cxn ang="T141">
                    <a:pos x="T74" y="T75"/>
                  </a:cxn>
                  <a:cxn ang="T142">
                    <a:pos x="T76" y="T77"/>
                  </a:cxn>
                  <a:cxn ang="T143">
                    <a:pos x="T78" y="T79"/>
                  </a:cxn>
                  <a:cxn ang="T144">
                    <a:pos x="T80" y="T81"/>
                  </a:cxn>
                  <a:cxn ang="T145">
                    <a:pos x="T82" y="T83"/>
                  </a:cxn>
                  <a:cxn ang="T146">
                    <a:pos x="T84" y="T85"/>
                  </a:cxn>
                  <a:cxn ang="T147">
                    <a:pos x="T86" y="T87"/>
                  </a:cxn>
                  <a:cxn ang="T148">
                    <a:pos x="T88" y="T89"/>
                  </a:cxn>
                  <a:cxn ang="T149">
                    <a:pos x="T90" y="T91"/>
                  </a:cxn>
                  <a:cxn ang="T150">
                    <a:pos x="T92" y="T93"/>
                  </a:cxn>
                  <a:cxn ang="T151">
                    <a:pos x="T94" y="T95"/>
                  </a:cxn>
                  <a:cxn ang="T152">
                    <a:pos x="T96" y="T97"/>
                  </a:cxn>
                  <a:cxn ang="T153">
                    <a:pos x="T98" y="T99"/>
                  </a:cxn>
                  <a:cxn ang="T154">
                    <a:pos x="T100" y="T101"/>
                  </a:cxn>
                  <a:cxn ang="T155">
                    <a:pos x="T102" y="T103"/>
                  </a:cxn>
                </a:cxnLst>
                <a:rect l="T156" t="T157" r="T158" b="T159"/>
                <a:pathLst>
                  <a:path w="626" h="970">
                    <a:moveTo>
                      <a:pt x="400" y="970"/>
                    </a:moveTo>
                    <a:lnTo>
                      <a:pt x="0" y="366"/>
                    </a:lnTo>
                    <a:lnTo>
                      <a:pt x="95" y="0"/>
                    </a:lnTo>
                    <a:lnTo>
                      <a:pt x="93" y="2"/>
                    </a:lnTo>
                    <a:lnTo>
                      <a:pt x="107" y="5"/>
                    </a:lnTo>
                    <a:lnTo>
                      <a:pt x="120" y="8"/>
                    </a:lnTo>
                    <a:lnTo>
                      <a:pt x="132" y="12"/>
                    </a:lnTo>
                    <a:lnTo>
                      <a:pt x="146" y="15"/>
                    </a:lnTo>
                    <a:lnTo>
                      <a:pt x="158" y="19"/>
                    </a:lnTo>
                    <a:lnTo>
                      <a:pt x="170" y="20"/>
                    </a:lnTo>
                    <a:lnTo>
                      <a:pt x="183" y="24"/>
                    </a:lnTo>
                    <a:lnTo>
                      <a:pt x="193" y="27"/>
                    </a:lnTo>
                    <a:lnTo>
                      <a:pt x="205" y="30"/>
                    </a:lnTo>
                    <a:lnTo>
                      <a:pt x="217" y="32"/>
                    </a:lnTo>
                    <a:lnTo>
                      <a:pt x="229" y="36"/>
                    </a:lnTo>
                    <a:lnTo>
                      <a:pt x="239" y="39"/>
                    </a:lnTo>
                    <a:lnTo>
                      <a:pt x="249" y="41"/>
                    </a:lnTo>
                    <a:lnTo>
                      <a:pt x="259" y="44"/>
                    </a:lnTo>
                    <a:lnTo>
                      <a:pt x="269" y="46"/>
                    </a:lnTo>
                    <a:lnTo>
                      <a:pt x="278" y="49"/>
                    </a:lnTo>
                    <a:lnTo>
                      <a:pt x="288" y="51"/>
                    </a:lnTo>
                    <a:lnTo>
                      <a:pt x="296" y="52"/>
                    </a:lnTo>
                    <a:lnTo>
                      <a:pt x="303" y="54"/>
                    </a:lnTo>
                    <a:lnTo>
                      <a:pt x="312" y="56"/>
                    </a:lnTo>
                    <a:lnTo>
                      <a:pt x="318" y="58"/>
                    </a:lnTo>
                    <a:lnTo>
                      <a:pt x="325" y="59"/>
                    </a:lnTo>
                    <a:lnTo>
                      <a:pt x="330" y="61"/>
                    </a:lnTo>
                    <a:lnTo>
                      <a:pt x="337" y="63"/>
                    </a:lnTo>
                    <a:lnTo>
                      <a:pt x="340" y="64"/>
                    </a:lnTo>
                    <a:lnTo>
                      <a:pt x="346" y="66"/>
                    </a:lnTo>
                    <a:lnTo>
                      <a:pt x="349" y="66"/>
                    </a:lnTo>
                    <a:lnTo>
                      <a:pt x="352" y="66"/>
                    </a:lnTo>
                    <a:lnTo>
                      <a:pt x="354" y="68"/>
                    </a:lnTo>
                    <a:lnTo>
                      <a:pt x="357" y="68"/>
                    </a:lnTo>
                    <a:lnTo>
                      <a:pt x="626" y="125"/>
                    </a:lnTo>
                    <a:lnTo>
                      <a:pt x="508" y="741"/>
                    </a:lnTo>
                    <a:lnTo>
                      <a:pt x="491" y="831"/>
                    </a:lnTo>
                    <a:lnTo>
                      <a:pt x="491" y="833"/>
                    </a:lnTo>
                    <a:lnTo>
                      <a:pt x="489" y="836"/>
                    </a:lnTo>
                    <a:lnTo>
                      <a:pt x="488" y="843"/>
                    </a:lnTo>
                    <a:lnTo>
                      <a:pt x="484" y="850"/>
                    </a:lnTo>
                    <a:lnTo>
                      <a:pt x="481" y="855"/>
                    </a:lnTo>
                    <a:lnTo>
                      <a:pt x="476" y="858"/>
                    </a:lnTo>
                    <a:lnTo>
                      <a:pt x="471" y="858"/>
                    </a:lnTo>
                    <a:lnTo>
                      <a:pt x="464" y="853"/>
                    </a:lnTo>
                    <a:lnTo>
                      <a:pt x="464" y="851"/>
                    </a:lnTo>
                    <a:lnTo>
                      <a:pt x="462" y="850"/>
                    </a:lnTo>
                    <a:lnTo>
                      <a:pt x="462" y="848"/>
                    </a:lnTo>
                    <a:lnTo>
                      <a:pt x="462" y="846"/>
                    </a:lnTo>
                    <a:lnTo>
                      <a:pt x="461" y="844"/>
                    </a:lnTo>
                    <a:lnTo>
                      <a:pt x="457" y="841"/>
                    </a:lnTo>
                    <a:lnTo>
                      <a:pt x="454" y="841"/>
                    </a:lnTo>
                    <a:lnTo>
                      <a:pt x="449" y="839"/>
                    </a:lnTo>
                    <a:lnTo>
                      <a:pt x="447" y="839"/>
                    </a:lnTo>
                    <a:lnTo>
                      <a:pt x="445" y="838"/>
                    </a:lnTo>
                    <a:lnTo>
                      <a:pt x="445" y="836"/>
                    </a:lnTo>
                    <a:lnTo>
                      <a:pt x="444" y="834"/>
                    </a:lnTo>
                    <a:lnTo>
                      <a:pt x="440" y="833"/>
                    </a:lnTo>
                    <a:lnTo>
                      <a:pt x="439" y="833"/>
                    </a:lnTo>
                    <a:lnTo>
                      <a:pt x="437" y="833"/>
                    </a:lnTo>
                    <a:lnTo>
                      <a:pt x="435" y="836"/>
                    </a:lnTo>
                    <a:lnTo>
                      <a:pt x="434" y="836"/>
                    </a:lnTo>
                    <a:lnTo>
                      <a:pt x="432" y="838"/>
                    </a:lnTo>
                    <a:lnTo>
                      <a:pt x="428" y="838"/>
                    </a:lnTo>
                    <a:lnTo>
                      <a:pt x="425" y="838"/>
                    </a:lnTo>
                    <a:lnTo>
                      <a:pt x="423" y="838"/>
                    </a:lnTo>
                    <a:lnTo>
                      <a:pt x="420" y="839"/>
                    </a:lnTo>
                    <a:lnTo>
                      <a:pt x="420" y="841"/>
                    </a:lnTo>
                    <a:lnTo>
                      <a:pt x="418" y="843"/>
                    </a:lnTo>
                    <a:lnTo>
                      <a:pt x="418" y="844"/>
                    </a:lnTo>
                    <a:lnTo>
                      <a:pt x="418" y="846"/>
                    </a:lnTo>
                    <a:lnTo>
                      <a:pt x="420" y="850"/>
                    </a:lnTo>
                    <a:lnTo>
                      <a:pt x="420" y="853"/>
                    </a:lnTo>
                    <a:lnTo>
                      <a:pt x="420" y="856"/>
                    </a:lnTo>
                    <a:lnTo>
                      <a:pt x="420" y="861"/>
                    </a:lnTo>
                    <a:lnTo>
                      <a:pt x="420" y="866"/>
                    </a:lnTo>
                    <a:lnTo>
                      <a:pt x="420" y="873"/>
                    </a:lnTo>
                    <a:lnTo>
                      <a:pt x="422" y="878"/>
                    </a:lnTo>
                    <a:lnTo>
                      <a:pt x="422" y="885"/>
                    </a:lnTo>
                    <a:lnTo>
                      <a:pt x="420" y="890"/>
                    </a:lnTo>
                    <a:lnTo>
                      <a:pt x="420" y="897"/>
                    </a:lnTo>
                    <a:lnTo>
                      <a:pt x="420" y="902"/>
                    </a:lnTo>
                    <a:lnTo>
                      <a:pt x="418" y="907"/>
                    </a:lnTo>
                    <a:lnTo>
                      <a:pt x="417" y="912"/>
                    </a:lnTo>
                    <a:lnTo>
                      <a:pt x="415" y="916"/>
                    </a:lnTo>
                    <a:lnTo>
                      <a:pt x="415" y="919"/>
                    </a:lnTo>
                    <a:lnTo>
                      <a:pt x="415" y="922"/>
                    </a:lnTo>
                    <a:lnTo>
                      <a:pt x="415" y="927"/>
                    </a:lnTo>
                    <a:lnTo>
                      <a:pt x="415" y="934"/>
                    </a:lnTo>
                    <a:lnTo>
                      <a:pt x="415" y="941"/>
                    </a:lnTo>
                    <a:lnTo>
                      <a:pt x="415" y="948"/>
                    </a:lnTo>
                    <a:lnTo>
                      <a:pt x="415" y="954"/>
                    </a:lnTo>
                    <a:lnTo>
                      <a:pt x="413" y="960"/>
                    </a:lnTo>
                    <a:lnTo>
                      <a:pt x="412" y="960"/>
                    </a:lnTo>
                    <a:lnTo>
                      <a:pt x="410" y="961"/>
                    </a:lnTo>
                    <a:lnTo>
                      <a:pt x="408" y="963"/>
                    </a:lnTo>
                    <a:lnTo>
                      <a:pt x="406" y="965"/>
                    </a:lnTo>
                    <a:lnTo>
                      <a:pt x="403" y="966"/>
                    </a:lnTo>
                    <a:lnTo>
                      <a:pt x="401" y="968"/>
                    </a:lnTo>
                    <a:lnTo>
                      <a:pt x="400" y="97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3" name="Freeform 119"/>
              <p:cNvSpPr>
                <a:spLocks/>
              </p:cNvSpPr>
              <p:nvPr/>
            </p:nvSpPr>
            <p:spPr bwMode="auto">
              <a:xfrm>
                <a:off x="846" y="2445"/>
                <a:ext cx="649" cy="757"/>
              </a:xfrm>
              <a:custGeom>
                <a:avLst/>
                <a:gdLst>
                  <a:gd name="T0" fmla="*/ 18 w 667"/>
                  <a:gd name="T1" fmla="*/ 337 h 780"/>
                  <a:gd name="T2" fmla="*/ 25 w 667"/>
                  <a:gd name="T3" fmla="*/ 334 h 780"/>
                  <a:gd name="T4" fmla="*/ 28 w 667"/>
                  <a:gd name="T5" fmla="*/ 326 h 780"/>
                  <a:gd name="T6" fmla="*/ 28 w 667"/>
                  <a:gd name="T7" fmla="*/ 319 h 780"/>
                  <a:gd name="T8" fmla="*/ 27 w 667"/>
                  <a:gd name="T9" fmla="*/ 316 h 780"/>
                  <a:gd name="T10" fmla="*/ 18 w 667"/>
                  <a:gd name="T11" fmla="*/ 299 h 780"/>
                  <a:gd name="T12" fmla="*/ 18 w 667"/>
                  <a:gd name="T13" fmla="*/ 285 h 780"/>
                  <a:gd name="T14" fmla="*/ 18 w 667"/>
                  <a:gd name="T15" fmla="*/ 284 h 780"/>
                  <a:gd name="T16" fmla="*/ 23 w 667"/>
                  <a:gd name="T17" fmla="*/ 280 h 780"/>
                  <a:gd name="T18" fmla="*/ 28 w 667"/>
                  <a:gd name="T19" fmla="*/ 279 h 780"/>
                  <a:gd name="T20" fmla="*/ 32 w 667"/>
                  <a:gd name="T21" fmla="*/ 277 h 780"/>
                  <a:gd name="T22" fmla="*/ 41 w 667"/>
                  <a:gd name="T23" fmla="*/ 270 h 780"/>
                  <a:gd name="T24" fmla="*/ 43 w 667"/>
                  <a:gd name="T25" fmla="*/ 261 h 780"/>
                  <a:gd name="T26" fmla="*/ 44 w 667"/>
                  <a:gd name="T27" fmla="*/ 253 h 780"/>
                  <a:gd name="T28" fmla="*/ 44 w 667"/>
                  <a:gd name="T29" fmla="*/ 248 h 780"/>
                  <a:gd name="T30" fmla="*/ 46 w 667"/>
                  <a:gd name="T31" fmla="*/ 238 h 780"/>
                  <a:gd name="T32" fmla="*/ 54 w 667"/>
                  <a:gd name="T33" fmla="*/ 230 h 780"/>
                  <a:gd name="T34" fmla="*/ 66 w 667"/>
                  <a:gd name="T35" fmla="*/ 226 h 780"/>
                  <a:gd name="T36" fmla="*/ 70 w 667"/>
                  <a:gd name="T37" fmla="*/ 226 h 780"/>
                  <a:gd name="T38" fmla="*/ 74 w 667"/>
                  <a:gd name="T39" fmla="*/ 214 h 780"/>
                  <a:gd name="T40" fmla="*/ 64 w 667"/>
                  <a:gd name="T41" fmla="*/ 186 h 780"/>
                  <a:gd name="T42" fmla="*/ 51 w 667"/>
                  <a:gd name="T43" fmla="*/ 161 h 780"/>
                  <a:gd name="T44" fmla="*/ 50 w 667"/>
                  <a:gd name="T45" fmla="*/ 150 h 780"/>
                  <a:gd name="T46" fmla="*/ 51 w 667"/>
                  <a:gd name="T47" fmla="*/ 148 h 780"/>
                  <a:gd name="T48" fmla="*/ 54 w 667"/>
                  <a:gd name="T49" fmla="*/ 146 h 780"/>
                  <a:gd name="T50" fmla="*/ 57 w 667"/>
                  <a:gd name="T51" fmla="*/ 144 h 780"/>
                  <a:gd name="T52" fmla="*/ 60 w 667"/>
                  <a:gd name="T53" fmla="*/ 140 h 780"/>
                  <a:gd name="T54" fmla="*/ 60 w 667"/>
                  <a:gd name="T55" fmla="*/ 132 h 780"/>
                  <a:gd name="T56" fmla="*/ 60 w 667"/>
                  <a:gd name="T57" fmla="*/ 123 h 780"/>
                  <a:gd name="T58" fmla="*/ 60 w 667"/>
                  <a:gd name="T59" fmla="*/ 116 h 780"/>
                  <a:gd name="T60" fmla="*/ 62 w 667"/>
                  <a:gd name="T61" fmla="*/ 112 h 780"/>
                  <a:gd name="T62" fmla="*/ 64 w 667"/>
                  <a:gd name="T63" fmla="*/ 106 h 780"/>
                  <a:gd name="T64" fmla="*/ 64 w 667"/>
                  <a:gd name="T65" fmla="*/ 99 h 780"/>
                  <a:gd name="T66" fmla="*/ 66 w 667"/>
                  <a:gd name="T67" fmla="*/ 90 h 780"/>
                  <a:gd name="T68" fmla="*/ 64 w 667"/>
                  <a:gd name="T69" fmla="*/ 82 h 780"/>
                  <a:gd name="T70" fmla="*/ 64 w 667"/>
                  <a:gd name="T71" fmla="*/ 76 h 780"/>
                  <a:gd name="T72" fmla="*/ 64 w 667"/>
                  <a:gd name="T73" fmla="*/ 72 h 780"/>
                  <a:gd name="T74" fmla="*/ 63 w 667"/>
                  <a:gd name="T75" fmla="*/ 68 h 780"/>
                  <a:gd name="T76" fmla="*/ 64 w 667"/>
                  <a:gd name="T77" fmla="*/ 66 h 780"/>
                  <a:gd name="T78" fmla="*/ 66 w 667"/>
                  <a:gd name="T79" fmla="*/ 64 h 780"/>
                  <a:gd name="T80" fmla="*/ 70 w 667"/>
                  <a:gd name="T81" fmla="*/ 64 h 780"/>
                  <a:gd name="T82" fmla="*/ 74 w 667"/>
                  <a:gd name="T83" fmla="*/ 63 h 780"/>
                  <a:gd name="T84" fmla="*/ 76 w 667"/>
                  <a:gd name="T85" fmla="*/ 61 h 780"/>
                  <a:gd name="T86" fmla="*/ 78 w 667"/>
                  <a:gd name="T87" fmla="*/ 61 h 780"/>
                  <a:gd name="T88" fmla="*/ 81 w 667"/>
                  <a:gd name="T89" fmla="*/ 63 h 780"/>
                  <a:gd name="T90" fmla="*/ 82 w 667"/>
                  <a:gd name="T91" fmla="*/ 65 h 780"/>
                  <a:gd name="T92" fmla="*/ 87 w 667"/>
                  <a:gd name="T93" fmla="*/ 66 h 780"/>
                  <a:gd name="T94" fmla="*/ 90 w 667"/>
                  <a:gd name="T95" fmla="*/ 68 h 780"/>
                  <a:gd name="T96" fmla="*/ 91 w 667"/>
                  <a:gd name="T97" fmla="*/ 71 h 780"/>
                  <a:gd name="T98" fmla="*/ 93 w 667"/>
                  <a:gd name="T99" fmla="*/ 73 h 780"/>
                  <a:gd name="T100" fmla="*/ 98 w 667"/>
                  <a:gd name="T101" fmla="*/ 78 h 780"/>
                  <a:gd name="T102" fmla="*/ 105 w 667"/>
                  <a:gd name="T103" fmla="*/ 76 h 780"/>
                  <a:gd name="T104" fmla="*/ 111 w 667"/>
                  <a:gd name="T105" fmla="*/ 68 h 780"/>
                  <a:gd name="T106" fmla="*/ 113 w 667"/>
                  <a:gd name="T107" fmla="*/ 61 h 780"/>
                  <a:gd name="T108" fmla="*/ 123 w 667"/>
                  <a:gd name="T109" fmla="*/ 0 h 780"/>
                  <a:gd name="T110" fmla="*/ 454 w 667"/>
                  <a:gd name="T111" fmla="*/ 53 h 780"/>
                  <a:gd name="T112" fmla="*/ 247 w 667"/>
                  <a:gd name="T113" fmla="*/ 495 h 780"/>
                  <a:gd name="T114" fmla="*/ 13 w 667"/>
                  <a:gd name="T115" fmla="*/ 337 h 780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667"/>
                  <a:gd name="T175" fmla="*/ 0 h 780"/>
                  <a:gd name="T176" fmla="*/ 667 w 667"/>
                  <a:gd name="T177" fmla="*/ 780 h 780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667" h="780">
                    <a:moveTo>
                      <a:pt x="13" y="513"/>
                    </a:moveTo>
                    <a:lnTo>
                      <a:pt x="29" y="513"/>
                    </a:lnTo>
                    <a:lnTo>
                      <a:pt x="34" y="511"/>
                    </a:lnTo>
                    <a:lnTo>
                      <a:pt x="39" y="508"/>
                    </a:lnTo>
                    <a:lnTo>
                      <a:pt x="41" y="503"/>
                    </a:lnTo>
                    <a:lnTo>
                      <a:pt x="42" y="496"/>
                    </a:lnTo>
                    <a:lnTo>
                      <a:pt x="42" y="491"/>
                    </a:lnTo>
                    <a:lnTo>
                      <a:pt x="42" y="486"/>
                    </a:lnTo>
                    <a:lnTo>
                      <a:pt x="42" y="483"/>
                    </a:lnTo>
                    <a:lnTo>
                      <a:pt x="41" y="481"/>
                    </a:lnTo>
                    <a:lnTo>
                      <a:pt x="24" y="472"/>
                    </a:lnTo>
                    <a:lnTo>
                      <a:pt x="29" y="455"/>
                    </a:lnTo>
                    <a:lnTo>
                      <a:pt x="27" y="444"/>
                    </a:lnTo>
                    <a:lnTo>
                      <a:pt x="30" y="433"/>
                    </a:lnTo>
                    <a:lnTo>
                      <a:pt x="32" y="432"/>
                    </a:lnTo>
                    <a:lnTo>
                      <a:pt x="35" y="430"/>
                    </a:lnTo>
                    <a:lnTo>
                      <a:pt x="37" y="427"/>
                    </a:lnTo>
                    <a:lnTo>
                      <a:pt x="41" y="425"/>
                    </a:lnTo>
                    <a:lnTo>
                      <a:pt x="42" y="423"/>
                    </a:lnTo>
                    <a:lnTo>
                      <a:pt x="44" y="422"/>
                    </a:lnTo>
                    <a:lnTo>
                      <a:pt x="46" y="420"/>
                    </a:lnTo>
                    <a:lnTo>
                      <a:pt x="51" y="415"/>
                    </a:lnTo>
                    <a:lnTo>
                      <a:pt x="56" y="410"/>
                    </a:lnTo>
                    <a:lnTo>
                      <a:pt x="57" y="403"/>
                    </a:lnTo>
                    <a:lnTo>
                      <a:pt x="59" y="396"/>
                    </a:lnTo>
                    <a:lnTo>
                      <a:pt x="61" y="389"/>
                    </a:lnTo>
                    <a:lnTo>
                      <a:pt x="61" y="384"/>
                    </a:lnTo>
                    <a:lnTo>
                      <a:pt x="61" y="379"/>
                    </a:lnTo>
                    <a:lnTo>
                      <a:pt x="61" y="378"/>
                    </a:lnTo>
                    <a:lnTo>
                      <a:pt x="63" y="369"/>
                    </a:lnTo>
                    <a:lnTo>
                      <a:pt x="66" y="361"/>
                    </a:lnTo>
                    <a:lnTo>
                      <a:pt x="73" y="354"/>
                    </a:lnTo>
                    <a:lnTo>
                      <a:pt x="81" y="349"/>
                    </a:lnTo>
                    <a:lnTo>
                      <a:pt x="88" y="345"/>
                    </a:lnTo>
                    <a:lnTo>
                      <a:pt x="95" y="344"/>
                    </a:lnTo>
                    <a:lnTo>
                      <a:pt x="100" y="344"/>
                    </a:lnTo>
                    <a:lnTo>
                      <a:pt x="101" y="342"/>
                    </a:lnTo>
                    <a:lnTo>
                      <a:pt x="108" y="334"/>
                    </a:lnTo>
                    <a:lnTo>
                      <a:pt x="108" y="325"/>
                    </a:lnTo>
                    <a:lnTo>
                      <a:pt x="91" y="301"/>
                    </a:lnTo>
                    <a:lnTo>
                      <a:pt x="93" y="283"/>
                    </a:lnTo>
                    <a:lnTo>
                      <a:pt x="81" y="257"/>
                    </a:lnTo>
                    <a:lnTo>
                      <a:pt x="76" y="244"/>
                    </a:lnTo>
                    <a:lnTo>
                      <a:pt x="73" y="229"/>
                    </a:lnTo>
                    <a:lnTo>
                      <a:pt x="74" y="227"/>
                    </a:lnTo>
                    <a:lnTo>
                      <a:pt x="76" y="225"/>
                    </a:lnTo>
                    <a:lnTo>
                      <a:pt x="79" y="224"/>
                    </a:lnTo>
                    <a:lnTo>
                      <a:pt x="81" y="222"/>
                    </a:lnTo>
                    <a:lnTo>
                      <a:pt x="83" y="220"/>
                    </a:lnTo>
                    <a:lnTo>
                      <a:pt x="85" y="219"/>
                    </a:lnTo>
                    <a:lnTo>
                      <a:pt x="86" y="219"/>
                    </a:lnTo>
                    <a:lnTo>
                      <a:pt x="88" y="213"/>
                    </a:lnTo>
                    <a:lnTo>
                      <a:pt x="88" y="207"/>
                    </a:lnTo>
                    <a:lnTo>
                      <a:pt x="88" y="200"/>
                    </a:lnTo>
                    <a:lnTo>
                      <a:pt x="88" y="193"/>
                    </a:lnTo>
                    <a:lnTo>
                      <a:pt x="88" y="186"/>
                    </a:lnTo>
                    <a:lnTo>
                      <a:pt x="88" y="181"/>
                    </a:lnTo>
                    <a:lnTo>
                      <a:pt x="88" y="178"/>
                    </a:lnTo>
                    <a:lnTo>
                      <a:pt x="88" y="175"/>
                    </a:lnTo>
                    <a:lnTo>
                      <a:pt x="90" y="171"/>
                    </a:lnTo>
                    <a:lnTo>
                      <a:pt x="91" y="166"/>
                    </a:lnTo>
                    <a:lnTo>
                      <a:pt x="93" y="161"/>
                    </a:lnTo>
                    <a:lnTo>
                      <a:pt x="93" y="156"/>
                    </a:lnTo>
                    <a:lnTo>
                      <a:pt x="93" y="149"/>
                    </a:lnTo>
                    <a:lnTo>
                      <a:pt x="95" y="144"/>
                    </a:lnTo>
                    <a:lnTo>
                      <a:pt x="95" y="137"/>
                    </a:lnTo>
                    <a:lnTo>
                      <a:pt x="93" y="132"/>
                    </a:lnTo>
                    <a:lnTo>
                      <a:pt x="93" y="125"/>
                    </a:lnTo>
                    <a:lnTo>
                      <a:pt x="93" y="120"/>
                    </a:lnTo>
                    <a:lnTo>
                      <a:pt x="93" y="115"/>
                    </a:lnTo>
                    <a:lnTo>
                      <a:pt x="93" y="112"/>
                    </a:lnTo>
                    <a:lnTo>
                      <a:pt x="93" y="109"/>
                    </a:lnTo>
                    <a:lnTo>
                      <a:pt x="91" y="105"/>
                    </a:lnTo>
                    <a:lnTo>
                      <a:pt x="91" y="103"/>
                    </a:lnTo>
                    <a:lnTo>
                      <a:pt x="91" y="102"/>
                    </a:lnTo>
                    <a:lnTo>
                      <a:pt x="93" y="100"/>
                    </a:lnTo>
                    <a:lnTo>
                      <a:pt x="93" y="98"/>
                    </a:lnTo>
                    <a:lnTo>
                      <a:pt x="96" y="97"/>
                    </a:lnTo>
                    <a:lnTo>
                      <a:pt x="98" y="97"/>
                    </a:lnTo>
                    <a:lnTo>
                      <a:pt x="101" y="97"/>
                    </a:lnTo>
                    <a:lnTo>
                      <a:pt x="105" y="97"/>
                    </a:lnTo>
                    <a:lnTo>
                      <a:pt x="107" y="95"/>
                    </a:lnTo>
                    <a:lnTo>
                      <a:pt x="108" y="95"/>
                    </a:lnTo>
                    <a:lnTo>
                      <a:pt x="110" y="92"/>
                    </a:lnTo>
                    <a:lnTo>
                      <a:pt x="112" y="92"/>
                    </a:lnTo>
                    <a:lnTo>
                      <a:pt x="113" y="92"/>
                    </a:lnTo>
                    <a:lnTo>
                      <a:pt x="117" y="93"/>
                    </a:lnTo>
                    <a:lnTo>
                      <a:pt x="118" y="95"/>
                    </a:lnTo>
                    <a:lnTo>
                      <a:pt x="118" y="97"/>
                    </a:lnTo>
                    <a:lnTo>
                      <a:pt x="120" y="98"/>
                    </a:lnTo>
                    <a:lnTo>
                      <a:pt x="122" y="98"/>
                    </a:lnTo>
                    <a:lnTo>
                      <a:pt x="127" y="100"/>
                    </a:lnTo>
                    <a:lnTo>
                      <a:pt x="130" y="100"/>
                    </a:lnTo>
                    <a:lnTo>
                      <a:pt x="134" y="103"/>
                    </a:lnTo>
                    <a:lnTo>
                      <a:pt x="135" y="105"/>
                    </a:lnTo>
                    <a:lnTo>
                      <a:pt x="135" y="107"/>
                    </a:lnTo>
                    <a:lnTo>
                      <a:pt x="135" y="109"/>
                    </a:lnTo>
                    <a:lnTo>
                      <a:pt x="137" y="110"/>
                    </a:lnTo>
                    <a:lnTo>
                      <a:pt x="137" y="112"/>
                    </a:lnTo>
                    <a:lnTo>
                      <a:pt x="144" y="117"/>
                    </a:lnTo>
                    <a:lnTo>
                      <a:pt x="149" y="117"/>
                    </a:lnTo>
                    <a:lnTo>
                      <a:pt x="154" y="114"/>
                    </a:lnTo>
                    <a:lnTo>
                      <a:pt x="157" y="109"/>
                    </a:lnTo>
                    <a:lnTo>
                      <a:pt x="161" y="102"/>
                    </a:lnTo>
                    <a:lnTo>
                      <a:pt x="162" y="95"/>
                    </a:lnTo>
                    <a:lnTo>
                      <a:pt x="164" y="92"/>
                    </a:lnTo>
                    <a:lnTo>
                      <a:pt x="164" y="90"/>
                    </a:lnTo>
                    <a:lnTo>
                      <a:pt x="181" y="0"/>
                    </a:lnTo>
                    <a:lnTo>
                      <a:pt x="667" y="81"/>
                    </a:lnTo>
                    <a:lnTo>
                      <a:pt x="570" y="780"/>
                    </a:lnTo>
                    <a:lnTo>
                      <a:pt x="362" y="753"/>
                    </a:lnTo>
                    <a:lnTo>
                      <a:pt x="0" y="542"/>
                    </a:lnTo>
                    <a:lnTo>
                      <a:pt x="13" y="513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4" name="Freeform 120"/>
              <p:cNvSpPr>
                <a:spLocks/>
              </p:cNvSpPr>
              <p:nvPr/>
            </p:nvSpPr>
            <p:spPr bwMode="auto">
              <a:xfrm>
                <a:off x="1495" y="2036"/>
                <a:ext cx="697" cy="552"/>
              </a:xfrm>
              <a:custGeom>
                <a:avLst/>
                <a:gdLst>
                  <a:gd name="T0" fmla="*/ 387 w 717"/>
                  <a:gd name="T1" fmla="*/ 376 h 568"/>
                  <a:gd name="T2" fmla="*/ 368 w 717"/>
                  <a:gd name="T3" fmla="*/ 375 h 568"/>
                  <a:gd name="T4" fmla="*/ 343 w 717"/>
                  <a:gd name="T5" fmla="*/ 374 h 568"/>
                  <a:gd name="T6" fmla="*/ 315 w 717"/>
                  <a:gd name="T7" fmla="*/ 372 h 568"/>
                  <a:gd name="T8" fmla="*/ 285 w 717"/>
                  <a:gd name="T9" fmla="*/ 369 h 568"/>
                  <a:gd name="T10" fmla="*/ 252 w 717"/>
                  <a:gd name="T11" fmla="*/ 364 h 568"/>
                  <a:gd name="T12" fmla="*/ 219 w 717"/>
                  <a:gd name="T13" fmla="*/ 362 h 568"/>
                  <a:gd name="T14" fmla="*/ 185 w 717"/>
                  <a:gd name="T15" fmla="*/ 359 h 568"/>
                  <a:gd name="T16" fmla="*/ 152 w 717"/>
                  <a:gd name="T17" fmla="*/ 354 h 568"/>
                  <a:gd name="T18" fmla="*/ 119 w 717"/>
                  <a:gd name="T19" fmla="*/ 351 h 568"/>
                  <a:gd name="T20" fmla="*/ 89 w 717"/>
                  <a:gd name="T21" fmla="*/ 347 h 568"/>
                  <a:gd name="T22" fmla="*/ 63 w 717"/>
                  <a:gd name="T23" fmla="*/ 344 h 568"/>
                  <a:gd name="T24" fmla="*/ 42 w 717"/>
                  <a:gd name="T25" fmla="*/ 342 h 568"/>
                  <a:gd name="T26" fmla="*/ 17 w 717"/>
                  <a:gd name="T27" fmla="*/ 340 h 568"/>
                  <a:gd name="T28" fmla="*/ 11 w 717"/>
                  <a:gd name="T29" fmla="*/ 336 h 568"/>
                  <a:gd name="T30" fmla="*/ 1 w 717"/>
                  <a:gd name="T31" fmla="*/ 336 h 568"/>
                  <a:gd name="T32" fmla="*/ 45 w 717"/>
                  <a:gd name="T33" fmla="*/ 0 h 568"/>
                  <a:gd name="T34" fmla="*/ 49 w 717"/>
                  <a:gd name="T35" fmla="*/ 2 h 568"/>
                  <a:gd name="T36" fmla="*/ 63 w 717"/>
                  <a:gd name="T37" fmla="*/ 5 h 568"/>
                  <a:gd name="T38" fmla="*/ 79 w 717"/>
                  <a:gd name="T39" fmla="*/ 7 h 568"/>
                  <a:gd name="T40" fmla="*/ 99 w 717"/>
                  <a:gd name="T41" fmla="*/ 10 h 568"/>
                  <a:gd name="T42" fmla="*/ 122 w 717"/>
                  <a:gd name="T43" fmla="*/ 15 h 568"/>
                  <a:gd name="T44" fmla="*/ 149 w 717"/>
                  <a:gd name="T45" fmla="*/ 17 h 568"/>
                  <a:gd name="T46" fmla="*/ 177 w 717"/>
                  <a:gd name="T47" fmla="*/ 17 h 568"/>
                  <a:gd name="T48" fmla="*/ 205 w 717"/>
                  <a:gd name="T49" fmla="*/ 17 h 568"/>
                  <a:gd name="T50" fmla="*/ 233 w 717"/>
                  <a:gd name="T51" fmla="*/ 20 h 568"/>
                  <a:gd name="T52" fmla="*/ 261 w 717"/>
                  <a:gd name="T53" fmla="*/ 23 h 568"/>
                  <a:gd name="T54" fmla="*/ 286 w 717"/>
                  <a:gd name="T55" fmla="*/ 26 h 568"/>
                  <a:gd name="T56" fmla="*/ 308 w 717"/>
                  <a:gd name="T57" fmla="*/ 32 h 568"/>
                  <a:gd name="T58" fmla="*/ 327 w 717"/>
                  <a:gd name="T59" fmla="*/ 33 h 568"/>
                  <a:gd name="T60" fmla="*/ 341 w 717"/>
                  <a:gd name="T61" fmla="*/ 37 h 568"/>
                  <a:gd name="T62" fmla="*/ 350 w 717"/>
                  <a:gd name="T63" fmla="*/ 38 h 568"/>
                  <a:gd name="T64" fmla="*/ 355 w 717"/>
                  <a:gd name="T65" fmla="*/ 38 h 568"/>
                  <a:gd name="T66" fmla="*/ 483 w 717"/>
                  <a:gd name="T67" fmla="*/ 44 h 568"/>
                  <a:gd name="T68" fmla="*/ 459 w 717"/>
                  <a:gd name="T69" fmla="*/ 381 h 568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w 717"/>
                  <a:gd name="T106" fmla="*/ 0 h 568"/>
                  <a:gd name="T107" fmla="*/ 717 w 717"/>
                  <a:gd name="T108" fmla="*/ 568 h 568"/>
                </a:gdLst>
                <a:ahLst/>
                <a:cxnLst>
                  <a:cxn ang="T70">
                    <a:pos x="T0" y="T1"/>
                  </a:cxn>
                  <a:cxn ang="T71">
                    <a:pos x="T2" y="T3"/>
                  </a:cxn>
                  <a:cxn ang="T72">
                    <a:pos x="T4" y="T5"/>
                  </a:cxn>
                  <a:cxn ang="T73">
                    <a:pos x="T6" y="T7"/>
                  </a:cxn>
                  <a:cxn ang="T74">
                    <a:pos x="T8" y="T9"/>
                  </a:cxn>
                  <a:cxn ang="T75">
                    <a:pos x="T10" y="T11"/>
                  </a:cxn>
                  <a:cxn ang="T76">
                    <a:pos x="T12" y="T13"/>
                  </a:cxn>
                  <a:cxn ang="T77">
                    <a:pos x="T14" y="T15"/>
                  </a:cxn>
                  <a:cxn ang="T78">
                    <a:pos x="T16" y="T17"/>
                  </a:cxn>
                  <a:cxn ang="T79">
                    <a:pos x="T18" y="T19"/>
                  </a:cxn>
                  <a:cxn ang="T80">
                    <a:pos x="T20" y="T21"/>
                  </a:cxn>
                  <a:cxn ang="T81">
                    <a:pos x="T22" y="T23"/>
                  </a:cxn>
                  <a:cxn ang="T82">
                    <a:pos x="T24" y="T25"/>
                  </a:cxn>
                  <a:cxn ang="T83">
                    <a:pos x="T26" y="T27"/>
                  </a:cxn>
                  <a:cxn ang="T84">
                    <a:pos x="T28" y="T29"/>
                  </a:cxn>
                  <a:cxn ang="T85">
                    <a:pos x="T30" y="T31"/>
                  </a:cxn>
                  <a:cxn ang="T86">
                    <a:pos x="T32" y="T33"/>
                  </a:cxn>
                  <a:cxn ang="T87">
                    <a:pos x="T34" y="T35"/>
                  </a:cxn>
                  <a:cxn ang="T88">
                    <a:pos x="T36" y="T37"/>
                  </a:cxn>
                  <a:cxn ang="T89">
                    <a:pos x="T38" y="T39"/>
                  </a:cxn>
                  <a:cxn ang="T90">
                    <a:pos x="T40" y="T41"/>
                  </a:cxn>
                  <a:cxn ang="T91">
                    <a:pos x="T42" y="T43"/>
                  </a:cxn>
                  <a:cxn ang="T92">
                    <a:pos x="T44" y="T45"/>
                  </a:cxn>
                  <a:cxn ang="T93">
                    <a:pos x="T46" y="T47"/>
                  </a:cxn>
                  <a:cxn ang="T94">
                    <a:pos x="T48" y="T49"/>
                  </a:cxn>
                  <a:cxn ang="T95">
                    <a:pos x="T50" y="T51"/>
                  </a:cxn>
                  <a:cxn ang="T96">
                    <a:pos x="T52" y="T53"/>
                  </a:cxn>
                  <a:cxn ang="T97">
                    <a:pos x="T54" y="T55"/>
                  </a:cxn>
                  <a:cxn ang="T98">
                    <a:pos x="T56" y="T57"/>
                  </a:cxn>
                  <a:cxn ang="T99">
                    <a:pos x="T58" y="T59"/>
                  </a:cxn>
                  <a:cxn ang="T100">
                    <a:pos x="T60" y="T61"/>
                  </a:cxn>
                  <a:cxn ang="T101">
                    <a:pos x="T62" y="T63"/>
                  </a:cxn>
                  <a:cxn ang="T102">
                    <a:pos x="T64" y="T65"/>
                  </a:cxn>
                  <a:cxn ang="T103">
                    <a:pos x="T66" y="T67"/>
                  </a:cxn>
                  <a:cxn ang="T104">
                    <a:pos x="T68" y="T69"/>
                  </a:cxn>
                </a:cxnLst>
                <a:rect l="T105" t="T106" r="T107" b="T108"/>
                <a:pathLst>
                  <a:path w="717" h="568">
                    <a:moveTo>
                      <a:pt x="587" y="562"/>
                    </a:moveTo>
                    <a:lnTo>
                      <a:pt x="575" y="562"/>
                    </a:lnTo>
                    <a:lnTo>
                      <a:pt x="561" y="562"/>
                    </a:lnTo>
                    <a:lnTo>
                      <a:pt x="546" y="560"/>
                    </a:lnTo>
                    <a:lnTo>
                      <a:pt x="528" y="560"/>
                    </a:lnTo>
                    <a:lnTo>
                      <a:pt x="509" y="558"/>
                    </a:lnTo>
                    <a:lnTo>
                      <a:pt x="489" y="557"/>
                    </a:lnTo>
                    <a:lnTo>
                      <a:pt x="468" y="555"/>
                    </a:lnTo>
                    <a:lnTo>
                      <a:pt x="446" y="552"/>
                    </a:lnTo>
                    <a:lnTo>
                      <a:pt x="423" y="550"/>
                    </a:lnTo>
                    <a:lnTo>
                      <a:pt x="399" y="548"/>
                    </a:lnTo>
                    <a:lnTo>
                      <a:pt x="374" y="545"/>
                    </a:lnTo>
                    <a:lnTo>
                      <a:pt x="350" y="543"/>
                    </a:lnTo>
                    <a:lnTo>
                      <a:pt x="325" y="540"/>
                    </a:lnTo>
                    <a:lnTo>
                      <a:pt x="299" y="538"/>
                    </a:lnTo>
                    <a:lnTo>
                      <a:pt x="274" y="535"/>
                    </a:lnTo>
                    <a:lnTo>
                      <a:pt x="250" y="531"/>
                    </a:lnTo>
                    <a:lnTo>
                      <a:pt x="225" y="530"/>
                    </a:lnTo>
                    <a:lnTo>
                      <a:pt x="201" y="526"/>
                    </a:lnTo>
                    <a:lnTo>
                      <a:pt x="177" y="523"/>
                    </a:lnTo>
                    <a:lnTo>
                      <a:pt x="155" y="521"/>
                    </a:lnTo>
                    <a:lnTo>
                      <a:pt x="133" y="518"/>
                    </a:lnTo>
                    <a:lnTo>
                      <a:pt x="113" y="516"/>
                    </a:lnTo>
                    <a:lnTo>
                      <a:pt x="93" y="513"/>
                    </a:lnTo>
                    <a:lnTo>
                      <a:pt x="74" y="511"/>
                    </a:lnTo>
                    <a:lnTo>
                      <a:pt x="59" y="509"/>
                    </a:lnTo>
                    <a:lnTo>
                      <a:pt x="44" y="508"/>
                    </a:lnTo>
                    <a:lnTo>
                      <a:pt x="30" y="506"/>
                    </a:lnTo>
                    <a:lnTo>
                      <a:pt x="20" y="504"/>
                    </a:lnTo>
                    <a:lnTo>
                      <a:pt x="11" y="502"/>
                    </a:lnTo>
                    <a:lnTo>
                      <a:pt x="5" y="502"/>
                    </a:lnTo>
                    <a:lnTo>
                      <a:pt x="1" y="502"/>
                    </a:lnTo>
                    <a:lnTo>
                      <a:pt x="0" y="502"/>
                    </a:lnTo>
                    <a:lnTo>
                      <a:pt x="66" y="0"/>
                    </a:lnTo>
                    <a:lnTo>
                      <a:pt x="69" y="2"/>
                    </a:lnTo>
                    <a:lnTo>
                      <a:pt x="74" y="2"/>
                    </a:lnTo>
                    <a:lnTo>
                      <a:pt x="83" y="3"/>
                    </a:lnTo>
                    <a:lnTo>
                      <a:pt x="93" y="5"/>
                    </a:lnTo>
                    <a:lnTo>
                      <a:pt x="103" y="5"/>
                    </a:lnTo>
                    <a:lnTo>
                      <a:pt x="116" y="7"/>
                    </a:lnTo>
                    <a:lnTo>
                      <a:pt x="132" y="8"/>
                    </a:lnTo>
                    <a:lnTo>
                      <a:pt x="147" y="10"/>
                    </a:lnTo>
                    <a:lnTo>
                      <a:pt x="164" y="13"/>
                    </a:lnTo>
                    <a:lnTo>
                      <a:pt x="182" y="15"/>
                    </a:lnTo>
                    <a:lnTo>
                      <a:pt x="201" y="17"/>
                    </a:lnTo>
                    <a:lnTo>
                      <a:pt x="221" y="18"/>
                    </a:lnTo>
                    <a:lnTo>
                      <a:pt x="242" y="22"/>
                    </a:lnTo>
                    <a:lnTo>
                      <a:pt x="262" y="24"/>
                    </a:lnTo>
                    <a:lnTo>
                      <a:pt x="282" y="27"/>
                    </a:lnTo>
                    <a:lnTo>
                      <a:pt x="304" y="29"/>
                    </a:lnTo>
                    <a:lnTo>
                      <a:pt x="325" y="30"/>
                    </a:lnTo>
                    <a:lnTo>
                      <a:pt x="347" y="34"/>
                    </a:lnTo>
                    <a:lnTo>
                      <a:pt x="367" y="35"/>
                    </a:lnTo>
                    <a:lnTo>
                      <a:pt x="387" y="37"/>
                    </a:lnTo>
                    <a:lnTo>
                      <a:pt x="406" y="39"/>
                    </a:lnTo>
                    <a:lnTo>
                      <a:pt x="424" y="40"/>
                    </a:lnTo>
                    <a:lnTo>
                      <a:pt x="441" y="44"/>
                    </a:lnTo>
                    <a:lnTo>
                      <a:pt x="457" y="46"/>
                    </a:lnTo>
                    <a:lnTo>
                      <a:pt x="472" y="47"/>
                    </a:lnTo>
                    <a:lnTo>
                      <a:pt x="485" y="47"/>
                    </a:lnTo>
                    <a:lnTo>
                      <a:pt x="497" y="49"/>
                    </a:lnTo>
                    <a:lnTo>
                      <a:pt x="507" y="51"/>
                    </a:lnTo>
                    <a:lnTo>
                      <a:pt x="516" y="51"/>
                    </a:lnTo>
                    <a:lnTo>
                      <a:pt x="521" y="52"/>
                    </a:lnTo>
                    <a:lnTo>
                      <a:pt x="526" y="52"/>
                    </a:lnTo>
                    <a:lnTo>
                      <a:pt x="524" y="52"/>
                    </a:lnTo>
                    <a:lnTo>
                      <a:pt x="717" y="64"/>
                    </a:lnTo>
                    <a:lnTo>
                      <a:pt x="710" y="189"/>
                    </a:lnTo>
                    <a:lnTo>
                      <a:pt x="683" y="568"/>
                    </a:lnTo>
                    <a:lnTo>
                      <a:pt x="587" y="562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5" name="Freeform 121"/>
              <p:cNvSpPr>
                <a:spLocks/>
              </p:cNvSpPr>
              <p:nvPr/>
            </p:nvSpPr>
            <p:spPr bwMode="auto">
              <a:xfrm>
                <a:off x="1401" y="2524"/>
                <a:ext cx="665" cy="694"/>
              </a:xfrm>
              <a:custGeom>
                <a:avLst/>
                <a:gdLst>
                  <a:gd name="T0" fmla="*/ 60 w 684"/>
                  <a:gd name="T1" fmla="*/ 470 h 715"/>
                  <a:gd name="T2" fmla="*/ 65 w 684"/>
                  <a:gd name="T3" fmla="*/ 433 h 715"/>
                  <a:gd name="T4" fmla="*/ 182 w 684"/>
                  <a:gd name="T5" fmla="*/ 449 h 715"/>
                  <a:gd name="T6" fmla="*/ 177 w 684"/>
                  <a:gd name="T7" fmla="*/ 439 h 715"/>
                  <a:gd name="T8" fmla="*/ 177 w 684"/>
                  <a:gd name="T9" fmla="*/ 428 h 715"/>
                  <a:gd name="T10" fmla="*/ 426 w 684"/>
                  <a:gd name="T11" fmla="*/ 452 h 715"/>
                  <a:gd name="T12" fmla="*/ 459 w 684"/>
                  <a:gd name="T13" fmla="*/ 80 h 715"/>
                  <a:gd name="T14" fmla="*/ 461 w 684"/>
                  <a:gd name="T15" fmla="*/ 41 h 715"/>
                  <a:gd name="T16" fmla="*/ 453 w 684"/>
                  <a:gd name="T17" fmla="*/ 41 h 715"/>
                  <a:gd name="T18" fmla="*/ 444 w 684"/>
                  <a:gd name="T19" fmla="*/ 41 h 715"/>
                  <a:gd name="T20" fmla="*/ 434 w 684"/>
                  <a:gd name="T21" fmla="*/ 40 h 715"/>
                  <a:gd name="T22" fmla="*/ 422 w 684"/>
                  <a:gd name="T23" fmla="*/ 40 h 715"/>
                  <a:gd name="T24" fmla="*/ 409 w 684"/>
                  <a:gd name="T25" fmla="*/ 39 h 715"/>
                  <a:gd name="T26" fmla="*/ 395 w 684"/>
                  <a:gd name="T27" fmla="*/ 39 h 715"/>
                  <a:gd name="T28" fmla="*/ 380 w 684"/>
                  <a:gd name="T29" fmla="*/ 38 h 715"/>
                  <a:gd name="T30" fmla="*/ 367 w 684"/>
                  <a:gd name="T31" fmla="*/ 36 h 715"/>
                  <a:gd name="T32" fmla="*/ 350 w 684"/>
                  <a:gd name="T33" fmla="*/ 34 h 715"/>
                  <a:gd name="T34" fmla="*/ 334 w 684"/>
                  <a:gd name="T35" fmla="*/ 32 h 715"/>
                  <a:gd name="T36" fmla="*/ 318 w 684"/>
                  <a:gd name="T37" fmla="*/ 29 h 715"/>
                  <a:gd name="T38" fmla="*/ 301 w 684"/>
                  <a:gd name="T39" fmla="*/ 27 h 715"/>
                  <a:gd name="T40" fmla="*/ 285 w 684"/>
                  <a:gd name="T41" fmla="*/ 24 h 715"/>
                  <a:gd name="T42" fmla="*/ 266 w 684"/>
                  <a:gd name="T43" fmla="*/ 22 h 715"/>
                  <a:gd name="T44" fmla="*/ 251 w 684"/>
                  <a:gd name="T45" fmla="*/ 19 h 715"/>
                  <a:gd name="T46" fmla="*/ 234 w 684"/>
                  <a:gd name="T47" fmla="*/ 17 h 715"/>
                  <a:gd name="T48" fmla="*/ 217 w 684"/>
                  <a:gd name="T49" fmla="*/ 17 h 715"/>
                  <a:gd name="T50" fmla="*/ 201 w 684"/>
                  <a:gd name="T51" fmla="*/ 17 h 715"/>
                  <a:gd name="T52" fmla="*/ 185 w 684"/>
                  <a:gd name="T53" fmla="*/ 17 h 715"/>
                  <a:gd name="T54" fmla="*/ 170 w 684"/>
                  <a:gd name="T55" fmla="*/ 17 h 715"/>
                  <a:gd name="T56" fmla="*/ 155 w 684"/>
                  <a:gd name="T57" fmla="*/ 16 h 715"/>
                  <a:gd name="T58" fmla="*/ 142 w 684"/>
                  <a:gd name="T59" fmla="*/ 14 h 715"/>
                  <a:gd name="T60" fmla="*/ 128 w 684"/>
                  <a:gd name="T61" fmla="*/ 11 h 715"/>
                  <a:gd name="T62" fmla="*/ 116 w 684"/>
                  <a:gd name="T63" fmla="*/ 9 h 715"/>
                  <a:gd name="T64" fmla="*/ 106 w 684"/>
                  <a:gd name="T65" fmla="*/ 7 h 715"/>
                  <a:gd name="T66" fmla="*/ 95 w 684"/>
                  <a:gd name="T67" fmla="*/ 6 h 715"/>
                  <a:gd name="T68" fmla="*/ 85 w 684"/>
                  <a:gd name="T69" fmla="*/ 4 h 715"/>
                  <a:gd name="T70" fmla="*/ 79 w 684"/>
                  <a:gd name="T71" fmla="*/ 2 h 715"/>
                  <a:gd name="T72" fmla="*/ 73 w 684"/>
                  <a:gd name="T73" fmla="*/ 0 h 715"/>
                  <a:gd name="T74" fmla="*/ 69 w 684"/>
                  <a:gd name="T75" fmla="*/ 0 h 715"/>
                  <a:gd name="T76" fmla="*/ 67 w 684"/>
                  <a:gd name="T77" fmla="*/ 0 h 715"/>
                  <a:gd name="T78" fmla="*/ 66 w 684"/>
                  <a:gd name="T79" fmla="*/ 0 h 715"/>
                  <a:gd name="T80" fmla="*/ 66 w 684"/>
                  <a:gd name="T81" fmla="*/ 0 h 715"/>
                  <a:gd name="T82" fmla="*/ 66 w 684"/>
                  <a:gd name="T83" fmla="*/ 0 h 715"/>
                  <a:gd name="T84" fmla="*/ 0 w 684"/>
                  <a:gd name="T85" fmla="*/ 460 h 715"/>
                  <a:gd name="T86" fmla="*/ 60 w 684"/>
                  <a:gd name="T87" fmla="*/ 470 h 715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w 684"/>
                  <a:gd name="T133" fmla="*/ 0 h 715"/>
                  <a:gd name="T134" fmla="*/ 684 w 684"/>
                  <a:gd name="T135" fmla="*/ 715 h 715"/>
                </a:gdLst>
                <a:ahLst/>
                <a:cxnLst>
                  <a:cxn ang="T88">
                    <a:pos x="T0" y="T1"/>
                  </a:cxn>
                  <a:cxn ang="T89">
                    <a:pos x="T2" y="T3"/>
                  </a:cxn>
                  <a:cxn ang="T90">
                    <a:pos x="T4" y="T5"/>
                  </a:cxn>
                  <a:cxn ang="T91">
                    <a:pos x="T6" y="T7"/>
                  </a:cxn>
                  <a:cxn ang="T92">
                    <a:pos x="T8" y="T9"/>
                  </a:cxn>
                  <a:cxn ang="T93">
                    <a:pos x="T10" y="T11"/>
                  </a:cxn>
                  <a:cxn ang="T94">
                    <a:pos x="T12" y="T13"/>
                  </a:cxn>
                  <a:cxn ang="T95">
                    <a:pos x="T14" y="T15"/>
                  </a:cxn>
                  <a:cxn ang="T96">
                    <a:pos x="T16" y="T17"/>
                  </a:cxn>
                  <a:cxn ang="T97">
                    <a:pos x="T18" y="T19"/>
                  </a:cxn>
                  <a:cxn ang="T98">
                    <a:pos x="T20" y="T21"/>
                  </a:cxn>
                  <a:cxn ang="T99">
                    <a:pos x="T22" y="T23"/>
                  </a:cxn>
                  <a:cxn ang="T100">
                    <a:pos x="T24" y="T25"/>
                  </a:cxn>
                  <a:cxn ang="T101">
                    <a:pos x="T26" y="T27"/>
                  </a:cxn>
                  <a:cxn ang="T102">
                    <a:pos x="T28" y="T29"/>
                  </a:cxn>
                  <a:cxn ang="T103">
                    <a:pos x="T30" y="T31"/>
                  </a:cxn>
                  <a:cxn ang="T104">
                    <a:pos x="T32" y="T33"/>
                  </a:cxn>
                  <a:cxn ang="T105">
                    <a:pos x="T34" y="T35"/>
                  </a:cxn>
                  <a:cxn ang="T106">
                    <a:pos x="T36" y="T37"/>
                  </a:cxn>
                  <a:cxn ang="T107">
                    <a:pos x="T38" y="T39"/>
                  </a:cxn>
                  <a:cxn ang="T108">
                    <a:pos x="T40" y="T41"/>
                  </a:cxn>
                  <a:cxn ang="T109">
                    <a:pos x="T42" y="T43"/>
                  </a:cxn>
                  <a:cxn ang="T110">
                    <a:pos x="T44" y="T45"/>
                  </a:cxn>
                  <a:cxn ang="T111">
                    <a:pos x="T46" y="T47"/>
                  </a:cxn>
                  <a:cxn ang="T112">
                    <a:pos x="T48" y="T49"/>
                  </a:cxn>
                  <a:cxn ang="T113">
                    <a:pos x="T50" y="T51"/>
                  </a:cxn>
                  <a:cxn ang="T114">
                    <a:pos x="T52" y="T53"/>
                  </a:cxn>
                  <a:cxn ang="T115">
                    <a:pos x="T54" y="T55"/>
                  </a:cxn>
                  <a:cxn ang="T116">
                    <a:pos x="T56" y="T57"/>
                  </a:cxn>
                  <a:cxn ang="T117">
                    <a:pos x="T58" y="T59"/>
                  </a:cxn>
                  <a:cxn ang="T118">
                    <a:pos x="T60" y="T61"/>
                  </a:cxn>
                  <a:cxn ang="T119">
                    <a:pos x="T62" y="T63"/>
                  </a:cxn>
                  <a:cxn ang="T120">
                    <a:pos x="T64" y="T65"/>
                  </a:cxn>
                  <a:cxn ang="T121">
                    <a:pos x="T66" y="T67"/>
                  </a:cxn>
                  <a:cxn ang="T122">
                    <a:pos x="T68" y="T69"/>
                  </a:cxn>
                  <a:cxn ang="T123">
                    <a:pos x="T70" y="T71"/>
                  </a:cxn>
                  <a:cxn ang="T124">
                    <a:pos x="T72" y="T73"/>
                  </a:cxn>
                  <a:cxn ang="T125">
                    <a:pos x="T74" y="T75"/>
                  </a:cxn>
                  <a:cxn ang="T126">
                    <a:pos x="T76" y="T77"/>
                  </a:cxn>
                  <a:cxn ang="T127">
                    <a:pos x="T78" y="T79"/>
                  </a:cxn>
                  <a:cxn ang="T128">
                    <a:pos x="T80" y="T81"/>
                  </a:cxn>
                  <a:cxn ang="T129">
                    <a:pos x="T82" y="T83"/>
                  </a:cxn>
                  <a:cxn ang="T130">
                    <a:pos x="T84" y="T85"/>
                  </a:cxn>
                  <a:cxn ang="T131">
                    <a:pos x="T86" y="T87"/>
                  </a:cxn>
                </a:cxnLst>
                <a:rect l="T132" t="T133" r="T134" b="T135"/>
                <a:pathLst>
                  <a:path w="684" h="715">
                    <a:moveTo>
                      <a:pt x="88" y="715"/>
                    </a:moveTo>
                    <a:lnTo>
                      <a:pt x="95" y="657"/>
                    </a:lnTo>
                    <a:lnTo>
                      <a:pt x="268" y="681"/>
                    </a:lnTo>
                    <a:lnTo>
                      <a:pt x="262" y="666"/>
                    </a:lnTo>
                    <a:lnTo>
                      <a:pt x="262" y="649"/>
                    </a:lnTo>
                    <a:lnTo>
                      <a:pt x="633" y="686"/>
                    </a:lnTo>
                    <a:lnTo>
                      <a:pt x="679" y="121"/>
                    </a:lnTo>
                    <a:lnTo>
                      <a:pt x="684" y="60"/>
                    </a:lnTo>
                    <a:lnTo>
                      <a:pt x="672" y="60"/>
                    </a:lnTo>
                    <a:lnTo>
                      <a:pt x="658" y="60"/>
                    </a:lnTo>
                    <a:lnTo>
                      <a:pt x="643" y="58"/>
                    </a:lnTo>
                    <a:lnTo>
                      <a:pt x="625" y="58"/>
                    </a:lnTo>
                    <a:lnTo>
                      <a:pt x="606" y="56"/>
                    </a:lnTo>
                    <a:lnTo>
                      <a:pt x="586" y="55"/>
                    </a:lnTo>
                    <a:lnTo>
                      <a:pt x="565" y="53"/>
                    </a:lnTo>
                    <a:lnTo>
                      <a:pt x="543" y="50"/>
                    </a:lnTo>
                    <a:lnTo>
                      <a:pt x="520" y="48"/>
                    </a:lnTo>
                    <a:lnTo>
                      <a:pt x="496" y="46"/>
                    </a:lnTo>
                    <a:lnTo>
                      <a:pt x="471" y="43"/>
                    </a:lnTo>
                    <a:lnTo>
                      <a:pt x="447" y="41"/>
                    </a:lnTo>
                    <a:lnTo>
                      <a:pt x="422" y="38"/>
                    </a:lnTo>
                    <a:lnTo>
                      <a:pt x="396" y="36"/>
                    </a:lnTo>
                    <a:lnTo>
                      <a:pt x="371" y="33"/>
                    </a:lnTo>
                    <a:lnTo>
                      <a:pt x="347" y="29"/>
                    </a:lnTo>
                    <a:lnTo>
                      <a:pt x="322" y="28"/>
                    </a:lnTo>
                    <a:lnTo>
                      <a:pt x="298" y="24"/>
                    </a:lnTo>
                    <a:lnTo>
                      <a:pt x="274" y="21"/>
                    </a:lnTo>
                    <a:lnTo>
                      <a:pt x="252" y="19"/>
                    </a:lnTo>
                    <a:lnTo>
                      <a:pt x="230" y="16"/>
                    </a:lnTo>
                    <a:lnTo>
                      <a:pt x="210" y="14"/>
                    </a:lnTo>
                    <a:lnTo>
                      <a:pt x="190" y="11"/>
                    </a:lnTo>
                    <a:lnTo>
                      <a:pt x="171" y="9"/>
                    </a:lnTo>
                    <a:lnTo>
                      <a:pt x="156" y="7"/>
                    </a:lnTo>
                    <a:lnTo>
                      <a:pt x="141" y="6"/>
                    </a:lnTo>
                    <a:lnTo>
                      <a:pt x="127" y="4"/>
                    </a:lnTo>
                    <a:lnTo>
                      <a:pt x="117" y="2"/>
                    </a:lnTo>
                    <a:lnTo>
                      <a:pt x="108" y="0"/>
                    </a:lnTo>
                    <a:lnTo>
                      <a:pt x="102" y="0"/>
                    </a:lnTo>
                    <a:lnTo>
                      <a:pt x="98" y="0"/>
                    </a:lnTo>
                    <a:lnTo>
                      <a:pt x="97" y="0"/>
                    </a:lnTo>
                    <a:lnTo>
                      <a:pt x="0" y="699"/>
                    </a:lnTo>
                    <a:lnTo>
                      <a:pt x="88" y="71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6" name="Freeform 122"/>
              <p:cNvSpPr>
                <a:spLocks/>
              </p:cNvSpPr>
              <p:nvPr/>
            </p:nvSpPr>
            <p:spPr bwMode="auto">
              <a:xfrm>
                <a:off x="2061" y="2582"/>
                <a:ext cx="827" cy="428"/>
              </a:xfrm>
              <a:custGeom>
                <a:avLst/>
                <a:gdLst>
                  <a:gd name="T0" fmla="*/ 203 w 851"/>
                  <a:gd name="T1" fmla="*/ 212 h 441"/>
                  <a:gd name="T2" fmla="*/ 234 w 851"/>
                  <a:gd name="T3" fmla="*/ 228 h 441"/>
                  <a:gd name="T4" fmla="*/ 266 w 851"/>
                  <a:gd name="T5" fmla="*/ 242 h 441"/>
                  <a:gd name="T6" fmla="*/ 271 w 851"/>
                  <a:gd name="T7" fmla="*/ 245 h 441"/>
                  <a:gd name="T8" fmla="*/ 277 w 851"/>
                  <a:gd name="T9" fmla="*/ 248 h 441"/>
                  <a:gd name="T10" fmla="*/ 285 w 851"/>
                  <a:gd name="T11" fmla="*/ 247 h 441"/>
                  <a:gd name="T12" fmla="*/ 297 w 851"/>
                  <a:gd name="T13" fmla="*/ 248 h 441"/>
                  <a:gd name="T14" fmla="*/ 303 w 851"/>
                  <a:gd name="T15" fmla="*/ 255 h 441"/>
                  <a:gd name="T16" fmla="*/ 315 w 851"/>
                  <a:gd name="T17" fmla="*/ 251 h 441"/>
                  <a:gd name="T18" fmla="*/ 332 w 851"/>
                  <a:gd name="T19" fmla="*/ 257 h 441"/>
                  <a:gd name="T20" fmla="*/ 347 w 851"/>
                  <a:gd name="T21" fmla="*/ 264 h 441"/>
                  <a:gd name="T22" fmla="*/ 367 w 851"/>
                  <a:gd name="T23" fmla="*/ 271 h 441"/>
                  <a:gd name="T24" fmla="*/ 367 w 851"/>
                  <a:gd name="T25" fmla="*/ 273 h 441"/>
                  <a:gd name="T26" fmla="*/ 369 w 851"/>
                  <a:gd name="T27" fmla="*/ 278 h 441"/>
                  <a:gd name="T28" fmla="*/ 380 w 851"/>
                  <a:gd name="T29" fmla="*/ 271 h 441"/>
                  <a:gd name="T30" fmla="*/ 384 w 851"/>
                  <a:gd name="T31" fmla="*/ 265 h 441"/>
                  <a:gd name="T32" fmla="*/ 385 w 851"/>
                  <a:gd name="T33" fmla="*/ 272 h 441"/>
                  <a:gd name="T34" fmla="*/ 389 w 851"/>
                  <a:gd name="T35" fmla="*/ 283 h 441"/>
                  <a:gd name="T36" fmla="*/ 392 w 851"/>
                  <a:gd name="T37" fmla="*/ 280 h 441"/>
                  <a:gd name="T38" fmla="*/ 392 w 851"/>
                  <a:gd name="T39" fmla="*/ 276 h 441"/>
                  <a:gd name="T40" fmla="*/ 425 w 851"/>
                  <a:gd name="T41" fmla="*/ 269 h 441"/>
                  <a:gd name="T42" fmla="*/ 423 w 851"/>
                  <a:gd name="T43" fmla="*/ 270 h 441"/>
                  <a:gd name="T44" fmla="*/ 425 w 851"/>
                  <a:gd name="T45" fmla="*/ 275 h 441"/>
                  <a:gd name="T46" fmla="*/ 438 w 851"/>
                  <a:gd name="T47" fmla="*/ 280 h 441"/>
                  <a:gd name="T48" fmla="*/ 446 w 851"/>
                  <a:gd name="T49" fmla="*/ 286 h 441"/>
                  <a:gd name="T50" fmla="*/ 452 w 851"/>
                  <a:gd name="T51" fmla="*/ 282 h 441"/>
                  <a:gd name="T52" fmla="*/ 465 w 851"/>
                  <a:gd name="T53" fmla="*/ 272 h 441"/>
                  <a:gd name="T54" fmla="*/ 476 w 851"/>
                  <a:gd name="T55" fmla="*/ 273 h 441"/>
                  <a:gd name="T56" fmla="*/ 479 w 851"/>
                  <a:gd name="T57" fmla="*/ 279 h 441"/>
                  <a:gd name="T58" fmla="*/ 479 w 851"/>
                  <a:gd name="T59" fmla="*/ 279 h 441"/>
                  <a:gd name="T60" fmla="*/ 479 w 851"/>
                  <a:gd name="T61" fmla="*/ 276 h 441"/>
                  <a:gd name="T62" fmla="*/ 487 w 851"/>
                  <a:gd name="T63" fmla="*/ 269 h 441"/>
                  <a:gd name="T64" fmla="*/ 489 w 851"/>
                  <a:gd name="T65" fmla="*/ 264 h 441"/>
                  <a:gd name="T66" fmla="*/ 492 w 851"/>
                  <a:gd name="T67" fmla="*/ 269 h 441"/>
                  <a:gd name="T68" fmla="*/ 504 w 851"/>
                  <a:gd name="T69" fmla="*/ 278 h 441"/>
                  <a:gd name="T70" fmla="*/ 506 w 851"/>
                  <a:gd name="T71" fmla="*/ 280 h 441"/>
                  <a:gd name="T72" fmla="*/ 509 w 851"/>
                  <a:gd name="T73" fmla="*/ 272 h 441"/>
                  <a:gd name="T74" fmla="*/ 520 w 851"/>
                  <a:gd name="T75" fmla="*/ 267 h 441"/>
                  <a:gd name="T76" fmla="*/ 527 w 851"/>
                  <a:gd name="T77" fmla="*/ 269 h 441"/>
                  <a:gd name="T78" fmla="*/ 546 w 851"/>
                  <a:gd name="T79" fmla="*/ 285 h 441"/>
                  <a:gd name="T80" fmla="*/ 569 w 851"/>
                  <a:gd name="T81" fmla="*/ 147 h 441"/>
                  <a:gd name="T82" fmla="*/ 555 w 851"/>
                  <a:gd name="T83" fmla="*/ 16 h 441"/>
                  <a:gd name="T84" fmla="*/ 546 w 851"/>
                  <a:gd name="T85" fmla="*/ 16 h 441"/>
                  <a:gd name="T86" fmla="*/ 519 w 851"/>
                  <a:gd name="T87" fmla="*/ 16 h 441"/>
                  <a:gd name="T88" fmla="*/ 477 w 851"/>
                  <a:gd name="T89" fmla="*/ 16 h 441"/>
                  <a:gd name="T90" fmla="*/ 427 w 851"/>
                  <a:gd name="T91" fmla="*/ 16 h 441"/>
                  <a:gd name="T92" fmla="*/ 368 w 851"/>
                  <a:gd name="T93" fmla="*/ 16 h 441"/>
                  <a:gd name="T94" fmla="*/ 306 w 851"/>
                  <a:gd name="T95" fmla="*/ 16 h 441"/>
                  <a:gd name="T96" fmla="*/ 244 w 851"/>
                  <a:gd name="T97" fmla="*/ 15 h 441"/>
                  <a:gd name="T98" fmla="*/ 185 w 851"/>
                  <a:gd name="T99" fmla="*/ 13 h 441"/>
                  <a:gd name="T100" fmla="*/ 133 w 851"/>
                  <a:gd name="T101" fmla="*/ 12 h 441"/>
                  <a:gd name="T102" fmla="*/ 88 w 851"/>
                  <a:gd name="T103" fmla="*/ 8 h 441"/>
                  <a:gd name="T104" fmla="*/ 5 w 851"/>
                  <a:gd name="T105" fmla="*/ 0 h 441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w 851"/>
                  <a:gd name="T160" fmla="*/ 0 h 441"/>
                  <a:gd name="T161" fmla="*/ 851 w 851"/>
                  <a:gd name="T162" fmla="*/ 441 h 441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T159" t="T160" r="T161" b="T162"/>
                <a:pathLst>
                  <a:path w="851" h="441">
                    <a:moveTo>
                      <a:pt x="303" y="79"/>
                    </a:moveTo>
                    <a:lnTo>
                      <a:pt x="294" y="320"/>
                    </a:lnTo>
                    <a:lnTo>
                      <a:pt x="303" y="321"/>
                    </a:lnTo>
                    <a:lnTo>
                      <a:pt x="326" y="345"/>
                    </a:lnTo>
                    <a:lnTo>
                      <a:pt x="335" y="338"/>
                    </a:lnTo>
                    <a:lnTo>
                      <a:pt x="350" y="347"/>
                    </a:lnTo>
                    <a:lnTo>
                      <a:pt x="359" y="335"/>
                    </a:lnTo>
                    <a:lnTo>
                      <a:pt x="379" y="369"/>
                    </a:lnTo>
                    <a:lnTo>
                      <a:pt x="397" y="369"/>
                    </a:lnTo>
                    <a:lnTo>
                      <a:pt x="399" y="369"/>
                    </a:lnTo>
                    <a:lnTo>
                      <a:pt x="401" y="370"/>
                    </a:lnTo>
                    <a:lnTo>
                      <a:pt x="404" y="372"/>
                    </a:lnTo>
                    <a:lnTo>
                      <a:pt x="408" y="374"/>
                    </a:lnTo>
                    <a:lnTo>
                      <a:pt x="411" y="375"/>
                    </a:lnTo>
                    <a:lnTo>
                      <a:pt x="414" y="377"/>
                    </a:lnTo>
                    <a:lnTo>
                      <a:pt x="418" y="379"/>
                    </a:lnTo>
                    <a:lnTo>
                      <a:pt x="419" y="379"/>
                    </a:lnTo>
                    <a:lnTo>
                      <a:pt x="426" y="374"/>
                    </a:lnTo>
                    <a:lnTo>
                      <a:pt x="431" y="372"/>
                    </a:lnTo>
                    <a:lnTo>
                      <a:pt x="438" y="374"/>
                    </a:lnTo>
                    <a:lnTo>
                      <a:pt x="443" y="377"/>
                    </a:lnTo>
                    <a:lnTo>
                      <a:pt x="447" y="380"/>
                    </a:lnTo>
                    <a:lnTo>
                      <a:pt x="450" y="386"/>
                    </a:lnTo>
                    <a:lnTo>
                      <a:pt x="452" y="387"/>
                    </a:lnTo>
                    <a:lnTo>
                      <a:pt x="453" y="389"/>
                    </a:lnTo>
                    <a:lnTo>
                      <a:pt x="458" y="379"/>
                    </a:lnTo>
                    <a:lnTo>
                      <a:pt x="469" y="382"/>
                    </a:lnTo>
                    <a:lnTo>
                      <a:pt x="484" y="377"/>
                    </a:lnTo>
                    <a:lnTo>
                      <a:pt x="484" y="391"/>
                    </a:lnTo>
                    <a:lnTo>
                      <a:pt x="496" y="392"/>
                    </a:lnTo>
                    <a:lnTo>
                      <a:pt x="499" y="406"/>
                    </a:lnTo>
                    <a:lnTo>
                      <a:pt x="511" y="411"/>
                    </a:lnTo>
                    <a:lnTo>
                      <a:pt x="518" y="401"/>
                    </a:lnTo>
                    <a:lnTo>
                      <a:pt x="529" y="397"/>
                    </a:lnTo>
                    <a:lnTo>
                      <a:pt x="540" y="408"/>
                    </a:lnTo>
                    <a:lnTo>
                      <a:pt x="548" y="411"/>
                    </a:lnTo>
                    <a:lnTo>
                      <a:pt x="548" y="413"/>
                    </a:lnTo>
                    <a:lnTo>
                      <a:pt x="548" y="414"/>
                    </a:lnTo>
                    <a:lnTo>
                      <a:pt x="548" y="416"/>
                    </a:lnTo>
                    <a:lnTo>
                      <a:pt x="548" y="418"/>
                    </a:lnTo>
                    <a:lnTo>
                      <a:pt x="550" y="419"/>
                    </a:lnTo>
                    <a:lnTo>
                      <a:pt x="551" y="421"/>
                    </a:lnTo>
                    <a:lnTo>
                      <a:pt x="555" y="419"/>
                    </a:lnTo>
                    <a:lnTo>
                      <a:pt x="562" y="416"/>
                    </a:lnTo>
                    <a:lnTo>
                      <a:pt x="567" y="411"/>
                    </a:lnTo>
                    <a:lnTo>
                      <a:pt x="570" y="408"/>
                    </a:lnTo>
                    <a:lnTo>
                      <a:pt x="572" y="406"/>
                    </a:lnTo>
                    <a:lnTo>
                      <a:pt x="572" y="404"/>
                    </a:lnTo>
                    <a:lnTo>
                      <a:pt x="572" y="408"/>
                    </a:lnTo>
                    <a:lnTo>
                      <a:pt x="573" y="413"/>
                    </a:lnTo>
                    <a:lnTo>
                      <a:pt x="575" y="419"/>
                    </a:lnTo>
                    <a:lnTo>
                      <a:pt x="579" y="428"/>
                    </a:lnTo>
                    <a:lnTo>
                      <a:pt x="580" y="431"/>
                    </a:lnTo>
                    <a:lnTo>
                      <a:pt x="584" y="431"/>
                    </a:lnTo>
                    <a:lnTo>
                      <a:pt x="584" y="430"/>
                    </a:lnTo>
                    <a:lnTo>
                      <a:pt x="585" y="426"/>
                    </a:lnTo>
                    <a:lnTo>
                      <a:pt x="585" y="424"/>
                    </a:lnTo>
                    <a:lnTo>
                      <a:pt x="585" y="421"/>
                    </a:lnTo>
                    <a:lnTo>
                      <a:pt x="585" y="419"/>
                    </a:lnTo>
                    <a:lnTo>
                      <a:pt x="602" y="406"/>
                    </a:lnTo>
                    <a:lnTo>
                      <a:pt x="616" y="416"/>
                    </a:lnTo>
                    <a:lnTo>
                      <a:pt x="633" y="408"/>
                    </a:lnTo>
                    <a:lnTo>
                      <a:pt x="631" y="409"/>
                    </a:lnTo>
                    <a:lnTo>
                      <a:pt x="631" y="413"/>
                    </a:lnTo>
                    <a:lnTo>
                      <a:pt x="633" y="414"/>
                    </a:lnTo>
                    <a:lnTo>
                      <a:pt x="634" y="418"/>
                    </a:lnTo>
                    <a:lnTo>
                      <a:pt x="639" y="421"/>
                    </a:lnTo>
                    <a:lnTo>
                      <a:pt x="646" y="424"/>
                    </a:lnTo>
                    <a:lnTo>
                      <a:pt x="653" y="428"/>
                    </a:lnTo>
                    <a:lnTo>
                      <a:pt x="658" y="431"/>
                    </a:lnTo>
                    <a:lnTo>
                      <a:pt x="661" y="433"/>
                    </a:lnTo>
                    <a:lnTo>
                      <a:pt x="665" y="435"/>
                    </a:lnTo>
                    <a:lnTo>
                      <a:pt x="667" y="435"/>
                    </a:lnTo>
                    <a:lnTo>
                      <a:pt x="670" y="433"/>
                    </a:lnTo>
                    <a:lnTo>
                      <a:pt x="675" y="430"/>
                    </a:lnTo>
                    <a:lnTo>
                      <a:pt x="682" y="423"/>
                    </a:lnTo>
                    <a:lnTo>
                      <a:pt x="690" y="416"/>
                    </a:lnTo>
                    <a:lnTo>
                      <a:pt x="697" y="413"/>
                    </a:lnTo>
                    <a:lnTo>
                      <a:pt x="702" y="413"/>
                    </a:lnTo>
                    <a:lnTo>
                      <a:pt x="707" y="414"/>
                    </a:lnTo>
                    <a:lnTo>
                      <a:pt x="709" y="416"/>
                    </a:lnTo>
                    <a:lnTo>
                      <a:pt x="712" y="419"/>
                    </a:lnTo>
                    <a:lnTo>
                      <a:pt x="714" y="421"/>
                    </a:lnTo>
                    <a:lnTo>
                      <a:pt x="714" y="423"/>
                    </a:lnTo>
                    <a:lnTo>
                      <a:pt x="716" y="423"/>
                    </a:lnTo>
                    <a:lnTo>
                      <a:pt x="716" y="421"/>
                    </a:lnTo>
                    <a:lnTo>
                      <a:pt x="717" y="419"/>
                    </a:lnTo>
                    <a:lnTo>
                      <a:pt x="721" y="416"/>
                    </a:lnTo>
                    <a:lnTo>
                      <a:pt x="724" y="411"/>
                    </a:lnTo>
                    <a:lnTo>
                      <a:pt x="727" y="408"/>
                    </a:lnTo>
                    <a:lnTo>
                      <a:pt x="727" y="404"/>
                    </a:lnTo>
                    <a:lnTo>
                      <a:pt x="727" y="401"/>
                    </a:lnTo>
                    <a:lnTo>
                      <a:pt x="729" y="401"/>
                    </a:lnTo>
                    <a:lnTo>
                      <a:pt x="731" y="404"/>
                    </a:lnTo>
                    <a:lnTo>
                      <a:pt x="734" y="408"/>
                    </a:lnTo>
                    <a:lnTo>
                      <a:pt x="741" y="411"/>
                    </a:lnTo>
                    <a:lnTo>
                      <a:pt x="746" y="416"/>
                    </a:lnTo>
                    <a:lnTo>
                      <a:pt x="751" y="421"/>
                    </a:lnTo>
                    <a:lnTo>
                      <a:pt x="753" y="423"/>
                    </a:lnTo>
                    <a:lnTo>
                      <a:pt x="755" y="424"/>
                    </a:lnTo>
                    <a:lnTo>
                      <a:pt x="756" y="423"/>
                    </a:lnTo>
                    <a:lnTo>
                      <a:pt x="758" y="419"/>
                    </a:lnTo>
                    <a:lnTo>
                      <a:pt x="761" y="414"/>
                    </a:lnTo>
                    <a:lnTo>
                      <a:pt x="766" y="409"/>
                    </a:lnTo>
                    <a:lnTo>
                      <a:pt x="771" y="406"/>
                    </a:lnTo>
                    <a:lnTo>
                      <a:pt x="775" y="406"/>
                    </a:lnTo>
                    <a:lnTo>
                      <a:pt x="780" y="406"/>
                    </a:lnTo>
                    <a:lnTo>
                      <a:pt x="783" y="408"/>
                    </a:lnTo>
                    <a:lnTo>
                      <a:pt x="787" y="408"/>
                    </a:lnTo>
                    <a:lnTo>
                      <a:pt x="788" y="409"/>
                    </a:lnTo>
                    <a:lnTo>
                      <a:pt x="815" y="433"/>
                    </a:lnTo>
                    <a:lnTo>
                      <a:pt x="831" y="435"/>
                    </a:lnTo>
                    <a:lnTo>
                      <a:pt x="849" y="441"/>
                    </a:lnTo>
                    <a:lnTo>
                      <a:pt x="851" y="223"/>
                    </a:lnTo>
                    <a:lnTo>
                      <a:pt x="831" y="84"/>
                    </a:lnTo>
                    <a:lnTo>
                      <a:pt x="829" y="20"/>
                    </a:lnTo>
                    <a:lnTo>
                      <a:pt x="827" y="20"/>
                    </a:lnTo>
                    <a:lnTo>
                      <a:pt x="822" y="20"/>
                    </a:lnTo>
                    <a:lnTo>
                      <a:pt x="814" y="20"/>
                    </a:lnTo>
                    <a:lnTo>
                      <a:pt x="804" y="20"/>
                    </a:lnTo>
                    <a:lnTo>
                      <a:pt x="790" y="20"/>
                    </a:lnTo>
                    <a:lnTo>
                      <a:pt x="773" y="20"/>
                    </a:lnTo>
                    <a:lnTo>
                      <a:pt x="755" y="20"/>
                    </a:lnTo>
                    <a:lnTo>
                      <a:pt x="736" y="20"/>
                    </a:lnTo>
                    <a:lnTo>
                      <a:pt x="712" y="20"/>
                    </a:lnTo>
                    <a:lnTo>
                      <a:pt x="689" y="20"/>
                    </a:lnTo>
                    <a:lnTo>
                      <a:pt x="663" y="20"/>
                    </a:lnTo>
                    <a:lnTo>
                      <a:pt x="636" y="20"/>
                    </a:lnTo>
                    <a:lnTo>
                      <a:pt x="609" y="20"/>
                    </a:lnTo>
                    <a:lnTo>
                      <a:pt x="579" y="18"/>
                    </a:lnTo>
                    <a:lnTo>
                      <a:pt x="550" y="18"/>
                    </a:lnTo>
                    <a:lnTo>
                      <a:pt x="519" y="18"/>
                    </a:lnTo>
                    <a:lnTo>
                      <a:pt x="489" y="18"/>
                    </a:lnTo>
                    <a:lnTo>
                      <a:pt x="457" y="17"/>
                    </a:lnTo>
                    <a:lnTo>
                      <a:pt x="426" y="17"/>
                    </a:lnTo>
                    <a:lnTo>
                      <a:pt x="396" y="17"/>
                    </a:lnTo>
                    <a:lnTo>
                      <a:pt x="364" y="15"/>
                    </a:lnTo>
                    <a:lnTo>
                      <a:pt x="335" y="15"/>
                    </a:lnTo>
                    <a:lnTo>
                      <a:pt x="304" y="15"/>
                    </a:lnTo>
                    <a:lnTo>
                      <a:pt x="276" y="13"/>
                    </a:lnTo>
                    <a:lnTo>
                      <a:pt x="249" y="13"/>
                    </a:lnTo>
                    <a:lnTo>
                      <a:pt x="221" y="12"/>
                    </a:lnTo>
                    <a:lnTo>
                      <a:pt x="198" y="12"/>
                    </a:lnTo>
                    <a:lnTo>
                      <a:pt x="174" y="10"/>
                    </a:lnTo>
                    <a:lnTo>
                      <a:pt x="152" y="10"/>
                    </a:lnTo>
                    <a:lnTo>
                      <a:pt x="133" y="8"/>
                    </a:lnTo>
                    <a:lnTo>
                      <a:pt x="117" y="6"/>
                    </a:lnTo>
                    <a:lnTo>
                      <a:pt x="101" y="6"/>
                    </a:lnTo>
                    <a:lnTo>
                      <a:pt x="5" y="0"/>
                    </a:lnTo>
                    <a:lnTo>
                      <a:pt x="0" y="61"/>
                    </a:lnTo>
                    <a:lnTo>
                      <a:pt x="303" y="79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7" name="Freeform 123"/>
              <p:cNvSpPr>
                <a:spLocks/>
              </p:cNvSpPr>
              <p:nvPr/>
            </p:nvSpPr>
            <p:spPr bwMode="auto">
              <a:xfrm>
                <a:off x="1658" y="2620"/>
                <a:ext cx="1334" cy="1316"/>
              </a:xfrm>
              <a:custGeom>
                <a:avLst/>
                <a:gdLst>
                  <a:gd name="T0" fmla="*/ 522 w 1371"/>
                  <a:gd name="T1" fmla="*/ 189 h 1355"/>
                  <a:gd name="T2" fmla="*/ 569 w 1371"/>
                  <a:gd name="T3" fmla="*/ 212 h 1355"/>
                  <a:gd name="T4" fmla="*/ 614 w 1371"/>
                  <a:gd name="T5" fmla="*/ 210 h 1355"/>
                  <a:gd name="T6" fmla="*/ 658 w 1371"/>
                  <a:gd name="T7" fmla="*/ 236 h 1355"/>
                  <a:gd name="T8" fmla="*/ 674 w 1371"/>
                  <a:gd name="T9" fmla="*/ 231 h 1355"/>
                  <a:gd name="T10" fmla="*/ 695 w 1371"/>
                  <a:gd name="T11" fmla="*/ 229 h 1355"/>
                  <a:gd name="T12" fmla="*/ 729 w 1371"/>
                  <a:gd name="T13" fmla="*/ 244 h 1355"/>
                  <a:gd name="T14" fmla="*/ 767 w 1371"/>
                  <a:gd name="T15" fmla="*/ 234 h 1355"/>
                  <a:gd name="T16" fmla="*/ 775 w 1371"/>
                  <a:gd name="T17" fmla="*/ 236 h 1355"/>
                  <a:gd name="T18" fmla="*/ 796 w 1371"/>
                  <a:gd name="T19" fmla="*/ 240 h 1355"/>
                  <a:gd name="T20" fmla="*/ 818 w 1371"/>
                  <a:gd name="T21" fmla="*/ 231 h 1355"/>
                  <a:gd name="T22" fmla="*/ 894 w 1371"/>
                  <a:gd name="T23" fmla="*/ 303 h 1355"/>
                  <a:gd name="T24" fmla="*/ 931 w 1371"/>
                  <a:gd name="T25" fmla="*/ 458 h 1355"/>
                  <a:gd name="T26" fmla="*/ 923 w 1371"/>
                  <a:gd name="T27" fmla="*/ 500 h 1355"/>
                  <a:gd name="T28" fmla="*/ 925 w 1371"/>
                  <a:gd name="T29" fmla="*/ 533 h 1355"/>
                  <a:gd name="T30" fmla="*/ 913 w 1371"/>
                  <a:gd name="T31" fmla="*/ 574 h 1355"/>
                  <a:gd name="T32" fmla="*/ 894 w 1371"/>
                  <a:gd name="T33" fmla="*/ 585 h 1355"/>
                  <a:gd name="T34" fmla="*/ 867 w 1371"/>
                  <a:gd name="T35" fmla="*/ 592 h 1355"/>
                  <a:gd name="T36" fmla="*/ 853 w 1371"/>
                  <a:gd name="T37" fmla="*/ 594 h 1355"/>
                  <a:gd name="T38" fmla="*/ 853 w 1371"/>
                  <a:gd name="T39" fmla="*/ 583 h 1355"/>
                  <a:gd name="T40" fmla="*/ 841 w 1371"/>
                  <a:gd name="T41" fmla="*/ 579 h 1355"/>
                  <a:gd name="T42" fmla="*/ 833 w 1371"/>
                  <a:gd name="T43" fmla="*/ 582 h 1355"/>
                  <a:gd name="T44" fmla="*/ 829 w 1371"/>
                  <a:gd name="T45" fmla="*/ 591 h 1355"/>
                  <a:gd name="T46" fmla="*/ 840 w 1371"/>
                  <a:gd name="T47" fmla="*/ 610 h 1355"/>
                  <a:gd name="T48" fmla="*/ 811 w 1371"/>
                  <a:gd name="T49" fmla="*/ 644 h 1355"/>
                  <a:gd name="T50" fmla="*/ 773 w 1371"/>
                  <a:gd name="T51" fmla="*/ 666 h 1355"/>
                  <a:gd name="T52" fmla="*/ 739 w 1371"/>
                  <a:gd name="T53" fmla="*/ 687 h 1355"/>
                  <a:gd name="T54" fmla="*/ 770 w 1371"/>
                  <a:gd name="T55" fmla="*/ 665 h 1355"/>
                  <a:gd name="T56" fmla="*/ 751 w 1371"/>
                  <a:gd name="T57" fmla="*/ 672 h 1355"/>
                  <a:gd name="T58" fmla="*/ 747 w 1371"/>
                  <a:gd name="T59" fmla="*/ 663 h 1355"/>
                  <a:gd name="T60" fmla="*/ 719 w 1371"/>
                  <a:gd name="T61" fmla="*/ 666 h 1355"/>
                  <a:gd name="T62" fmla="*/ 729 w 1371"/>
                  <a:gd name="T63" fmla="*/ 684 h 1355"/>
                  <a:gd name="T64" fmla="*/ 716 w 1371"/>
                  <a:gd name="T65" fmla="*/ 694 h 1355"/>
                  <a:gd name="T66" fmla="*/ 704 w 1371"/>
                  <a:gd name="T67" fmla="*/ 682 h 1355"/>
                  <a:gd name="T68" fmla="*/ 695 w 1371"/>
                  <a:gd name="T69" fmla="*/ 702 h 1355"/>
                  <a:gd name="T70" fmla="*/ 684 w 1371"/>
                  <a:gd name="T71" fmla="*/ 718 h 1355"/>
                  <a:gd name="T72" fmla="*/ 669 w 1371"/>
                  <a:gd name="T73" fmla="*/ 733 h 1355"/>
                  <a:gd name="T74" fmla="*/ 654 w 1371"/>
                  <a:gd name="T75" fmla="*/ 779 h 1355"/>
                  <a:gd name="T76" fmla="*/ 646 w 1371"/>
                  <a:gd name="T77" fmla="*/ 769 h 1355"/>
                  <a:gd name="T78" fmla="*/ 653 w 1371"/>
                  <a:gd name="T79" fmla="*/ 795 h 1355"/>
                  <a:gd name="T80" fmla="*/ 654 w 1371"/>
                  <a:gd name="T81" fmla="*/ 897 h 1355"/>
                  <a:gd name="T82" fmla="*/ 623 w 1371"/>
                  <a:gd name="T83" fmla="*/ 881 h 1355"/>
                  <a:gd name="T84" fmla="*/ 595 w 1371"/>
                  <a:gd name="T85" fmla="*/ 881 h 1355"/>
                  <a:gd name="T86" fmla="*/ 535 w 1371"/>
                  <a:gd name="T87" fmla="*/ 853 h 1355"/>
                  <a:gd name="T88" fmla="*/ 522 w 1371"/>
                  <a:gd name="T89" fmla="*/ 841 h 1355"/>
                  <a:gd name="T90" fmla="*/ 509 w 1371"/>
                  <a:gd name="T91" fmla="*/ 806 h 1355"/>
                  <a:gd name="T92" fmla="*/ 504 w 1371"/>
                  <a:gd name="T93" fmla="*/ 781 h 1355"/>
                  <a:gd name="T94" fmla="*/ 487 w 1371"/>
                  <a:gd name="T95" fmla="*/ 748 h 1355"/>
                  <a:gd name="T96" fmla="*/ 463 w 1371"/>
                  <a:gd name="T97" fmla="*/ 718 h 1355"/>
                  <a:gd name="T98" fmla="*/ 444 w 1371"/>
                  <a:gd name="T99" fmla="*/ 693 h 1355"/>
                  <a:gd name="T100" fmla="*/ 361 w 1371"/>
                  <a:gd name="T101" fmla="*/ 569 h 1355"/>
                  <a:gd name="T102" fmla="*/ 323 w 1371"/>
                  <a:gd name="T103" fmla="*/ 563 h 1355"/>
                  <a:gd name="T104" fmla="*/ 297 w 1371"/>
                  <a:gd name="T105" fmla="*/ 557 h 1355"/>
                  <a:gd name="T106" fmla="*/ 282 w 1371"/>
                  <a:gd name="T107" fmla="*/ 562 h 1355"/>
                  <a:gd name="T108" fmla="*/ 251 w 1371"/>
                  <a:gd name="T109" fmla="*/ 600 h 1355"/>
                  <a:gd name="T110" fmla="*/ 238 w 1371"/>
                  <a:gd name="T111" fmla="*/ 614 h 1355"/>
                  <a:gd name="T112" fmla="*/ 215 w 1371"/>
                  <a:gd name="T113" fmla="*/ 619 h 1355"/>
                  <a:gd name="T114" fmla="*/ 177 w 1371"/>
                  <a:gd name="T115" fmla="*/ 594 h 1355"/>
                  <a:gd name="T116" fmla="*/ 143 w 1371"/>
                  <a:gd name="T117" fmla="*/ 567 h 1355"/>
                  <a:gd name="T118" fmla="*/ 124 w 1371"/>
                  <a:gd name="T119" fmla="*/ 510 h 1355"/>
                  <a:gd name="T120" fmla="*/ 88 w 1371"/>
                  <a:gd name="T121" fmla="*/ 458 h 1355"/>
                  <a:gd name="T122" fmla="*/ 6 w 1371"/>
                  <a:gd name="T123" fmla="*/ 372 h 1355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w 1371"/>
                  <a:gd name="T187" fmla="*/ 0 h 1355"/>
                  <a:gd name="T188" fmla="*/ 1371 w 1371"/>
                  <a:gd name="T189" fmla="*/ 1355 h 1355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T186" t="T187" r="T188" b="T189"/>
                <a:pathLst>
                  <a:path w="1371" h="1355">
                    <a:moveTo>
                      <a:pt x="6" y="560"/>
                    </a:moveTo>
                    <a:lnTo>
                      <a:pt x="0" y="545"/>
                    </a:lnTo>
                    <a:lnTo>
                      <a:pt x="0" y="528"/>
                    </a:lnTo>
                    <a:lnTo>
                      <a:pt x="371" y="565"/>
                    </a:lnTo>
                    <a:lnTo>
                      <a:pt x="417" y="0"/>
                    </a:lnTo>
                    <a:lnTo>
                      <a:pt x="720" y="18"/>
                    </a:lnTo>
                    <a:lnTo>
                      <a:pt x="711" y="259"/>
                    </a:lnTo>
                    <a:lnTo>
                      <a:pt x="720" y="260"/>
                    </a:lnTo>
                    <a:lnTo>
                      <a:pt x="743" y="284"/>
                    </a:lnTo>
                    <a:lnTo>
                      <a:pt x="752" y="277"/>
                    </a:lnTo>
                    <a:lnTo>
                      <a:pt x="767" y="286"/>
                    </a:lnTo>
                    <a:lnTo>
                      <a:pt x="776" y="274"/>
                    </a:lnTo>
                    <a:lnTo>
                      <a:pt x="796" y="308"/>
                    </a:lnTo>
                    <a:lnTo>
                      <a:pt x="814" y="308"/>
                    </a:lnTo>
                    <a:lnTo>
                      <a:pt x="816" y="308"/>
                    </a:lnTo>
                    <a:lnTo>
                      <a:pt x="818" y="309"/>
                    </a:lnTo>
                    <a:lnTo>
                      <a:pt x="821" y="311"/>
                    </a:lnTo>
                    <a:lnTo>
                      <a:pt x="825" y="313"/>
                    </a:lnTo>
                    <a:lnTo>
                      <a:pt x="828" y="314"/>
                    </a:lnTo>
                    <a:lnTo>
                      <a:pt x="831" y="316"/>
                    </a:lnTo>
                    <a:lnTo>
                      <a:pt x="835" y="318"/>
                    </a:lnTo>
                    <a:lnTo>
                      <a:pt x="836" y="318"/>
                    </a:lnTo>
                    <a:lnTo>
                      <a:pt x="843" y="313"/>
                    </a:lnTo>
                    <a:lnTo>
                      <a:pt x="848" y="311"/>
                    </a:lnTo>
                    <a:lnTo>
                      <a:pt x="855" y="313"/>
                    </a:lnTo>
                    <a:lnTo>
                      <a:pt x="860" y="316"/>
                    </a:lnTo>
                    <a:lnTo>
                      <a:pt x="864" y="319"/>
                    </a:lnTo>
                    <a:lnTo>
                      <a:pt x="867" y="325"/>
                    </a:lnTo>
                    <a:lnTo>
                      <a:pt x="869" y="326"/>
                    </a:lnTo>
                    <a:lnTo>
                      <a:pt x="870" y="328"/>
                    </a:lnTo>
                    <a:lnTo>
                      <a:pt x="875" y="318"/>
                    </a:lnTo>
                    <a:lnTo>
                      <a:pt x="886" y="321"/>
                    </a:lnTo>
                    <a:lnTo>
                      <a:pt x="901" y="316"/>
                    </a:lnTo>
                    <a:lnTo>
                      <a:pt x="901" y="330"/>
                    </a:lnTo>
                    <a:lnTo>
                      <a:pt x="913" y="331"/>
                    </a:lnTo>
                    <a:lnTo>
                      <a:pt x="916" y="345"/>
                    </a:lnTo>
                    <a:lnTo>
                      <a:pt x="928" y="350"/>
                    </a:lnTo>
                    <a:lnTo>
                      <a:pt x="935" y="340"/>
                    </a:lnTo>
                    <a:lnTo>
                      <a:pt x="946" y="336"/>
                    </a:lnTo>
                    <a:lnTo>
                      <a:pt x="957" y="347"/>
                    </a:lnTo>
                    <a:lnTo>
                      <a:pt x="965" y="350"/>
                    </a:lnTo>
                    <a:lnTo>
                      <a:pt x="965" y="352"/>
                    </a:lnTo>
                    <a:lnTo>
                      <a:pt x="965" y="353"/>
                    </a:lnTo>
                    <a:lnTo>
                      <a:pt x="965" y="355"/>
                    </a:lnTo>
                    <a:lnTo>
                      <a:pt x="965" y="357"/>
                    </a:lnTo>
                    <a:lnTo>
                      <a:pt x="967" y="358"/>
                    </a:lnTo>
                    <a:lnTo>
                      <a:pt x="968" y="360"/>
                    </a:lnTo>
                    <a:lnTo>
                      <a:pt x="972" y="358"/>
                    </a:lnTo>
                    <a:lnTo>
                      <a:pt x="979" y="355"/>
                    </a:lnTo>
                    <a:lnTo>
                      <a:pt x="984" y="350"/>
                    </a:lnTo>
                    <a:lnTo>
                      <a:pt x="987" y="347"/>
                    </a:lnTo>
                    <a:lnTo>
                      <a:pt x="989" y="345"/>
                    </a:lnTo>
                    <a:lnTo>
                      <a:pt x="989" y="343"/>
                    </a:lnTo>
                    <a:lnTo>
                      <a:pt x="989" y="347"/>
                    </a:lnTo>
                    <a:lnTo>
                      <a:pt x="990" y="352"/>
                    </a:lnTo>
                    <a:lnTo>
                      <a:pt x="992" y="358"/>
                    </a:lnTo>
                    <a:lnTo>
                      <a:pt x="996" y="367"/>
                    </a:lnTo>
                    <a:lnTo>
                      <a:pt x="997" y="370"/>
                    </a:lnTo>
                    <a:lnTo>
                      <a:pt x="1001" y="370"/>
                    </a:lnTo>
                    <a:lnTo>
                      <a:pt x="1001" y="369"/>
                    </a:lnTo>
                    <a:lnTo>
                      <a:pt x="1002" y="365"/>
                    </a:lnTo>
                    <a:lnTo>
                      <a:pt x="1002" y="363"/>
                    </a:lnTo>
                    <a:lnTo>
                      <a:pt x="1002" y="360"/>
                    </a:lnTo>
                    <a:lnTo>
                      <a:pt x="1002" y="358"/>
                    </a:lnTo>
                    <a:lnTo>
                      <a:pt x="1019" y="345"/>
                    </a:lnTo>
                    <a:lnTo>
                      <a:pt x="1033" y="355"/>
                    </a:lnTo>
                    <a:lnTo>
                      <a:pt x="1050" y="347"/>
                    </a:lnTo>
                    <a:lnTo>
                      <a:pt x="1048" y="348"/>
                    </a:lnTo>
                    <a:lnTo>
                      <a:pt x="1048" y="352"/>
                    </a:lnTo>
                    <a:lnTo>
                      <a:pt x="1050" y="353"/>
                    </a:lnTo>
                    <a:lnTo>
                      <a:pt x="1051" y="357"/>
                    </a:lnTo>
                    <a:lnTo>
                      <a:pt x="1056" y="360"/>
                    </a:lnTo>
                    <a:lnTo>
                      <a:pt x="1063" y="363"/>
                    </a:lnTo>
                    <a:lnTo>
                      <a:pt x="1070" y="367"/>
                    </a:lnTo>
                    <a:lnTo>
                      <a:pt x="1075" y="370"/>
                    </a:lnTo>
                    <a:lnTo>
                      <a:pt x="1078" y="372"/>
                    </a:lnTo>
                    <a:lnTo>
                      <a:pt x="1082" y="374"/>
                    </a:lnTo>
                    <a:lnTo>
                      <a:pt x="1084" y="374"/>
                    </a:lnTo>
                    <a:lnTo>
                      <a:pt x="1087" y="372"/>
                    </a:lnTo>
                    <a:lnTo>
                      <a:pt x="1092" y="369"/>
                    </a:lnTo>
                    <a:lnTo>
                      <a:pt x="1099" y="362"/>
                    </a:lnTo>
                    <a:lnTo>
                      <a:pt x="1107" y="355"/>
                    </a:lnTo>
                    <a:lnTo>
                      <a:pt x="1114" y="352"/>
                    </a:lnTo>
                    <a:lnTo>
                      <a:pt x="1119" y="352"/>
                    </a:lnTo>
                    <a:lnTo>
                      <a:pt x="1124" y="353"/>
                    </a:lnTo>
                    <a:lnTo>
                      <a:pt x="1126" y="355"/>
                    </a:lnTo>
                    <a:lnTo>
                      <a:pt x="1129" y="358"/>
                    </a:lnTo>
                    <a:lnTo>
                      <a:pt x="1131" y="360"/>
                    </a:lnTo>
                    <a:lnTo>
                      <a:pt x="1131" y="362"/>
                    </a:lnTo>
                    <a:lnTo>
                      <a:pt x="1133" y="362"/>
                    </a:lnTo>
                    <a:lnTo>
                      <a:pt x="1133" y="360"/>
                    </a:lnTo>
                    <a:lnTo>
                      <a:pt x="1134" y="358"/>
                    </a:lnTo>
                    <a:lnTo>
                      <a:pt x="1138" y="355"/>
                    </a:lnTo>
                    <a:lnTo>
                      <a:pt x="1141" y="350"/>
                    </a:lnTo>
                    <a:lnTo>
                      <a:pt x="1144" y="347"/>
                    </a:lnTo>
                    <a:lnTo>
                      <a:pt x="1144" y="343"/>
                    </a:lnTo>
                    <a:lnTo>
                      <a:pt x="1144" y="340"/>
                    </a:lnTo>
                    <a:lnTo>
                      <a:pt x="1146" y="340"/>
                    </a:lnTo>
                    <a:lnTo>
                      <a:pt x="1148" y="343"/>
                    </a:lnTo>
                    <a:lnTo>
                      <a:pt x="1151" y="347"/>
                    </a:lnTo>
                    <a:lnTo>
                      <a:pt x="1158" y="350"/>
                    </a:lnTo>
                    <a:lnTo>
                      <a:pt x="1163" y="355"/>
                    </a:lnTo>
                    <a:lnTo>
                      <a:pt x="1168" y="360"/>
                    </a:lnTo>
                    <a:lnTo>
                      <a:pt x="1170" y="362"/>
                    </a:lnTo>
                    <a:lnTo>
                      <a:pt x="1172" y="363"/>
                    </a:lnTo>
                    <a:lnTo>
                      <a:pt x="1173" y="362"/>
                    </a:lnTo>
                    <a:lnTo>
                      <a:pt x="1175" y="358"/>
                    </a:lnTo>
                    <a:lnTo>
                      <a:pt x="1178" y="353"/>
                    </a:lnTo>
                    <a:lnTo>
                      <a:pt x="1183" y="348"/>
                    </a:lnTo>
                    <a:lnTo>
                      <a:pt x="1188" y="345"/>
                    </a:lnTo>
                    <a:lnTo>
                      <a:pt x="1192" y="345"/>
                    </a:lnTo>
                    <a:lnTo>
                      <a:pt x="1197" y="345"/>
                    </a:lnTo>
                    <a:lnTo>
                      <a:pt x="1200" y="347"/>
                    </a:lnTo>
                    <a:lnTo>
                      <a:pt x="1204" y="347"/>
                    </a:lnTo>
                    <a:lnTo>
                      <a:pt x="1205" y="348"/>
                    </a:lnTo>
                    <a:lnTo>
                      <a:pt x="1232" y="372"/>
                    </a:lnTo>
                    <a:lnTo>
                      <a:pt x="1248" y="374"/>
                    </a:lnTo>
                    <a:lnTo>
                      <a:pt x="1266" y="380"/>
                    </a:lnTo>
                    <a:lnTo>
                      <a:pt x="1265" y="377"/>
                    </a:lnTo>
                    <a:lnTo>
                      <a:pt x="1276" y="392"/>
                    </a:lnTo>
                    <a:lnTo>
                      <a:pt x="1302" y="389"/>
                    </a:lnTo>
                    <a:lnTo>
                      <a:pt x="1312" y="391"/>
                    </a:lnTo>
                    <a:lnTo>
                      <a:pt x="1312" y="455"/>
                    </a:lnTo>
                    <a:lnTo>
                      <a:pt x="1317" y="580"/>
                    </a:lnTo>
                    <a:lnTo>
                      <a:pt x="1341" y="611"/>
                    </a:lnTo>
                    <a:lnTo>
                      <a:pt x="1341" y="641"/>
                    </a:lnTo>
                    <a:lnTo>
                      <a:pt x="1354" y="655"/>
                    </a:lnTo>
                    <a:lnTo>
                      <a:pt x="1361" y="675"/>
                    </a:lnTo>
                    <a:lnTo>
                      <a:pt x="1361" y="677"/>
                    </a:lnTo>
                    <a:lnTo>
                      <a:pt x="1363" y="678"/>
                    </a:lnTo>
                    <a:lnTo>
                      <a:pt x="1364" y="682"/>
                    </a:lnTo>
                    <a:lnTo>
                      <a:pt x="1366" y="687"/>
                    </a:lnTo>
                    <a:lnTo>
                      <a:pt x="1366" y="690"/>
                    </a:lnTo>
                    <a:lnTo>
                      <a:pt x="1368" y="695"/>
                    </a:lnTo>
                    <a:lnTo>
                      <a:pt x="1370" y="700"/>
                    </a:lnTo>
                    <a:lnTo>
                      <a:pt x="1371" y="705"/>
                    </a:lnTo>
                    <a:lnTo>
                      <a:pt x="1371" y="710"/>
                    </a:lnTo>
                    <a:lnTo>
                      <a:pt x="1371" y="717"/>
                    </a:lnTo>
                    <a:lnTo>
                      <a:pt x="1371" y="722"/>
                    </a:lnTo>
                    <a:lnTo>
                      <a:pt x="1370" y="727"/>
                    </a:lnTo>
                    <a:lnTo>
                      <a:pt x="1368" y="734"/>
                    </a:lnTo>
                    <a:lnTo>
                      <a:pt x="1366" y="739"/>
                    </a:lnTo>
                    <a:lnTo>
                      <a:pt x="1363" y="744"/>
                    </a:lnTo>
                    <a:lnTo>
                      <a:pt x="1356" y="753"/>
                    </a:lnTo>
                    <a:lnTo>
                      <a:pt x="1353" y="759"/>
                    </a:lnTo>
                    <a:lnTo>
                      <a:pt x="1351" y="765"/>
                    </a:lnTo>
                    <a:lnTo>
                      <a:pt x="1351" y="768"/>
                    </a:lnTo>
                    <a:lnTo>
                      <a:pt x="1353" y="771"/>
                    </a:lnTo>
                    <a:lnTo>
                      <a:pt x="1354" y="773"/>
                    </a:lnTo>
                    <a:lnTo>
                      <a:pt x="1356" y="775"/>
                    </a:lnTo>
                    <a:lnTo>
                      <a:pt x="1353" y="797"/>
                    </a:lnTo>
                    <a:lnTo>
                      <a:pt x="1356" y="798"/>
                    </a:lnTo>
                    <a:lnTo>
                      <a:pt x="1358" y="802"/>
                    </a:lnTo>
                    <a:lnTo>
                      <a:pt x="1361" y="807"/>
                    </a:lnTo>
                    <a:lnTo>
                      <a:pt x="1363" y="812"/>
                    </a:lnTo>
                    <a:lnTo>
                      <a:pt x="1363" y="819"/>
                    </a:lnTo>
                    <a:lnTo>
                      <a:pt x="1359" y="827"/>
                    </a:lnTo>
                    <a:lnTo>
                      <a:pt x="1353" y="836"/>
                    </a:lnTo>
                    <a:lnTo>
                      <a:pt x="1351" y="837"/>
                    </a:lnTo>
                    <a:lnTo>
                      <a:pt x="1348" y="836"/>
                    </a:lnTo>
                    <a:lnTo>
                      <a:pt x="1346" y="836"/>
                    </a:lnTo>
                    <a:lnTo>
                      <a:pt x="1329" y="854"/>
                    </a:lnTo>
                    <a:lnTo>
                      <a:pt x="1337" y="866"/>
                    </a:lnTo>
                    <a:lnTo>
                      <a:pt x="1339" y="875"/>
                    </a:lnTo>
                    <a:lnTo>
                      <a:pt x="1337" y="875"/>
                    </a:lnTo>
                    <a:lnTo>
                      <a:pt x="1334" y="875"/>
                    </a:lnTo>
                    <a:lnTo>
                      <a:pt x="1332" y="875"/>
                    </a:lnTo>
                    <a:lnTo>
                      <a:pt x="1329" y="875"/>
                    </a:lnTo>
                    <a:lnTo>
                      <a:pt x="1324" y="876"/>
                    </a:lnTo>
                    <a:lnTo>
                      <a:pt x="1319" y="878"/>
                    </a:lnTo>
                    <a:lnTo>
                      <a:pt x="1312" y="880"/>
                    </a:lnTo>
                    <a:lnTo>
                      <a:pt x="1305" y="883"/>
                    </a:lnTo>
                    <a:lnTo>
                      <a:pt x="1295" y="888"/>
                    </a:lnTo>
                    <a:lnTo>
                      <a:pt x="1285" y="893"/>
                    </a:lnTo>
                    <a:lnTo>
                      <a:pt x="1273" y="898"/>
                    </a:lnTo>
                    <a:lnTo>
                      <a:pt x="1260" y="905"/>
                    </a:lnTo>
                    <a:lnTo>
                      <a:pt x="1246" y="913"/>
                    </a:lnTo>
                    <a:lnTo>
                      <a:pt x="1251" y="905"/>
                    </a:lnTo>
                    <a:lnTo>
                      <a:pt x="1256" y="902"/>
                    </a:lnTo>
                    <a:lnTo>
                      <a:pt x="1268" y="895"/>
                    </a:lnTo>
                    <a:lnTo>
                      <a:pt x="1270" y="895"/>
                    </a:lnTo>
                    <a:lnTo>
                      <a:pt x="1271" y="893"/>
                    </a:lnTo>
                    <a:lnTo>
                      <a:pt x="1271" y="891"/>
                    </a:lnTo>
                    <a:lnTo>
                      <a:pt x="1268" y="890"/>
                    </a:lnTo>
                    <a:lnTo>
                      <a:pt x="1266" y="890"/>
                    </a:lnTo>
                    <a:lnTo>
                      <a:pt x="1263" y="890"/>
                    </a:lnTo>
                    <a:lnTo>
                      <a:pt x="1261" y="890"/>
                    </a:lnTo>
                    <a:lnTo>
                      <a:pt x="1260" y="890"/>
                    </a:lnTo>
                    <a:lnTo>
                      <a:pt x="1258" y="891"/>
                    </a:lnTo>
                    <a:lnTo>
                      <a:pt x="1256" y="891"/>
                    </a:lnTo>
                    <a:lnTo>
                      <a:pt x="1251" y="895"/>
                    </a:lnTo>
                    <a:lnTo>
                      <a:pt x="1249" y="895"/>
                    </a:lnTo>
                    <a:lnTo>
                      <a:pt x="1248" y="895"/>
                    </a:lnTo>
                    <a:lnTo>
                      <a:pt x="1246" y="895"/>
                    </a:lnTo>
                    <a:lnTo>
                      <a:pt x="1244" y="895"/>
                    </a:lnTo>
                    <a:lnTo>
                      <a:pt x="1243" y="893"/>
                    </a:lnTo>
                    <a:lnTo>
                      <a:pt x="1244" y="890"/>
                    </a:lnTo>
                    <a:lnTo>
                      <a:pt x="1246" y="886"/>
                    </a:lnTo>
                    <a:lnTo>
                      <a:pt x="1248" y="881"/>
                    </a:lnTo>
                    <a:lnTo>
                      <a:pt x="1249" y="878"/>
                    </a:lnTo>
                    <a:lnTo>
                      <a:pt x="1251" y="876"/>
                    </a:lnTo>
                    <a:lnTo>
                      <a:pt x="1253" y="875"/>
                    </a:lnTo>
                    <a:lnTo>
                      <a:pt x="1254" y="873"/>
                    </a:lnTo>
                    <a:lnTo>
                      <a:pt x="1254" y="871"/>
                    </a:lnTo>
                    <a:lnTo>
                      <a:pt x="1254" y="869"/>
                    </a:lnTo>
                    <a:lnTo>
                      <a:pt x="1253" y="868"/>
                    </a:lnTo>
                    <a:lnTo>
                      <a:pt x="1251" y="864"/>
                    </a:lnTo>
                    <a:lnTo>
                      <a:pt x="1249" y="864"/>
                    </a:lnTo>
                    <a:lnTo>
                      <a:pt x="1248" y="864"/>
                    </a:lnTo>
                    <a:lnTo>
                      <a:pt x="1243" y="868"/>
                    </a:lnTo>
                    <a:lnTo>
                      <a:pt x="1238" y="869"/>
                    </a:lnTo>
                    <a:lnTo>
                      <a:pt x="1234" y="871"/>
                    </a:lnTo>
                    <a:lnTo>
                      <a:pt x="1232" y="873"/>
                    </a:lnTo>
                    <a:lnTo>
                      <a:pt x="1232" y="875"/>
                    </a:lnTo>
                    <a:lnTo>
                      <a:pt x="1232" y="876"/>
                    </a:lnTo>
                    <a:lnTo>
                      <a:pt x="1232" y="878"/>
                    </a:lnTo>
                    <a:lnTo>
                      <a:pt x="1231" y="880"/>
                    </a:lnTo>
                    <a:lnTo>
                      <a:pt x="1229" y="880"/>
                    </a:lnTo>
                    <a:lnTo>
                      <a:pt x="1227" y="880"/>
                    </a:lnTo>
                    <a:lnTo>
                      <a:pt x="1224" y="878"/>
                    </a:lnTo>
                    <a:lnTo>
                      <a:pt x="1222" y="875"/>
                    </a:lnTo>
                    <a:lnTo>
                      <a:pt x="1219" y="873"/>
                    </a:lnTo>
                    <a:lnTo>
                      <a:pt x="1217" y="871"/>
                    </a:lnTo>
                    <a:lnTo>
                      <a:pt x="1216" y="869"/>
                    </a:lnTo>
                    <a:lnTo>
                      <a:pt x="1216" y="871"/>
                    </a:lnTo>
                    <a:lnTo>
                      <a:pt x="1217" y="875"/>
                    </a:lnTo>
                    <a:lnTo>
                      <a:pt x="1219" y="878"/>
                    </a:lnTo>
                    <a:lnTo>
                      <a:pt x="1219" y="881"/>
                    </a:lnTo>
                    <a:lnTo>
                      <a:pt x="1219" y="885"/>
                    </a:lnTo>
                    <a:lnTo>
                      <a:pt x="1217" y="886"/>
                    </a:lnTo>
                    <a:lnTo>
                      <a:pt x="1216" y="890"/>
                    </a:lnTo>
                    <a:lnTo>
                      <a:pt x="1216" y="891"/>
                    </a:lnTo>
                    <a:lnTo>
                      <a:pt x="1217" y="895"/>
                    </a:lnTo>
                    <a:lnTo>
                      <a:pt x="1221" y="898"/>
                    </a:lnTo>
                    <a:lnTo>
                      <a:pt x="1226" y="903"/>
                    </a:lnTo>
                    <a:lnTo>
                      <a:pt x="1231" y="907"/>
                    </a:lnTo>
                    <a:lnTo>
                      <a:pt x="1234" y="910"/>
                    </a:lnTo>
                    <a:lnTo>
                      <a:pt x="1236" y="913"/>
                    </a:lnTo>
                    <a:lnTo>
                      <a:pt x="1234" y="915"/>
                    </a:lnTo>
                    <a:lnTo>
                      <a:pt x="1234" y="917"/>
                    </a:lnTo>
                    <a:lnTo>
                      <a:pt x="1232" y="919"/>
                    </a:lnTo>
                    <a:lnTo>
                      <a:pt x="1231" y="919"/>
                    </a:lnTo>
                    <a:lnTo>
                      <a:pt x="1212" y="939"/>
                    </a:lnTo>
                    <a:lnTo>
                      <a:pt x="1202" y="937"/>
                    </a:lnTo>
                    <a:lnTo>
                      <a:pt x="1192" y="959"/>
                    </a:lnTo>
                    <a:lnTo>
                      <a:pt x="1202" y="957"/>
                    </a:lnTo>
                    <a:lnTo>
                      <a:pt x="1200" y="959"/>
                    </a:lnTo>
                    <a:lnTo>
                      <a:pt x="1199" y="961"/>
                    </a:lnTo>
                    <a:lnTo>
                      <a:pt x="1197" y="964"/>
                    </a:lnTo>
                    <a:lnTo>
                      <a:pt x="1194" y="966"/>
                    </a:lnTo>
                    <a:lnTo>
                      <a:pt x="1190" y="969"/>
                    </a:lnTo>
                    <a:lnTo>
                      <a:pt x="1185" y="973"/>
                    </a:lnTo>
                    <a:lnTo>
                      <a:pt x="1180" y="976"/>
                    </a:lnTo>
                    <a:lnTo>
                      <a:pt x="1177" y="981"/>
                    </a:lnTo>
                    <a:lnTo>
                      <a:pt x="1172" y="985"/>
                    </a:lnTo>
                    <a:lnTo>
                      <a:pt x="1165" y="988"/>
                    </a:lnTo>
                    <a:lnTo>
                      <a:pt x="1160" y="991"/>
                    </a:lnTo>
                    <a:lnTo>
                      <a:pt x="1155" y="995"/>
                    </a:lnTo>
                    <a:lnTo>
                      <a:pt x="1148" y="998"/>
                    </a:lnTo>
                    <a:lnTo>
                      <a:pt x="1143" y="1000"/>
                    </a:lnTo>
                    <a:lnTo>
                      <a:pt x="1136" y="1001"/>
                    </a:lnTo>
                    <a:lnTo>
                      <a:pt x="1134" y="1003"/>
                    </a:lnTo>
                    <a:lnTo>
                      <a:pt x="1129" y="1007"/>
                    </a:lnTo>
                    <a:lnTo>
                      <a:pt x="1124" y="1010"/>
                    </a:lnTo>
                    <a:lnTo>
                      <a:pt x="1117" y="1013"/>
                    </a:lnTo>
                    <a:lnTo>
                      <a:pt x="1111" y="1018"/>
                    </a:lnTo>
                    <a:lnTo>
                      <a:pt x="1106" y="1022"/>
                    </a:lnTo>
                    <a:lnTo>
                      <a:pt x="1102" y="1023"/>
                    </a:lnTo>
                    <a:lnTo>
                      <a:pt x="1100" y="1025"/>
                    </a:lnTo>
                    <a:lnTo>
                      <a:pt x="1099" y="1025"/>
                    </a:lnTo>
                    <a:lnTo>
                      <a:pt x="1094" y="1029"/>
                    </a:lnTo>
                    <a:lnTo>
                      <a:pt x="1089" y="1032"/>
                    </a:lnTo>
                    <a:lnTo>
                      <a:pt x="1084" y="1034"/>
                    </a:lnTo>
                    <a:lnTo>
                      <a:pt x="1078" y="1034"/>
                    </a:lnTo>
                    <a:lnTo>
                      <a:pt x="1080" y="1034"/>
                    </a:lnTo>
                    <a:lnTo>
                      <a:pt x="1085" y="1029"/>
                    </a:lnTo>
                    <a:lnTo>
                      <a:pt x="1099" y="1020"/>
                    </a:lnTo>
                    <a:lnTo>
                      <a:pt x="1100" y="1018"/>
                    </a:lnTo>
                    <a:lnTo>
                      <a:pt x="1102" y="1017"/>
                    </a:lnTo>
                    <a:lnTo>
                      <a:pt x="1107" y="1015"/>
                    </a:lnTo>
                    <a:lnTo>
                      <a:pt x="1112" y="1012"/>
                    </a:lnTo>
                    <a:lnTo>
                      <a:pt x="1119" y="1008"/>
                    </a:lnTo>
                    <a:lnTo>
                      <a:pt x="1124" y="1005"/>
                    </a:lnTo>
                    <a:lnTo>
                      <a:pt x="1131" y="1001"/>
                    </a:lnTo>
                    <a:lnTo>
                      <a:pt x="1136" y="998"/>
                    </a:lnTo>
                    <a:lnTo>
                      <a:pt x="1139" y="995"/>
                    </a:lnTo>
                    <a:lnTo>
                      <a:pt x="1141" y="993"/>
                    </a:lnTo>
                    <a:lnTo>
                      <a:pt x="1143" y="993"/>
                    </a:lnTo>
                    <a:lnTo>
                      <a:pt x="1141" y="993"/>
                    </a:lnTo>
                    <a:lnTo>
                      <a:pt x="1138" y="993"/>
                    </a:lnTo>
                    <a:lnTo>
                      <a:pt x="1131" y="996"/>
                    </a:lnTo>
                    <a:lnTo>
                      <a:pt x="1119" y="1001"/>
                    </a:lnTo>
                    <a:lnTo>
                      <a:pt x="1106" y="1008"/>
                    </a:lnTo>
                    <a:lnTo>
                      <a:pt x="1104" y="1008"/>
                    </a:lnTo>
                    <a:lnTo>
                      <a:pt x="1102" y="1010"/>
                    </a:lnTo>
                    <a:lnTo>
                      <a:pt x="1099" y="1012"/>
                    </a:lnTo>
                    <a:lnTo>
                      <a:pt x="1097" y="1013"/>
                    </a:lnTo>
                    <a:lnTo>
                      <a:pt x="1094" y="1015"/>
                    </a:lnTo>
                    <a:lnTo>
                      <a:pt x="1092" y="1015"/>
                    </a:lnTo>
                    <a:lnTo>
                      <a:pt x="1092" y="1012"/>
                    </a:lnTo>
                    <a:lnTo>
                      <a:pt x="1094" y="1008"/>
                    </a:lnTo>
                    <a:lnTo>
                      <a:pt x="1094" y="1007"/>
                    </a:lnTo>
                    <a:lnTo>
                      <a:pt x="1095" y="1005"/>
                    </a:lnTo>
                    <a:lnTo>
                      <a:pt x="1095" y="1003"/>
                    </a:lnTo>
                    <a:lnTo>
                      <a:pt x="1097" y="1000"/>
                    </a:lnTo>
                    <a:lnTo>
                      <a:pt x="1097" y="998"/>
                    </a:lnTo>
                    <a:lnTo>
                      <a:pt x="1099" y="995"/>
                    </a:lnTo>
                    <a:lnTo>
                      <a:pt x="1099" y="993"/>
                    </a:lnTo>
                    <a:lnTo>
                      <a:pt x="1087" y="1005"/>
                    </a:lnTo>
                    <a:lnTo>
                      <a:pt x="1078" y="1007"/>
                    </a:lnTo>
                    <a:lnTo>
                      <a:pt x="1075" y="1001"/>
                    </a:lnTo>
                    <a:lnTo>
                      <a:pt x="1077" y="1012"/>
                    </a:lnTo>
                    <a:lnTo>
                      <a:pt x="1067" y="1015"/>
                    </a:lnTo>
                    <a:lnTo>
                      <a:pt x="1065" y="1013"/>
                    </a:lnTo>
                    <a:lnTo>
                      <a:pt x="1062" y="1008"/>
                    </a:lnTo>
                    <a:lnTo>
                      <a:pt x="1056" y="1003"/>
                    </a:lnTo>
                    <a:lnTo>
                      <a:pt x="1051" y="1000"/>
                    </a:lnTo>
                    <a:lnTo>
                      <a:pt x="1048" y="998"/>
                    </a:lnTo>
                    <a:lnTo>
                      <a:pt x="1048" y="1000"/>
                    </a:lnTo>
                    <a:lnTo>
                      <a:pt x="1050" y="1007"/>
                    </a:lnTo>
                    <a:lnTo>
                      <a:pt x="1058" y="1020"/>
                    </a:lnTo>
                    <a:lnTo>
                      <a:pt x="1060" y="1020"/>
                    </a:lnTo>
                    <a:lnTo>
                      <a:pt x="1063" y="1023"/>
                    </a:lnTo>
                    <a:lnTo>
                      <a:pt x="1067" y="1023"/>
                    </a:lnTo>
                    <a:lnTo>
                      <a:pt x="1068" y="1025"/>
                    </a:lnTo>
                    <a:lnTo>
                      <a:pt x="1070" y="1029"/>
                    </a:lnTo>
                    <a:lnTo>
                      <a:pt x="1070" y="1032"/>
                    </a:lnTo>
                    <a:lnTo>
                      <a:pt x="1067" y="1035"/>
                    </a:lnTo>
                    <a:lnTo>
                      <a:pt x="1063" y="1037"/>
                    </a:lnTo>
                    <a:lnTo>
                      <a:pt x="1062" y="1039"/>
                    </a:lnTo>
                    <a:lnTo>
                      <a:pt x="1058" y="1040"/>
                    </a:lnTo>
                    <a:lnTo>
                      <a:pt x="1056" y="1042"/>
                    </a:lnTo>
                    <a:lnTo>
                      <a:pt x="1053" y="1044"/>
                    </a:lnTo>
                    <a:lnTo>
                      <a:pt x="1051" y="1045"/>
                    </a:lnTo>
                    <a:lnTo>
                      <a:pt x="1050" y="1045"/>
                    </a:lnTo>
                    <a:lnTo>
                      <a:pt x="1050" y="1047"/>
                    </a:lnTo>
                    <a:lnTo>
                      <a:pt x="1048" y="1047"/>
                    </a:lnTo>
                    <a:lnTo>
                      <a:pt x="1046" y="1047"/>
                    </a:lnTo>
                    <a:lnTo>
                      <a:pt x="1045" y="1047"/>
                    </a:lnTo>
                    <a:lnTo>
                      <a:pt x="1043" y="1045"/>
                    </a:lnTo>
                    <a:lnTo>
                      <a:pt x="1041" y="1044"/>
                    </a:lnTo>
                    <a:lnTo>
                      <a:pt x="1040" y="1039"/>
                    </a:lnTo>
                    <a:lnTo>
                      <a:pt x="1040" y="1034"/>
                    </a:lnTo>
                    <a:lnTo>
                      <a:pt x="1036" y="1030"/>
                    </a:lnTo>
                    <a:lnTo>
                      <a:pt x="1036" y="1027"/>
                    </a:lnTo>
                    <a:lnTo>
                      <a:pt x="1033" y="1027"/>
                    </a:lnTo>
                    <a:lnTo>
                      <a:pt x="1033" y="1025"/>
                    </a:lnTo>
                    <a:lnTo>
                      <a:pt x="1031" y="1025"/>
                    </a:lnTo>
                    <a:lnTo>
                      <a:pt x="1029" y="1025"/>
                    </a:lnTo>
                    <a:lnTo>
                      <a:pt x="1019" y="1013"/>
                    </a:lnTo>
                    <a:lnTo>
                      <a:pt x="1023" y="1027"/>
                    </a:lnTo>
                    <a:lnTo>
                      <a:pt x="1031" y="1037"/>
                    </a:lnTo>
                    <a:lnTo>
                      <a:pt x="1028" y="1040"/>
                    </a:lnTo>
                    <a:lnTo>
                      <a:pt x="1031" y="1056"/>
                    </a:lnTo>
                    <a:lnTo>
                      <a:pt x="1019" y="1069"/>
                    </a:lnTo>
                    <a:lnTo>
                      <a:pt x="1018" y="1057"/>
                    </a:lnTo>
                    <a:lnTo>
                      <a:pt x="1011" y="1067"/>
                    </a:lnTo>
                    <a:lnTo>
                      <a:pt x="1006" y="1064"/>
                    </a:lnTo>
                    <a:lnTo>
                      <a:pt x="984" y="1078"/>
                    </a:lnTo>
                    <a:lnTo>
                      <a:pt x="992" y="1086"/>
                    </a:lnTo>
                    <a:lnTo>
                      <a:pt x="996" y="1083"/>
                    </a:lnTo>
                    <a:lnTo>
                      <a:pt x="997" y="1081"/>
                    </a:lnTo>
                    <a:lnTo>
                      <a:pt x="1001" y="1078"/>
                    </a:lnTo>
                    <a:lnTo>
                      <a:pt x="1002" y="1076"/>
                    </a:lnTo>
                    <a:lnTo>
                      <a:pt x="1004" y="1078"/>
                    </a:lnTo>
                    <a:lnTo>
                      <a:pt x="1004" y="1081"/>
                    </a:lnTo>
                    <a:lnTo>
                      <a:pt x="1001" y="1089"/>
                    </a:lnTo>
                    <a:lnTo>
                      <a:pt x="999" y="1091"/>
                    </a:lnTo>
                    <a:lnTo>
                      <a:pt x="997" y="1095"/>
                    </a:lnTo>
                    <a:lnTo>
                      <a:pt x="996" y="1098"/>
                    </a:lnTo>
                    <a:lnTo>
                      <a:pt x="994" y="1100"/>
                    </a:lnTo>
                    <a:lnTo>
                      <a:pt x="992" y="1103"/>
                    </a:lnTo>
                    <a:lnTo>
                      <a:pt x="992" y="1105"/>
                    </a:lnTo>
                    <a:lnTo>
                      <a:pt x="985" y="1110"/>
                    </a:lnTo>
                    <a:lnTo>
                      <a:pt x="982" y="1103"/>
                    </a:lnTo>
                    <a:lnTo>
                      <a:pt x="952" y="1103"/>
                    </a:lnTo>
                    <a:lnTo>
                      <a:pt x="957" y="1110"/>
                    </a:lnTo>
                    <a:lnTo>
                      <a:pt x="962" y="1111"/>
                    </a:lnTo>
                    <a:lnTo>
                      <a:pt x="965" y="1120"/>
                    </a:lnTo>
                    <a:lnTo>
                      <a:pt x="972" y="1125"/>
                    </a:lnTo>
                    <a:lnTo>
                      <a:pt x="977" y="1123"/>
                    </a:lnTo>
                    <a:lnTo>
                      <a:pt x="963" y="1167"/>
                    </a:lnTo>
                    <a:lnTo>
                      <a:pt x="963" y="1169"/>
                    </a:lnTo>
                    <a:lnTo>
                      <a:pt x="962" y="1171"/>
                    </a:lnTo>
                    <a:lnTo>
                      <a:pt x="962" y="1172"/>
                    </a:lnTo>
                    <a:lnTo>
                      <a:pt x="960" y="1172"/>
                    </a:lnTo>
                    <a:lnTo>
                      <a:pt x="958" y="1174"/>
                    </a:lnTo>
                    <a:lnTo>
                      <a:pt x="957" y="1172"/>
                    </a:lnTo>
                    <a:lnTo>
                      <a:pt x="955" y="1169"/>
                    </a:lnTo>
                    <a:lnTo>
                      <a:pt x="955" y="1162"/>
                    </a:lnTo>
                    <a:lnTo>
                      <a:pt x="953" y="1159"/>
                    </a:lnTo>
                    <a:lnTo>
                      <a:pt x="953" y="1155"/>
                    </a:lnTo>
                    <a:lnTo>
                      <a:pt x="952" y="1154"/>
                    </a:lnTo>
                    <a:lnTo>
                      <a:pt x="950" y="1152"/>
                    </a:lnTo>
                    <a:lnTo>
                      <a:pt x="948" y="1154"/>
                    </a:lnTo>
                    <a:lnTo>
                      <a:pt x="948" y="1157"/>
                    </a:lnTo>
                    <a:lnTo>
                      <a:pt x="948" y="1164"/>
                    </a:lnTo>
                    <a:lnTo>
                      <a:pt x="946" y="1166"/>
                    </a:lnTo>
                    <a:lnTo>
                      <a:pt x="945" y="1169"/>
                    </a:lnTo>
                    <a:lnTo>
                      <a:pt x="941" y="1172"/>
                    </a:lnTo>
                    <a:lnTo>
                      <a:pt x="940" y="1172"/>
                    </a:lnTo>
                    <a:lnTo>
                      <a:pt x="930" y="1166"/>
                    </a:lnTo>
                    <a:lnTo>
                      <a:pt x="931" y="1174"/>
                    </a:lnTo>
                    <a:lnTo>
                      <a:pt x="928" y="1179"/>
                    </a:lnTo>
                    <a:lnTo>
                      <a:pt x="938" y="1184"/>
                    </a:lnTo>
                    <a:lnTo>
                      <a:pt x="957" y="1181"/>
                    </a:lnTo>
                    <a:lnTo>
                      <a:pt x="958" y="1198"/>
                    </a:lnTo>
                    <a:lnTo>
                      <a:pt x="948" y="1223"/>
                    </a:lnTo>
                    <a:lnTo>
                      <a:pt x="948" y="1233"/>
                    </a:lnTo>
                    <a:lnTo>
                      <a:pt x="962" y="1269"/>
                    </a:lnTo>
                    <a:lnTo>
                      <a:pt x="960" y="1291"/>
                    </a:lnTo>
                    <a:lnTo>
                      <a:pt x="970" y="1304"/>
                    </a:lnTo>
                    <a:lnTo>
                      <a:pt x="975" y="1325"/>
                    </a:lnTo>
                    <a:lnTo>
                      <a:pt x="982" y="1337"/>
                    </a:lnTo>
                    <a:lnTo>
                      <a:pt x="968" y="1347"/>
                    </a:lnTo>
                    <a:lnTo>
                      <a:pt x="962" y="1355"/>
                    </a:lnTo>
                    <a:lnTo>
                      <a:pt x="960" y="1353"/>
                    </a:lnTo>
                    <a:lnTo>
                      <a:pt x="958" y="1352"/>
                    </a:lnTo>
                    <a:lnTo>
                      <a:pt x="957" y="1350"/>
                    </a:lnTo>
                    <a:lnTo>
                      <a:pt x="953" y="1347"/>
                    </a:lnTo>
                    <a:lnTo>
                      <a:pt x="950" y="1343"/>
                    </a:lnTo>
                    <a:lnTo>
                      <a:pt x="946" y="1340"/>
                    </a:lnTo>
                    <a:lnTo>
                      <a:pt x="943" y="1338"/>
                    </a:lnTo>
                    <a:lnTo>
                      <a:pt x="938" y="1335"/>
                    </a:lnTo>
                    <a:lnTo>
                      <a:pt x="933" y="1331"/>
                    </a:lnTo>
                    <a:lnTo>
                      <a:pt x="926" y="1330"/>
                    </a:lnTo>
                    <a:lnTo>
                      <a:pt x="919" y="1326"/>
                    </a:lnTo>
                    <a:lnTo>
                      <a:pt x="913" y="1325"/>
                    </a:lnTo>
                    <a:lnTo>
                      <a:pt x="904" y="1325"/>
                    </a:lnTo>
                    <a:lnTo>
                      <a:pt x="896" y="1325"/>
                    </a:lnTo>
                    <a:lnTo>
                      <a:pt x="887" y="1325"/>
                    </a:lnTo>
                    <a:lnTo>
                      <a:pt x="886" y="1325"/>
                    </a:lnTo>
                    <a:lnTo>
                      <a:pt x="884" y="1325"/>
                    </a:lnTo>
                    <a:lnTo>
                      <a:pt x="882" y="1325"/>
                    </a:lnTo>
                    <a:lnTo>
                      <a:pt x="879" y="1325"/>
                    </a:lnTo>
                    <a:lnTo>
                      <a:pt x="877" y="1325"/>
                    </a:lnTo>
                    <a:lnTo>
                      <a:pt x="875" y="1326"/>
                    </a:lnTo>
                    <a:lnTo>
                      <a:pt x="874" y="1326"/>
                    </a:lnTo>
                    <a:lnTo>
                      <a:pt x="872" y="1326"/>
                    </a:lnTo>
                    <a:lnTo>
                      <a:pt x="836" y="1304"/>
                    </a:lnTo>
                    <a:lnTo>
                      <a:pt x="821" y="1304"/>
                    </a:lnTo>
                    <a:lnTo>
                      <a:pt x="821" y="1303"/>
                    </a:lnTo>
                    <a:lnTo>
                      <a:pt x="820" y="1301"/>
                    </a:lnTo>
                    <a:lnTo>
                      <a:pt x="820" y="1298"/>
                    </a:lnTo>
                    <a:lnTo>
                      <a:pt x="816" y="1294"/>
                    </a:lnTo>
                    <a:lnTo>
                      <a:pt x="811" y="1291"/>
                    </a:lnTo>
                    <a:lnTo>
                      <a:pt x="806" y="1287"/>
                    </a:lnTo>
                    <a:lnTo>
                      <a:pt x="798" y="1284"/>
                    </a:lnTo>
                    <a:lnTo>
                      <a:pt x="787" y="1284"/>
                    </a:lnTo>
                    <a:lnTo>
                      <a:pt x="786" y="1284"/>
                    </a:lnTo>
                    <a:lnTo>
                      <a:pt x="784" y="1284"/>
                    </a:lnTo>
                    <a:lnTo>
                      <a:pt x="781" y="1284"/>
                    </a:lnTo>
                    <a:lnTo>
                      <a:pt x="779" y="1284"/>
                    </a:lnTo>
                    <a:lnTo>
                      <a:pt x="777" y="1284"/>
                    </a:lnTo>
                    <a:lnTo>
                      <a:pt x="776" y="1284"/>
                    </a:lnTo>
                    <a:lnTo>
                      <a:pt x="774" y="1284"/>
                    </a:lnTo>
                    <a:lnTo>
                      <a:pt x="774" y="1269"/>
                    </a:lnTo>
                    <a:lnTo>
                      <a:pt x="767" y="1267"/>
                    </a:lnTo>
                    <a:lnTo>
                      <a:pt x="767" y="1265"/>
                    </a:lnTo>
                    <a:lnTo>
                      <a:pt x="767" y="1262"/>
                    </a:lnTo>
                    <a:lnTo>
                      <a:pt x="765" y="1257"/>
                    </a:lnTo>
                    <a:lnTo>
                      <a:pt x="764" y="1252"/>
                    </a:lnTo>
                    <a:lnTo>
                      <a:pt x="764" y="1247"/>
                    </a:lnTo>
                    <a:lnTo>
                      <a:pt x="762" y="1242"/>
                    </a:lnTo>
                    <a:lnTo>
                      <a:pt x="759" y="1237"/>
                    </a:lnTo>
                    <a:lnTo>
                      <a:pt x="757" y="1230"/>
                    </a:lnTo>
                    <a:lnTo>
                      <a:pt x="755" y="1225"/>
                    </a:lnTo>
                    <a:lnTo>
                      <a:pt x="754" y="1220"/>
                    </a:lnTo>
                    <a:lnTo>
                      <a:pt x="750" y="1216"/>
                    </a:lnTo>
                    <a:lnTo>
                      <a:pt x="748" y="1213"/>
                    </a:lnTo>
                    <a:lnTo>
                      <a:pt x="745" y="1210"/>
                    </a:lnTo>
                    <a:lnTo>
                      <a:pt x="743" y="1208"/>
                    </a:lnTo>
                    <a:lnTo>
                      <a:pt x="740" y="1208"/>
                    </a:lnTo>
                    <a:lnTo>
                      <a:pt x="738" y="1208"/>
                    </a:lnTo>
                    <a:lnTo>
                      <a:pt x="738" y="1205"/>
                    </a:lnTo>
                    <a:lnTo>
                      <a:pt x="738" y="1199"/>
                    </a:lnTo>
                    <a:lnTo>
                      <a:pt x="738" y="1193"/>
                    </a:lnTo>
                    <a:lnTo>
                      <a:pt x="738" y="1188"/>
                    </a:lnTo>
                    <a:lnTo>
                      <a:pt x="738" y="1181"/>
                    </a:lnTo>
                    <a:lnTo>
                      <a:pt x="738" y="1177"/>
                    </a:lnTo>
                    <a:lnTo>
                      <a:pt x="738" y="1176"/>
                    </a:lnTo>
                    <a:lnTo>
                      <a:pt x="728" y="1166"/>
                    </a:lnTo>
                    <a:lnTo>
                      <a:pt x="728" y="1164"/>
                    </a:lnTo>
                    <a:lnTo>
                      <a:pt x="728" y="1161"/>
                    </a:lnTo>
                    <a:lnTo>
                      <a:pt x="730" y="1154"/>
                    </a:lnTo>
                    <a:lnTo>
                      <a:pt x="730" y="1147"/>
                    </a:lnTo>
                    <a:lnTo>
                      <a:pt x="728" y="1140"/>
                    </a:lnTo>
                    <a:lnTo>
                      <a:pt x="726" y="1133"/>
                    </a:lnTo>
                    <a:lnTo>
                      <a:pt x="725" y="1128"/>
                    </a:lnTo>
                    <a:lnTo>
                      <a:pt x="720" y="1127"/>
                    </a:lnTo>
                    <a:lnTo>
                      <a:pt x="718" y="1127"/>
                    </a:lnTo>
                    <a:lnTo>
                      <a:pt x="715" y="1125"/>
                    </a:lnTo>
                    <a:lnTo>
                      <a:pt x="711" y="1123"/>
                    </a:lnTo>
                    <a:lnTo>
                      <a:pt x="708" y="1122"/>
                    </a:lnTo>
                    <a:lnTo>
                      <a:pt x="706" y="1118"/>
                    </a:lnTo>
                    <a:lnTo>
                      <a:pt x="703" y="1115"/>
                    </a:lnTo>
                    <a:lnTo>
                      <a:pt x="699" y="1111"/>
                    </a:lnTo>
                    <a:lnTo>
                      <a:pt x="696" y="1106"/>
                    </a:lnTo>
                    <a:lnTo>
                      <a:pt x="693" y="1103"/>
                    </a:lnTo>
                    <a:lnTo>
                      <a:pt x="689" y="1098"/>
                    </a:lnTo>
                    <a:lnTo>
                      <a:pt x="686" y="1091"/>
                    </a:lnTo>
                    <a:lnTo>
                      <a:pt x="682" y="1086"/>
                    </a:lnTo>
                    <a:lnTo>
                      <a:pt x="679" y="1081"/>
                    </a:lnTo>
                    <a:lnTo>
                      <a:pt x="676" y="1074"/>
                    </a:lnTo>
                    <a:lnTo>
                      <a:pt x="672" y="1069"/>
                    </a:lnTo>
                    <a:lnTo>
                      <a:pt x="669" y="1062"/>
                    </a:lnTo>
                    <a:lnTo>
                      <a:pt x="667" y="1061"/>
                    </a:lnTo>
                    <a:lnTo>
                      <a:pt x="666" y="1059"/>
                    </a:lnTo>
                    <a:lnTo>
                      <a:pt x="662" y="1056"/>
                    </a:lnTo>
                    <a:lnTo>
                      <a:pt x="660" y="1051"/>
                    </a:lnTo>
                    <a:lnTo>
                      <a:pt x="657" y="1047"/>
                    </a:lnTo>
                    <a:lnTo>
                      <a:pt x="654" y="1045"/>
                    </a:lnTo>
                    <a:lnTo>
                      <a:pt x="652" y="1044"/>
                    </a:lnTo>
                    <a:lnTo>
                      <a:pt x="652" y="1042"/>
                    </a:lnTo>
                    <a:lnTo>
                      <a:pt x="610" y="949"/>
                    </a:lnTo>
                    <a:lnTo>
                      <a:pt x="605" y="935"/>
                    </a:lnTo>
                    <a:lnTo>
                      <a:pt x="591" y="915"/>
                    </a:lnTo>
                    <a:lnTo>
                      <a:pt x="564" y="891"/>
                    </a:lnTo>
                    <a:lnTo>
                      <a:pt x="562" y="890"/>
                    </a:lnTo>
                    <a:lnTo>
                      <a:pt x="561" y="885"/>
                    </a:lnTo>
                    <a:lnTo>
                      <a:pt x="554" y="880"/>
                    </a:lnTo>
                    <a:lnTo>
                      <a:pt x="549" y="873"/>
                    </a:lnTo>
                    <a:lnTo>
                      <a:pt x="542" y="866"/>
                    </a:lnTo>
                    <a:lnTo>
                      <a:pt x="535" y="861"/>
                    </a:lnTo>
                    <a:lnTo>
                      <a:pt x="528" y="856"/>
                    </a:lnTo>
                    <a:lnTo>
                      <a:pt x="522" y="854"/>
                    </a:lnTo>
                    <a:lnTo>
                      <a:pt x="520" y="854"/>
                    </a:lnTo>
                    <a:lnTo>
                      <a:pt x="515" y="854"/>
                    </a:lnTo>
                    <a:lnTo>
                      <a:pt x="512" y="853"/>
                    </a:lnTo>
                    <a:lnTo>
                      <a:pt x="506" y="853"/>
                    </a:lnTo>
                    <a:lnTo>
                      <a:pt x="501" y="853"/>
                    </a:lnTo>
                    <a:lnTo>
                      <a:pt x="496" y="851"/>
                    </a:lnTo>
                    <a:lnTo>
                      <a:pt x="490" y="851"/>
                    </a:lnTo>
                    <a:lnTo>
                      <a:pt x="484" y="849"/>
                    </a:lnTo>
                    <a:lnTo>
                      <a:pt x="478" y="849"/>
                    </a:lnTo>
                    <a:lnTo>
                      <a:pt x="473" y="847"/>
                    </a:lnTo>
                    <a:lnTo>
                      <a:pt x="468" y="846"/>
                    </a:lnTo>
                    <a:lnTo>
                      <a:pt x="461" y="844"/>
                    </a:lnTo>
                    <a:lnTo>
                      <a:pt x="457" y="844"/>
                    </a:lnTo>
                    <a:lnTo>
                      <a:pt x="452" y="841"/>
                    </a:lnTo>
                    <a:lnTo>
                      <a:pt x="449" y="839"/>
                    </a:lnTo>
                    <a:lnTo>
                      <a:pt x="446" y="837"/>
                    </a:lnTo>
                    <a:lnTo>
                      <a:pt x="442" y="836"/>
                    </a:lnTo>
                    <a:lnTo>
                      <a:pt x="440" y="834"/>
                    </a:lnTo>
                    <a:lnTo>
                      <a:pt x="439" y="834"/>
                    </a:lnTo>
                    <a:lnTo>
                      <a:pt x="435" y="836"/>
                    </a:lnTo>
                    <a:lnTo>
                      <a:pt x="434" y="837"/>
                    </a:lnTo>
                    <a:lnTo>
                      <a:pt x="432" y="839"/>
                    </a:lnTo>
                    <a:lnTo>
                      <a:pt x="429" y="842"/>
                    </a:lnTo>
                    <a:lnTo>
                      <a:pt x="427" y="846"/>
                    </a:lnTo>
                    <a:lnTo>
                      <a:pt x="424" y="847"/>
                    </a:lnTo>
                    <a:lnTo>
                      <a:pt x="420" y="849"/>
                    </a:lnTo>
                    <a:lnTo>
                      <a:pt x="418" y="849"/>
                    </a:lnTo>
                    <a:lnTo>
                      <a:pt x="417" y="849"/>
                    </a:lnTo>
                    <a:lnTo>
                      <a:pt x="415" y="847"/>
                    </a:lnTo>
                    <a:lnTo>
                      <a:pt x="413" y="846"/>
                    </a:lnTo>
                    <a:lnTo>
                      <a:pt x="412" y="844"/>
                    </a:lnTo>
                    <a:lnTo>
                      <a:pt x="408" y="844"/>
                    </a:lnTo>
                    <a:lnTo>
                      <a:pt x="405" y="846"/>
                    </a:lnTo>
                    <a:lnTo>
                      <a:pt x="398" y="847"/>
                    </a:lnTo>
                    <a:lnTo>
                      <a:pt x="391" y="853"/>
                    </a:lnTo>
                    <a:lnTo>
                      <a:pt x="386" y="863"/>
                    </a:lnTo>
                    <a:lnTo>
                      <a:pt x="380" y="875"/>
                    </a:lnTo>
                    <a:lnTo>
                      <a:pt x="374" y="891"/>
                    </a:lnTo>
                    <a:lnTo>
                      <a:pt x="368" y="902"/>
                    </a:lnTo>
                    <a:lnTo>
                      <a:pt x="368" y="903"/>
                    </a:lnTo>
                    <a:lnTo>
                      <a:pt x="366" y="903"/>
                    </a:lnTo>
                    <a:lnTo>
                      <a:pt x="366" y="905"/>
                    </a:lnTo>
                    <a:lnTo>
                      <a:pt x="364" y="908"/>
                    </a:lnTo>
                    <a:lnTo>
                      <a:pt x="361" y="912"/>
                    </a:lnTo>
                    <a:lnTo>
                      <a:pt x="358" y="915"/>
                    </a:lnTo>
                    <a:lnTo>
                      <a:pt x="356" y="915"/>
                    </a:lnTo>
                    <a:lnTo>
                      <a:pt x="356" y="917"/>
                    </a:lnTo>
                    <a:lnTo>
                      <a:pt x="352" y="919"/>
                    </a:lnTo>
                    <a:lnTo>
                      <a:pt x="351" y="922"/>
                    </a:lnTo>
                    <a:lnTo>
                      <a:pt x="349" y="924"/>
                    </a:lnTo>
                    <a:lnTo>
                      <a:pt x="347" y="925"/>
                    </a:lnTo>
                    <a:lnTo>
                      <a:pt x="346" y="927"/>
                    </a:lnTo>
                    <a:lnTo>
                      <a:pt x="346" y="930"/>
                    </a:lnTo>
                    <a:lnTo>
                      <a:pt x="344" y="932"/>
                    </a:lnTo>
                    <a:lnTo>
                      <a:pt x="342" y="935"/>
                    </a:lnTo>
                    <a:lnTo>
                      <a:pt x="339" y="937"/>
                    </a:lnTo>
                    <a:lnTo>
                      <a:pt x="334" y="937"/>
                    </a:lnTo>
                    <a:lnTo>
                      <a:pt x="325" y="937"/>
                    </a:lnTo>
                    <a:lnTo>
                      <a:pt x="314" y="932"/>
                    </a:lnTo>
                    <a:lnTo>
                      <a:pt x="312" y="930"/>
                    </a:lnTo>
                    <a:lnTo>
                      <a:pt x="308" y="927"/>
                    </a:lnTo>
                    <a:lnTo>
                      <a:pt x="303" y="924"/>
                    </a:lnTo>
                    <a:lnTo>
                      <a:pt x="297" y="919"/>
                    </a:lnTo>
                    <a:lnTo>
                      <a:pt x="288" y="912"/>
                    </a:lnTo>
                    <a:lnTo>
                      <a:pt x="280" y="907"/>
                    </a:lnTo>
                    <a:lnTo>
                      <a:pt x="271" y="902"/>
                    </a:lnTo>
                    <a:lnTo>
                      <a:pt x="263" y="895"/>
                    </a:lnTo>
                    <a:lnTo>
                      <a:pt x="261" y="895"/>
                    </a:lnTo>
                    <a:lnTo>
                      <a:pt x="259" y="895"/>
                    </a:lnTo>
                    <a:lnTo>
                      <a:pt x="256" y="895"/>
                    </a:lnTo>
                    <a:lnTo>
                      <a:pt x="251" y="893"/>
                    </a:lnTo>
                    <a:lnTo>
                      <a:pt x="246" y="890"/>
                    </a:lnTo>
                    <a:lnTo>
                      <a:pt x="239" y="885"/>
                    </a:lnTo>
                    <a:lnTo>
                      <a:pt x="234" y="880"/>
                    </a:lnTo>
                    <a:lnTo>
                      <a:pt x="227" y="869"/>
                    </a:lnTo>
                    <a:lnTo>
                      <a:pt x="224" y="866"/>
                    </a:lnTo>
                    <a:lnTo>
                      <a:pt x="220" y="864"/>
                    </a:lnTo>
                    <a:lnTo>
                      <a:pt x="217" y="863"/>
                    </a:lnTo>
                    <a:lnTo>
                      <a:pt x="214" y="859"/>
                    </a:lnTo>
                    <a:lnTo>
                      <a:pt x="209" y="854"/>
                    </a:lnTo>
                    <a:lnTo>
                      <a:pt x="204" y="846"/>
                    </a:lnTo>
                    <a:lnTo>
                      <a:pt x="195" y="834"/>
                    </a:lnTo>
                    <a:lnTo>
                      <a:pt x="187" y="819"/>
                    </a:lnTo>
                    <a:lnTo>
                      <a:pt x="187" y="815"/>
                    </a:lnTo>
                    <a:lnTo>
                      <a:pt x="185" y="809"/>
                    </a:lnTo>
                    <a:lnTo>
                      <a:pt x="185" y="800"/>
                    </a:lnTo>
                    <a:lnTo>
                      <a:pt x="185" y="792"/>
                    </a:lnTo>
                    <a:lnTo>
                      <a:pt x="183" y="783"/>
                    </a:lnTo>
                    <a:lnTo>
                      <a:pt x="183" y="776"/>
                    </a:lnTo>
                    <a:lnTo>
                      <a:pt x="183" y="771"/>
                    </a:lnTo>
                    <a:lnTo>
                      <a:pt x="183" y="770"/>
                    </a:lnTo>
                    <a:lnTo>
                      <a:pt x="171" y="753"/>
                    </a:lnTo>
                    <a:lnTo>
                      <a:pt x="171" y="751"/>
                    </a:lnTo>
                    <a:lnTo>
                      <a:pt x="171" y="749"/>
                    </a:lnTo>
                    <a:lnTo>
                      <a:pt x="171" y="746"/>
                    </a:lnTo>
                    <a:lnTo>
                      <a:pt x="170" y="741"/>
                    </a:lnTo>
                    <a:lnTo>
                      <a:pt x="166" y="732"/>
                    </a:lnTo>
                    <a:lnTo>
                      <a:pt x="160" y="722"/>
                    </a:lnTo>
                    <a:lnTo>
                      <a:pt x="149" y="710"/>
                    </a:lnTo>
                    <a:lnTo>
                      <a:pt x="134" y="695"/>
                    </a:lnTo>
                    <a:lnTo>
                      <a:pt x="132" y="693"/>
                    </a:lnTo>
                    <a:lnTo>
                      <a:pt x="129" y="690"/>
                    </a:lnTo>
                    <a:lnTo>
                      <a:pt x="124" y="685"/>
                    </a:lnTo>
                    <a:lnTo>
                      <a:pt x="119" y="680"/>
                    </a:lnTo>
                    <a:lnTo>
                      <a:pt x="114" y="677"/>
                    </a:lnTo>
                    <a:lnTo>
                      <a:pt x="109" y="671"/>
                    </a:lnTo>
                    <a:lnTo>
                      <a:pt x="105" y="670"/>
                    </a:lnTo>
                    <a:lnTo>
                      <a:pt x="104" y="668"/>
                    </a:lnTo>
                    <a:lnTo>
                      <a:pt x="92" y="648"/>
                    </a:lnTo>
                    <a:lnTo>
                      <a:pt x="60" y="609"/>
                    </a:lnTo>
                    <a:lnTo>
                      <a:pt x="43" y="605"/>
                    </a:lnTo>
                    <a:lnTo>
                      <a:pt x="19" y="561"/>
                    </a:lnTo>
                    <a:lnTo>
                      <a:pt x="6" y="560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8" name="Freeform 124"/>
              <p:cNvSpPr>
                <a:spLocks/>
              </p:cNvSpPr>
              <p:nvPr/>
            </p:nvSpPr>
            <p:spPr bwMode="auto">
              <a:xfrm>
                <a:off x="2004" y="1844"/>
                <a:ext cx="789" cy="392"/>
              </a:xfrm>
              <a:custGeom>
                <a:avLst/>
                <a:gdLst>
                  <a:gd name="T0" fmla="*/ 533 w 811"/>
                  <a:gd name="T1" fmla="*/ 239 h 404"/>
                  <a:gd name="T2" fmla="*/ 531 w 811"/>
                  <a:gd name="T3" fmla="*/ 229 h 404"/>
                  <a:gd name="T4" fmla="*/ 528 w 811"/>
                  <a:gd name="T5" fmla="*/ 221 h 404"/>
                  <a:gd name="T6" fmla="*/ 526 w 811"/>
                  <a:gd name="T7" fmla="*/ 216 h 404"/>
                  <a:gd name="T8" fmla="*/ 520 w 811"/>
                  <a:gd name="T9" fmla="*/ 209 h 404"/>
                  <a:gd name="T10" fmla="*/ 518 w 811"/>
                  <a:gd name="T11" fmla="*/ 199 h 404"/>
                  <a:gd name="T12" fmla="*/ 520 w 811"/>
                  <a:gd name="T13" fmla="*/ 188 h 404"/>
                  <a:gd name="T14" fmla="*/ 520 w 811"/>
                  <a:gd name="T15" fmla="*/ 178 h 404"/>
                  <a:gd name="T16" fmla="*/ 521 w 811"/>
                  <a:gd name="T17" fmla="*/ 173 h 404"/>
                  <a:gd name="T18" fmla="*/ 516 w 811"/>
                  <a:gd name="T19" fmla="*/ 146 h 404"/>
                  <a:gd name="T20" fmla="*/ 508 w 811"/>
                  <a:gd name="T21" fmla="*/ 138 h 404"/>
                  <a:gd name="T22" fmla="*/ 505 w 811"/>
                  <a:gd name="T23" fmla="*/ 127 h 404"/>
                  <a:gd name="T24" fmla="*/ 506 w 811"/>
                  <a:gd name="T25" fmla="*/ 122 h 404"/>
                  <a:gd name="T26" fmla="*/ 504 w 811"/>
                  <a:gd name="T27" fmla="*/ 108 h 404"/>
                  <a:gd name="T28" fmla="*/ 501 w 811"/>
                  <a:gd name="T29" fmla="*/ 102 h 404"/>
                  <a:gd name="T30" fmla="*/ 493 w 811"/>
                  <a:gd name="T31" fmla="*/ 97 h 404"/>
                  <a:gd name="T32" fmla="*/ 490 w 811"/>
                  <a:gd name="T33" fmla="*/ 87 h 404"/>
                  <a:gd name="T34" fmla="*/ 489 w 811"/>
                  <a:gd name="T35" fmla="*/ 80 h 404"/>
                  <a:gd name="T36" fmla="*/ 486 w 811"/>
                  <a:gd name="T37" fmla="*/ 73 h 404"/>
                  <a:gd name="T38" fmla="*/ 484 w 811"/>
                  <a:gd name="T39" fmla="*/ 70 h 404"/>
                  <a:gd name="T40" fmla="*/ 478 w 811"/>
                  <a:gd name="T41" fmla="*/ 63 h 404"/>
                  <a:gd name="T42" fmla="*/ 474 w 811"/>
                  <a:gd name="T43" fmla="*/ 58 h 404"/>
                  <a:gd name="T44" fmla="*/ 469 w 811"/>
                  <a:gd name="T45" fmla="*/ 48 h 404"/>
                  <a:gd name="T46" fmla="*/ 459 w 811"/>
                  <a:gd name="T47" fmla="*/ 41 h 404"/>
                  <a:gd name="T48" fmla="*/ 450 w 811"/>
                  <a:gd name="T49" fmla="*/ 39 h 404"/>
                  <a:gd name="T50" fmla="*/ 441 w 811"/>
                  <a:gd name="T51" fmla="*/ 38 h 404"/>
                  <a:gd name="T52" fmla="*/ 398 w 811"/>
                  <a:gd name="T53" fmla="*/ 32 h 404"/>
                  <a:gd name="T54" fmla="*/ 391 w 811"/>
                  <a:gd name="T55" fmla="*/ 37 h 404"/>
                  <a:gd name="T56" fmla="*/ 384 w 811"/>
                  <a:gd name="T57" fmla="*/ 38 h 404"/>
                  <a:gd name="T58" fmla="*/ 378 w 811"/>
                  <a:gd name="T59" fmla="*/ 32 h 404"/>
                  <a:gd name="T60" fmla="*/ 364 w 811"/>
                  <a:gd name="T61" fmla="*/ 18 h 404"/>
                  <a:gd name="T62" fmla="*/ 355 w 811"/>
                  <a:gd name="T63" fmla="*/ 16 h 404"/>
                  <a:gd name="T64" fmla="*/ 348 w 811"/>
                  <a:gd name="T65" fmla="*/ 16 h 404"/>
                  <a:gd name="T66" fmla="*/ 328 w 811"/>
                  <a:gd name="T67" fmla="*/ 16 h 404"/>
                  <a:gd name="T68" fmla="*/ 295 w 811"/>
                  <a:gd name="T69" fmla="*/ 16 h 404"/>
                  <a:gd name="T70" fmla="*/ 258 w 811"/>
                  <a:gd name="T71" fmla="*/ 16 h 404"/>
                  <a:gd name="T72" fmla="*/ 214 w 811"/>
                  <a:gd name="T73" fmla="*/ 16 h 404"/>
                  <a:gd name="T74" fmla="*/ 167 w 811"/>
                  <a:gd name="T75" fmla="*/ 13 h 404"/>
                  <a:gd name="T76" fmla="*/ 123 w 811"/>
                  <a:gd name="T77" fmla="*/ 12 h 404"/>
                  <a:gd name="T78" fmla="*/ 84 w 811"/>
                  <a:gd name="T79" fmla="*/ 8 h 404"/>
                  <a:gd name="T80" fmla="*/ 50 w 811"/>
                  <a:gd name="T81" fmla="*/ 5 h 404"/>
                  <a:gd name="T82" fmla="*/ 23 w 811"/>
                  <a:gd name="T83" fmla="*/ 2 h 404"/>
                  <a:gd name="T84" fmla="*/ 2 w 811"/>
                  <a:gd name="T85" fmla="*/ 165 h 404"/>
                  <a:gd name="T86" fmla="*/ 126 w 811"/>
                  <a:gd name="T87" fmla="*/ 254 h 404"/>
                  <a:gd name="T88" fmla="*/ 153 w 811"/>
                  <a:gd name="T89" fmla="*/ 257 h 404"/>
                  <a:gd name="T90" fmla="*/ 189 w 811"/>
                  <a:gd name="T91" fmla="*/ 260 h 404"/>
                  <a:gd name="T92" fmla="*/ 234 w 811"/>
                  <a:gd name="T93" fmla="*/ 262 h 404"/>
                  <a:gd name="T94" fmla="*/ 289 w 811"/>
                  <a:gd name="T95" fmla="*/ 262 h 404"/>
                  <a:gd name="T96" fmla="*/ 343 w 811"/>
                  <a:gd name="T97" fmla="*/ 262 h 404"/>
                  <a:gd name="T98" fmla="*/ 400 w 811"/>
                  <a:gd name="T99" fmla="*/ 264 h 404"/>
                  <a:gd name="T100" fmla="*/ 449 w 811"/>
                  <a:gd name="T101" fmla="*/ 264 h 404"/>
                  <a:gd name="T102" fmla="*/ 492 w 811"/>
                  <a:gd name="T103" fmla="*/ 265 h 404"/>
                  <a:gd name="T104" fmla="*/ 528 w 811"/>
                  <a:gd name="T105" fmla="*/ 265 h 404"/>
                  <a:gd name="T106" fmla="*/ 547 w 811"/>
                  <a:gd name="T107" fmla="*/ 265 h 404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811"/>
                  <a:gd name="T163" fmla="*/ 0 h 404"/>
                  <a:gd name="T164" fmla="*/ 811 w 811"/>
                  <a:gd name="T165" fmla="*/ 404 h 404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811" h="404">
                    <a:moveTo>
                      <a:pt x="811" y="404"/>
                    </a:moveTo>
                    <a:lnTo>
                      <a:pt x="799" y="376"/>
                    </a:lnTo>
                    <a:lnTo>
                      <a:pt x="785" y="364"/>
                    </a:lnTo>
                    <a:lnTo>
                      <a:pt x="782" y="352"/>
                    </a:lnTo>
                    <a:lnTo>
                      <a:pt x="782" y="350"/>
                    </a:lnTo>
                    <a:lnTo>
                      <a:pt x="780" y="348"/>
                    </a:lnTo>
                    <a:lnTo>
                      <a:pt x="779" y="345"/>
                    </a:lnTo>
                    <a:lnTo>
                      <a:pt x="777" y="342"/>
                    </a:lnTo>
                    <a:lnTo>
                      <a:pt x="775" y="337"/>
                    </a:lnTo>
                    <a:lnTo>
                      <a:pt x="774" y="333"/>
                    </a:lnTo>
                    <a:lnTo>
                      <a:pt x="772" y="330"/>
                    </a:lnTo>
                    <a:lnTo>
                      <a:pt x="769" y="326"/>
                    </a:lnTo>
                    <a:lnTo>
                      <a:pt x="767" y="323"/>
                    </a:lnTo>
                    <a:lnTo>
                      <a:pt x="765" y="318"/>
                    </a:lnTo>
                    <a:lnTo>
                      <a:pt x="765" y="313"/>
                    </a:lnTo>
                    <a:lnTo>
                      <a:pt x="763" y="308"/>
                    </a:lnTo>
                    <a:lnTo>
                      <a:pt x="763" y="303"/>
                    </a:lnTo>
                    <a:lnTo>
                      <a:pt x="763" y="298"/>
                    </a:lnTo>
                    <a:lnTo>
                      <a:pt x="763" y="291"/>
                    </a:lnTo>
                    <a:lnTo>
                      <a:pt x="765" y="286"/>
                    </a:lnTo>
                    <a:lnTo>
                      <a:pt x="765" y="281"/>
                    </a:lnTo>
                    <a:lnTo>
                      <a:pt x="765" y="276"/>
                    </a:lnTo>
                    <a:lnTo>
                      <a:pt x="765" y="272"/>
                    </a:lnTo>
                    <a:lnTo>
                      <a:pt x="767" y="269"/>
                    </a:lnTo>
                    <a:lnTo>
                      <a:pt x="767" y="266"/>
                    </a:lnTo>
                    <a:lnTo>
                      <a:pt x="767" y="264"/>
                    </a:lnTo>
                    <a:lnTo>
                      <a:pt x="760" y="255"/>
                    </a:lnTo>
                    <a:lnTo>
                      <a:pt x="758" y="223"/>
                    </a:lnTo>
                    <a:lnTo>
                      <a:pt x="755" y="218"/>
                    </a:lnTo>
                    <a:lnTo>
                      <a:pt x="750" y="215"/>
                    </a:lnTo>
                    <a:lnTo>
                      <a:pt x="747" y="210"/>
                    </a:lnTo>
                    <a:lnTo>
                      <a:pt x="743" y="205"/>
                    </a:lnTo>
                    <a:lnTo>
                      <a:pt x="743" y="200"/>
                    </a:lnTo>
                    <a:lnTo>
                      <a:pt x="743" y="194"/>
                    </a:lnTo>
                    <a:lnTo>
                      <a:pt x="743" y="191"/>
                    </a:lnTo>
                    <a:lnTo>
                      <a:pt x="743" y="188"/>
                    </a:lnTo>
                    <a:lnTo>
                      <a:pt x="745" y="186"/>
                    </a:lnTo>
                    <a:lnTo>
                      <a:pt x="743" y="178"/>
                    </a:lnTo>
                    <a:lnTo>
                      <a:pt x="743" y="169"/>
                    </a:lnTo>
                    <a:lnTo>
                      <a:pt x="741" y="164"/>
                    </a:lnTo>
                    <a:lnTo>
                      <a:pt x="738" y="159"/>
                    </a:lnTo>
                    <a:lnTo>
                      <a:pt x="736" y="156"/>
                    </a:lnTo>
                    <a:lnTo>
                      <a:pt x="735" y="154"/>
                    </a:lnTo>
                    <a:lnTo>
                      <a:pt x="733" y="152"/>
                    </a:lnTo>
                    <a:lnTo>
                      <a:pt x="731" y="150"/>
                    </a:lnTo>
                    <a:lnTo>
                      <a:pt x="726" y="147"/>
                    </a:lnTo>
                    <a:lnTo>
                      <a:pt x="725" y="144"/>
                    </a:lnTo>
                    <a:lnTo>
                      <a:pt x="721" y="139"/>
                    </a:lnTo>
                    <a:lnTo>
                      <a:pt x="721" y="134"/>
                    </a:lnTo>
                    <a:lnTo>
                      <a:pt x="719" y="130"/>
                    </a:lnTo>
                    <a:lnTo>
                      <a:pt x="719" y="125"/>
                    </a:lnTo>
                    <a:lnTo>
                      <a:pt x="719" y="123"/>
                    </a:lnTo>
                    <a:lnTo>
                      <a:pt x="714" y="110"/>
                    </a:lnTo>
                    <a:lnTo>
                      <a:pt x="713" y="108"/>
                    </a:lnTo>
                    <a:lnTo>
                      <a:pt x="711" y="105"/>
                    </a:lnTo>
                    <a:lnTo>
                      <a:pt x="708" y="103"/>
                    </a:lnTo>
                    <a:lnTo>
                      <a:pt x="706" y="100"/>
                    </a:lnTo>
                    <a:lnTo>
                      <a:pt x="703" y="95"/>
                    </a:lnTo>
                    <a:lnTo>
                      <a:pt x="699" y="93"/>
                    </a:lnTo>
                    <a:lnTo>
                      <a:pt x="697" y="90"/>
                    </a:lnTo>
                    <a:lnTo>
                      <a:pt x="696" y="88"/>
                    </a:lnTo>
                    <a:lnTo>
                      <a:pt x="694" y="84"/>
                    </a:lnTo>
                    <a:lnTo>
                      <a:pt x="692" y="79"/>
                    </a:lnTo>
                    <a:lnTo>
                      <a:pt x="689" y="74"/>
                    </a:lnTo>
                    <a:lnTo>
                      <a:pt x="686" y="69"/>
                    </a:lnTo>
                    <a:lnTo>
                      <a:pt x="681" y="64"/>
                    </a:lnTo>
                    <a:lnTo>
                      <a:pt x="675" y="61"/>
                    </a:lnTo>
                    <a:lnTo>
                      <a:pt x="667" y="59"/>
                    </a:lnTo>
                    <a:lnTo>
                      <a:pt x="665" y="59"/>
                    </a:lnTo>
                    <a:lnTo>
                      <a:pt x="662" y="57"/>
                    </a:lnTo>
                    <a:lnTo>
                      <a:pt x="659" y="56"/>
                    </a:lnTo>
                    <a:lnTo>
                      <a:pt x="659" y="54"/>
                    </a:lnTo>
                    <a:lnTo>
                      <a:pt x="648" y="54"/>
                    </a:lnTo>
                    <a:lnTo>
                      <a:pt x="637" y="44"/>
                    </a:lnTo>
                    <a:lnTo>
                      <a:pt x="584" y="44"/>
                    </a:lnTo>
                    <a:lnTo>
                      <a:pt x="584" y="46"/>
                    </a:lnTo>
                    <a:lnTo>
                      <a:pt x="582" y="47"/>
                    </a:lnTo>
                    <a:lnTo>
                      <a:pt x="579" y="51"/>
                    </a:lnTo>
                    <a:lnTo>
                      <a:pt x="576" y="52"/>
                    </a:lnTo>
                    <a:lnTo>
                      <a:pt x="572" y="56"/>
                    </a:lnTo>
                    <a:lnTo>
                      <a:pt x="569" y="56"/>
                    </a:lnTo>
                    <a:lnTo>
                      <a:pt x="565" y="54"/>
                    </a:lnTo>
                    <a:lnTo>
                      <a:pt x="562" y="51"/>
                    </a:lnTo>
                    <a:lnTo>
                      <a:pt x="560" y="49"/>
                    </a:lnTo>
                    <a:lnTo>
                      <a:pt x="555" y="46"/>
                    </a:lnTo>
                    <a:lnTo>
                      <a:pt x="549" y="42"/>
                    </a:lnTo>
                    <a:lnTo>
                      <a:pt x="542" y="37"/>
                    </a:lnTo>
                    <a:lnTo>
                      <a:pt x="535" y="32"/>
                    </a:lnTo>
                    <a:lnTo>
                      <a:pt x="528" y="29"/>
                    </a:lnTo>
                    <a:lnTo>
                      <a:pt x="523" y="25"/>
                    </a:lnTo>
                    <a:lnTo>
                      <a:pt x="521" y="25"/>
                    </a:lnTo>
                    <a:lnTo>
                      <a:pt x="520" y="25"/>
                    </a:lnTo>
                    <a:lnTo>
                      <a:pt x="516" y="25"/>
                    </a:lnTo>
                    <a:lnTo>
                      <a:pt x="511" y="24"/>
                    </a:lnTo>
                    <a:lnTo>
                      <a:pt x="503" y="24"/>
                    </a:lnTo>
                    <a:lnTo>
                      <a:pt x="493" y="24"/>
                    </a:lnTo>
                    <a:lnTo>
                      <a:pt x="481" y="24"/>
                    </a:lnTo>
                    <a:lnTo>
                      <a:pt x="467" y="24"/>
                    </a:lnTo>
                    <a:lnTo>
                      <a:pt x="450" y="22"/>
                    </a:lnTo>
                    <a:lnTo>
                      <a:pt x="433" y="22"/>
                    </a:lnTo>
                    <a:lnTo>
                      <a:pt x="417" y="20"/>
                    </a:lnTo>
                    <a:lnTo>
                      <a:pt x="398" y="20"/>
                    </a:lnTo>
                    <a:lnTo>
                      <a:pt x="378" y="20"/>
                    </a:lnTo>
                    <a:lnTo>
                      <a:pt x="357" y="18"/>
                    </a:lnTo>
                    <a:lnTo>
                      <a:pt x="335" y="18"/>
                    </a:lnTo>
                    <a:lnTo>
                      <a:pt x="313" y="17"/>
                    </a:lnTo>
                    <a:lnTo>
                      <a:pt x="291" y="15"/>
                    </a:lnTo>
                    <a:lnTo>
                      <a:pt x="269" y="15"/>
                    </a:lnTo>
                    <a:lnTo>
                      <a:pt x="247" y="13"/>
                    </a:lnTo>
                    <a:lnTo>
                      <a:pt x="225" y="13"/>
                    </a:lnTo>
                    <a:lnTo>
                      <a:pt x="203" y="12"/>
                    </a:lnTo>
                    <a:lnTo>
                      <a:pt x="181" y="12"/>
                    </a:lnTo>
                    <a:lnTo>
                      <a:pt x="161" y="10"/>
                    </a:lnTo>
                    <a:lnTo>
                      <a:pt x="142" y="8"/>
                    </a:lnTo>
                    <a:lnTo>
                      <a:pt x="122" y="8"/>
                    </a:lnTo>
                    <a:lnTo>
                      <a:pt x="105" y="7"/>
                    </a:lnTo>
                    <a:lnTo>
                      <a:pt x="88" y="7"/>
                    </a:lnTo>
                    <a:lnTo>
                      <a:pt x="73" y="5"/>
                    </a:lnTo>
                    <a:lnTo>
                      <a:pt x="59" y="3"/>
                    </a:lnTo>
                    <a:lnTo>
                      <a:pt x="48" y="3"/>
                    </a:lnTo>
                    <a:lnTo>
                      <a:pt x="37" y="2"/>
                    </a:lnTo>
                    <a:lnTo>
                      <a:pt x="31" y="2"/>
                    </a:lnTo>
                    <a:lnTo>
                      <a:pt x="24" y="0"/>
                    </a:lnTo>
                    <a:lnTo>
                      <a:pt x="2" y="250"/>
                    </a:lnTo>
                    <a:lnTo>
                      <a:pt x="0" y="250"/>
                    </a:lnTo>
                    <a:lnTo>
                      <a:pt x="193" y="262"/>
                    </a:lnTo>
                    <a:lnTo>
                      <a:pt x="186" y="387"/>
                    </a:lnTo>
                    <a:lnTo>
                      <a:pt x="197" y="389"/>
                    </a:lnTo>
                    <a:lnTo>
                      <a:pt x="208" y="391"/>
                    </a:lnTo>
                    <a:lnTo>
                      <a:pt x="224" y="392"/>
                    </a:lnTo>
                    <a:lnTo>
                      <a:pt x="239" y="392"/>
                    </a:lnTo>
                    <a:lnTo>
                      <a:pt x="257" y="394"/>
                    </a:lnTo>
                    <a:lnTo>
                      <a:pt x="278" y="396"/>
                    </a:lnTo>
                    <a:lnTo>
                      <a:pt x="298" y="396"/>
                    </a:lnTo>
                    <a:lnTo>
                      <a:pt x="322" y="398"/>
                    </a:lnTo>
                    <a:lnTo>
                      <a:pt x="345" y="398"/>
                    </a:lnTo>
                    <a:lnTo>
                      <a:pt x="371" y="399"/>
                    </a:lnTo>
                    <a:lnTo>
                      <a:pt x="396" y="399"/>
                    </a:lnTo>
                    <a:lnTo>
                      <a:pt x="423" y="399"/>
                    </a:lnTo>
                    <a:lnTo>
                      <a:pt x="450" y="401"/>
                    </a:lnTo>
                    <a:lnTo>
                      <a:pt x="477" y="401"/>
                    </a:lnTo>
                    <a:lnTo>
                      <a:pt x="505" y="401"/>
                    </a:lnTo>
                    <a:lnTo>
                      <a:pt x="532" y="401"/>
                    </a:lnTo>
                    <a:lnTo>
                      <a:pt x="559" y="403"/>
                    </a:lnTo>
                    <a:lnTo>
                      <a:pt x="586" y="403"/>
                    </a:lnTo>
                    <a:lnTo>
                      <a:pt x="611" y="403"/>
                    </a:lnTo>
                    <a:lnTo>
                      <a:pt x="637" y="403"/>
                    </a:lnTo>
                    <a:lnTo>
                      <a:pt x="660" y="403"/>
                    </a:lnTo>
                    <a:lnTo>
                      <a:pt x="684" y="403"/>
                    </a:lnTo>
                    <a:lnTo>
                      <a:pt x="704" y="404"/>
                    </a:lnTo>
                    <a:lnTo>
                      <a:pt x="725" y="404"/>
                    </a:lnTo>
                    <a:lnTo>
                      <a:pt x="743" y="404"/>
                    </a:lnTo>
                    <a:lnTo>
                      <a:pt x="760" y="404"/>
                    </a:lnTo>
                    <a:lnTo>
                      <a:pt x="775" y="404"/>
                    </a:lnTo>
                    <a:lnTo>
                      <a:pt x="787" y="404"/>
                    </a:lnTo>
                    <a:lnTo>
                      <a:pt x="797" y="404"/>
                    </a:lnTo>
                    <a:lnTo>
                      <a:pt x="804" y="404"/>
                    </a:lnTo>
                    <a:lnTo>
                      <a:pt x="809" y="404"/>
                    </a:lnTo>
                    <a:lnTo>
                      <a:pt x="811" y="404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9" name="Freeform 125"/>
              <p:cNvSpPr>
                <a:spLocks/>
              </p:cNvSpPr>
              <p:nvPr/>
            </p:nvSpPr>
            <p:spPr bwMode="auto">
              <a:xfrm>
                <a:off x="1384" y="1534"/>
                <a:ext cx="665" cy="553"/>
              </a:xfrm>
              <a:custGeom>
                <a:avLst/>
                <a:gdLst>
                  <a:gd name="T0" fmla="*/ 119 w 684"/>
                  <a:gd name="T1" fmla="*/ 340 h 570"/>
                  <a:gd name="T2" fmla="*/ 108 w 684"/>
                  <a:gd name="T3" fmla="*/ 337 h 570"/>
                  <a:gd name="T4" fmla="*/ 89 w 684"/>
                  <a:gd name="T5" fmla="*/ 333 h 570"/>
                  <a:gd name="T6" fmla="*/ 69 w 684"/>
                  <a:gd name="T7" fmla="*/ 330 h 570"/>
                  <a:gd name="T8" fmla="*/ 47 w 684"/>
                  <a:gd name="T9" fmla="*/ 327 h 570"/>
                  <a:gd name="T10" fmla="*/ 25 w 684"/>
                  <a:gd name="T11" fmla="*/ 324 h 570"/>
                  <a:gd name="T12" fmla="*/ 16 w 684"/>
                  <a:gd name="T13" fmla="*/ 322 h 570"/>
                  <a:gd name="T14" fmla="*/ 2 w 684"/>
                  <a:gd name="T15" fmla="*/ 320 h 570"/>
                  <a:gd name="T16" fmla="*/ 17 w 684"/>
                  <a:gd name="T17" fmla="*/ 244 h 570"/>
                  <a:gd name="T18" fmla="*/ 50 w 684"/>
                  <a:gd name="T19" fmla="*/ 0 h 570"/>
                  <a:gd name="T20" fmla="*/ 83 w 684"/>
                  <a:gd name="T21" fmla="*/ 7 h 570"/>
                  <a:gd name="T22" fmla="*/ 116 w 684"/>
                  <a:gd name="T23" fmla="*/ 15 h 570"/>
                  <a:gd name="T24" fmla="*/ 149 w 684"/>
                  <a:gd name="T25" fmla="*/ 16 h 570"/>
                  <a:gd name="T26" fmla="*/ 182 w 684"/>
                  <a:gd name="T27" fmla="*/ 16 h 570"/>
                  <a:gd name="T28" fmla="*/ 218 w 684"/>
                  <a:gd name="T29" fmla="*/ 20 h 570"/>
                  <a:gd name="T30" fmla="*/ 252 w 684"/>
                  <a:gd name="T31" fmla="*/ 27 h 570"/>
                  <a:gd name="T32" fmla="*/ 285 w 684"/>
                  <a:gd name="T33" fmla="*/ 32 h 570"/>
                  <a:gd name="T34" fmla="*/ 316 w 684"/>
                  <a:gd name="T35" fmla="*/ 36 h 570"/>
                  <a:gd name="T36" fmla="*/ 347 w 684"/>
                  <a:gd name="T37" fmla="*/ 39 h 570"/>
                  <a:gd name="T38" fmla="*/ 374 w 684"/>
                  <a:gd name="T39" fmla="*/ 40 h 570"/>
                  <a:gd name="T40" fmla="*/ 399 w 684"/>
                  <a:gd name="T41" fmla="*/ 42 h 570"/>
                  <a:gd name="T42" fmla="*/ 421 w 684"/>
                  <a:gd name="T43" fmla="*/ 44 h 570"/>
                  <a:gd name="T44" fmla="*/ 437 w 684"/>
                  <a:gd name="T45" fmla="*/ 45 h 570"/>
                  <a:gd name="T46" fmla="*/ 449 w 684"/>
                  <a:gd name="T47" fmla="*/ 45 h 570"/>
                  <a:gd name="T48" fmla="*/ 459 w 684"/>
                  <a:gd name="T49" fmla="*/ 45 h 570"/>
                  <a:gd name="T50" fmla="*/ 461 w 684"/>
                  <a:gd name="T51" fmla="*/ 46 h 570"/>
                  <a:gd name="T52" fmla="*/ 446 w 684"/>
                  <a:gd name="T53" fmla="*/ 210 h 570"/>
                  <a:gd name="T54" fmla="*/ 432 w 684"/>
                  <a:gd name="T55" fmla="*/ 373 h 570"/>
                  <a:gd name="T56" fmla="*/ 425 w 684"/>
                  <a:gd name="T57" fmla="*/ 372 h 570"/>
                  <a:gd name="T58" fmla="*/ 412 w 684"/>
                  <a:gd name="T59" fmla="*/ 372 h 570"/>
                  <a:gd name="T60" fmla="*/ 395 w 684"/>
                  <a:gd name="T61" fmla="*/ 371 h 570"/>
                  <a:gd name="T62" fmla="*/ 374 w 684"/>
                  <a:gd name="T63" fmla="*/ 368 h 570"/>
                  <a:gd name="T64" fmla="*/ 350 w 684"/>
                  <a:gd name="T65" fmla="*/ 364 h 570"/>
                  <a:gd name="T66" fmla="*/ 324 w 684"/>
                  <a:gd name="T67" fmla="*/ 362 h 570"/>
                  <a:gd name="T68" fmla="*/ 296 w 684"/>
                  <a:gd name="T69" fmla="*/ 360 h 570"/>
                  <a:gd name="T70" fmla="*/ 266 w 684"/>
                  <a:gd name="T71" fmla="*/ 357 h 570"/>
                  <a:gd name="T72" fmla="*/ 240 w 684"/>
                  <a:gd name="T73" fmla="*/ 353 h 570"/>
                  <a:gd name="T74" fmla="*/ 213 w 684"/>
                  <a:gd name="T75" fmla="*/ 350 h 570"/>
                  <a:gd name="T76" fmla="*/ 187 w 684"/>
                  <a:gd name="T77" fmla="*/ 348 h 570"/>
                  <a:gd name="T78" fmla="*/ 166 w 684"/>
                  <a:gd name="T79" fmla="*/ 344 h 570"/>
                  <a:gd name="T80" fmla="*/ 146 w 684"/>
                  <a:gd name="T81" fmla="*/ 342 h 570"/>
                  <a:gd name="T82" fmla="*/ 134 w 684"/>
                  <a:gd name="T83" fmla="*/ 341 h 570"/>
                  <a:gd name="T84" fmla="*/ 122 w 684"/>
                  <a:gd name="T85" fmla="*/ 340 h 570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w 684"/>
                  <a:gd name="T130" fmla="*/ 0 h 570"/>
                  <a:gd name="T131" fmla="*/ 684 w 684"/>
                  <a:gd name="T132" fmla="*/ 570 h 570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T129" t="T130" r="T131" b="T132"/>
                <a:pathLst>
                  <a:path w="684" h="570">
                    <a:moveTo>
                      <a:pt x="180" y="518"/>
                    </a:moveTo>
                    <a:lnTo>
                      <a:pt x="176" y="518"/>
                    </a:lnTo>
                    <a:lnTo>
                      <a:pt x="169" y="516"/>
                    </a:lnTo>
                    <a:lnTo>
                      <a:pt x="159" y="514"/>
                    </a:lnTo>
                    <a:lnTo>
                      <a:pt x="147" y="513"/>
                    </a:lnTo>
                    <a:lnTo>
                      <a:pt x="134" y="509"/>
                    </a:lnTo>
                    <a:lnTo>
                      <a:pt x="119" y="508"/>
                    </a:lnTo>
                    <a:lnTo>
                      <a:pt x="102" y="504"/>
                    </a:lnTo>
                    <a:lnTo>
                      <a:pt x="87" y="503"/>
                    </a:lnTo>
                    <a:lnTo>
                      <a:pt x="70" y="499"/>
                    </a:lnTo>
                    <a:lnTo>
                      <a:pt x="54" y="498"/>
                    </a:lnTo>
                    <a:lnTo>
                      <a:pt x="39" y="496"/>
                    </a:lnTo>
                    <a:lnTo>
                      <a:pt x="27" y="492"/>
                    </a:lnTo>
                    <a:lnTo>
                      <a:pt x="16" y="491"/>
                    </a:lnTo>
                    <a:lnTo>
                      <a:pt x="9" y="489"/>
                    </a:lnTo>
                    <a:lnTo>
                      <a:pt x="2" y="489"/>
                    </a:lnTo>
                    <a:lnTo>
                      <a:pt x="0" y="489"/>
                    </a:lnTo>
                    <a:lnTo>
                      <a:pt x="17" y="372"/>
                    </a:lnTo>
                    <a:lnTo>
                      <a:pt x="63" y="61"/>
                    </a:lnTo>
                    <a:lnTo>
                      <a:pt x="76" y="0"/>
                    </a:lnTo>
                    <a:lnTo>
                      <a:pt x="98" y="3"/>
                    </a:lnTo>
                    <a:lnTo>
                      <a:pt x="122" y="7"/>
                    </a:lnTo>
                    <a:lnTo>
                      <a:pt x="146" y="12"/>
                    </a:lnTo>
                    <a:lnTo>
                      <a:pt x="171" y="15"/>
                    </a:lnTo>
                    <a:lnTo>
                      <a:pt x="195" y="19"/>
                    </a:lnTo>
                    <a:lnTo>
                      <a:pt x="220" y="22"/>
                    </a:lnTo>
                    <a:lnTo>
                      <a:pt x="246" y="25"/>
                    </a:lnTo>
                    <a:lnTo>
                      <a:pt x="271" y="29"/>
                    </a:lnTo>
                    <a:lnTo>
                      <a:pt x="296" y="32"/>
                    </a:lnTo>
                    <a:lnTo>
                      <a:pt x="323" y="34"/>
                    </a:lnTo>
                    <a:lnTo>
                      <a:pt x="349" y="37"/>
                    </a:lnTo>
                    <a:lnTo>
                      <a:pt x="373" y="41"/>
                    </a:lnTo>
                    <a:lnTo>
                      <a:pt x="398" y="44"/>
                    </a:lnTo>
                    <a:lnTo>
                      <a:pt x="422" y="46"/>
                    </a:lnTo>
                    <a:lnTo>
                      <a:pt x="445" y="49"/>
                    </a:lnTo>
                    <a:lnTo>
                      <a:pt x="469" y="51"/>
                    </a:lnTo>
                    <a:lnTo>
                      <a:pt x="493" y="52"/>
                    </a:lnTo>
                    <a:lnTo>
                      <a:pt x="515" y="56"/>
                    </a:lnTo>
                    <a:lnTo>
                      <a:pt x="535" y="58"/>
                    </a:lnTo>
                    <a:lnTo>
                      <a:pt x="555" y="59"/>
                    </a:lnTo>
                    <a:lnTo>
                      <a:pt x="574" y="61"/>
                    </a:lnTo>
                    <a:lnTo>
                      <a:pt x="591" y="63"/>
                    </a:lnTo>
                    <a:lnTo>
                      <a:pt x="608" y="64"/>
                    </a:lnTo>
                    <a:lnTo>
                      <a:pt x="623" y="66"/>
                    </a:lnTo>
                    <a:lnTo>
                      <a:pt x="637" y="66"/>
                    </a:lnTo>
                    <a:lnTo>
                      <a:pt x="648" y="68"/>
                    </a:lnTo>
                    <a:lnTo>
                      <a:pt x="659" y="68"/>
                    </a:lnTo>
                    <a:lnTo>
                      <a:pt x="667" y="69"/>
                    </a:lnTo>
                    <a:lnTo>
                      <a:pt x="675" y="69"/>
                    </a:lnTo>
                    <a:lnTo>
                      <a:pt x="681" y="69"/>
                    </a:lnTo>
                    <a:lnTo>
                      <a:pt x="684" y="71"/>
                    </a:lnTo>
                    <a:lnTo>
                      <a:pt x="662" y="320"/>
                    </a:lnTo>
                    <a:lnTo>
                      <a:pt x="640" y="570"/>
                    </a:lnTo>
                    <a:lnTo>
                      <a:pt x="635" y="570"/>
                    </a:lnTo>
                    <a:lnTo>
                      <a:pt x="630" y="569"/>
                    </a:lnTo>
                    <a:lnTo>
                      <a:pt x="621" y="569"/>
                    </a:lnTo>
                    <a:lnTo>
                      <a:pt x="611" y="567"/>
                    </a:lnTo>
                    <a:lnTo>
                      <a:pt x="599" y="565"/>
                    </a:lnTo>
                    <a:lnTo>
                      <a:pt x="586" y="565"/>
                    </a:lnTo>
                    <a:lnTo>
                      <a:pt x="571" y="564"/>
                    </a:lnTo>
                    <a:lnTo>
                      <a:pt x="555" y="562"/>
                    </a:lnTo>
                    <a:lnTo>
                      <a:pt x="538" y="558"/>
                    </a:lnTo>
                    <a:lnTo>
                      <a:pt x="520" y="557"/>
                    </a:lnTo>
                    <a:lnTo>
                      <a:pt x="501" y="555"/>
                    </a:lnTo>
                    <a:lnTo>
                      <a:pt x="481" y="553"/>
                    </a:lnTo>
                    <a:lnTo>
                      <a:pt x="461" y="552"/>
                    </a:lnTo>
                    <a:lnTo>
                      <a:pt x="439" y="548"/>
                    </a:lnTo>
                    <a:lnTo>
                      <a:pt x="418" y="547"/>
                    </a:lnTo>
                    <a:lnTo>
                      <a:pt x="396" y="545"/>
                    </a:lnTo>
                    <a:lnTo>
                      <a:pt x="376" y="542"/>
                    </a:lnTo>
                    <a:lnTo>
                      <a:pt x="356" y="540"/>
                    </a:lnTo>
                    <a:lnTo>
                      <a:pt x="335" y="536"/>
                    </a:lnTo>
                    <a:lnTo>
                      <a:pt x="315" y="535"/>
                    </a:lnTo>
                    <a:lnTo>
                      <a:pt x="296" y="533"/>
                    </a:lnTo>
                    <a:lnTo>
                      <a:pt x="278" y="531"/>
                    </a:lnTo>
                    <a:lnTo>
                      <a:pt x="261" y="528"/>
                    </a:lnTo>
                    <a:lnTo>
                      <a:pt x="246" y="526"/>
                    </a:lnTo>
                    <a:lnTo>
                      <a:pt x="230" y="525"/>
                    </a:lnTo>
                    <a:lnTo>
                      <a:pt x="217" y="523"/>
                    </a:lnTo>
                    <a:lnTo>
                      <a:pt x="207" y="523"/>
                    </a:lnTo>
                    <a:lnTo>
                      <a:pt x="197" y="521"/>
                    </a:lnTo>
                    <a:lnTo>
                      <a:pt x="188" y="520"/>
                    </a:lnTo>
                    <a:lnTo>
                      <a:pt x="183" y="520"/>
                    </a:lnTo>
                    <a:lnTo>
                      <a:pt x="180" y="518"/>
                    </a:lnTo>
                    <a:close/>
                  </a:path>
                </a:pathLst>
              </a:custGeom>
              <a:solidFill>
                <a:schemeClr val="bg2">
                  <a:lumMod val="85000"/>
                </a:schemeClr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50" name="Group 126"/>
              <p:cNvGrpSpPr>
                <a:grpSpLocks/>
              </p:cNvGrpSpPr>
              <p:nvPr/>
            </p:nvGrpSpPr>
            <p:grpSpPr bwMode="auto">
              <a:xfrm>
                <a:off x="3179" y="1296"/>
                <a:ext cx="723" cy="681"/>
                <a:chOff x="3132" y="1095"/>
                <a:chExt cx="724" cy="681"/>
              </a:xfrm>
            </p:grpSpPr>
            <p:sp>
              <p:nvSpPr>
                <p:cNvPr id="114" name="Freeform 127"/>
                <p:cNvSpPr>
                  <a:spLocks/>
                </p:cNvSpPr>
                <p:nvPr/>
              </p:nvSpPr>
              <p:spPr bwMode="auto">
                <a:xfrm>
                  <a:off x="3132" y="1095"/>
                  <a:ext cx="548" cy="284"/>
                </a:xfrm>
                <a:custGeom>
                  <a:avLst/>
                  <a:gdLst>
                    <a:gd name="T0" fmla="*/ 12 w 564"/>
                    <a:gd name="T1" fmla="*/ 83 h 293"/>
                    <a:gd name="T2" fmla="*/ 17 w 564"/>
                    <a:gd name="T3" fmla="*/ 98 h 293"/>
                    <a:gd name="T4" fmla="*/ 27 w 564"/>
                    <a:gd name="T5" fmla="*/ 104 h 293"/>
                    <a:gd name="T6" fmla="*/ 45 w 564"/>
                    <a:gd name="T7" fmla="*/ 104 h 293"/>
                    <a:gd name="T8" fmla="*/ 79 w 564"/>
                    <a:gd name="T9" fmla="*/ 112 h 293"/>
                    <a:gd name="T10" fmla="*/ 104 w 564"/>
                    <a:gd name="T11" fmla="*/ 122 h 293"/>
                    <a:gd name="T12" fmla="*/ 137 w 564"/>
                    <a:gd name="T13" fmla="*/ 125 h 293"/>
                    <a:gd name="T14" fmla="*/ 149 w 564"/>
                    <a:gd name="T15" fmla="*/ 137 h 293"/>
                    <a:gd name="T16" fmla="*/ 156 w 564"/>
                    <a:gd name="T17" fmla="*/ 160 h 293"/>
                    <a:gd name="T18" fmla="*/ 154 w 564"/>
                    <a:gd name="T19" fmla="*/ 172 h 293"/>
                    <a:gd name="T20" fmla="*/ 168 w 564"/>
                    <a:gd name="T21" fmla="*/ 184 h 293"/>
                    <a:gd name="T22" fmla="*/ 178 w 564"/>
                    <a:gd name="T23" fmla="*/ 181 h 293"/>
                    <a:gd name="T24" fmla="*/ 182 w 564"/>
                    <a:gd name="T25" fmla="*/ 172 h 293"/>
                    <a:gd name="T26" fmla="*/ 193 w 564"/>
                    <a:gd name="T27" fmla="*/ 151 h 293"/>
                    <a:gd name="T28" fmla="*/ 200 w 564"/>
                    <a:gd name="T29" fmla="*/ 139 h 293"/>
                    <a:gd name="T30" fmla="*/ 206 w 564"/>
                    <a:gd name="T31" fmla="*/ 122 h 293"/>
                    <a:gd name="T32" fmla="*/ 206 w 564"/>
                    <a:gd name="T33" fmla="*/ 132 h 293"/>
                    <a:gd name="T34" fmla="*/ 218 w 564"/>
                    <a:gd name="T35" fmla="*/ 125 h 293"/>
                    <a:gd name="T36" fmla="*/ 229 w 564"/>
                    <a:gd name="T37" fmla="*/ 127 h 293"/>
                    <a:gd name="T38" fmla="*/ 224 w 564"/>
                    <a:gd name="T39" fmla="*/ 139 h 293"/>
                    <a:gd name="T40" fmla="*/ 229 w 564"/>
                    <a:gd name="T41" fmla="*/ 137 h 293"/>
                    <a:gd name="T42" fmla="*/ 244 w 564"/>
                    <a:gd name="T43" fmla="*/ 125 h 293"/>
                    <a:gd name="T44" fmla="*/ 250 w 564"/>
                    <a:gd name="T45" fmla="*/ 111 h 293"/>
                    <a:gd name="T46" fmla="*/ 287 w 564"/>
                    <a:gd name="T47" fmla="*/ 98 h 293"/>
                    <a:gd name="T48" fmla="*/ 315 w 564"/>
                    <a:gd name="T49" fmla="*/ 101 h 293"/>
                    <a:gd name="T50" fmla="*/ 335 w 564"/>
                    <a:gd name="T51" fmla="*/ 114 h 293"/>
                    <a:gd name="T52" fmla="*/ 334 w 564"/>
                    <a:gd name="T53" fmla="*/ 101 h 293"/>
                    <a:gd name="T54" fmla="*/ 341 w 564"/>
                    <a:gd name="T55" fmla="*/ 97 h 293"/>
                    <a:gd name="T56" fmla="*/ 351 w 564"/>
                    <a:gd name="T57" fmla="*/ 98 h 293"/>
                    <a:gd name="T58" fmla="*/ 373 w 564"/>
                    <a:gd name="T59" fmla="*/ 94 h 293"/>
                    <a:gd name="T60" fmla="*/ 360 w 564"/>
                    <a:gd name="T61" fmla="*/ 79 h 293"/>
                    <a:gd name="T62" fmla="*/ 357 w 564"/>
                    <a:gd name="T63" fmla="*/ 65 h 293"/>
                    <a:gd name="T64" fmla="*/ 347 w 564"/>
                    <a:gd name="T65" fmla="*/ 63 h 293"/>
                    <a:gd name="T66" fmla="*/ 331 w 564"/>
                    <a:gd name="T67" fmla="*/ 64 h 293"/>
                    <a:gd name="T68" fmla="*/ 309 w 564"/>
                    <a:gd name="T69" fmla="*/ 46 h 293"/>
                    <a:gd name="T70" fmla="*/ 304 w 564"/>
                    <a:gd name="T71" fmla="*/ 42 h 293"/>
                    <a:gd name="T72" fmla="*/ 290 w 564"/>
                    <a:gd name="T73" fmla="*/ 46 h 293"/>
                    <a:gd name="T74" fmla="*/ 264 w 564"/>
                    <a:gd name="T75" fmla="*/ 53 h 293"/>
                    <a:gd name="T76" fmla="*/ 247 w 564"/>
                    <a:gd name="T77" fmla="*/ 54 h 293"/>
                    <a:gd name="T78" fmla="*/ 212 w 564"/>
                    <a:gd name="T79" fmla="*/ 76 h 293"/>
                    <a:gd name="T80" fmla="*/ 203 w 564"/>
                    <a:gd name="T81" fmla="*/ 72 h 293"/>
                    <a:gd name="T82" fmla="*/ 190 w 564"/>
                    <a:gd name="T83" fmla="*/ 75 h 293"/>
                    <a:gd name="T84" fmla="*/ 170 w 564"/>
                    <a:gd name="T85" fmla="*/ 65 h 293"/>
                    <a:gd name="T86" fmla="*/ 151 w 564"/>
                    <a:gd name="T87" fmla="*/ 45 h 293"/>
                    <a:gd name="T88" fmla="*/ 127 w 564"/>
                    <a:gd name="T89" fmla="*/ 52 h 293"/>
                    <a:gd name="T90" fmla="*/ 130 w 564"/>
                    <a:gd name="T91" fmla="*/ 44 h 293"/>
                    <a:gd name="T92" fmla="*/ 117 w 564"/>
                    <a:gd name="T93" fmla="*/ 52 h 293"/>
                    <a:gd name="T94" fmla="*/ 113 w 564"/>
                    <a:gd name="T95" fmla="*/ 42 h 293"/>
                    <a:gd name="T96" fmla="*/ 108 w 564"/>
                    <a:gd name="T97" fmla="*/ 40 h 293"/>
                    <a:gd name="T98" fmla="*/ 111 w 564"/>
                    <a:gd name="T99" fmla="*/ 35 h 293"/>
                    <a:gd name="T100" fmla="*/ 113 w 564"/>
                    <a:gd name="T101" fmla="*/ 35 h 293"/>
                    <a:gd name="T102" fmla="*/ 114 w 564"/>
                    <a:gd name="T103" fmla="*/ 39 h 293"/>
                    <a:gd name="T104" fmla="*/ 117 w 564"/>
                    <a:gd name="T105" fmla="*/ 37 h 293"/>
                    <a:gd name="T106" fmla="*/ 142 w 564"/>
                    <a:gd name="T107" fmla="*/ 8 h 293"/>
                    <a:gd name="T108" fmla="*/ 152 w 564"/>
                    <a:gd name="T109" fmla="*/ 3 h 293"/>
                    <a:gd name="T110" fmla="*/ 132 w 564"/>
                    <a:gd name="T111" fmla="*/ 2 h 293"/>
                    <a:gd name="T112" fmla="*/ 104 w 564"/>
                    <a:gd name="T113" fmla="*/ 20 h 293"/>
                    <a:gd name="T114" fmla="*/ 87 w 564"/>
                    <a:gd name="T115" fmla="*/ 38 h 293"/>
                    <a:gd name="T116" fmla="*/ 74 w 564"/>
                    <a:gd name="T117" fmla="*/ 46 h 293"/>
                    <a:gd name="T118" fmla="*/ 55 w 564"/>
                    <a:gd name="T119" fmla="*/ 59 h 293"/>
                    <a:gd name="T120" fmla="*/ 42 w 564"/>
                    <a:gd name="T121" fmla="*/ 61 h 293"/>
                    <a:gd name="T122" fmla="*/ 17 w 564"/>
                    <a:gd name="T123" fmla="*/ 76 h 293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w 564"/>
                    <a:gd name="T187" fmla="*/ 0 h 293"/>
                    <a:gd name="T188" fmla="*/ 564 w 564"/>
                    <a:gd name="T189" fmla="*/ 293 h 293"/>
                  </a:gdLst>
                  <a:ahLst/>
                  <a:cxnLst>
                    <a:cxn ang="T124">
                      <a:pos x="T0" y="T1"/>
                    </a:cxn>
                    <a:cxn ang="T125">
                      <a:pos x="T2" y="T3"/>
                    </a:cxn>
                    <a:cxn ang="T126">
                      <a:pos x="T4" y="T5"/>
                    </a:cxn>
                    <a:cxn ang="T127">
                      <a:pos x="T6" y="T7"/>
                    </a:cxn>
                    <a:cxn ang="T128">
                      <a:pos x="T8" y="T9"/>
                    </a:cxn>
                    <a:cxn ang="T129">
                      <a:pos x="T10" y="T11"/>
                    </a:cxn>
                    <a:cxn ang="T130">
                      <a:pos x="T12" y="T13"/>
                    </a:cxn>
                    <a:cxn ang="T131">
                      <a:pos x="T14" y="T15"/>
                    </a:cxn>
                    <a:cxn ang="T132">
                      <a:pos x="T16" y="T17"/>
                    </a:cxn>
                    <a:cxn ang="T133">
                      <a:pos x="T18" y="T19"/>
                    </a:cxn>
                    <a:cxn ang="T134">
                      <a:pos x="T20" y="T21"/>
                    </a:cxn>
                    <a:cxn ang="T135">
                      <a:pos x="T22" y="T23"/>
                    </a:cxn>
                    <a:cxn ang="T136">
                      <a:pos x="T24" y="T25"/>
                    </a:cxn>
                    <a:cxn ang="T137">
                      <a:pos x="T26" y="T27"/>
                    </a:cxn>
                    <a:cxn ang="T138">
                      <a:pos x="T28" y="T29"/>
                    </a:cxn>
                    <a:cxn ang="T139">
                      <a:pos x="T30" y="T31"/>
                    </a:cxn>
                    <a:cxn ang="T140">
                      <a:pos x="T32" y="T33"/>
                    </a:cxn>
                    <a:cxn ang="T141">
                      <a:pos x="T34" y="T35"/>
                    </a:cxn>
                    <a:cxn ang="T142">
                      <a:pos x="T36" y="T37"/>
                    </a:cxn>
                    <a:cxn ang="T143">
                      <a:pos x="T38" y="T39"/>
                    </a:cxn>
                    <a:cxn ang="T144">
                      <a:pos x="T40" y="T41"/>
                    </a:cxn>
                    <a:cxn ang="T145">
                      <a:pos x="T42" y="T43"/>
                    </a:cxn>
                    <a:cxn ang="T146">
                      <a:pos x="T44" y="T45"/>
                    </a:cxn>
                    <a:cxn ang="T147">
                      <a:pos x="T46" y="T47"/>
                    </a:cxn>
                    <a:cxn ang="T148">
                      <a:pos x="T48" y="T49"/>
                    </a:cxn>
                    <a:cxn ang="T149">
                      <a:pos x="T50" y="T51"/>
                    </a:cxn>
                    <a:cxn ang="T150">
                      <a:pos x="T52" y="T53"/>
                    </a:cxn>
                    <a:cxn ang="T151">
                      <a:pos x="T54" y="T55"/>
                    </a:cxn>
                    <a:cxn ang="T152">
                      <a:pos x="T56" y="T57"/>
                    </a:cxn>
                    <a:cxn ang="T153">
                      <a:pos x="T58" y="T59"/>
                    </a:cxn>
                    <a:cxn ang="T154">
                      <a:pos x="T60" y="T61"/>
                    </a:cxn>
                    <a:cxn ang="T155">
                      <a:pos x="T62" y="T63"/>
                    </a:cxn>
                    <a:cxn ang="T156">
                      <a:pos x="T64" y="T65"/>
                    </a:cxn>
                    <a:cxn ang="T157">
                      <a:pos x="T66" y="T67"/>
                    </a:cxn>
                    <a:cxn ang="T158">
                      <a:pos x="T68" y="T69"/>
                    </a:cxn>
                    <a:cxn ang="T159">
                      <a:pos x="T70" y="T71"/>
                    </a:cxn>
                    <a:cxn ang="T160">
                      <a:pos x="T72" y="T73"/>
                    </a:cxn>
                    <a:cxn ang="T161">
                      <a:pos x="T74" y="T75"/>
                    </a:cxn>
                    <a:cxn ang="T162">
                      <a:pos x="T76" y="T77"/>
                    </a:cxn>
                    <a:cxn ang="T163">
                      <a:pos x="T78" y="T79"/>
                    </a:cxn>
                    <a:cxn ang="T164">
                      <a:pos x="T80" y="T81"/>
                    </a:cxn>
                    <a:cxn ang="T165">
                      <a:pos x="T82" y="T83"/>
                    </a:cxn>
                    <a:cxn ang="T166">
                      <a:pos x="T84" y="T85"/>
                    </a:cxn>
                    <a:cxn ang="T167">
                      <a:pos x="T86" y="T87"/>
                    </a:cxn>
                    <a:cxn ang="T168">
                      <a:pos x="T88" y="T89"/>
                    </a:cxn>
                    <a:cxn ang="T169">
                      <a:pos x="T90" y="T91"/>
                    </a:cxn>
                    <a:cxn ang="T170">
                      <a:pos x="T92" y="T93"/>
                    </a:cxn>
                    <a:cxn ang="T171">
                      <a:pos x="T94" y="T95"/>
                    </a:cxn>
                    <a:cxn ang="T172">
                      <a:pos x="T96" y="T97"/>
                    </a:cxn>
                    <a:cxn ang="T173">
                      <a:pos x="T98" y="T99"/>
                    </a:cxn>
                    <a:cxn ang="T174">
                      <a:pos x="T100" y="T101"/>
                    </a:cxn>
                    <a:cxn ang="T175">
                      <a:pos x="T102" y="T103"/>
                    </a:cxn>
                    <a:cxn ang="T176">
                      <a:pos x="T104" y="T105"/>
                    </a:cxn>
                    <a:cxn ang="T177">
                      <a:pos x="T106" y="T107"/>
                    </a:cxn>
                    <a:cxn ang="T178">
                      <a:pos x="T108" y="T109"/>
                    </a:cxn>
                    <a:cxn ang="T179">
                      <a:pos x="T110" y="T111"/>
                    </a:cxn>
                    <a:cxn ang="T180">
                      <a:pos x="T112" y="T113"/>
                    </a:cxn>
                    <a:cxn ang="T181">
                      <a:pos x="T114" y="T115"/>
                    </a:cxn>
                    <a:cxn ang="T182">
                      <a:pos x="T116" y="T117"/>
                    </a:cxn>
                    <a:cxn ang="T183">
                      <a:pos x="T118" y="T119"/>
                    </a:cxn>
                    <a:cxn ang="T184">
                      <a:pos x="T120" y="T121"/>
                    </a:cxn>
                    <a:cxn ang="T185">
                      <a:pos x="T122" y="T123"/>
                    </a:cxn>
                  </a:cxnLst>
                  <a:rect l="T186" t="T187" r="T188" b="T189"/>
                  <a:pathLst>
                    <a:path w="564" h="293">
                      <a:moveTo>
                        <a:pt x="0" y="129"/>
                      </a:moveTo>
                      <a:lnTo>
                        <a:pt x="2" y="129"/>
                      </a:lnTo>
                      <a:lnTo>
                        <a:pt x="4" y="129"/>
                      </a:lnTo>
                      <a:lnTo>
                        <a:pt x="6" y="129"/>
                      </a:lnTo>
                      <a:lnTo>
                        <a:pt x="9" y="129"/>
                      </a:lnTo>
                      <a:lnTo>
                        <a:pt x="12" y="129"/>
                      </a:lnTo>
                      <a:lnTo>
                        <a:pt x="17" y="130"/>
                      </a:lnTo>
                      <a:lnTo>
                        <a:pt x="21" y="135"/>
                      </a:lnTo>
                      <a:lnTo>
                        <a:pt x="26" y="140"/>
                      </a:lnTo>
                      <a:lnTo>
                        <a:pt x="29" y="149"/>
                      </a:lnTo>
                      <a:lnTo>
                        <a:pt x="31" y="151"/>
                      </a:lnTo>
                      <a:lnTo>
                        <a:pt x="31" y="152"/>
                      </a:lnTo>
                      <a:lnTo>
                        <a:pt x="34" y="154"/>
                      </a:lnTo>
                      <a:lnTo>
                        <a:pt x="36" y="156"/>
                      </a:lnTo>
                      <a:lnTo>
                        <a:pt x="38" y="157"/>
                      </a:lnTo>
                      <a:lnTo>
                        <a:pt x="39" y="159"/>
                      </a:lnTo>
                      <a:lnTo>
                        <a:pt x="41" y="159"/>
                      </a:lnTo>
                      <a:lnTo>
                        <a:pt x="41" y="161"/>
                      </a:lnTo>
                      <a:lnTo>
                        <a:pt x="44" y="161"/>
                      </a:lnTo>
                      <a:lnTo>
                        <a:pt x="48" y="161"/>
                      </a:lnTo>
                      <a:lnTo>
                        <a:pt x="53" y="161"/>
                      </a:lnTo>
                      <a:lnTo>
                        <a:pt x="60" y="162"/>
                      </a:lnTo>
                      <a:lnTo>
                        <a:pt x="66" y="162"/>
                      </a:lnTo>
                      <a:lnTo>
                        <a:pt x="75" y="164"/>
                      </a:lnTo>
                      <a:lnTo>
                        <a:pt x="83" y="166"/>
                      </a:lnTo>
                      <a:lnTo>
                        <a:pt x="92" y="168"/>
                      </a:lnTo>
                      <a:lnTo>
                        <a:pt x="100" y="169"/>
                      </a:lnTo>
                      <a:lnTo>
                        <a:pt x="109" y="171"/>
                      </a:lnTo>
                      <a:lnTo>
                        <a:pt x="117" y="174"/>
                      </a:lnTo>
                      <a:lnTo>
                        <a:pt x="126" y="176"/>
                      </a:lnTo>
                      <a:lnTo>
                        <a:pt x="132" y="179"/>
                      </a:lnTo>
                      <a:lnTo>
                        <a:pt x="139" y="183"/>
                      </a:lnTo>
                      <a:lnTo>
                        <a:pt x="146" y="186"/>
                      </a:lnTo>
                      <a:lnTo>
                        <a:pt x="148" y="186"/>
                      </a:lnTo>
                      <a:lnTo>
                        <a:pt x="154" y="188"/>
                      </a:lnTo>
                      <a:lnTo>
                        <a:pt x="165" y="190"/>
                      </a:lnTo>
                      <a:lnTo>
                        <a:pt x="175" y="190"/>
                      </a:lnTo>
                      <a:lnTo>
                        <a:pt x="185" y="191"/>
                      </a:lnTo>
                      <a:lnTo>
                        <a:pt x="193" y="193"/>
                      </a:lnTo>
                      <a:lnTo>
                        <a:pt x="200" y="193"/>
                      </a:lnTo>
                      <a:lnTo>
                        <a:pt x="204" y="193"/>
                      </a:lnTo>
                      <a:lnTo>
                        <a:pt x="207" y="198"/>
                      </a:lnTo>
                      <a:lnTo>
                        <a:pt x="210" y="210"/>
                      </a:lnTo>
                      <a:lnTo>
                        <a:pt x="212" y="210"/>
                      </a:lnTo>
                      <a:lnTo>
                        <a:pt x="214" y="210"/>
                      </a:lnTo>
                      <a:lnTo>
                        <a:pt x="219" y="210"/>
                      </a:lnTo>
                      <a:lnTo>
                        <a:pt x="222" y="212"/>
                      </a:lnTo>
                      <a:lnTo>
                        <a:pt x="227" y="215"/>
                      </a:lnTo>
                      <a:lnTo>
                        <a:pt x="231" y="222"/>
                      </a:lnTo>
                      <a:lnTo>
                        <a:pt x="234" y="230"/>
                      </a:lnTo>
                      <a:lnTo>
                        <a:pt x="236" y="242"/>
                      </a:lnTo>
                      <a:lnTo>
                        <a:pt x="236" y="244"/>
                      </a:lnTo>
                      <a:lnTo>
                        <a:pt x="234" y="247"/>
                      </a:lnTo>
                      <a:lnTo>
                        <a:pt x="234" y="250"/>
                      </a:lnTo>
                      <a:lnTo>
                        <a:pt x="234" y="256"/>
                      </a:lnTo>
                      <a:lnTo>
                        <a:pt x="232" y="259"/>
                      </a:lnTo>
                      <a:lnTo>
                        <a:pt x="232" y="262"/>
                      </a:lnTo>
                      <a:lnTo>
                        <a:pt x="231" y="266"/>
                      </a:lnTo>
                      <a:lnTo>
                        <a:pt x="253" y="266"/>
                      </a:lnTo>
                      <a:lnTo>
                        <a:pt x="253" y="267"/>
                      </a:lnTo>
                      <a:lnTo>
                        <a:pt x="251" y="269"/>
                      </a:lnTo>
                      <a:lnTo>
                        <a:pt x="251" y="274"/>
                      </a:lnTo>
                      <a:lnTo>
                        <a:pt x="251" y="279"/>
                      </a:lnTo>
                      <a:lnTo>
                        <a:pt x="251" y="284"/>
                      </a:lnTo>
                      <a:lnTo>
                        <a:pt x="253" y="288"/>
                      </a:lnTo>
                      <a:lnTo>
                        <a:pt x="256" y="291"/>
                      </a:lnTo>
                      <a:lnTo>
                        <a:pt x="261" y="293"/>
                      </a:lnTo>
                      <a:lnTo>
                        <a:pt x="266" y="279"/>
                      </a:lnTo>
                      <a:lnTo>
                        <a:pt x="266" y="281"/>
                      </a:lnTo>
                      <a:lnTo>
                        <a:pt x="266" y="279"/>
                      </a:lnTo>
                      <a:lnTo>
                        <a:pt x="266" y="278"/>
                      </a:lnTo>
                      <a:lnTo>
                        <a:pt x="268" y="274"/>
                      </a:lnTo>
                      <a:lnTo>
                        <a:pt x="270" y="271"/>
                      </a:lnTo>
                      <a:lnTo>
                        <a:pt x="271" y="266"/>
                      </a:lnTo>
                      <a:lnTo>
                        <a:pt x="275" y="261"/>
                      </a:lnTo>
                      <a:lnTo>
                        <a:pt x="276" y="256"/>
                      </a:lnTo>
                      <a:lnTo>
                        <a:pt x="280" y="250"/>
                      </a:lnTo>
                      <a:lnTo>
                        <a:pt x="283" y="245"/>
                      </a:lnTo>
                      <a:lnTo>
                        <a:pt x="286" y="239"/>
                      </a:lnTo>
                      <a:lnTo>
                        <a:pt x="288" y="234"/>
                      </a:lnTo>
                      <a:lnTo>
                        <a:pt x="292" y="228"/>
                      </a:lnTo>
                      <a:lnTo>
                        <a:pt x="293" y="225"/>
                      </a:lnTo>
                      <a:lnTo>
                        <a:pt x="297" y="220"/>
                      </a:lnTo>
                      <a:lnTo>
                        <a:pt x="298" y="218"/>
                      </a:lnTo>
                      <a:lnTo>
                        <a:pt x="298" y="217"/>
                      </a:lnTo>
                      <a:lnTo>
                        <a:pt x="300" y="215"/>
                      </a:lnTo>
                      <a:lnTo>
                        <a:pt x="300" y="206"/>
                      </a:lnTo>
                      <a:lnTo>
                        <a:pt x="302" y="198"/>
                      </a:lnTo>
                      <a:lnTo>
                        <a:pt x="303" y="193"/>
                      </a:lnTo>
                      <a:lnTo>
                        <a:pt x="305" y="191"/>
                      </a:lnTo>
                      <a:lnTo>
                        <a:pt x="307" y="188"/>
                      </a:lnTo>
                      <a:lnTo>
                        <a:pt x="308" y="188"/>
                      </a:lnTo>
                      <a:lnTo>
                        <a:pt x="310" y="188"/>
                      </a:lnTo>
                      <a:lnTo>
                        <a:pt x="308" y="191"/>
                      </a:lnTo>
                      <a:lnTo>
                        <a:pt x="308" y="195"/>
                      </a:lnTo>
                      <a:lnTo>
                        <a:pt x="308" y="198"/>
                      </a:lnTo>
                      <a:lnTo>
                        <a:pt x="308" y="203"/>
                      </a:lnTo>
                      <a:lnTo>
                        <a:pt x="308" y="206"/>
                      </a:lnTo>
                      <a:lnTo>
                        <a:pt x="308" y="210"/>
                      </a:lnTo>
                      <a:lnTo>
                        <a:pt x="310" y="213"/>
                      </a:lnTo>
                      <a:lnTo>
                        <a:pt x="327" y="201"/>
                      </a:lnTo>
                      <a:lnTo>
                        <a:pt x="327" y="193"/>
                      </a:lnTo>
                      <a:lnTo>
                        <a:pt x="336" y="191"/>
                      </a:lnTo>
                      <a:lnTo>
                        <a:pt x="341" y="186"/>
                      </a:lnTo>
                      <a:lnTo>
                        <a:pt x="346" y="191"/>
                      </a:lnTo>
                      <a:lnTo>
                        <a:pt x="344" y="191"/>
                      </a:lnTo>
                      <a:lnTo>
                        <a:pt x="344" y="193"/>
                      </a:lnTo>
                      <a:lnTo>
                        <a:pt x="342" y="196"/>
                      </a:lnTo>
                      <a:lnTo>
                        <a:pt x="341" y="198"/>
                      </a:lnTo>
                      <a:lnTo>
                        <a:pt x="339" y="201"/>
                      </a:lnTo>
                      <a:lnTo>
                        <a:pt x="336" y="205"/>
                      </a:lnTo>
                      <a:lnTo>
                        <a:pt x="336" y="208"/>
                      </a:lnTo>
                      <a:lnTo>
                        <a:pt x="336" y="210"/>
                      </a:lnTo>
                      <a:lnTo>
                        <a:pt x="336" y="215"/>
                      </a:lnTo>
                      <a:lnTo>
                        <a:pt x="336" y="218"/>
                      </a:lnTo>
                      <a:lnTo>
                        <a:pt x="337" y="218"/>
                      </a:lnTo>
                      <a:lnTo>
                        <a:pt x="339" y="217"/>
                      </a:lnTo>
                      <a:lnTo>
                        <a:pt x="341" y="215"/>
                      </a:lnTo>
                      <a:lnTo>
                        <a:pt x="342" y="213"/>
                      </a:lnTo>
                      <a:lnTo>
                        <a:pt x="342" y="212"/>
                      </a:lnTo>
                      <a:lnTo>
                        <a:pt x="344" y="210"/>
                      </a:lnTo>
                      <a:lnTo>
                        <a:pt x="354" y="198"/>
                      </a:lnTo>
                      <a:lnTo>
                        <a:pt x="356" y="198"/>
                      </a:lnTo>
                      <a:lnTo>
                        <a:pt x="359" y="196"/>
                      </a:lnTo>
                      <a:lnTo>
                        <a:pt x="363" y="193"/>
                      </a:lnTo>
                      <a:lnTo>
                        <a:pt x="364" y="193"/>
                      </a:lnTo>
                      <a:lnTo>
                        <a:pt x="363" y="188"/>
                      </a:lnTo>
                      <a:lnTo>
                        <a:pt x="363" y="183"/>
                      </a:lnTo>
                      <a:lnTo>
                        <a:pt x="364" y="179"/>
                      </a:lnTo>
                      <a:lnTo>
                        <a:pt x="366" y="176"/>
                      </a:lnTo>
                      <a:lnTo>
                        <a:pt x="369" y="174"/>
                      </a:lnTo>
                      <a:lnTo>
                        <a:pt x="373" y="173"/>
                      </a:lnTo>
                      <a:lnTo>
                        <a:pt x="374" y="173"/>
                      </a:lnTo>
                      <a:lnTo>
                        <a:pt x="376" y="171"/>
                      </a:lnTo>
                      <a:lnTo>
                        <a:pt x="400" y="173"/>
                      </a:lnTo>
                      <a:lnTo>
                        <a:pt x="400" y="168"/>
                      </a:lnTo>
                      <a:lnTo>
                        <a:pt x="417" y="168"/>
                      </a:lnTo>
                      <a:lnTo>
                        <a:pt x="429" y="151"/>
                      </a:lnTo>
                      <a:lnTo>
                        <a:pt x="468" y="154"/>
                      </a:lnTo>
                      <a:lnTo>
                        <a:pt x="471" y="157"/>
                      </a:lnTo>
                      <a:lnTo>
                        <a:pt x="474" y="159"/>
                      </a:lnTo>
                      <a:lnTo>
                        <a:pt x="479" y="162"/>
                      </a:lnTo>
                      <a:lnTo>
                        <a:pt x="486" y="168"/>
                      </a:lnTo>
                      <a:lnTo>
                        <a:pt x="493" y="171"/>
                      </a:lnTo>
                      <a:lnTo>
                        <a:pt x="498" y="174"/>
                      </a:lnTo>
                      <a:lnTo>
                        <a:pt x="501" y="176"/>
                      </a:lnTo>
                      <a:lnTo>
                        <a:pt x="503" y="174"/>
                      </a:lnTo>
                      <a:lnTo>
                        <a:pt x="503" y="173"/>
                      </a:lnTo>
                      <a:lnTo>
                        <a:pt x="501" y="171"/>
                      </a:lnTo>
                      <a:lnTo>
                        <a:pt x="501" y="166"/>
                      </a:lnTo>
                      <a:lnTo>
                        <a:pt x="500" y="162"/>
                      </a:lnTo>
                      <a:lnTo>
                        <a:pt x="500" y="157"/>
                      </a:lnTo>
                      <a:lnTo>
                        <a:pt x="501" y="154"/>
                      </a:lnTo>
                      <a:lnTo>
                        <a:pt x="501" y="152"/>
                      </a:lnTo>
                      <a:lnTo>
                        <a:pt x="505" y="151"/>
                      </a:lnTo>
                      <a:lnTo>
                        <a:pt x="506" y="149"/>
                      </a:lnTo>
                      <a:lnTo>
                        <a:pt x="508" y="149"/>
                      </a:lnTo>
                      <a:lnTo>
                        <a:pt x="510" y="149"/>
                      </a:lnTo>
                      <a:lnTo>
                        <a:pt x="510" y="152"/>
                      </a:lnTo>
                      <a:lnTo>
                        <a:pt x="513" y="154"/>
                      </a:lnTo>
                      <a:lnTo>
                        <a:pt x="517" y="154"/>
                      </a:lnTo>
                      <a:lnTo>
                        <a:pt x="520" y="154"/>
                      </a:lnTo>
                      <a:lnTo>
                        <a:pt x="525" y="152"/>
                      </a:lnTo>
                      <a:lnTo>
                        <a:pt x="528" y="151"/>
                      </a:lnTo>
                      <a:lnTo>
                        <a:pt x="532" y="151"/>
                      </a:lnTo>
                      <a:lnTo>
                        <a:pt x="532" y="149"/>
                      </a:lnTo>
                      <a:lnTo>
                        <a:pt x="562" y="149"/>
                      </a:lnTo>
                      <a:lnTo>
                        <a:pt x="564" y="144"/>
                      </a:lnTo>
                      <a:lnTo>
                        <a:pt x="559" y="144"/>
                      </a:lnTo>
                      <a:lnTo>
                        <a:pt x="550" y="129"/>
                      </a:lnTo>
                      <a:lnTo>
                        <a:pt x="537" y="129"/>
                      </a:lnTo>
                      <a:lnTo>
                        <a:pt x="537" y="127"/>
                      </a:lnTo>
                      <a:lnTo>
                        <a:pt x="537" y="125"/>
                      </a:lnTo>
                      <a:lnTo>
                        <a:pt x="537" y="124"/>
                      </a:lnTo>
                      <a:lnTo>
                        <a:pt x="535" y="120"/>
                      </a:lnTo>
                      <a:lnTo>
                        <a:pt x="535" y="118"/>
                      </a:lnTo>
                      <a:lnTo>
                        <a:pt x="535" y="117"/>
                      </a:lnTo>
                      <a:lnTo>
                        <a:pt x="535" y="115"/>
                      </a:lnTo>
                      <a:lnTo>
                        <a:pt x="535" y="105"/>
                      </a:lnTo>
                      <a:lnTo>
                        <a:pt x="534" y="100"/>
                      </a:lnTo>
                      <a:lnTo>
                        <a:pt x="530" y="96"/>
                      </a:lnTo>
                      <a:lnTo>
                        <a:pt x="527" y="95"/>
                      </a:lnTo>
                      <a:lnTo>
                        <a:pt x="523" y="95"/>
                      </a:lnTo>
                      <a:lnTo>
                        <a:pt x="520" y="95"/>
                      </a:lnTo>
                      <a:lnTo>
                        <a:pt x="518" y="96"/>
                      </a:lnTo>
                      <a:lnTo>
                        <a:pt x="513" y="102"/>
                      </a:lnTo>
                      <a:lnTo>
                        <a:pt x="508" y="102"/>
                      </a:lnTo>
                      <a:lnTo>
                        <a:pt x="505" y="102"/>
                      </a:lnTo>
                      <a:lnTo>
                        <a:pt x="501" y="102"/>
                      </a:lnTo>
                      <a:lnTo>
                        <a:pt x="500" y="100"/>
                      </a:lnTo>
                      <a:lnTo>
                        <a:pt x="496" y="98"/>
                      </a:lnTo>
                      <a:lnTo>
                        <a:pt x="496" y="96"/>
                      </a:lnTo>
                      <a:lnTo>
                        <a:pt x="496" y="95"/>
                      </a:lnTo>
                      <a:lnTo>
                        <a:pt x="490" y="102"/>
                      </a:lnTo>
                      <a:lnTo>
                        <a:pt x="468" y="100"/>
                      </a:lnTo>
                      <a:lnTo>
                        <a:pt x="466" y="95"/>
                      </a:lnTo>
                      <a:lnTo>
                        <a:pt x="462" y="73"/>
                      </a:lnTo>
                      <a:lnTo>
                        <a:pt x="466" y="68"/>
                      </a:lnTo>
                      <a:lnTo>
                        <a:pt x="464" y="61"/>
                      </a:lnTo>
                      <a:lnTo>
                        <a:pt x="462" y="63"/>
                      </a:lnTo>
                      <a:lnTo>
                        <a:pt x="459" y="63"/>
                      </a:lnTo>
                      <a:lnTo>
                        <a:pt x="456" y="64"/>
                      </a:lnTo>
                      <a:lnTo>
                        <a:pt x="452" y="66"/>
                      </a:lnTo>
                      <a:lnTo>
                        <a:pt x="449" y="66"/>
                      </a:lnTo>
                      <a:lnTo>
                        <a:pt x="447" y="68"/>
                      </a:lnTo>
                      <a:lnTo>
                        <a:pt x="440" y="71"/>
                      </a:lnTo>
                      <a:lnTo>
                        <a:pt x="434" y="73"/>
                      </a:lnTo>
                      <a:lnTo>
                        <a:pt x="427" y="74"/>
                      </a:lnTo>
                      <a:lnTo>
                        <a:pt x="420" y="78"/>
                      </a:lnTo>
                      <a:lnTo>
                        <a:pt x="413" y="78"/>
                      </a:lnTo>
                      <a:lnTo>
                        <a:pt x="407" y="80"/>
                      </a:lnTo>
                      <a:lnTo>
                        <a:pt x="402" y="81"/>
                      </a:lnTo>
                      <a:lnTo>
                        <a:pt x="395" y="81"/>
                      </a:lnTo>
                      <a:lnTo>
                        <a:pt x="390" y="83"/>
                      </a:lnTo>
                      <a:lnTo>
                        <a:pt x="383" y="83"/>
                      </a:lnTo>
                      <a:lnTo>
                        <a:pt x="380" y="83"/>
                      </a:lnTo>
                      <a:lnTo>
                        <a:pt x="374" y="83"/>
                      </a:lnTo>
                      <a:lnTo>
                        <a:pt x="371" y="83"/>
                      </a:lnTo>
                      <a:lnTo>
                        <a:pt x="369" y="83"/>
                      </a:lnTo>
                      <a:lnTo>
                        <a:pt x="368" y="83"/>
                      </a:lnTo>
                      <a:lnTo>
                        <a:pt x="330" y="118"/>
                      </a:lnTo>
                      <a:lnTo>
                        <a:pt x="324" y="117"/>
                      </a:lnTo>
                      <a:lnTo>
                        <a:pt x="317" y="117"/>
                      </a:lnTo>
                      <a:lnTo>
                        <a:pt x="315" y="117"/>
                      </a:lnTo>
                      <a:lnTo>
                        <a:pt x="312" y="117"/>
                      </a:lnTo>
                      <a:lnTo>
                        <a:pt x="308" y="117"/>
                      </a:lnTo>
                      <a:lnTo>
                        <a:pt x="307" y="117"/>
                      </a:lnTo>
                      <a:lnTo>
                        <a:pt x="305" y="112"/>
                      </a:lnTo>
                      <a:lnTo>
                        <a:pt x="303" y="110"/>
                      </a:lnTo>
                      <a:lnTo>
                        <a:pt x="300" y="108"/>
                      </a:lnTo>
                      <a:lnTo>
                        <a:pt x="297" y="110"/>
                      </a:lnTo>
                      <a:lnTo>
                        <a:pt x="292" y="112"/>
                      </a:lnTo>
                      <a:lnTo>
                        <a:pt x="288" y="113"/>
                      </a:lnTo>
                      <a:lnTo>
                        <a:pt x="286" y="115"/>
                      </a:lnTo>
                      <a:lnTo>
                        <a:pt x="285" y="115"/>
                      </a:lnTo>
                      <a:lnTo>
                        <a:pt x="266" y="115"/>
                      </a:lnTo>
                      <a:lnTo>
                        <a:pt x="263" y="108"/>
                      </a:lnTo>
                      <a:lnTo>
                        <a:pt x="263" y="107"/>
                      </a:lnTo>
                      <a:lnTo>
                        <a:pt x="261" y="105"/>
                      </a:lnTo>
                      <a:lnTo>
                        <a:pt x="258" y="102"/>
                      </a:lnTo>
                      <a:lnTo>
                        <a:pt x="254" y="100"/>
                      </a:lnTo>
                      <a:lnTo>
                        <a:pt x="253" y="96"/>
                      </a:lnTo>
                      <a:lnTo>
                        <a:pt x="249" y="93"/>
                      </a:lnTo>
                      <a:lnTo>
                        <a:pt x="246" y="90"/>
                      </a:lnTo>
                      <a:lnTo>
                        <a:pt x="244" y="88"/>
                      </a:lnTo>
                      <a:lnTo>
                        <a:pt x="236" y="78"/>
                      </a:lnTo>
                      <a:lnTo>
                        <a:pt x="226" y="71"/>
                      </a:lnTo>
                      <a:lnTo>
                        <a:pt x="217" y="69"/>
                      </a:lnTo>
                      <a:lnTo>
                        <a:pt x="209" y="69"/>
                      </a:lnTo>
                      <a:lnTo>
                        <a:pt x="200" y="73"/>
                      </a:lnTo>
                      <a:lnTo>
                        <a:pt x="195" y="76"/>
                      </a:lnTo>
                      <a:lnTo>
                        <a:pt x="192" y="78"/>
                      </a:lnTo>
                      <a:lnTo>
                        <a:pt x="190" y="80"/>
                      </a:lnTo>
                      <a:lnTo>
                        <a:pt x="190" y="78"/>
                      </a:lnTo>
                      <a:lnTo>
                        <a:pt x="192" y="74"/>
                      </a:lnTo>
                      <a:lnTo>
                        <a:pt x="192" y="73"/>
                      </a:lnTo>
                      <a:lnTo>
                        <a:pt x="193" y="71"/>
                      </a:lnTo>
                      <a:lnTo>
                        <a:pt x="193" y="68"/>
                      </a:lnTo>
                      <a:lnTo>
                        <a:pt x="193" y="66"/>
                      </a:lnTo>
                      <a:lnTo>
                        <a:pt x="188" y="68"/>
                      </a:lnTo>
                      <a:lnTo>
                        <a:pt x="183" y="69"/>
                      </a:lnTo>
                      <a:lnTo>
                        <a:pt x="180" y="74"/>
                      </a:lnTo>
                      <a:lnTo>
                        <a:pt x="176" y="80"/>
                      </a:lnTo>
                      <a:lnTo>
                        <a:pt x="173" y="85"/>
                      </a:lnTo>
                      <a:lnTo>
                        <a:pt x="171" y="88"/>
                      </a:lnTo>
                      <a:lnTo>
                        <a:pt x="170" y="91"/>
                      </a:lnTo>
                      <a:lnTo>
                        <a:pt x="168" y="64"/>
                      </a:lnTo>
                      <a:lnTo>
                        <a:pt x="168" y="66"/>
                      </a:lnTo>
                      <a:lnTo>
                        <a:pt x="166" y="66"/>
                      </a:lnTo>
                      <a:lnTo>
                        <a:pt x="165" y="66"/>
                      </a:lnTo>
                      <a:lnTo>
                        <a:pt x="163" y="64"/>
                      </a:lnTo>
                      <a:lnTo>
                        <a:pt x="163" y="63"/>
                      </a:lnTo>
                      <a:lnTo>
                        <a:pt x="161" y="61"/>
                      </a:lnTo>
                      <a:lnTo>
                        <a:pt x="163" y="56"/>
                      </a:lnTo>
                      <a:lnTo>
                        <a:pt x="163" y="52"/>
                      </a:lnTo>
                      <a:lnTo>
                        <a:pt x="165" y="49"/>
                      </a:lnTo>
                      <a:lnTo>
                        <a:pt x="166" y="49"/>
                      </a:lnTo>
                      <a:lnTo>
                        <a:pt x="166" y="51"/>
                      </a:lnTo>
                      <a:lnTo>
                        <a:pt x="168" y="52"/>
                      </a:lnTo>
                      <a:lnTo>
                        <a:pt x="168" y="54"/>
                      </a:lnTo>
                      <a:lnTo>
                        <a:pt x="168" y="52"/>
                      </a:lnTo>
                      <a:lnTo>
                        <a:pt x="168" y="51"/>
                      </a:lnTo>
                      <a:lnTo>
                        <a:pt x="168" y="49"/>
                      </a:lnTo>
                      <a:lnTo>
                        <a:pt x="166" y="47"/>
                      </a:lnTo>
                      <a:lnTo>
                        <a:pt x="168" y="49"/>
                      </a:lnTo>
                      <a:lnTo>
                        <a:pt x="168" y="54"/>
                      </a:lnTo>
                      <a:lnTo>
                        <a:pt x="170" y="59"/>
                      </a:lnTo>
                      <a:lnTo>
                        <a:pt x="171" y="61"/>
                      </a:lnTo>
                      <a:lnTo>
                        <a:pt x="173" y="61"/>
                      </a:lnTo>
                      <a:lnTo>
                        <a:pt x="175" y="61"/>
                      </a:lnTo>
                      <a:lnTo>
                        <a:pt x="175" y="58"/>
                      </a:lnTo>
                      <a:lnTo>
                        <a:pt x="176" y="56"/>
                      </a:lnTo>
                      <a:lnTo>
                        <a:pt x="176" y="54"/>
                      </a:lnTo>
                      <a:lnTo>
                        <a:pt x="185" y="46"/>
                      </a:lnTo>
                      <a:lnTo>
                        <a:pt x="187" y="37"/>
                      </a:lnTo>
                      <a:lnTo>
                        <a:pt x="207" y="19"/>
                      </a:lnTo>
                      <a:lnTo>
                        <a:pt x="214" y="8"/>
                      </a:lnTo>
                      <a:lnTo>
                        <a:pt x="212" y="8"/>
                      </a:lnTo>
                      <a:lnTo>
                        <a:pt x="212" y="10"/>
                      </a:lnTo>
                      <a:lnTo>
                        <a:pt x="214" y="10"/>
                      </a:lnTo>
                      <a:lnTo>
                        <a:pt x="222" y="7"/>
                      </a:lnTo>
                      <a:lnTo>
                        <a:pt x="226" y="5"/>
                      </a:lnTo>
                      <a:lnTo>
                        <a:pt x="227" y="3"/>
                      </a:lnTo>
                      <a:lnTo>
                        <a:pt x="224" y="2"/>
                      </a:lnTo>
                      <a:lnTo>
                        <a:pt x="219" y="2"/>
                      </a:lnTo>
                      <a:lnTo>
                        <a:pt x="215" y="0"/>
                      </a:lnTo>
                      <a:lnTo>
                        <a:pt x="210" y="0"/>
                      </a:lnTo>
                      <a:lnTo>
                        <a:pt x="209" y="0"/>
                      </a:lnTo>
                      <a:lnTo>
                        <a:pt x="197" y="2"/>
                      </a:lnTo>
                      <a:lnTo>
                        <a:pt x="185" y="5"/>
                      </a:lnTo>
                      <a:lnTo>
                        <a:pt x="176" y="12"/>
                      </a:lnTo>
                      <a:lnTo>
                        <a:pt x="168" y="19"/>
                      </a:lnTo>
                      <a:lnTo>
                        <a:pt x="163" y="25"/>
                      </a:lnTo>
                      <a:lnTo>
                        <a:pt x="158" y="30"/>
                      </a:lnTo>
                      <a:lnTo>
                        <a:pt x="154" y="34"/>
                      </a:lnTo>
                      <a:lnTo>
                        <a:pt x="154" y="36"/>
                      </a:lnTo>
                      <a:lnTo>
                        <a:pt x="146" y="37"/>
                      </a:lnTo>
                      <a:lnTo>
                        <a:pt x="141" y="41"/>
                      </a:lnTo>
                      <a:lnTo>
                        <a:pt x="136" y="46"/>
                      </a:lnTo>
                      <a:lnTo>
                        <a:pt x="132" y="51"/>
                      </a:lnTo>
                      <a:lnTo>
                        <a:pt x="131" y="56"/>
                      </a:lnTo>
                      <a:lnTo>
                        <a:pt x="127" y="61"/>
                      </a:lnTo>
                      <a:lnTo>
                        <a:pt x="126" y="64"/>
                      </a:lnTo>
                      <a:lnTo>
                        <a:pt x="122" y="66"/>
                      </a:lnTo>
                      <a:lnTo>
                        <a:pt x="119" y="68"/>
                      </a:lnTo>
                      <a:lnTo>
                        <a:pt x="114" y="69"/>
                      </a:lnTo>
                      <a:lnTo>
                        <a:pt x="109" y="73"/>
                      </a:lnTo>
                      <a:lnTo>
                        <a:pt x="104" y="78"/>
                      </a:lnTo>
                      <a:lnTo>
                        <a:pt x="99" y="81"/>
                      </a:lnTo>
                      <a:lnTo>
                        <a:pt x="95" y="85"/>
                      </a:lnTo>
                      <a:lnTo>
                        <a:pt x="92" y="88"/>
                      </a:lnTo>
                      <a:lnTo>
                        <a:pt x="92" y="90"/>
                      </a:lnTo>
                      <a:lnTo>
                        <a:pt x="83" y="90"/>
                      </a:lnTo>
                      <a:lnTo>
                        <a:pt x="73" y="90"/>
                      </a:lnTo>
                      <a:lnTo>
                        <a:pt x="73" y="91"/>
                      </a:lnTo>
                      <a:lnTo>
                        <a:pt x="70" y="91"/>
                      </a:lnTo>
                      <a:lnTo>
                        <a:pt x="66" y="91"/>
                      </a:lnTo>
                      <a:lnTo>
                        <a:pt x="65" y="93"/>
                      </a:lnTo>
                      <a:lnTo>
                        <a:pt x="60" y="93"/>
                      </a:lnTo>
                      <a:lnTo>
                        <a:pt x="56" y="95"/>
                      </a:lnTo>
                      <a:lnTo>
                        <a:pt x="55" y="96"/>
                      </a:lnTo>
                      <a:lnTo>
                        <a:pt x="53" y="96"/>
                      </a:lnTo>
                      <a:lnTo>
                        <a:pt x="46" y="105"/>
                      </a:lnTo>
                      <a:lnTo>
                        <a:pt x="38" y="112"/>
                      </a:lnTo>
                      <a:lnTo>
                        <a:pt x="29" y="117"/>
                      </a:lnTo>
                      <a:lnTo>
                        <a:pt x="21" y="120"/>
                      </a:lnTo>
                      <a:lnTo>
                        <a:pt x="12" y="124"/>
                      </a:lnTo>
                      <a:lnTo>
                        <a:pt x="7" y="127"/>
                      </a:lnTo>
                      <a:lnTo>
                        <a:pt x="2" y="127"/>
                      </a:lnTo>
                      <a:lnTo>
                        <a:pt x="0" y="129"/>
                      </a:lnTo>
                      <a:close/>
                    </a:path>
                  </a:pathLst>
                </a:custGeom>
                <a:solidFill>
                  <a:srgbClr val="2D73FF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15" name="Freeform 128"/>
                <p:cNvSpPr>
                  <a:spLocks/>
                </p:cNvSpPr>
                <p:nvPr/>
              </p:nvSpPr>
              <p:spPr bwMode="auto">
                <a:xfrm>
                  <a:off x="3490" y="1273"/>
                  <a:ext cx="366" cy="503"/>
                </a:xfrm>
                <a:custGeom>
                  <a:avLst/>
                  <a:gdLst>
                    <a:gd name="T0" fmla="*/ 211 w 377"/>
                    <a:gd name="T1" fmla="*/ 296 h 519"/>
                    <a:gd name="T2" fmla="*/ 216 w 377"/>
                    <a:gd name="T3" fmla="*/ 272 h 519"/>
                    <a:gd name="T4" fmla="*/ 230 w 377"/>
                    <a:gd name="T5" fmla="*/ 256 h 519"/>
                    <a:gd name="T6" fmla="*/ 236 w 377"/>
                    <a:gd name="T7" fmla="*/ 241 h 519"/>
                    <a:gd name="T8" fmla="*/ 237 w 377"/>
                    <a:gd name="T9" fmla="*/ 233 h 519"/>
                    <a:gd name="T10" fmla="*/ 244 w 377"/>
                    <a:gd name="T11" fmla="*/ 236 h 519"/>
                    <a:gd name="T12" fmla="*/ 248 w 377"/>
                    <a:gd name="T13" fmla="*/ 233 h 519"/>
                    <a:gd name="T14" fmla="*/ 250 w 377"/>
                    <a:gd name="T15" fmla="*/ 204 h 519"/>
                    <a:gd name="T16" fmla="*/ 229 w 377"/>
                    <a:gd name="T17" fmla="*/ 139 h 519"/>
                    <a:gd name="T18" fmla="*/ 214 w 377"/>
                    <a:gd name="T19" fmla="*/ 122 h 519"/>
                    <a:gd name="T20" fmla="*/ 204 w 377"/>
                    <a:gd name="T21" fmla="*/ 128 h 519"/>
                    <a:gd name="T22" fmla="*/ 192 w 377"/>
                    <a:gd name="T23" fmla="*/ 133 h 519"/>
                    <a:gd name="T24" fmla="*/ 186 w 377"/>
                    <a:gd name="T25" fmla="*/ 148 h 519"/>
                    <a:gd name="T26" fmla="*/ 176 w 377"/>
                    <a:gd name="T27" fmla="*/ 162 h 519"/>
                    <a:gd name="T28" fmla="*/ 172 w 377"/>
                    <a:gd name="T29" fmla="*/ 168 h 519"/>
                    <a:gd name="T30" fmla="*/ 166 w 377"/>
                    <a:gd name="T31" fmla="*/ 166 h 519"/>
                    <a:gd name="T32" fmla="*/ 153 w 377"/>
                    <a:gd name="T33" fmla="*/ 155 h 519"/>
                    <a:gd name="T34" fmla="*/ 156 w 377"/>
                    <a:gd name="T35" fmla="*/ 139 h 519"/>
                    <a:gd name="T36" fmla="*/ 164 w 377"/>
                    <a:gd name="T37" fmla="*/ 135 h 519"/>
                    <a:gd name="T38" fmla="*/ 182 w 377"/>
                    <a:gd name="T39" fmla="*/ 98 h 519"/>
                    <a:gd name="T40" fmla="*/ 182 w 377"/>
                    <a:gd name="T41" fmla="*/ 76 h 519"/>
                    <a:gd name="T42" fmla="*/ 173 w 377"/>
                    <a:gd name="T43" fmla="*/ 59 h 519"/>
                    <a:gd name="T44" fmla="*/ 169 w 377"/>
                    <a:gd name="T45" fmla="*/ 47 h 519"/>
                    <a:gd name="T46" fmla="*/ 178 w 377"/>
                    <a:gd name="T47" fmla="*/ 48 h 519"/>
                    <a:gd name="T48" fmla="*/ 164 w 377"/>
                    <a:gd name="T49" fmla="*/ 26 h 519"/>
                    <a:gd name="T50" fmla="*/ 140 w 377"/>
                    <a:gd name="T51" fmla="*/ 16 h 519"/>
                    <a:gd name="T52" fmla="*/ 91 w 377"/>
                    <a:gd name="T53" fmla="*/ 0 h 519"/>
                    <a:gd name="T54" fmla="*/ 77 w 377"/>
                    <a:gd name="T55" fmla="*/ 10 h 519"/>
                    <a:gd name="T56" fmla="*/ 71 w 377"/>
                    <a:gd name="T57" fmla="*/ 23 h 519"/>
                    <a:gd name="T58" fmla="*/ 79 w 377"/>
                    <a:gd name="T59" fmla="*/ 33 h 519"/>
                    <a:gd name="T60" fmla="*/ 72 w 377"/>
                    <a:gd name="T61" fmla="*/ 37 h 519"/>
                    <a:gd name="T62" fmla="*/ 57 w 377"/>
                    <a:gd name="T63" fmla="*/ 46 h 519"/>
                    <a:gd name="T64" fmla="*/ 59 w 377"/>
                    <a:gd name="T65" fmla="*/ 66 h 519"/>
                    <a:gd name="T66" fmla="*/ 55 w 377"/>
                    <a:gd name="T67" fmla="*/ 81 h 519"/>
                    <a:gd name="T68" fmla="*/ 47 w 377"/>
                    <a:gd name="T69" fmla="*/ 85 h 519"/>
                    <a:gd name="T70" fmla="*/ 47 w 377"/>
                    <a:gd name="T71" fmla="*/ 69 h 519"/>
                    <a:gd name="T72" fmla="*/ 44 w 377"/>
                    <a:gd name="T73" fmla="*/ 53 h 519"/>
                    <a:gd name="T74" fmla="*/ 42 w 377"/>
                    <a:gd name="T75" fmla="*/ 59 h 519"/>
                    <a:gd name="T76" fmla="*/ 36 w 377"/>
                    <a:gd name="T77" fmla="*/ 74 h 519"/>
                    <a:gd name="T78" fmla="*/ 25 w 377"/>
                    <a:gd name="T79" fmla="*/ 75 h 519"/>
                    <a:gd name="T80" fmla="*/ 18 w 377"/>
                    <a:gd name="T81" fmla="*/ 78 h 519"/>
                    <a:gd name="T82" fmla="*/ 17 w 377"/>
                    <a:gd name="T83" fmla="*/ 91 h 519"/>
                    <a:gd name="T84" fmla="*/ 17 w 377"/>
                    <a:gd name="T85" fmla="*/ 103 h 519"/>
                    <a:gd name="T86" fmla="*/ 17 w 377"/>
                    <a:gd name="T87" fmla="*/ 117 h 519"/>
                    <a:gd name="T88" fmla="*/ 10 w 377"/>
                    <a:gd name="T89" fmla="*/ 139 h 519"/>
                    <a:gd name="T90" fmla="*/ 3 w 377"/>
                    <a:gd name="T91" fmla="*/ 150 h 519"/>
                    <a:gd name="T92" fmla="*/ 10 w 377"/>
                    <a:gd name="T93" fmla="*/ 170 h 519"/>
                    <a:gd name="T94" fmla="*/ 3 w 377"/>
                    <a:gd name="T95" fmla="*/ 178 h 519"/>
                    <a:gd name="T96" fmla="*/ 17 w 377"/>
                    <a:gd name="T97" fmla="*/ 201 h 519"/>
                    <a:gd name="T98" fmla="*/ 17 w 377"/>
                    <a:gd name="T99" fmla="*/ 215 h 519"/>
                    <a:gd name="T100" fmla="*/ 30 w 377"/>
                    <a:gd name="T101" fmla="*/ 246 h 519"/>
                    <a:gd name="T102" fmla="*/ 28 w 377"/>
                    <a:gd name="T103" fmla="*/ 282 h 519"/>
                    <a:gd name="T104" fmla="*/ 17 w 377"/>
                    <a:gd name="T105" fmla="*/ 306 h 519"/>
                    <a:gd name="T106" fmla="*/ 17 w 377"/>
                    <a:gd name="T107" fmla="*/ 320 h 519"/>
                    <a:gd name="T108" fmla="*/ 3 w 377"/>
                    <a:gd name="T109" fmla="*/ 334 h 519"/>
                    <a:gd name="T110" fmla="*/ 201 w 377"/>
                    <a:gd name="T111" fmla="*/ 320 h 519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w 377"/>
                    <a:gd name="T169" fmla="*/ 0 h 519"/>
                    <a:gd name="T170" fmla="*/ 377 w 377"/>
                    <a:gd name="T171" fmla="*/ 519 h 519"/>
                  </a:gdLst>
                  <a:ahLst/>
                  <a:cxnLst>
                    <a:cxn ang="T112">
                      <a:pos x="T0" y="T1"/>
                    </a:cxn>
                    <a:cxn ang="T113">
                      <a:pos x="T2" y="T3"/>
                    </a:cxn>
                    <a:cxn ang="T114">
                      <a:pos x="T4" y="T5"/>
                    </a:cxn>
                    <a:cxn ang="T115">
                      <a:pos x="T6" y="T7"/>
                    </a:cxn>
                    <a:cxn ang="T116">
                      <a:pos x="T8" y="T9"/>
                    </a:cxn>
                    <a:cxn ang="T117">
                      <a:pos x="T10" y="T11"/>
                    </a:cxn>
                    <a:cxn ang="T118">
                      <a:pos x="T12" y="T13"/>
                    </a:cxn>
                    <a:cxn ang="T119">
                      <a:pos x="T14" y="T15"/>
                    </a:cxn>
                    <a:cxn ang="T120">
                      <a:pos x="T16" y="T17"/>
                    </a:cxn>
                    <a:cxn ang="T121">
                      <a:pos x="T18" y="T19"/>
                    </a:cxn>
                    <a:cxn ang="T122">
                      <a:pos x="T20" y="T21"/>
                    </a:cxn>
                    <a:cxn ang="T123">
                      <a:pos x="T22" y="T23"/>
                    </a:cxn>
                    <a:cxn ang="T124">
                      <a:pos x="T24" y="T25"/>
                    </a:cxn>
                    <a:cxn ang="T125">
                      <a:pos x="T26" y="T27"/>
                    </a:cxn>
                    <a:cxn ang="T126">
                      <a:pos x="T28" y="T29"/>
                    </a:cxn>
                    <a:cxn ang="T127">
                      <a:pos x="T30" y="T31"/>
                    </a:cxn>
                    <a:cxn ang="T128">
                      <a:pos x="T32" y="T33"/>
                    </a:cxn>
                    <a:cxn ang="T129">
                      <a:pos x="T34" y="T35"/>
                    </a:cxn>
                    <a:cxn ang="T130">
                      <a:pos x="T36" y="T37"/>
                    </a:cxn>
                    <a:cxn ang="T131">
                      <a:pos x="T38" y="T39"/>
                    </a:cxn>
                    <a:cxn ang="T132">
                      <a:pos x="T40" y="T41"/>
                    </a:cxn>
                    <a:cxn ang="T133">
                      <a:pos x="T42" y="T43"/>
                    </a:cxn>
                    <a:cxn ang="T134">
                      <a:pos x="T44" y="T45"/>
                    </a:cxn>
                    <a:cxn ang="T135">
                      <a:pos x="T46" y="T47"/>
                    </a:cxn>
                    <a:cxn ang="T136">
                      <a:pos x="T48" y="T49"/>
                    </a:cxn>
                    <a:cxn ang="T137">
                      <a:pos x="T50" y="T51"/>
                    </a:cxn>
                    <a:cxn ang="T138">
                      <a:pos x="T52" y="T53"/>
                    </a:cxn>
                    <a:cxn ang="T139">
                      <a:pos x="T54" y="T55"/>
                    </a:cxn>
                    <a:cxn ang="T140">
                      <a:pos x="T56" y="T57"/>
                    </a:cxn>
                    <a:cxn ang="T141">
                      <a:pos x="T58" y="T59"/>
                    </a:cxn>
                    <a:cxn ang="T142">
                      <a:pos x="T60" y="T61"/>
                    </a:cxn>
                    <a:cxn ang="T143">
                      <a:pos x="T62" y="T63"/>
                    </a:cxn>
                    <a:cxn ang="T144">
                      <a:pos x="T64" y="T65"/>
                    </a:cxn>
                    <a:cxn ang="T145">
                      <a:pos x="T66" y="T67"/>
                    </a:cxn>
                    <a:cxn ang="T146">
                      <a:pos x="T68" y="T69"/>
                    </a:cxn>
                    <a:cxn ang="T147">
                      <a:pos x="T70" y="T71"/>
                    </a:cxn>
                    <a:cxn ang="T148">
                      <a:pos x="T72" y="T73"/>
                    </a:cxn>
                    <a:cxn ang="T149">
                      <a:pos x="T74" y="T75"/>
                    </a:cxn>
                    <a:cxn ang="T150">
                      <a:pos x="T76" y="T77"/>
                    </a:cxn>
                    <a:cxn ang="T151">
                      <a:pos x="T78" y="T79"/>
                    </a:cxn>
                    <a:cxn ang="T152">
                      <a:pos x="T80" y="T81"/>
                    </a:cxn>
                    <a:cxn ang="T153">
                      <a:pos x="T82" y="T83"/>
                    </a:cxn>
                    <a:cxn ang="T154">
                      <a:pos x="T84" y="T85"/>
                    </a:cxn>
                    <a:cxn ang="T155">
                      <a:pos x="T86" y="T87"/>
                    </a:cxn>
                    <a:cxn ang="T156">
                      <a:pos x="T88" y="T89"/>
                    </a:cxn>
                    <a:cxn ang="T157">
                      <a:pos x="T90" y="T91"/>
                    </a:cxn>
                    <a:cxn ang="T158">
                      <a:pos x="T92" y="T93"/>
                    </a:cxn>
                    <a:cxn ang="T159">
                      <a:pos x="T94" y="T95"/>
                    </a:cxn>
                    <a:cxn ang="T160">
                      <a:pos x="T96" y="T97"/>
                    </a:cxn>
                    <a:cxn ang="T161">
                      <a:pos x="T98" y="T99"/>
                    </a:cxn>
                    <a:cxn ang="T162">
                      <a:pos x="T100" y="T101"/>
                    </a:cxn>
                    <a:cxn ang="T163">
                      <a:pos x="T102" y="T103"/>
                    </a:cxn>
                    <a:cxn ang="T164">
                      <a:pos x="T104" y="T105"/>
                    </a:cxn>
                    <a:cxn ang="T165">
                      <a:pos x="T106" y="T107"/>
                    </a:cxn>
                    <a:cxn ang="T166">
                      <a:pos x="T108" y="T109"/>
                    </a:cxn>
                    <a:cxn ang="T167">
                      <a:pos x="T110" y="T111"/>
                    </a:cxn>
                  </a:cxnLst>
                  <a:rect l="T168" t="T169" r="T170" b="T171"/>
                  <a:pathLst>
                    <a:path w="377" h="519">
                      <a:moveTo>
                        <a:pt x="304" y="496"/>
                      </a:moveTo>
                      <a:lnTo>
                        <a:pt x="304" y="489"/>
                      </a:lnTo>
                      <a:lnTo>
                        <a:pt x="308" y="480"/>
                      </a:lnTo>
                      <a:lnTo>
                        <a:pt x="311" y="472"/>
                      </a:lnTo>
                      <a:lnTo>
                        <a:pt x="314" y="465"/>
                      </a:lnTo>
                      <a:lnTo>
                        <a:pt x="320" y="458"/>
                      </a:lnTo>
                      <a:lnTo>
                        <a:pt x="325" y="453"/>
                      </a:lnTo>
                      <a:lnTo>
                        <a:pt x="326" y="450"/>
                      </a:lnTo>
                      <a:lnTo>
                        <a:pt x="328" y="448"/>
                      </a:lnTo>
                      <a:lnTo>
                        <a:pt x="326" y="438"/>
                      </a:lnTo>
                      <a:lnTo>
                        <a:pt x="326" y="430"/>
                      </a:lnTo>
                      <a:lnTo>
                        <a:pt x="328" y="421"/>
                      </a:lnTo>
                      <a:lnTo>
                        <a:pt x="330" y="416"/>
                      </a:lnTo>
                      <a:lnTo>
                        <a:pt x="333" y="411"/>
                      </a:lnTo>
                      <a:lnTo>
                        <a:pt x="336" y="408"/>
                      </a:lnTo>
                      <a:lnTo>
                        <a:pt x="338" y="406"/>
                      </a:lnTo>
                      <a:lnTo>
                        <a:pt x="340" y="406"/>
                      </a:lnTo>
                      <a:lnTo>
                        <a:pt x="348" y="396"/>
                      </a:lnTo>
                      <a:lnTo>
                        <a:pt x="350" y="386"/>
                      </a:lnTo>
                      <a:lnTo>
                        <a:pt x="350" y="384"/>
                      </a:lnTo>
                      <a:lnTo>
                        <a:pt x="350" y="382"/>
                      </a:lnTo>
                      <a:lnTo>
                        <a:pt x="352" y="381"/>
                      </a:lnTo>
                      <a:lnTo>
                        <a:pt x="352" y="379"/>
                      </a:lnTo>
                      <a:lnTo>
                        <a:pt x="355" y="375"/>
                      </a:lnTo>
                      <a:lnTo>
                        <a:pt x="355" y="372"/>
                      </a:lnTo>
                      <a:lnTo>
                        <a:pt x="353" y="370"/>
                      </a:lnTo>
                      <a:lnTo>
                        <a:pt x="355" y="365"/>
                      </a:lnTo>
                      <a:lnTo>
                        <a:pt x="355" y="362"/>
                      </a:lnTo>
                      <a:lnTo>
                        <a:pt x="358" y="360"/>
                      </a:lnTo>
                      <a:lnTo>
                        <a:pt x="360" y="360"/>
                      </a:lnTo>
                      <a:lnTo>
                        <a:pt x="364" y="359"/>
                      </a:lnTo>
                      <a:lnTo>
                        <a:pt x="365" y="360"/>
                      </a:lnTo>
                      <a:lnTo>
                        <a:pt x="367" y="360"/>
                      </a:lnTo>
                      <a:lnTo>
                        <a:pt x="369" y="360"/>
                      </a:lnTo>
                      <a:lnTo>
                        <a:pt x="369" y="365"/>
                      </a:lnTo>
                      <a:lnTo>
                        <a:pt x="370" y="367"/>
                      </a:lnTo>
                      <a:lnTo>
                        <a:pt x="372" y="367"/>
                      </a:lnTo>
                      <a:lnTo>
                        <a:pt x="372" y="365"/>
                      </a:lnTo>
                      <a:lnTo>
                        <a:pt x="374" y="364"/>
                      </a:lnTo>
                      <a:lnTo>
                        <a:pt x="374" y="362"/>
                      </a:lnTo>
                      <a:lnTo>
                        <a:pt x="375" y="360"/>
                      </a:lnTo>
                      <a:lnTo>
                        <a:pt x="377" y="316"/>
                      </a:lnTo>
                      <a:lnTo>
                        <a:pt x="377" y="318"/>
                      </a:lnTo>
                      <a:lnTo>
                        <a:pt x="377" y="316"/>
                      </a:lnTo>
                      <a:lnTo>
                        <a:pt x="372" y="293"/>
                      </a:lnTo>
                      <a:lnTo>
                        <a:pt x="365" y="271"/>
                      </a:lnTo>
                      <a:lnTo>
                        <a:pt x="360" y="254"/>
                      </a:lnTo>
                      <a:lnTo>
                        <a:pt x="355" y="237"/>
                      </a:lnTo>
                      <a:lnTo>
                        <a:pt x="350" y="225"/>
                      </a:lnTo>
                      <a:lnTo>
                        <a:pt x="345" y="215"/>
                      </a:lnTo>
                      <a:lnTo>
                        <a:pt x="340" y="206"/>
                      </a:lnTo>
                      <a:lnTo>
                        <a:pt x="336" y="199"/>
                      </a:lnTo>
                      <a:lnTo>
                        <a:pt x="333" y="196"/>
                      </a:lnTo>
                      <a:lnTo>
                        <a:pt x="330" y="193"/>
                      </a:lnTo>
                      <a:lnTo>
                        <a:pt x="326" y="191"/>
                      </a:lnTo>
                      <a:lnTo>
                        <a:pt x="323" y="189"/>
                      </a:lnTo>
                      <a:lnTo>
                        <a:pt x="321" y="189"/>
                      </a:lnTo>
                      <a:lnTo>
                        <a:pt x="318" y="191"/>
                      </a:lnTo>
                      <a:lnTo>
                        <a:pt x="316" y="191"/>
                      </a:lnTo>
                      <a:lnTo>
                        <a:pt x="314" y="193"/>
                      </a:lnTo>
                      <a:lnTo>
                        <a:pt x="311" y="194"/>
                      </a:lnTo>
                      <a:lnTo>
                        <a:pt x="308" y="198"/>
                      </a:lnTo>
                      <a:lnTo>
                        <a:pt x="303" y="199"/>
                      </a:lnTo>
                      <a:lnTo>
                        <a:pt x="299" y="201"/>
                      </a:lnTo>
                      <a:lnTo>
                        <a:pt x="296" y="203"/>
                      </a:lnTo>
                      <a:lnTo>
                        <a:pt x="294" y="205"/>
                      </a:lnTo>
                      <a:lnTo>
                        <a:pt x="292" y="205"/>
                      </a:lnTo>
                      <a:lnTo>
                        <a:pt x="292" y="206"/>
                      </a:lnTo>
                      <a:lnTo>
                        <a:pt x="287" y="210"/>
                      </a:lnTo>
                      <a:lnTo>
                        <a:pt x="284" y="218"/>
                      </a:lnTo>
                      <a:lnTo>
                        <a:pt x="284" y="221"/>
                      </a:lnTo>
                      <a:lnTo>
                        <a:pt x="282" y="225"/>
                      </a:lnTo>
                      <a:lnTo>
                        <a:pt x="281" y="230"/>
                      </a:lnTo>
                      <a:lnTo>
                        <a:pt x="277" y="233"/>
                      </a:lnTo>
                      <a:lnTo>
                        <a:pt x="276" y="238"/>
                      </a:lnTo>
                      <a:lnTo>
                        <a:pt x="272" y="242"/>
                      </a:lnTo>
                      <a:lnTo>
                        <a:pt x="269" y="242"/>
                      </a:lnTo>
                      <a:lnTo>
                        <a:pt x="269" y="247"/>
                      </a:lnTo>
                      <a:lnTo>
                        <a:pt x="267" y="250"/>
                      </a:lnTo>
                      <a:lnTo>
                        <a:pt x="265" y="254"/>
                      </a:lnTo>
                      <a:lnTo>
                        <a:pt x="264" y="255"/>
                      </a:lnTo>
                      <a:lnTo>
                        <a:pt x="262" y="257"/>
                      </a:lnTo>
                      <a:lnTo>
                        <a:pt x="260" y="259"/>
                      </a:lnTo>
                      <a:lnTo>
                        <a:pt x="259" y="259"/>
                      </a:lnTo>
                      <a:lnTo>
                        <a:pt x="255" y="259"/>
                      </a:lnTo>
                      <a:lnTo>
                        <a:pt x="254" y="257"/>
                      </a:lnTo>
                      <a:lnTo>
                        <a:pt x="252" y="257"/>
                      </a:lnTo>
                      <a:lnTo>
                        <a:pt x="250" y="257"/>
                      </a:lnTo>
                      <a:lnTo>
                        <a:pt x="247" y="255"/>
                      </a:lnTo>
                      <a:lnTo>
                        <a:pt x="238" y="255"/>
                      </a:lnTo>
                      <a:lnTo>
                        <a:pt x="235" y="250"/>
                      </a:lnTo>
                      <a:lnTo>
                        <a:pt x="232" y="245"/>
                      </a:lnTo>
                      <a:lnTo>
                        <a:pt x="232" y="240"/>
                      </a:lnTo>
                      <a:lnTo>
                        <a:pt x="232" y="233"/>
                      </a:lnTo>
                      <a:lnTo>
                        <a:pt x="233" y="228"/>
                      </a:lnTo>
                      <a:lnTo>
                        <a:pt x="233" y="225"/>
                      </a:lnTo>
                      <a:lnTo>
                        <a:pt x="235" y="223"/>
                      </a:lnTo>
                      <a:lnTo>
                        <a:pt x="235" y="218"/>
                      </a:lnTo>
                      <a:lnTo>
                        <a:pt x="237" y="215"/>
                      </a:lnTo>
                      <a:lnTo>
                        <a:pt x="238" y="213"/>
                      </a:lnTo>
                      <a:lnTo>
                        <a:pt x="242" y="211"/>
                      </a:lnTo>
                      <a:lnTo>
                        <a:pt x="243" y="210"/>
                      </a:lnTo>
                      <a:lnTo>
                        <a:pt x="247" y="210"/>
                      </a:lnTo>
                      <a:lnTo>
                        <a:pt x="248" y="208"/>
                      </a:lnTo>
                      <a:lnTo>
                        <a:pt x="259" y="198"/>
                      </a:lnTo>
                      <a:lnTo>
                        <a:pt x="262" y="176"/>
                      </a:lnTo>
                      <a:lnTo>
                        <a:pt x="276" y="164"/>
                      </a:lnTo>
                      <a:lnTo>
                        <a:pt x="276" y="162"/>
                      </a:lnTo>
                      <a:lnTo>
                        <a:pt x="276" y="159"/>
                      </a:lnTo>
                      <a:lnTo>
                        <a:pt x="276" y="152"/>
                      </a:lnTo>
                      <a:lnTo>
                        <a:pt x="276" y="147"/>
                      </a:lnTo>
                      <a:lnTo>
                        <a:pt x="276" y="140"/>
                      </a:lnTo>
                      <a:lnTo>
                        <a:pt x="276" y="133"/>
                      </a:lnTo>
                      <a:lnTo>
                        <a:pt x="276" y="128"/>
                      </a:lnTo>
                      <a:lnTo>
                        <a:pt x="276" y="127"/>
                      </a:lnTo>
                      <a:lnTo>
                        <a:pt x="276" y="118"/>
                      </a:lnTo>
                      <a:lnTo>
                        <a:pt x="274" y="110"/>
                      </a:lnTo>
                      <a:lnTo>
                        <a:pt x="272" y="105"/>
                      </a:lnTo>
                      <a:lnTo>
                        <a:pt x="269" y="100"/>
                      </a:lnTo>
                      <a:lnTo>
                        <a:pt x="267" y="96"/>
                      </a:lnTo>
                      <a:lnTo>
                        <a:pt x="264" y="93"/>
                      </a:lnTo>
                      <a:lnTo>
                        <a:pt x="262" y="91"/>
                      </a:lnTo>
                      <a:lnTo>
                        <a:pt x="260" y="89"/>
                      </a:lnTo>
                      <a:lnTo>
                        <a:pt x="255" y="86"/>
                      </a:lnTo>
                      <a:lnTo>
                        <a:pt x="254" y="83"/>
                      </a:lnTo>
                      <a:lnTo>
                        <a:pt x="254" y="79"/>
                      </a:lnTo>
                      <a:lnTo>
                        <a:pt x="254" y="76"/>
                      </a:lnTo>
                      <a:lnTo>
                        <a:pt x="255" y="74"/>
                      </a:lnTo>
                      <a:lnTo>
                        <a:pt x="257" y="73"/>
                      </a:lnTo>
                      <a:lnTo>
                        <a:pt x="259" y="71"/>
                      </a:lnTo>
                      <a:lnTo>
                        <a:pt x="260" y="71"/>
                      </a:lnTo>
                      <a:lnTo>
                        <a:pt x="265" y="76"/>
                      </a:lnTo>
                      <a:lnTo>
                        <a:pt x="269" y="76"/>
                      </a:lnTo>
                      <a:lnTo>
                        <a:pt x="270" y="76"/>
                      </a:lnTo>
                      <a:lnTo>
                        <a:pt x="270" y="74"/>
                      </a:lnTo>
                      <a:lnTo>
                        <a:pt x="270" y="73"/>
                      </a:lnTo>
                      <a:lnTo>
                        <a:pt x="269" y="71"/>
                      </a:lnTo>
                      <a:lnTo>
                        <a:pt x="269" y="69"/>
                      </a:lnTo>
                      <a:lnTo>
                        <a:pt x="267" y="67"/>
                      </a:lnTo>
                      <a:lnTo>
                        <a:pt x="248" y="40"/>
                      </a:lnTo>
                      <a:lnTo>
                        <a:pt x="240" y="39"/>
                      </a:lnTo>
                      <a:lnTo>
                        <a:pt x="232" y="37"/>
                      </a:lnTo>
                      <a:lnTo>
                        <a:pt x="225" y="35"/>
                      </a:lnTo>
                      <a:lnTo>
                        <a:pt x="220" y="34"/>
                      </a:lnTo>
                      <a:lnTo>
                        <a:pt x="215" y="32"/>
                      </a:lnTo>
                      <a:lnTo>
                        <a:pt x="211" y="29"/>
                      </a:lnTo>
                      <a:lnTo>
                        <a:pt x="210" y="27"/>
                      </a:lnTo>
                      <a:lnTo>
                        <a:pt x="208" y="27"/>
                      </a:lnTo>
                      <a:lnTo>
                        <a:pt x="193" y="27"/>
                      </a:lnTo>
                      <a:lnTo>
                        <a:pt x="179" y="12"/>
                      </a:lnTo>
                      <a:lnTo>
                        <a:pt x="152" y="10"/>
                      </a:lnTo>
                      <a:lnTo>
                        <a:pt x="138" y="0"/>
                      </a:lnTo>
                      <a:lnTo>
                        <a:pt x="130" y="0"/>
                      </a:lnTo>
                      <a:lnTo>
                        <a:pt x="125" y="3"/>
                      </a:lnTo>
                      <a:lnTo>
                        <a:pt x="115" y="1"/>
                      </a:lnTo>
                      <a:lnTo>
                        <a:pt x="115" y="3"/>
                      </a:lnTo>
                      <a:lnTo>
                        <a:pt x="115" y="7"/>
                      </a:lnTo>
                      <a:lnTo>
                        <a:pt x="115" y="10"/>
                      </a:lnTo>
                      <a:lnTo>
                        <a:pt x="115" y="12"/>
                      </a:lnTo>
                      <a:lnTo>
                        <a:pt x="108" y="17"/>
                      </a:lnTo>
                      <a:lnTo>
                        <a:pt x="105" y="22"/>
                      </a:lnTo>
                      <a:lnTo>
                        <a:pt x="103" y="27"/>
                      </a:lnTo>
                      <a:lnTo>
                        <a:pt x="105" y="32"/>
                      </a:lnTo>
                      <a:lnTo>
                        <a:pt x="106" y="37"/>
                      </a:lnTo>
                      <a:lnTo>
                        <a:pt x="110" y="40"/>
                      </a:lnTo>
                      <a:lnTo>
                        <a:pt x="111" y="42"/>
                      </a:lnTo>
                      <a:lnTo>
                        <a:pt x="113" y="44"/>
                      </a:lnTo>
                      <a:lnTo>
                        <a:pt x="116" y="44"/>
                      </a:lnTo>
                      <a:lnTo>
                        <a:pt x="120" y="45"/>
                      </a:lnTo>
                      <a:lnTo>
                        <a:pt x="120" y="47"/>
                      </a:lnTo>
                      <a:lnTo>
                        <a:pt x="120" y="49"/>
                      </a:lnTo>
                      <a:lnTo>
                        <a:pt x="120" y="51"/>
                      </a:lnTo>
                      <a:lnTo>
                        <a:pt x="118" y="52"/>
                      </a:lnTo>
                      <a:lnTo>
                        <a:pt x="116" y="52"/>
                      </a:lnTo>
                      <a:lnTo>
                        <a:pt x="116" y="54"/>
                      </a:lnTo>
                      <a:lnTo>
                        <a:pt x="108" y="54"/>
                      </a:lnTo>
                      <a:lnTo>
                        <a:pt x="101" y="56"/>
                      </a:lnTo>
                      <a:lnTo>
                        <a:pt x="96" y="59"/>
                      </a:lnTo>
                      <a:lnTo>
                        <a:pt x="91" y="62"/>
                      </a:lnTo>
                      <a:lnTo>
                        <a:pt x="89" y="67"/>
                      </a:lnTo>
                      <a:lnTo>
                        <a:pt x="86" y="71"/>
                      </a:lnTo>
                      <a:lnTo>
                        <a:pt x="86" y="73"/>
                      </a:lnTo>
                      <a:lnTo>
                        <a:pt x="86" y="74"/>
                      </a:lnTo>
                      <a:lnTo>
                        <a:pt x="88" y="79"/>
                      </a:lnTo>
                      <a:lnTo>
                        <a:pt x="88" y="86"/>
                      </a:lnTo>
                      <a:lnTo>
                        <a:pt x="89" y="91"/>
                      </a:lnTo>
                      <a:lnTo>
                        <a:pt x="89" y="96"/>
                      </a:lnTo>
                      <a:lnTo>
                        <a:pt x="89" y="101"/>
                      </a:lnTo>
                      <a:lnTo>
                        <a:pt x="89" y="106"/>
                      </a:lnTo>
                      <a:lnTo>
                        <a:pt x="88" y="110"/>
                      </a:lnTo>
                      <a:lnTo>
                        <a:pt x="86" y="115"/>
                      </a:lnTo>
                      <a:lnTo>
                        <a:pt x="86" y="118"/>
                      </a:lnTo>
                      <a:lnTo>
                        <a:pt x="84" y="123"/>
                      </a:lnTo>
                      <a:lnTo>
                        <a:pt x="83" y="127"/>
                      </a:lnTo>
                      <a:lnTo>
                        <a:pt x="83" y="128"/>
                      </a:lnTo>
                      <a:lnTo>
                        <a:pt x="81" y="132"/>
                      </a:lnTo>
                      <a:lnTo>
                        <a:pt x="79" y="133"/>
                      </a:lnTo>
                      <a:lnTo>
                        <a:pt x="72" y="132"/>
                      </a:lnTo>
                      <a:lnTo>
                        <a:pt x="66" y="130"/>
                      </a:lnTo>
                      <a:lnTo>
                        <a:pt x="66" y="128"/>
                      </a:lnTo>
                      <a:lnTo>
                        <a:pt x="67" y="125"/>
                      </a:lnTo>
                      <a:lnTo>
                        <a:pt x="67" y="118"/>
                      </a:lnTo>
                      <a:lnTo>
                        <a:pt x="69" y="113"/>
                      </a:lnTo>
                      <a:lnTo>
                        <a:pt x="71" y="106"/>
                      </a:lnTo>
                      <a:lnTo>
                        <a:pt x="71" y="100"/>
                      </a:lnTo>
                      <a:lnTo>
                        <a:pt x="71" y="95"/>
                      </a:lnTo>
                      <a:lnTo>
                        <a:pt x="71" y="93"/>
                      </a:lnTo>
                      <a:lnTo>
                        <a:pt x="69" y="86"/>
                      </a:lnTo>
                      <a:lnTo>
                        <a:pt x="67" y="83"/>
                      </a:lnTo>
                      <a:lnTo>
                        <a:pt x="66" y="81"/>
                      </a:lnTo>
                      <a:lnTo>
                        <a:pt x="64" y="83"/>
                      </a:lnTo>
                      <a:lnTo>
                        <a:pt x="64" y="84"/>
                      </a:lnTo>
                      <a:lnTo>
                        <a:pt x="62" y="88"/>
                      </a:lnTo>
                      <a:lnTo>
                        <a:pt x="62" y="89"/>
                      </a:lnTo>
                      <a:lnTo>
                        <a:pt x="61" y="91"/>
                      </a:lnTo>
                      <a:lnTo>
                        <a:pt x="61" y="93"/>
                      </a:lnTo>
                      <a:lnTo>
                        <a:pt x="59" y="98"/>
                      </a:lnTo>
                      <a:lnTo>
                        <a:pt x="56" y="101"/>
                      </a:lnTo>
                      <a:lnTo>
                        <a:pt x="54" y="106"/>
                      </a:lnTo>
                      <a:lnTo>
                        <a:pt x="52" y="110"/>
                      </a:lnTo>
                      <a:lnTo>
                        <a:pt x="50" y="113"/>
                      </a:lnTo>
                      <a:lnTo>
                        <a:pt x="49" y="113"/>
                      </a:lnTo>
                      <a:lnTo>
                        <a:pt x="44" y="111"/>
                      </a:lnTo>
                      <a:lnTo>
                        <a:pt x="40" y="111"/>
                      </a:lnTo>
                      <a:lnTo>
                        <a:pt x="39" y="113"/>
                      </a:lnTo>
                      <a:lnTo>
                        <a:pt x="39" y="115"/>
                      </a:lnTo>
                      <a:lnTo>
                        <a:pt x="39" y="117"/>
                      </a:lnTo>
                      <a:lnTo>
                        <a:pt x="32" y="120"/>
                      </a:lnTo>
                      <a:lnTo>
                        <a:pt x="32" y="122"/>
                      </a:lnTo>
                      <a:lnTo>
                        <a:pt x="32" y="125"/>
                      </a:lnTo>
                      <a:lnTo>
                        <a:pt x="30" y="128"/>
                      </a:lnTo>
                      <a:lnTo>
                        <a:pt x="30" y="133"/>
                      </a:lnTo>
                      <a:lnTo>
                        <a:pt x="30" y="137"/>
                      </a:lnTo>
                      <a:lnTo>
                        <a:pt x="30" y="139"/>
                      </a:lnTo>
                      <a:lnTo>
                        <a:pt x="30" y="140"/>
                      </a:lnTo>
                      <a:lnTo>
                        <a:pt x="23" y="144"/>
                      </a:lnTo>
                      <a:lnTo>
                        <a:pt x="20" y="147"/>
                      </a:lnTo>
                      <a:lnTo>
                        <a:pt x="18" y="150"/>
                      </a:lnTo>
                      <a:lnTo>
                        <a:pt x="17" y="152"/>
                      </a:lnTo>
                      <a:lnTo>
                        <a:pt x="15" y="155"/>
                      </a:lnTo>
                      <a:lnTo>
                        <a:pt x="17" y="159"/>
                      </a:lnTo>
                      <a:lnTo>
                        <a:pt x="17" y="161"/>
                      </a:lnTo>
                      <a:lnTo>
                        <a:pt x="18" y="162"/>
                      </a:lnTo>
                      <a:lnTo>
                        <a:pt x="20" y="166"/>
                      </a:lnTo>
                      <a:lnTo>
                        <a:pt x="20" y="171"/>
                      </a:lnTo>
                      <a:lnTo>
                        <a:pt x="20" y="176"/>
                      </a:lnTo>
                      <a:lnTo>
                        <a:pt x="20" y="181"/>
                      </a:lnTo>
                      <a:lnTo>
                        <a:pt x="18" y="186"/>
                      </a:lnTo>
                      <a:lnTo>
                        <a:pt x="17" y="193"/>
                      </a:lnTo>
                      <a:lnTo>
                        <a:pt x="15" y="198"/>
                      </a:lnTo>
                      <a:lnTo>
                        <a:pt x="13" y="203"/>
                      </a:lnTo>
                      <a:lnTo>
                        <a:pt x="12" y="210"/>
                      </a:lnTo>
                      <a:lnTo>
                        <a:pt x="10" y="215"/>
                      </a:lnTo>
                      <a:lnTo>
                        <a:pt x="8" y="220"/>
                      </a:lnTo>
                      <a:lnTo>
                        <a:pt x="6" y="225"/>
                      </a:lnTo>
                      <a:lnTo>
                        <a:pt x="5" y="228"/>
                      </a:lnTo>
                      <a:lnTo>
                        <a:pt x="3" y="232"/>
                      </a:lnTo>
                      <a:lnTo>
                        <a:pt x="3" y="233"/>
                      </a:lnTo>
                      <a:lnTo>
                        <a:pt x="5" y="238"/>
                      </a:lnTo>
                      <a:lnTo>
                        <a:pt x="6" y="245"/>
                      </a:lnTo>
                      <a:lnTo>
                        <a:pt x="8" y="250"/>
                      </a:lnTo>
                      <a:lnTo>
                        <a:pt x="8" y="255"/>
                      </a:lnTo>
                      <a:lnTo>
                        <a:pt x="10" y="260"/>
                      </a:lnTo>
                      <a:lnTo>
                        <a:pt x="10" y="264"/>
                      </a:lnTo>
                      <a:lnTo>
                        <a:pt x="10" y="267"/>
                      </a:lnTo>
                      <a:lnTo>
                        <a:pt x="6" y="269"/>
                      </a:lnTo>
                      <a:lnTo>
                        <a:pt x="5" y="271"/>
                      </a:lnTo>
                      <a:lnTo>
                        <a:pt x="3" y="274"/>
                      </a:lnTo>
                      <a:lnTo>
                        <a:pt x="3" y="277"/>
                      </a:lnTo>
                      <a:lnTo>
                        <a:pt x="5" y="282"/>
                      </a:lnTo>
                      <a:lnTo>
                        <a:pt x="6" y="287"/>
                      </a:lnTo>
                      <a:lnTo>
                        <a:pt x="8" y="294"/>
                      </a:lnTo>
                      <a:lnTo>
                        <a:pt x="12" y="299"/>
                      </a:lnTo>
                      <a:lnTo>
                        <a:pt x="15" y="306"/>
                      </a:lnTo>
                      <a:lnTo>
                        <a:pt x="17" y="311"/>
                      </a:lnTo>
                      <a:lnTo>
                        <a:pt x="20" y="318"/>
                      </a:lnTo>
                      <a:lnTo>
                        <a:pt x="23" y="323"/>
                      </a:lnTo>
                      <a:lnTo>
                        <a:pt x="25" y="326"/>
                      </a:lnTo>
                      <a:lnTo>
                        <a:pt x="27" y="330"/>
                      </a:lnTo>
                      <a:lnTo>
                        <a:pt x="28" y="333"/>
                      </a:lnTo>
                      <a:lnTo>
                        <a:pt x="30" y="333"/>
                      </a:lnTo>
                      <a:lnTo>
                        <a:pt x="34" y="338"/>
                      </a:lnTo>
                      <a:lnTo>
                        <a:pt x="37" y="345"/>
                      </a:lnTo>
                      <a:lnTo>
                        <a:pt x="39" y="353"/>
                      </a:lnTo>
                      <a:lnTo>
                        <a:pt x="42" y="362"/>
                      </a:lnTo>
                      <a:lnTo>
                        <a:pt x="42" y="370"/>
                      </a:lnTo>
                      <a:lnTo>
                        <a:pt x="44" y="381"/>
                      </a:lnTo>
                      <a:lnTo>
                        <a:pt x="44" y="391"/>
                      </a:lnTo>
                      <a:lnTo>
                        <a:pt x="44" y="401"/>
                      </a:lnTo>
                      <a:lnTo>
                        <a:pt x="44" y="411"/>
                      </a:lnTo>
                      <a:lnTo>
                        <a:pt x="44" y="419"/>
                      </a:lnTo>
                      <a:lnTo>
                        <a:pt x="44" y="428"/>
                      </a:lnTo>
                      <a:lnTo>
                        <a:pt x="42" y="436"/>
                      </a:lnTo>
                      <a:lnTo>
                        <a:pt x="42" y="441"/>
                      </a:lnTo>
                      <a:lnTo>
                        <a:pt x="40" y="447"/>
                      </a:lnTo>
                      <a:lnTo>
                        <a:pt x="40" y="450"/>
                      </a:lnTo>
                      <a:lnTo>
                        <a:pt x="40" y="452"/>
                      </a:lnTo>
                      <a:lnTo>
                        <a:pt x="32" y="463"/>
                      </a:lnTo>
                      <a:lnTo>
                        <a:pt x="27" y="474"/>
                      </a:lnTo>
                      <a:lnTo>
                        <a:pt x="23" y="480"/>
                      </a:lnTo>
                      <a:lnTo>
                        <a:pt x="23" y="487"/>
                      </a:lnTo>
                      <a:lnTo>
                        <a:pt x="23" y="491"/>
                      </a:lnTo>
                      <a:lnTo>
                        <a:pt x="23" y="494"/>
                      </a:lnTo>
                      <a:lnTo>
                        <a:pt x="23" y="496"/>
                      </a:lnTo>
                      <a:lnTo>
                        <a:pt x="18" y="502"/>
                      </a:lnTo>
                      <a:lnTo>
                        <a:pt x="15" y="506"/>
                      </a:lnTo>
                      <a:lnTo>
                        <a:pt x="12" y="511"/>
                      </a:lnTo>
                      <a:lnTo>
                        <a:pt x="8" y="513"/>
                      </a:lnTo>
                      <a:lnTo>
                        <a:pt x="6" y="516"/>
                      </a:lnTo>
                      <a:lnTo>
                        <a:pt x="3" y="518"/>
                      </a:lnTo>
                      <a:lnTo>
                        <a:pt x="3" y="519"/>
                      </a:lnTo>
                      <a:lnTo>
                        <a:pt x="1" y="519"/>
                      </a:lnTo>
                      <a:lnTo>
                        <a:pt x="0" y="519"/>
                      </a:lnTo>
                      <a:lnTo>
                        <a:pt x="184" y="497"/>
                      </a:lnTo>
                      <a:lnTo>
                        <a:pt x="188" y="514"/>
                      </a:lnTo>
                      <a:lnTo>
                        <a:pt x="304" y="496"/>
                      </a:lnTo>
                      <a:close/>
                    </a:path>
                  </a:pathLst>
                </a:custGeom>
                <a:solidFill>
                  <a:srgbClr val="2D73FF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51" name="Freeform 129"/>
              <p:cNvSpPr>
                <a:spLocks/>
              </p:cNvSpPr>
              <p:nvPr/>
            </p:nvSpPr>
            <p:spPr bwMode="auto">
              <a:xfrm>
                <a:off x="3986" y="2043"/>
                <a:ext cx="434" cy="427"/>
              </a:xfrm>
              <a:custGeom>
                <a:avLst/>
                <a:gdLst>
                  <a:gd name="T0" fmla="*/ 44 w 446"/>
                  <a:gd name="T1" fmla="*/ 263 h 440"/>
                  <a:gd name="T2" fmla="*/ 35 w 446"/>
                  <a:gd name="T3" fmla="*/ 261 h 440"/>
                  <a:gd name="T4" fmla="*/ 18 w 446"/>
                  <a:gd name="T5" fmla="*/ 234 h 440"/>
                  <a:gd name="T6" fmla="*/ 5 w 446"/>
                  <a:gd name="T7" fmla="*/ 218 h 440"/>
                  <a:gd name="T8" fmla="*/ 3 w 446"/>
                  <a:gd name="T9" fmla="*/ 201 h 440"/>
                  <a:gd name="T10" fmla="*/ 1 w 446"/>
                  <a:gd name="T11" fmla="*/ 196 h 440"/>
                  <a:gd name="T12" fmla="*/ 18 w 446"/>
                  <a:gd name="T13" fmla="*/ 195 h 440"/>
                  <a:gd name="T14" fmla="*/ 18 w 446"/>
                  <a:gd name="T15" fmla="*/ 167 h 440"/>
                  <a:gd name="T16" fmla="*/ 23 w 446"/>
                  <a:gd name="T17" fmla="*/ 160 h 440"/>
                  <a:gd name="T18" fmla="*/ 26 w 446"/>
                  <a:gd name="T19" fmla="*/ 148 h 440"/>
                  <a:gd name="T20" fmla="*/ 40 w 446"/>
                  <a:gd name="T21" fmla="*/ 148 h 440"/>
                  <a:gd name="T22" fmla="*/ 47 w 446"/>
                  <a:gd name="T23" fmla="*/ 148 h 440"/>
                  <a:gd name="T24" fmla="*/ 64 w 446"/>
                  <a:gd name="T25" fmla="*/ 110 h 440"/>
                  <a:gd name="T26" fmla="*/ 74 w 446"/>
                  <a:gd name="T27" fmla="*/ 110 h 440"/>
                  <a:gd name="T28" fmla="*/ 81 w 446"/>
                  <a:gd name="T29" fmla="*/ 103 h 440"/>
                  <a:gd name="T30" fmla="*/ 90 w 446"/>
                  <a:gd name="T31" fmla="*/ 90 h 440"/>
                  <a:gd name="T32" fmla="*/ 97 w 446"/>
                  <a:gd name="T33" fmla="*/ 72 h 440"/>
                  <a:gd name="T34" fmla="*/ 98 w 446"/>
                  <a:gd name="T35" fmla="*/ 59 h 440"/>
                  <a:gd name="T36" fmla="*/ 102 w 446"/>
                  <a:gd name="T37" fmla="*/ 37 h 440"/>
                  <a:gd name="T38" fmla="*/ 100 w 446"/>
                  <a:gd name="T39" fmla="*/ 10 h 440"/>
                  <a:gd name="T40" fmla="*/ 184 w 446"/>
                  <a:gd name="T41" fmla="*/ 62 h 440"/>
                  <a:gd name="T42" fmla="*/ 216 w 446"/>
                  <a:gd name="T43" fmla="*/ 80 h 440"/>
                  <a:gd name="T44" fmla="*/ 230 w 446"/>
                  <a:gd name="T45" fmla="*/ 65 h 440"/>
                  <a:gd name="T46" fmla="*/ 249 w 446"/>
                  <a:gd name="T47" fmla="*/ 66 h 440"/>
                  <a:gd name="T48" fmla="*/ 260 w 446"/>
                  <a:gd name="T49" fmla="*/ 53 h 440"/>
                  <a:gd name="T50" fmla="*/ 282 w 446"/>
                  <a:gd name="T51" fmla="*/ 55 h 440"/>
                  <a:gd name="T52" fmla="*/ 290 w 446"/>
                  <a:gd name="T53" fmla="*/ 55 h 440"/>
                  <a:gd name="T54" fmla="*/ 296 w 446"/>
                  <a:gd name="T55" fmla="*/ 62 h 440"/>
                  <a:gd name="T56" fmla="*/ 302 w 446"/>
                  <a:gd name="T57" fmla="*/ 79 h 440"/>
                  <a:gd name="T58" fmla="*/ 299 w 446"/>
                  <a:gd name="T59" fmla="*/ 86 h 440"/>
                  <a:gd name="T60" fmla="*/ 276 w 446"/>
                  <a:gd name="T61" fmla="*/ 80 h 440"/>
                  <a:gd name="T62" fmla="*/ 262 w 446"/>
                  <a:gd name="T63" fmla="*/ 74 h 440"/>
                  <a:gd name="T64" fmla="*/ 254 w 446"/>
                  <a:gd name="T65" fmla="*/ 107 h 440"/>
                  <a:gd name="T66" fmla="*/ 242 w 446"/>
                  <a:gd name="T67" fmla="*/ 119 h 440"/>
                  <a:gd name="T68" fmla="*/ 236 w 446"/>
                  <a:gd name="T69" fmla="*/ 134 h 440"/>
                  <a:gd name="T70" fmla="*/ 229 w 446"/>
                  <a:gd name="T71" fmla="*/ 129 h 440"/>
                  <a:gd name="T72" fmla="*/ 223 w 446"/>
                  <a:gd name="T73" fmla="*/ 143 h 440"/>
                  <a:gd name="T74" fmla="*/ 221 w 446"/>
                  <a:gd name="T75" fmla="*/ 149 h 440"/>
                  <a:gd name="T76" fmla="*/ 218 w 446"/>
                  <a:gd name="T77" fmla="*/ 159 h 440"/>
                  <a:gd name="T78" fmla="*/ 199 w 446"/>
                  <a:gd name="T79" fmla="*/ 160 h 440"/>
                  <a:gd name="T80" fmla="*/ 188 w 446"/>
                  <a:gd name="T81" fmla="*/ 160 h 440"/>
                  <a:gd name="T82" fmla="*/ 188 w 446"/>
                  <a:gd name="T83" fmla="*/ 176 h 440"/>
                  <a:gd name="T84" fmla="*/ 183 w 446"/>
                  <a:gd name="T85" fmla="*/ 189 h 440"/>
                  <a:gd name="T86" fmla="*/ 179 w 446"/>
                  <a:gd name="T87" fmla="*/ 195 h 440"/>
                  <a:gd name="T88" fmla="*/ 174 w 446"/>
                  <a:gd name="T89" fmla="*/ 212 h 440"/>
                  <a:gd name="T90" fmla="*/ 163 w 446"/>
                  <a:gd name="T91" fmla="*/ 232 h 440"/>
                  <a:gd name="T92" fmla="*/ 163 w 446"/>
                  <a:gd name="T93" fmla="*/ 239 h 440"/>
                  <a:gd name="T94" fmla="*/ 164 w 446"/>
                  <a:gd name="T95" fmla="*/ 253 h 440"/>
                  <a:gd name="T96" fmla="*/ 148 w 446"/>
                  <a:gd name="T97" fmla="*/ 259 h 440"/>
                  <a:gd name="T98" fmla="*/ 136 w 446"/>
                  <a:gd name="T99" fmla="*/ 267 h 440"/>
                  <a:gd name="T100" fmla="*/ 125 w 446"/>
                  <a:gd name="T101" fmla="*/ 268 h 440"/>
                  <a:gd name="T102" fmla="*/ 122 w 446"/>
                  <a:gd name="T103" fmla="*/ 276 h 440"/>
                  <a:gd name="T104" fmla="*/ 118 w 446"/>
                  <a:gd name="T105" fmla="*/ 279 h 440"/>
                  <a:gd name="T106" fmla="*/ 97 w 446"/>
                  <a:gd name="T107" fmla="*/ 280 h 440"/>
                  <a:gd name="T108" fmla="*/ 90 w 446"/>
                  <a:gd name="T109" fmla="*/ 285 h 440"/>
                  <a:gd name="T110" fmla="*/ 74 w 446"/>
                  <a:gd name="T111" fmla="*/ 288 h 440"/>
                  <a:gd name="T112" fmla="*/ 55 w 446"/>
                  <a:gd name="T113" fmla="*/ 279 h 440"/>
                  <a:gd name="T114" fmla="*/ 51 w 446"/>
                  <a:gd name="T115" fmla="*/ 265 h 440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446"/>
                  <a:gd name="T175" fmla="*/ 0 h 440"/>
                  <a:gd name="T176" fmla="*/ 446 w 446"/>
                  <a:gd name="T177" fmla="*/ 440 h 440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446" h="440">
                    <a:moveTo>
                      <a:pt x="76" y="404"/>
                    </a:moveTo>
                    <a:lnTo>
                      <a:pt x="64" y="404"/>
                    </a:lnTo>
                    <a:lnTo>
                      <a:pt x="64" y="402"/>
                    </a:lnTo>
                    <a:lnTo>
                      <a:pt x="62" y="401"/>
                    </a:lnTo>
                    <a:lnTo>
                      <a:pt x="62" y="399"/>
                    </a:lnTo>
                    <a:lnTo>
                      <a:pt x="61" y="397"/>
                    </a:lnTo>
                    <a:lnTo>
                      <a:pt x="57" y="397"/>
                    </a:lnTo>
                    <a:lnTo>
                      <a:pt x="54" y="396"/>
                    </a:lnTo>
                    <a:lnTo>
                      <a:pt x="49" y="396"/>
                    </a:lnTo>
                    <a:lnTo>
                      <a:pt x="49" y="394"/>
                    </a:lnTo>
                    <a:lnTo>
                      <a:pt x="45" y="389"/>
                    </a:lnTo>
                    <a:lnTo>
                      <a:pt x="40" y="384"/>
                    </a:lnTo>
                    <a:lnTo>
                      <a:pt x="35" y="375"/>
                    </a:lnTo>
                    <a:lnTo>
                      <a:pt x="28" y="367"/>
                    </a:lnTo>
                    <a:lnTo>
                      <a:pt x="22" y="357"/>
                    </a:lnTo>
                    <a:lnTo>
                      <a:pt x="13" y="348"/>
                    </a:lnTo>
                    <a:lnTo>
                      <a:pt x="5" y="338"/>
                    </a:lnTo>
                    <a:lnTo>
                      <a:pt x="5" y="335"/>
                    </a:lnTo>
                    <a:lnTo>
                      <a:pt x="5" y="331"/>
                    </a:lnTo>
                    <a:lnTo>
                      <a:pt x="6" y="326"/>
                    </a:lnTo>
                    <a:lnTo>
                      <a:pt x="6" y="323"/>
                    </a:lnTo>
                    <a:lnTo>
                      <a:pt x="6" y="318"/>
                    </a:lnTo>
                    <a:lnTo>
                      <a:pt x="5" y="311"/>
                    </a:lnTo>
                    <a:lnTo>
                      <a:pt x="3" y="306"/>
                    </a:lnTo>
                    <a:lnTo>
                      <a:pt x="0" y="303"/>
                    </a:lnTo>
                    <a:lnTo>
                      <a:pt x="0" y="299"/>
                    </a:lnTo>
                    <a:lnTo>
                      <a:pt x="0" y="297"/>
                    </a:lnTo>
                    <a:lnTo>
                      <a:pt x="1" y="297"/>
                    </a:lnTo>
                    <a:lnTo>
                      <a:pt x="1" y="299"/>
                    </a:lnTo>
                    <a:lnTo>
                      <a:pt x="3" y="299"/>
                    </a:lnTo>
                    <a:lnTo>
                      <a:pt x="6" y="303"/>
                    </a:lnTo>
                    <a:lnTo>
                      <a:pt x="13" y="301"/>
                    </a:lnTo>
                    <a:lnTo>
                      <a:pt x="18" y="297"/>
                    </a:lnTo>
                    <a:lnTo>
                      <a:pt x="23" y="292"/>
                    </a:lnTo>
                    <a:lnTo>
                      <a:pt x="28" y="287"/>
                    </a:lnTo>
                    <a:lnTo>
                      <a:pt x="32" y="281"/>
                    </a:lnTo>
                    <a:lnTo>
                      <a:pt x="34" y="277"/>
                    </a:lnTo>
                    <a:lnTo>
                      <a:pt x="35" y="275"/>
                    </a:lnTo>
                    <a:lnTo>
                      <a:pt x="32" y="253"/>
                    </a:lnTo>
                    <a:lnTo>
                      <a:pt x="34" y="252"/>
                    </a:lnTo>
                    <a:lnTo>
                      <a:pt x="34" y="250"/>
                    </a:lnTo>
                    <a:lnTo>
                      <a:pt x="35" y="247"/>
                    </a:lnTo>
                    <a:lnTo>
                      <a:pt x="37" y="243"/>
                    </a:lnTo>
                    <a:lnTo>
                      <a:pt x="39" y="242"/>
                    </a:lnTo>
                    <a:lnTo>
                      <a:pt x="39" y="238"/>
                    </a:lnTo>
                    <a:lnTo>
                      <a:pt x="40" y="230"/>
                    </a:lnTo>
                    <a:lnTo>
                      <a:pt x="40" y="225"/>
                    </a:lnTo>
                    <a:lnTo>
                      <a:pt x="44" y="221"/>
                    </a:lnTo>
                    <a:lnTo>
                      <a:pt x="45" y="221"/>
                    </a:lnTo>
                    <a:lnTo>
                      <a:pt x="49" y="221"/>
                    </a:lnTo>
                    <a:lnTo>
                      <a:pt x="50" y="221"/>
                    </a:lnTo>
                    <a:lnTo>
                      <a:pt x="52" y="223"/>
                    </a:lnTo>
                    <a:lnTo>
                      <a:pt x="54" y="225"/>
                    </a:lnTo>
                    <a:lnTo>
                      <a:pt x="57" y="233"/>
                    </a:lnTo>
                    <a:lnTo>
                      <a:pt x="61" y="235"/>
                    </a:lnTo>
                    <a:lnTo>
                      <a:pt x="62" y="233"/>
                    </a:lnTo>
                    <a:lnTo>
                      <a:pt x="66" y="230"/>
                    </a:lnTo>
                    <a:lnTo>
                      <a:pt x="67" y="225"/>
                    </a:lnTo>
                    <a:lnTo>
                      <a:pt x="67" y="221"/>
                    </a:lnTo>
                    <a:lnTo>
                      <a:pt x="67" y="216"/>
                    </a:lnTo>
                    <a:lnTo>
                      <a:pt x="69" y="216"/>
                    </a:lnTo>
                    <a:lnTo>
                      <a:pt x="71" y="189"/>
                    </a:lnTo>
                    <a:lnTo>
                      <a:pt x="93" y="167"/>
                    </a:lnTo>
                    <a:lnTo>
                      <a:pt x="93" y="169"/>
                    </a:lnTo>
                    <a:lnTo>
                      <a:pt x="94" y="171"/>
                    </a:lnTo>
                    <a:lnTo>
                      <a:pt x="98" y="171"/>
                    </a:lnTo>
                    <a:lnTo>
                      <a:pt x="101" y="169"/>
                    </a:lnTo>
                    <a:lnTo>
                      <a:pt x="105" y="169"/>
                    </a:lnTo>
                    <a:lnTo>
                      <a:pt x="108" y="167"/>
                    </a:lnTo>
                    <a:lnTo>
                      <a:pt x="110" y="165"/>
                    </a:lnTo>
                    <a:lnTo>
                      <a:pt x="110" y="164"/>
                    </a:lnTo>
                    <a:lnTo>
                      <a:pt x="111" y="164"/>
                    </a:lnTo>
                    <a:lnTo>
                      <a:pt x="113" y="160"/>
                    </a:lnTo>
                    <a:lnTo>
                      <a:pt x="118" y="155"/>
                    </a:lnTo>
                    <a:lnTo>
                      <a:pt x="122" y="150"/>
                    </a:lnTo>
                    <a:lnTo>
                      <a:pt x="125" y="147"/>
                    </a:lnTo>
                    <a:lnTo>
                      <a:pt x="130" y="142"/>
                    </a:lnTo>
                    <a:lnTo>
                      <a:pt x="132" y="138"/>
                    </a:lnTo>
                    <a:lnTo>
                      <a:pt x="133" y="137"/>
                    </a:lnTo>
                    <a:lnTo>
                      <a:pt x="138" y="130"/>
                    </a:lnTo>
                    <a:lnTo>
                      <a:pt x="142" y="125"/>
                    </a:lnTo>
                    <a:lnTo>
                      <a:pt x="144" y="120"/>
                    </a:lnTo>
                    <a:lnTo>
                      <a:pt x="144" y="115"/>
                    </a:lnTo>
                    <a:lnTo>
                      <a:pt x="144" y="111"/>
                    </a:lnTo>
                    <a:lnTo>
                      <a:pt x="142" y="108"/>
                    </a:lnTo>
                    <a:lnTo>
                      <a:pt x="142" y="106"/>
                    </a:lnTo>
                    <a:lnTo>
                      <a:pt x="142" y="105"/>
                    </a:lnTo>
                    <a:lnTo>
                      <a:pt x="142" y="103"/>
                    </a:lnTo>
                    <a:lnTo>
                      <a:pt x="142" y="96"/>
                    </a:lnTo>
                    <a:lnTo>
                      <a:pt x="144" y="89"/>
                    </a:lnTo>
                    <a:lnTo>
                      <a:pt x="144" y="79"/>
                    </a:lnTo>
                    <a:lnTo>
                      <a:pt x="145" y="69"/>
                    </a:lnTo>
                    <a:lnTo>
                      <a:pt x="147" y="61"/>
                    </a:lnTo>
                    <a:lnTo>
                      <a:pt x="147" y="55"/>
                    </a:lnTo>
                    <a:lnTo>
                      <a:pt x="149" y="52"/>
                    </a:lnTo>
                    <a:lnTo>
                      <a:pt x="152" y="47"/>
                    </a:lnTo>
                    <a:lnTo>
                      <a:pt x="152" y="40"/>
                    </a:lnTo>
                    <a:lnTo>
                      <a:pt x="152" y="32"/>
                    </a:lnTo>
                    <a:lnTo>
                      <a:pt x="150" y="23"/>
                    </a:lnTo>
                    <a:lnTo>
                      <a:pt x="149" y="15"/>
                    </a:lnTo>
                    <a:lnTo>
                      <a:pt x="147" y="10"/>
                    </a:lnTo>
                    <a:lnTo>
                      <a:pt x="145" y="5"/>
                    </a:lnTo>
                    <a:lnTo>
                      <a:pt x="144" y="3"/>
                    </a:lnTo>
                    <a:lnTo>
                      <a:pt x="155" y="0"/>
                    </a:lnTo>
                    <a:lnTo>
                      <a:pt x="174" y="111"/>
                    </a:lnTo>
                    <a:lnTo>
                      <a:pt x="269" y="93"/>
                    </a:lnTo>
                    <a:lnTo>
                      <a:pt x="279" y="154"/>
                    </a:lnTo>
                    <a:lnTo>
                      <a:pt x="314" y="121"/>
                    </a:lnTo>
                    <a:lnTo>
                      <a:pt x="314" y="123"/>
                    </a:lnTo>
                    <a:lnTo>
                      <a:pt x="316" y="123"/>
                    </a:lnTo>
                    <a:lnTo>
                      <a:pt x="318" y="123"/>
                    </a:lnTo>
                    <a:lnTo>
                      <a:pt x="321" y="121"/>
                    </a:lnTo>
                    <a:lnTo>
                      <a:pt x="326" y="116"/>
                    </a:lnTo>
                    <a:lnTo>
                      <a:pt x="331" y="110"/>
                    </a:lnTo>
                    <a:lnTo>
                      <a:pt x="338" y="98"/>
                    </a:lnTo>
                    <a:lnTo>
                      <a:pt x="340" y="98"/>
                    </a:lnTo>
                    <a:lnTo>
                      <a:pt x="343" y="99"/>
                    </a:lnTo>
                    <a:lnTo>
                      <a:pt x="348" y="101"/>
                    </a:lnTo>
                    <a:lnTo>
                      <a:pt x="353" y="101"/>
                    </a:lnTo>
                    <a:lnTo>
                      <a:pt x="358" y="101"/>
                    </a:lnTo>
                    <a:lnTo>
                      <a:pt x="365" y="99"/>
                    </a:lnTo>
                    <a:lnTo>
                      <a:pt x="370" y="94"/>
                    </a:lnTo>
                    <a:lnTo>
                      <a:pt x="375" y="88"/>
                    </a:lnTo>
                    <a:lnTo>
                      <a:pt x="377" y="86"/>
                    </a:lnTo>
                    <a:lnTo>
                      <a:pt x="377" y="84"/>
                    </a:lnTo>
                    <a:lnTo>
                      <a:pt x="380" y="81"/>
                    </a:lnTo>
                    <a:lnTo>
                      <a:pt x="384" y="79"/>
                    </a:lnTo>
                    <a:lnTo>
                      <a:pt x="389" y="77"/>
                    </a:lnTo>
                    <a:lnTo>
                      <a:pt x="394" y="77"/>
                    </a:lnTo>
                    <a:lnTo>
                      <a:pt x="402" y="79"/>
                    </a:lnTo>
                    <a:lnTo>
                      <a:pt x="413" y="83"/>
                    </a:lnTo>
                    <a:lnTo>
                      <a:pt x="414" y="83"/>
                    </a:lnTo>
                    <a:lnTo>
                      <a:pt x="416" y="83"/>
                    </a:lnTo>
                    <a:lnTo>
                      <a:pt x="418" y="83"/>
                    </a:lnTo>
                    <a:lnTo>
                      <a:pt x="419" y="83"/>
                    </a:lnTo>
                    <a:lnTo>
                      <a:pt x="423" y="83"/>
                    </a:lnTo>
                    <a:lnTo>
                      <a:pt x="424" y="83"/>
                    </a:lnTo>
                    <a:lnTo>
                      <a:pt x="426" y="83"/>
                    </a:lnTo>
                    <a:lnTo>
                      <a:pt x="428" y="89"/>
                    </a:lnTo>
                    <a:lnTo>
                      <a:pt x="430" y="91"/>
                    </a:lnTo>
                    <a:lnTo>
                      <a:pt x="433" y="93"/>
                    </a:lnTo>
                    <a:lnTo>
                      <a:pt x="436" y="96"/>
                    </a:lnTo>
                    <a:lnTo>
                      <a:pt x="441" y="99"/>
                    </a:lnTo>
                    <a:lnTo>
                      <a:pt x="445" y="105"/>
                    </a:lnTo>
                    <a:lnTo>
                      <a:pt x="446" y="110"/>
                    </a:lnTo>
                    <a:lnTo>
                      <a:pt x="446" y="115"/>
                    </a:lnTo>
                    <a:lnTo>
                      <a:pt x="443" y="120"/>
                    </a:lnTo>
                    <a:lnTo>
                      <a:pt x="443" y="121"/>
                    </a:lnTo>
                    <a:lnTo>
                      <a:pt x="443" y="125"/>
                    </a:lnTo>
                    <a:lnTo>
                      <a:pt x="443" y="128"/>
                    </a:lnTo>
                    <a:lnTo>
                      <a:pt x="441" y="130"/>
                    </a:lnTo>
                    <a:lnTo>
                      <a:pt x="438" y="132"/>
                    </a:lnTo>
                    <a:lnTo>
                      <a:pt x="433" y="133"/>
                    </a:lnTo>
                    <a:lnTo>
                      <a:pt x="424" y="130"/>
                    </a:lnTo>
                    <a:lnTo>
                      <a:pt x="411" y="125"/>
                    </a:lnTo>
                    <a:lnTo>
                      <a:pt x="409" y="123"/>
                    </a:lnTo>
                    <a:lnTo>
                      <a:pt x="406" y="121"/>
                    </a:lnTo>
                    <a:lnTo>
                      <a:pt x="401" y="120"/>
                    </a:lnTo>
                    <a:lnTo>
                      <a:pt x="396" y="118"/>
                    </a:lnTo>
                    <a:lnTo>
                      <a:pt x="392" y="115"/>
                    </a:lnTo>
                    <a:lnTo>
                      <a:pt x="387" y="113"/>
                    </a:lnTo>
                    <a:lnTo>
                      <a:pt x="384" y="111"/>
                    </a:lnTo>
                    <a:lnTo>
                      <a:pt x="380" y="145"/>
                    </a:lnTo>
                    <a:lnTo>
                      <a:pt x="375" y="150"/>
                    </a:lnTo>
                    <a:lnTo>
                      <a:pt x="375" y="152"/>
                    </a:lnTo>
                    <a:lnTo>
                      <a:pt x="374" y="157"/>
                    </a:lnTo>
                    <a:lnTo>
                      <a:pt x="372" y="162"/>
                    </a:lnTo>
                    <a:lnTo>
                      <a:pt x="369" y="169"/>
                    </a:lnTo>
                    <a:lnTo>
                      <a:pt x="365" y="176"/>
                    </a:lnTo>
                    <a:lnTo>
                      <a:pt x="362" y="179"/>
                    </a:lnTo>
                    <a:lnTo>
                      <a:pt x="358" y="182"/>
                    </a:lnTo>
                    <a:lnTo>
                      <a:pt x="355" y="181"/>
                    </a:lnTo>
                    <a:lnTo>
                      <a:pt x="355" y="182"/>
                    </a:lnTo>
                    <a:lnTo>
                      <a:pt x="355" y="186"/>
                    </a:lnTo>
                    <a:lnTo>
                      <a:pt x="353" y="189"/>
                    </a:lnTo>
                    <a:lnTo>
                      <a:pt x="352" y="194"/>
                    </a:lnTo>
                    <a:lnTo>
                      <a:pt x="350" y="199"/>
                    </a:lnTo>
                    <a:lnTo>
                      <a:pt x="347" y="203"/>
                    </a:lnTo>
                    <a:lnTo>
                      <a:pt x="345" y="203"/>
                    </a:lnTo>
                    <a:lnTo>
                      <a:pt x="342" y="199"/>
                    </a:lnTo>
                    <a:lnTo>
                      <a:pt x="340" y="199"/>
                    </a:lnTo>
                    <a:lnTo>
                      <a:pt x="338" y="198"/>
                    </a:lnTo>
                    <a:lnTo>
                      <a:pt x="336" y="196"/>
                    </a:lnTo>
                    <a:lnTo>
                      <a:pt x="333" y="196"/>
                    </a:lnTo>
                    <a:lnTo>
                      <a:pt x="331" y="198"/>
                    </a:lnTo>
                    <a:lnTo>
                      <a:pt x="328" y="199"/>
                    </a:lnTo>
                    <a:lnTo>
                      <a:pt x="326" y="206"/>
                    </a:lnTo>
                    <a:lnTo>
                      <a:pt x="326" y="216"/>
                    </a:lnTo>
                    <a:lnTo>
                      <a:pt x="326" y="218"/>
                    </a:lnTo>
                    <a:lnTo>
                      <a:pt x="326" y="220"/>
                    </a:lnTo>
                    <a:lnTo>
                      <a:pt x="325" y="223"/>
                    </a:lnTo>
                    <a:lnTo>
                      <a:pt x="325" y="225"/>
                    </a:lnTo>
                    <a:lnTo>
                      <a:pt x="323" y="226"/>
                    </a:lnTo>
                    <a:lnTo>
                      <a:pt x="323" y="228"/>
                    </a:lnTo>
                    <a:lnTo>
                      <a:pt x="323" y="230"/>
                    </a:lnTo>
                    <a:lnTo>
                      <a:pt x="323" y="231"/>
                    </a:lnTo>
                    <a:lnTo>
                      <a:pt x="321" y="235"/>
                    </a:lnTo>
                    <a:lnTo>
                      <a:pt x="320" y="242"/>
                    </a:lnTo>
                    <a:lnTo>
                      <a:pt x="318" y="247"/>
                    </a:lnTo>
                    <a:lnTo>
                      <a:pt x="313" y="250"/>
                    </a:lnTo>
                    <a:lnTo>
                      <a:pt x="308" y="252"/>
                    </a:lnTo>
                    <a:lnTo>
                      <a:pt x="301" y="250"/>
                    </a:lnTo>
                    <a:lnTo>
                      <a:pt x="291" y="243"/>
                    </a:lnTo>
                    <a:lnTo>
                      <a:pt x="289" y="242"/>
                    </a:lnTo>
                    <a:lnTo>
                      <a:pt x="286" y="240"/>
                    </a:lnTo>
                    <a:lnTo>
                      <a:pt x="282" y="238"/>
                    </a:lnTo>
                    <a:lnTo>
                      <a:pt x="279" y="238"/>
                    </a:lnTo>
                    <a:lnTo>
                      <a:pt x="276" y="240"/>
                    </a:lnTo>
                    <a:lnTo>
                      <a:pt x="274" y="243"/>
                    </a:lnTo>
                    <a:lnTo>
                      <a:pt x="274" y="250"/>
                    </a:lnTo>
                    <a:lnTo>
                      <a:pt x="276" y="260"/>
                    </a:lnTo>
                    <a:lnTo>
                      <a:pt x="276" y="262"/>
                    </a:lnTo>
                    <a:lnTo>
                      <a:pt x="276" y="265"/>
                    </a:lnTo>
                    <a:lnTo>
                      <a:pt x="274" y="267"/>
                    </a:lnTo>
                    <a:lnTo>
                      <a:pt x="272" y="269"/>
                    </a:lnTo>
                    <a:lnTo>
                      <a:pt x="272" y="272"/>
                    </a:lnTo>
                    <a:lnTo>
                      <a:pt x="270" y="274"/>
                    </a:lnTo>
                    <a:lnTo>
                      <a:pt x="270" y="275"/>
                    </a:lnTo>
                    <a:lnTo>
                      <a:pt x="269" y="275"/>
                    </a:lnTo>
                    <a:lnTo>
                      <a:pt x="267" y="287"/>
                    </a:lnTo>
                    <a:lnTo>
                      <a:pt x="265" y="289"/>
                    </a:lnTo>
                    <a:lnTo>
                      <a:pt x="264" y="291"/>
                    </a:lnTo>
                    <a:lnTo>
                      <a:pt x="264" y="292"/>
                    </a:lnTo>
                    <a:lnTo>
                      <a:pt x="262" y="296"/>
                    </a:lnTo>
                    <a:lnTo>
                      <a:pt x="260" y="301"/>
                    </a:lnTo>
                    <a:lnTo>
                      <a:pt x="259" y="308"/>
                    </a:lnTo>
                    <a:lnTo>
                      <a:pt x="259" y="314"/>
                    </a:lnTo>
                    <a:lnTo>
                      <a:pt x="259" y="318"/>
                    </a:lnTo>
                    <a:lnTo>
                      <a:pt x="255" y="321"/>
                    </a:lnTo>
                    <a:lnTo>
                      <a:pt x="252" y="326"/>
                    </a:lnTo>
                    <a:lnTo>
                      <a:pt x="248" y="331"/>
                    </a:lnTo>
                    <a:lnTo>
                      <a:pt x="245" y="336"/>
                    </a:lnTo>
                    <a:lnTo>
                      <a:pt x="242" y="341"/>
                    </a:lnTo>
                    <a:lnTo>
                      <a:pt x="240" y="347"/>
                    </a:lnTo>
                    <a:lnTo>
                      <a:pt x="238" y="352"/>
                    </a:lnTo>
                    <a:lnTo>
                      <a:pt x="238" y="353"/>
                    </a:lnTo>
                    <a:lnTo>
                      <a:pt x="238" y="355"/>
                    </a:lnTo>
                    <a:lnTo>
                      <a:pt x="238" y="357"/>
                    </a:lnTo>
                    <a:lnTo>
                      <a:pt x="238" y="360"/>
                    </a:lnTo>
                    <a:lnTo>
                      <a:pt x="238" y="362"/>
                    </a:lnTo>
                    <a:lnTo>
                      <a:pt x="238" y="363"/>
                    </a:lnTo>
                    <a:lnTo>
                      <a:pt x="238" y="365"/>
                    </a:lnTo>
                    <a:lnTo>
                      <a:pt x="243" y="369"/>
                    </a:lnTo>
                    <a:lnTo>
                      <a:pt x="237" y="377"/>
                    </a:lnTo>
                    <a:lnTo>
                      <a:pt x="242" y="384"/>
                    </a:lnTo>
                    <a:lnTo>
                      <a:pt x="225" y="396"/>
                    </a:lnTo>
                    <a:lnTo>
                      <a:pt x="223" y="396"/>
                    </a:lnTo>
                    <a:lnTo>
                      <a:pt x="220" y="394"/>
                    </a:lnTo>
                    <a:lnTo>
                      <a:pt x="216" y="394"/>
                    </a:lnTo>
                    <a:lnTo>
                      <a:pt x="211" y="394"/>
                    </a:lnTo>
                    <a:lnTo>
                      <a:pt x="208" y="396"/>
                    </a:lnTo>
                    <a:lnTo>
                      <a:pt x="203" y="401"/>
                    </a:lnTo>
                    <a:lnTo>
                      <a:pt x="201" y="407"/>
                    </a:lnTo>
                    <a:lnTo>
                      <a:pt x="199" y="406"/>
                    </a:lnTo>
                    <a:lnTo>
                      <a:pt x="198" y="404"/>
                    </a:lnTo>
                    <a:lnTo>
                      <a:pt x="194" y="404"/>
                    </a:lnTo>
                    <a:lnTo>
                      <a:pt x="189" y="402"/>
                    </a:lnTo>
                    <a:lnTo>
                      <a:pt x="186" y="402"/>
                    </a:lnTo>
                    <a:lnTo>
                      <a:pt x="184" y="404"/>
                    </a:lnTo>
                    <a:lnTo>
                      <a:pt x="184" y="407"/>
                    </a:lnTo>
                    <a:lnTo>
                      <a:pt x="186" y="414"/>
                    </a:lnTo>
                    <a:lnTo>
                      <a:pt x="186" y="416"/>
                    </a:lnTo>
                    <a:lnTo>
                      <a:pt x="184" y="418"/>
                    </a:lnTo>
                    <a:lnTo>
                      <a:pt x="182" y="418"/>
                    </a:lnTo>
                    <a:lnTo>
                      <a:pt x="179" y="419"/>
                    </a:lnTo>
                    <a:lnTo>
                      <a:pt x="176" y="421"/>
                    </a:lnTo>
                    <a:lnTo>
                      <a:pt x="174" y="423"/>
                    </a:lnTo>
                    <a:lnTo>
                      <a:pt x="172" y="423"/>
                    </a:lnTo>
                    <a:lnTo>
                      <a:pt x="171" y="424"/>
                    </a:lnTo>
                    <a:lnTo>
                      <a:pt x="167" y="426"/>
                    </a:lnTo>
                    <a:lnTo>
                      <a:pt x="162" y="428"/>
                    </a:lnTo>
                    <a:lnTo>
                      <a:pt x="155" y="429"/>
                    </a:lnTo>
                    <a:lnTo>
                      <a:pt x="150" y="429"/>
                    </a:lnTo>
                    <a:lnTo>
                      <a:pt x="145" y="429"/>
                    </a:lnTo>
                    <a:lnTo>
                      <a:pt x="142" y="428"/>
                    </a:lnTo>
                    <a:lnTo>
                      <a:pt x="140" y="423"/>
                    </a:lnTo>
                    <a:lnTo>
                      <a:pt x="138" y="426"/>
                    </a:lnTo>
                    <a:lnTo>
                      <a:pt x="135" y="429"/>
                    </a:lnTo>
                    <a:lnTo>
                      <a:pt x="132" y="433"/>
                    </a:lnTo>
                    <a:lnTo>
                      <a:pt x="127" y="438"/>
                    </a:lnTo>
                    <a:lnTo>
                      <a:pt x="122" y="440"/>
                    </a:lnTo>
                    <a:lnTo>
                      <a:pt x="116" y="440"/>
                    </a:lnTo>
                    <a:lnTo>
                      <a:pt x="110" y="438"/>
                    </a:lnTo>
                    <a:lnTo>
                      <a:pt x="108" y="438"/>
                    </a:lnTo>
                    <a:lnTo>
                      <a:pt x="105" y="438"/>
                    </a:lnTo>
                    <a:lnTo>
                      <a:pt x="101" y="436"/>
                    </a:lnTo>
                    <a:lnTo>
                      <a:pt x="98" y="435"/>
                    </a:lnTo>
                    <a:lnTo>
                      <a:pt x="93" y="433"/>
                    </a:lnTo>
                    <a:lnTo>
                      <a:pt x="88" y="428"/>
                    </a:lnTo>
                    <a:lnTo>
                      <a:pt x="83" y="423"/>
                    </a:lnTo>
                    <a:lnTo>
                      <a:pt x="79" y="416"/>
                    </a:lnTo>
                    <a:lnTo>
                      <a:pt x="78" y="413"/>
                    </a:lnTo>
                    <a:lnTo>
                      <a:pt x="78" y="409"/>
                    </a:lnTo>
                    <a:lnTo>
                      <a:pt x="78" y="406"/>
                    </a:lnTo>
                    <a:lnTo>
                      <a:pt x="76" y="404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52" name="Freeform 130"/>
              <p:cNvSpPr>
                <a:spLocks/>
              </p:cNvSpPr>
              <p:nvPr/>
            </p:nvSpPr>
            <p:spPr bwMode="auto">
              <a:xfrm>
                <a:off x="4583" y="2049"/>
                <a:ext cx="102" cy="170"/>
              </a:xfrm>
              <a:custGeom>
                <a:avLst/>
                <a:gdLst>
                  <a:gd name="T0" fmla="*/ 17 w 105"/>
                  <a:gd name="T1" fmla="*/ 16 h 175"/>
                  <a:gd name="T2" fmla="*/ 17 w 105"/>
                  <a:gd name="T3" fmla="*/ 17 h 175"/>
                  <a:gd name="T4" fmla="*/ 17 w 105"/>
                  <a:gd name="T5" fmla="*/ 17 h 175"/>
                  <a:gd name="T6" fmla="*/ 17 w 105"/>
                  <a:gd name="T7" fmla="*/ 20 h 175"/>
                  <a:gd name="T8" fmla="*/ 17 w 105"/>
                  <a:gd name="T9" fmla="*/ 22 h 175"/>
                  <a:gd name="T10" fmla="*/ 17 w 105"/>
                  <a:gd name="T11" fmla="*/ 24 h 175"/>
                  <a:gd name="T12" fmla="*/ 17 w 105"/>
                  <a:gd name="T13" fmla="*/ 32 h 175"/>
                  <a:gd name="T14" fmla="*/ 17 w 105"/>
                  <a:gd name="T15" fmla="*/ 39 h 175"/>
                  <a:gd name="T16" fmla="*/ 20 w 105"/>
                  <a:gd name="T17" fmla="*/ 42 h 175"/>
                  <a:gd name="T18" fmla="*/ 23 w 105"/>
                  <a:gd name="T19" fmla="*/ 42 h 175"/>
                  <a:gd name="T20" fmla="*/ 25 w 105"/>
                  <a:gd name="T21" fmla="*/ 43 h 175"/>
                  <a:gd name="T22" fmla="*/ 30 w 105"/>
                  <a:gd name="T23" fmla="*/ 45 h 175"/>
                  <a:gd name="T24" fmla="*/ 35 w 105"/>
                  <a:gd name="T25" fmla="*/ 48 h 175"/>
                  <a:gd name="T26" fmla="*/ 35 w 105"/>
                  <a:gd name="T27" fmla="*/ 54 h 175"/>
                  <a:gd name="T28" fmla="*/ 35 w 105"/>
                  <a:gd name="T29" fmla="*/ 59 h 175"/>
                  <a:gd name="T30" fmla="*/ 35 w 105"/>
                  <a:gd name="T31" fmla="*/ 59 h 175"/>
                  <a:gd name="T32" fmla="*/ 39 w 105"/>
                  <a:gd name="T33" fmla="*/ 63 h 175"/>
                  <a:gd name="T34" fmla="*/ 41 w 105"/>
                  <a:gd name="T35" fmla="*/ 67 h 175"/>
                  <a:gd name="T36" fmla="*/ 43 w 105"/>
                  <a:gd name="T37" fmla="*/ 70 h 175"/>
                  <a:gd name="T38" fmla="*/ 43 w 105"/>
                  <a:gd name="T39" fmla="*/ 71 h 175"/>
                  <a:gd name="T40" fmla="*/ 44 w 105"/>
                  <a:gd name="T41" fmla="*/ 71 h 175"/>
                  <a:gd name="T42" fmla="*/ 45 w 105"/>
                  <a:gd name="T43" fmla="*/ 74 h 175"/>
                  <a:gd name="T44" fmla="*/ 45 w 105"/>
                  <a:gd name="T45" fmla="*/ 75 h 175"/>
                  <a:gd name="T46" fmla="*/ 49 w 105"/>
                  <a:gd name="T47" fmla="*/ 80 h 175"/>
                  <a:gd name="T48" fmla="*/ 55 w 105"/>
                  <a:gd name="T49" fmla="*/ 82 h 175"/>
                  <a:gd name="T50" fmla="*/ 59 w 105"/>
                  <a:gd name="T51" fmla="*/ 82 h 175"/>
                  <a:gd name="T52" fmla="*/ 61 w 105"/>
                  <a:gd name="T53" fmla="*/ 82 h 175"/>
                  <a:gd name="T54" fmla="*/ 63 w 105"/>
                  <a:gd name="T55" fmla="*/ 90 h 175"/>
                  <a:gd name="T56" fmla="*/ 58 w 105"/>
                  <a:gd name="T57" fmla="*/ 94 h 175"/>
                  <a:gd name="T58" fmla="*/ 58 w 105"/>
                  <a:gd name="T59" fmla="*/ 94 h 175"/>
                  <a:gd name="T60" fmla="*/ 57 w 105"/>
                  <a:gd name="T61" fmla="*/ 95 h 175"/>
                  <a:gd name="T62" fmla="*/ 57 w 105"/>
                  <a:gd name="T63" fmla="*/ 96 h 175"/>
                  <a:gd name="T64" fmla="*/ 53 w 105"/>
                  <a:gd name="T65" fmla="*/ 99 h 175"/>
                  <a:gd name="T66" fmla="*/ 57 w 105"/>
                  <a:gd name="T67" fmla="*/ 100 h 175"/>
                  <a:gd name="T68" fmla="*/ 61 w 105"/>
                  <a:gd name="T69" fmla="*/ 99 h 175"/>
                  <a:gd name="T70" fmla="*/ 63 w 105"/>
                  <a:gd name="T71" fmla="*/ 98 h 175"/>
                  <a:gd name="T72" fmla="*/ 66 w 105"/>
                  <a:gd name="T73" fmla="*/ 96 h 175"/>
                  <a:gd name="T74" fmla="*/ 69 w 105"/>
                  <a:gd name="T75" fmla="*/ 99 h 175"/>
                  <a:gd name="T76" fmla="*/ 69 w 105"/>
                  <a:gd name="T77" fmla="*/ 104 h 175"/>
                  <a:gd name="T78" fmla="*/ 69 w 105"/>
                  <a:gd name="T79" fmla="*/ 109 h 175"/>
                  <a:gd name="T80" fmla="*/ 0 w 105"/>
                  <a:gd name="T81" fmla="*/ 17 h 175"/>
                  <a:gd name="T82" fmla="*/ 0 w 105"/>
                  <a:gd name="T83" fmla="*/ 17 h 175"/>
                  <a:gd name="T84" fmla="*/ 5 w 105"/>
                  <a:gd name="T85" fmla="*/ 7 h 175"/>
                  <a:gd name="T86" fmla="*/ 15 w 105"/>
                  <a:gd name="T87" fmla="*/ 0 h 175"/>
                  <a:gd name="T88" fmla="*/ 17 w 105"/>
                  <a:gd name="T89" fmla="*/ 0 h 175"/>
                  <a:gd name="T90" fmla="*/ 18 w 105"/>
                  <a:gd name="T91" fmla="*/ 2 h 175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w 105"/>
                  <a:gd name="T139" fmla="*/ 0 h 175"/>
                  <a:gd name="T140" fmla="*/ 105 w 105"/>
                  <a:gd name="T141" fmla="*/ 175 h 175"/>
                </a:gdLst>
                <a:ahLst/>
                <a:cxnLst>
                  <a:cxn ang="T92">
                    <a:pos x="T0" y="T1"/>
                  </a:cxn>
                  <a:cxn ang="T93">
                    <a:pos x="T2" y="T3"/>
                  </a:cxn>
                  <a:cxn ang="T94">
                    <a:pos x="T4" y="T5"/>
                  </a:cxn>
                  <a:cxn ang="T95">
                    <a:pos x="T6" y="T7"/>
                  </a:cxn>
                  <a:cxn ang="T96">
                    <a:pos x="T8" y="T9"/>
                  </a:cxn>
                  <a:cxn ang="T97">
                    <a:pos x="T10" y="T11"/>
                  </a:cxn>
                  <a:cxn ang="T98">
                    <a:pos x="T12" y="T13"/>
                  </a:cxn>
                  <a:cxn ang="T99">
                    <a:pos x="T14" y="T15"/>
                  </a:cxn>
                  <a:cxn ang="T100">
                    <a:pos x="T16" y="T17"/>
                  </a:cxn>
                  <a:cxn ang="T101">
                    <a:pos x="T18" y="T19"/>
                  </a:cxn>
                  <a:cxn ang="T102">
                    <a:pos x="T20" y="T21"/>
                  </a:cxn>
                  <a:cxn ang="T103">
                    <a:pos x="T22" y="T23"/>
                  </a:cxn>
                  <a:cxn ang="T104">
                    <a:pos x="T24" y="T25"/>
                  </a:cxn>
                  <a:cxn ang="T105">
                    <a:pos x="T26" y="T27"/>
                  </a:cxn>
                  <a:cxn ang="T106">
                    <a:pos x="T28" y="T29"/>
                  </a:cxn>
                  <a:cxn ang="T107">
                    <a:pos x="T30" y="T31"/>
                  </a:cxn>
                  <a:cxn ang="T108">
                    <a:pos x="T32" y="T33"/>
                  </a:cxn>
                  <a:cxn ang="T109">
                    <a:pos x="T34" y="T35"/>
                  </a:cxn>
                  <a:cxn ang="T110">
                    <a:pos x="T36" y="T37"/>
                  </a:cxn>
                  <a:cxn ang="T111">
                    <a:pos x="T38" y="T39"/>
                  </a:cxn>
                  <a:cxn ang="T112">
                    <a:pos x="T40" y="T41"/>
                  </a:cxn>
                  <a:cxn ang="T113">
                    <a:pos x="T42" y="T43"/>
                  </a:cxn>
                  <a:cxn ang="T114">
                    <a:pos x="T44" y="T45"/>
                  </a:cxn>
                  <a:cxn ang="T115">
                    <a:pos x="T46" y="T47"/>
                  </a:cxn>
                  <a:cxn ang="T116">
                    <a:pos x="T48" y="T49"/>
                  </a:cxn>
                  <a:cxn ang="T117">
                    <a:pos x="T50" y="T51"/>
                  </a:cxn>
                  <a:cxn ang="T118">
                    <a:pos x="T52" y="T53"/>
                  </a:cxn>
                  <a:cxn ang="T119">
                    <a:pos x="T54" y="T55"/>
                  </a:cxn>
                  <a:cxn ang="T120">
                    <a:pos x="T56" y="T57"/>
                  </a:cxn>
                  <a:cxn ang="T121">
                    <a:pos x="T58" y="T59"/>
                  </a:cxn>
                  <a:cxn ang="T122">
                    <a:pos x="T60" y="T61"/>
                  </a:cxn>
                  <a:cxn ang="T123">
                    <a:pos x="T62" y="T63"/>
                  </a:cxn>
                  <a:cxn ang="T124">
                    <a:pos x="T64" y="T65"/>
                  </a:cxn>
                  <a:cxn ang="T125">
                    <a:pos x="T66" y="T67"/>
                  </a:cxn>
                  <a:cxn ang="T126">
                    <a:pos x="T68" y="T69"/>
                  </a:cxn>
                  <a:cxn ang="T127">
                    <a:pos x="T70" y="T71"/>
                  </a:cxn>
                  <a:cxn ang="T128">
                    <a:pos x="T72" y="T73"/>
                  </a:cxn>
                  <a:cxn ang="T129">
                    <a:pos x="T74" y="T75"/>
                  </a:cxn>
                  <a:cxn ang="T130">
                    <a:pos x="T76" y="T77"/>
                  </a:cxn>
                  <a:cxn ang="T131">
                    <a:pos x="T78" y="T79"/>
                  </a:cxn>
                  <a:cxn ang="T132">
                    <a:pos x="T80" y="T81"/>
                  </a:cxn>
                  <a:cxn ang="T133">
                    <a:pos x="T82" y="T83"/>
                  </a:cxn>
                  <a:cxn ang="T134">
                    <a:pos x="T84" y="T85"/>
                  </a:cxn>
                  <a:cxn ang="T135">
                    <a:pos x="T86" y="T87"/>
                  </a:cxn>
                  <a:cxn ang="T136">
                    <a:pos x="T88" y="T89"/>
                  </a:cxn>
                  <a:cxn ang="T137">
                    <a:pos x="T90" y="T91"/>
                  </a:cxn>
                </a:cxnLst>
                <a:rect l="T138" t="T139" r="T140" b="T141"/>
                <a:pathLst>
                  <a:path w="105" h="175">
                    <a:moveTo>
                      <a:pt x="27" y="7"/>
                    </a:moveTo>
                    <a:lnTo>
                      <a:pt x="24" y="16"/>
                    </a:lnTo>
                    <a:lnTo>
                      <a:pt x="20" y="22"/>
                    </a:lnTo>
                    <a:lnTo>
                      <a:pt x="20" y="26"/>
                    </a:lnTo>
                    <a:lnTo>
                      <a:pt x="20" y="29"/>
                    </a:lnTo>
                    <a:lnTo>
                      <a:pt x="20" y="31"/>
                    </a:lnTo>
                    <a:lnTo>
                      <a:pt x="22" y="34"/>
                    </a:lnTo>
                    <a:lnTo>
                      <a:pt x="22" y="36"/>
                    </a:lnTo>
                    <a:lnTo>
                      <a:pt x="24" y="36"/>
                    </a:lnTo>
                    <a:lnTo>
                      <a:pt x="24" y="38"/>
                    </a:lnTo>
                    <a:lnTo>
                      <a:pt x="25" y="46"/>
                    </a:lnTo>
                    <a:lnTo>
                      <a:pt x="27" y="49"/>
                    </a:lnTo>
                    <a:lnTo>
                      <a:pt x="29" y="55"/>
                    </a:lnTo>
                    <a:lnTo>
                      <a:pt x="30" y="56"/>
                    </a:lnTo>
                    <a:lnTo>
                      <a:pt x="34" y="60"/>
                    </a:lnTo>
                    <a:lnTo>
                      <a:pt x="36" y="61"/>
                    </a:lnTo>
                    <a:lnTo>
                      <a:pt x="37" y="61"/>
                    </a:lnTo>
                    <a:lnTo>
                      <a:pt x="39" y="63"/>
                    </a:lnTo>
                    <a:lnTo>
                      <a:pt x="44" y="66"/>
                    </a:lnTo>
                    <a:lnTo>
                      <a:pt x="47" y="70"/>
                    </a:lnTo>
                    <a:lnTo>
                      <a:pt x="49" y="73"/>
                    </a:lnTo>
                    <a:lnTo>
                      <a:pt x="49" y="78"/>
                    </a:lnTo>
                    <a:lnTo>
                      <a:pt x="49" y="82"/>
                    </a:lnTo>
                    <a:lnTo>
                      <a:pt x="49" y="85"/>
                    </a:lnTo>
                    <a:lnTo>
                      <a:pt x="49" y="88"/>
                    </a:lnTo>
                    <a:lnTo>
                      <a:pt x="51" y="92"/>
                    </a:lnTo>
                    <a:lnTo>
                      <a:pt x="54" y="93"/>
                    </a:lnTo>
                    <a:lnTo>
                      <a:pt x="56" y="97"/>
                    </a:lnTo>
                    <a:lnTo>
                      <a:pt x="59" y="99"/>
                    </a:lnTo>
                    <a:lnTo>
                      <a:pt x="61" y="102"/>
                    </a:lnTo>
                    <a:lnTo>
                      <a:pt x="63" y="104"/>
                    </a:lnTo>
                    <a:lnTo>
                      <a:pt x="63" y="105"/>
                    </a:lnTo>
                    <a:lnTo>
                      <a:pt x="64" y="105"/>
                    </a:lnTo>
                    <a:lnTo>
                      <a:pt x="64" y="109"/>
                    </a:lnTo>
                    <a:lnTo>
                      <a:pt x="66" y="110"/>
                    </a:lnTo>
                    <a:lnTo>
                      <a:pt x="66" y="112"/>
                    </a:lnTo>
                    <a:lnTo>
                      <a:pt x="71" y="115"/>
                    </a:lnTo>
                    <a:lnTo>
                      <a:pt x="74" y="119"/>
                    </a:lnTo>
                    <a:lnTo>
                      <a:pt x="80" y="121"/>
                    </a:lnTo>
                    <a:lnTo>
                      <a:pt x="83" y="122"/>
                    </a:lnTo>
                    <a:lnTo>
                      <a:pt x="86" y="122"/>
                    </a:lnTo>
                    <a:lnTo>
                      <a:pt x="88" y="122"/>
                    </a:lnTo>
                    <a:lnTo>
                      <a:pt x="90" y="122"/>
                    </a:lnTo>
                    <a:lnTo>
                      <a:pt x="93" y="126"/>
                    </a:lnTo>
                    <a:lnTo>
                      <a:pt x="93" y="136"/>
                    </a:lnTo>
                    <a:lnTo>
                      <a:pt x="86" y="136"/>
                    </a:lnTo>
                    <a:lnTo>
                      <a:pt x="86" y="141"/>
                    </a:lnTo>
                    <a:lnTo>
                      <a:pt x="86" y="143"/>
                    </a:lnTo>
                    <a:lnTo>
                      <a:pt x="85" y="143"/>
                    </a:lnTo>
                    <a:lnTo>
                      <a:pt x="85" y="144"/>
                    </a:lnTo>
                    <a:lnTo>
                      <a:pt x="83" y="146"/>
                    </a:lnTo>
                    <a:lnTo>
                      <a:pt x="81" y="148"/>
                    </a:lnTo>
                    <a:lnTo>
                      <a:pt x="83" y="149"/>
                    </a:lnTo>
                    <a:lnTo>
                      <a:pt x="85" y="149"/>
                    </a:lnTo>
                    <a:lnTo>
                      <a:pt x="88" y="149"/>
                    </a:lnTo>
                    <a:lnTo>
                      <a:pt x="90" y="148"/>
                    </a:lnTo>
                    <a:lnTo>
                      <a:pt x="91" y="148"/>
                    </a:lnTo>
                    <a:lnTo>
                      <a:pt x="93" y="146"/>
                    </a:lnTo>
                    <a:lnTo>
                      <a:pt x="98" y="144"/>
                    </a:lnTo>
                    <a:lnTo>
                      <a:pt x="100" y="144"/>
                    </a:lnTo>
                    <a:lnTo>
                      <a:pt x="102" y="148"/>
                    </a:lnTo>
                    <a:lnTo>
                      <a:pt x="102" y="149"/>
                    </a:lnTo>
                    <a:lnTo>
                      <a:pt x="102" y="154"/>
                    </a:lnTo>
                    <a:lnTo>
                      <a:pt x="105" y="158"/>
                    </a:lnTo>
                    <a:lnTo>
                      <a:pt x="103" y="163"/>
                    </a:lnTo>
                    <a:lnTo>
                      <a:pt x="41" y="175"/>
                    </a:lnTo>
                    <a:lnTo>
                      <a:pt x="0" y="21"/>
                    </a:lnTo>
                    <a:lnTo>
                      <a:pt x="0" y="22"/>
                    </a:lnTo>
                    <a:lnTo>
                      <a:pt x="2" y="12"/>
                    </a:lnTo>
                    <a:lnTo>
                      <a:pt x="5" y="7"/>
                    </a:lnTo>
                    <a:lnTo>
                      <a:pt x="10" y="4"/>
                    </a:lnTo>
                    <a:lnTo>
                      <a:pt x="15" y="0"/>
                    </a:lnTo>
                    <a:lnTo>
                      <a:pt x="22" y="0"/>
                    </a:lnTo>
                    <a:lnTo>
                      <a:pt x="27" y="0"/>
                    </a:lnTo>
                    <a:lnTo>
                      <a:pt x="30" y="0"/>
                    </a:lnTo>
                    <a:lnTo>
                      <a:pt x="32" y="2"/>
                    </a:lnTo>
                    <a:lnTo>
                      <a:pt x="27" y="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53" name="Group 131"/>
              <p:cNvGrpSpPr>
                <a:grpSpLocks/>
              </p:cNvGrpSpPr>
              <p:nvPr/>
            </p:nvGrpSpPr>
            <p:grpSpPr bwMode="auto">
              <a:xfrm>
                <a:off x="3980" y="2710"/>
                <a:ext cx="478" cy="363"/>
                <a:chOff x="3916" y="2758"/>
                <a:chExt cx="478" cy="363"/>
              </a:xfrm>
            </p:grpSpPr>
            <p:sp>
              <p:nvSpPr>
                <p:cNvPr id="107" name="Freeform 132"/>
                <p:cNvSpPr>
                  <a:spLocks/>
                </p:cNvSpPr>
                <p:nvPr/>
              </p:nvSpPr>
              <p:spPr bwMode="auto">
                <a:xfrm>
                  <a:off x="4222" y="3072"/>
                  <a:ext cx="15" cy="16"/>
                </a:xfrm>
                <a:custGeom>
                  <a:avLst/>
                  <a:gdLst>
                    <a:gd name="T0" fmla="*/ 1 w 15"/>
                    <a:gd name="T1" fmla="*/ 5 h 17"/>
                    <a:gd name="T2" fmla="*/ 5 w 15"/>
                    <a:gd name="T3" fmla="*/ 2 h 17"/>
                    <a:gd name="T4" fmla="*/ 6 w 15"/>
                    <a:gd name="T5" fmla="*/ 0 h 17"/>
                    <a:gd name="T6" fmla="*/ 10 w 15"/>
                    <a:gd name="T7" fmla="*/ 0 h 17"/>
                    <a:gd name="T8" fmla="*/ 12 w 15"/>
                    <a:gd name="T9" fmla="*/ 0 h 17"/>
                    <a:gd name="T10" fmla="*/ 13 w 15"/>
                    <a:gd name="T11" fmla="*/ 2 h 17"/>
                    <a:gd name="T12" fmla="*/ 13 w 15"/>
                    <a:gd name="T13" fmla="*/ 2 h 17"/>
                    <a:gd name="T14" fmla="*/ 15 w 15"/>
                    <a:gd name="T15" fmla="*/ 3 h 17"/>
                    <a:gd name="T16" fmla="*/ 15 w 15"/>
                    <a:gd name="T17" fmla="*/ 5 h 17"/>
                    <a:gd name="T18" fmla="*/ 15 w 15"/>
                    <a:gd name="T19" fmla="*/ 7 h 17"/>
                    <a:gd name="T20" fmla="*/ 13 w 15"/>
                    <a:gd name="T21" fmla="*/ 8 h 17"/>
                    <a:gd name="T22" fmla="*/ 13 w 15"/>
                    <a:gd name="T23" fmla="*/ 8 h 17"/>
                    <a:gd name="T24" fmla="*/ 12 w 15"/>
                    <a:gd name="T25" fmla="*/ 8 h 17"/>
                    <a:gd name="T26" fmla="*/ 10 w 15"/>
                    <a:gd name="T27" fmla="*/ 8 h 17"/>
                    <a:gd name="T28" fmla="*/ 6 w 15"/>
                    <a:gd name="T29" fmla="*/ 8 h 17"/>
                    <a:gd name="T30" fmla="*/ 3 w 15"/>
                    <a:gd name="T31" fmla="*/ 8 h 17"/>
                    <a:gd name="T32" fmla="*/ 1 w 15"/>
                    <a:gd name="T33" fmla="*/ 8 h 17"/>
                    <a:gd name="T34" fmla="*/ 1 w 15"/>
                    <a:gd name="T35" fmla="*/ 8 h 17"/>
                    <a:gd name="T36" fmla="*/ 0 w 15"/>
                    <a:gd name="T37" fmla="*/ 8 h 17"/>
                    <a:gd name="T38" fmla="*/ 0 w 15"/>
                    <a:gd name="T39" fmla="*/ 8 h 17"/>
                    <a:gd name="T40" fmla="*/ 0 w 15"/>
                    <a:gd name="T41" fmla="*/ 8 h 17"/>
                    <a:gd name="T42" fmla="*/ 0 w 15"/>
                    <a:gd name="T43" fmla="*/ 8 h 17"/>
                    <a:gd name="T44" fmla="*/ 0 w 15"/>
                    <a:gd name="T45" fmla="*/ 8 h 17"/>
                    <a:gd name="T46" fmla="*/ 1 w 15"/>
                    <a:gd name="T47" fmla="*/ 7 h 17"/>
                    <a:gd name="T48" fmla="*/ 1 w 15"/>
                    <a:gd name="T49" fmla="*/ 5 h 17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w 15"/>
                    <a:gd name="T76" fmla="*/ 0 h 17"/>
                    <a:gd name="T77" fmla="*/ 15 w 15"/>
                    <a:gd name="T78" fmla="*/ 17 h 17"/>
                  </a:gdLst>
                  <a:ahLst/>
                  <a:cxnLst>
                    <a:cxn ang="T50">
                      <a:pos x="T0" y="T1"/>
                    </a:cxn>
                    <a:cxn ang="T51">
                      <a:pos x="T2" y="T3"/>
                    </a:cxn>
                    <a:cxn ang="T52">
                      <a:pos x="T4" y="T5"/>
                    </a:cxn>
                    <a:cxn ang="T53">
                      <a:pos x="T6" y="T7"/>
                    </a:cxn>
                    <a:cxn ang="T54">
                      <a:pos x="T8" y="T9"/>
                    </a:cxn>
                    <a:cxn ang="T55">
                      <a:pos x="T10" y="T11"/>
                    </a:cxn>
                    <a:cxn ang="T56">
                      <a:pos x="T12" y="T13"/>
                    </a:cxn>
                    <a:cxn ang="T57">
                      <a:pos x="T14" y="T15"/>
                    </a:cxn>
                    <a:cxn ang="T58">
                      <a:pos x="T16" y="T17"/>
                    </a:cxn>
                    <a:cxn ang="T59">
                      <a:pos x="T18" y="T19"/>
                    </a:cxn>
                    <a:cxn ang="T60">
                      <a:pos x="T20" y="T21"/>
                    </a:cxn>
                    <a:cxn ang="T61">
                      <a:pos x="T22" y="T23"/>
                    </a:cxn>
                    <a:cxn ang="T62">
                      <a:pos x="T24" y="T25"/>
                    </a:cxn>
                    <a:cxn ang="T63">
                      <a:pos x="T26" y="T27"/>
                    </a:cxn>
                    <a:cxn ang="T64">
                      <a:pos x="T28" y="T29"/>
                    </a:cxn>
                    <a:cxn ang="T65">
                      <a:pos x="T30" y="T31"/>
                    </a:cxn>
                    <a:cxn ang="T66">
                      <a:pos x="T32" y="T33"/>
                    </a:cxn>
                    <a:cxn ang="T67">
                      <a:pos x="T34" y="T35"/>
                    </a:cxn>
                    <a:cxn ang="T68">
                      <a:pos x="T36" y="T37"/>
                    </a:cxn>
                    <a:cxn ang="T69">
                      <a:pos x="T38" y="T39"/>
                    </a:cxn>
                    <a:cxn ang="T70">
                      <a:pos x="T40" y="T41"/>
                    </a:cxn>
                    <a:cxn ang="T71">
                      <a:pos x="T42" y="T43"/>
                    </a:cxn>
                    <a:cxn ang="T72">
                      <a:pos x="T44" y="T45"/>
                    </a:cxn>
                    <a:cxn ang="T73">
                      <a:pos x="T46" y="T47"/>
                    </a:cxn>
                    <a:cxn ang="T74">
                      <a:pos x="T48" y="T49"/>
                    </a:cxn>
                  </a:cxnLst>
                  <a:rect l="T75" t="T76" r="T77" b="T78"/>
                  <a:pathLst>
                    <a:path w="15" h="17">
                      <a:moveTo>
                        <a:pt x="1" y="5"/>
                      </a:moveTo>
                      <a:lnTo>
                        <a:pt x="5" y="2"/>
                      </a:lnTo>
                      <a:lnTo>
                        <a:pt x="6" y="0"/>
                      </a:lnTo>
                      <a:lnTo>
                        <a:pt x="10" y="0"/>
                      </a:lnTo>
                      <a:lnTo>
                        <a:pt x="12" y="0"/>
                      </a:lnTo>
                      <a:lnTo>
                        <a:pt x="13" y="2"/>
                      </a:lnTo>
                      <a:lnTo>
                        <a:pt x="15" y="3"/>
                      </a:lnTo>
                      <a:lnTo>
                        <a:pt x="15" y="5"/>
                      </a:lnTo>
                      <a:lnTo>
                        <a:pt x="15" y="7"/>
                      </a:lnTo>
                      <a:lnTo>
                        <a:pt x="13" y="8"/>
                      </a:lnTo>
                      <a:lnTo>
                        <a:pt x="13" y="10"/>
                      </a:lnTo>
                      <a:lnTo>
                        <a:pt x="12" y="12"/>
                      </a:lnTo>
                      <a:lnTo>
                        <a:pt x="10" y="15"/>
                      </a:lnTo>
                      <a:lnTo>
                        <a:pt x="6" y="17"/>
                      </a:lnTo>
                      <a:lnTo>
                        <a:pt x="3" y="17"/>
                      </a:lnTo>
                      <a:lnTo>
                        <a:pt x="1" y="17"/>
                      </a:lnTo>
                      <a:lnTo>
                        <a:pt x="0" y="15"/>
                      </a:lnTo>
                      <a:lnTo>
                        <a:pt x="0" y="13"/>
                      </a:lnTo>
                      <a:lnTo>
                        <a:pt x="0" y="12"/>
                      </a:lnTo>
                      <a:lnTo>
                        <a:pt x="0" y="10"/>
                      </a:lnTo>
                      <a:lnTo>
                        <a:pt x="0" y="8"/>
                      </a:lnTo>
                      <a:lnTo>
                        <a:pt x="1" y="7"/>
                      </a:lnTo>
                      <a:lnTo>
                        <a:pt x="1" y="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08" name="Freeform 133"/>
                <p:cNvSpPr>
                  <a:spLocks/>
                </p:cNvSpPr>
                <p:nvPr/>
              </p:nvSpPr>
              <p:spPr bwMode="auto">
                <a:xfrm>
                  <a:off x="4206" y="3072"/>
                  <a:ext cx="11" cy="12"/>
                </a:xfrm>
                <a:custGeom>
                  <a:avLst/>
                  <a:gdLst>
                    <a:gd name="T0" fmla="*/ 0 w 11"/>
                    <a:gd name="T1" fmla="*/ 6 h 13"/>
                    <a:gd name="T2" fmla="*/ 0 w 11"/>
                    <a:gd name="T3" fmla="*/ 3 h 13"/>
                    <a:gd name="T4" fmla="*/ 2 w 11"/>
                    <a:gd name="T5" fmla="*/ 2 h 13"/>
                    <a:gd name="T6" fmla="*/ 4 w 11"/>
                    <a:gd name="T7" fmla="*/ 0 h 13"/>
                    <a:gd name="T8" fmla="*/ 6 w 11"/>
                    <a:gd name="T9" fmla="*/ 0 h 13"/>
                    <a:gd name="T10" fmla="*/ 7 w 11"/>
                    <a:gd name="T11" fmla="*/ 0 h 13"/>
                    <a:gd name="T12" fmla="*/ 9 w 11"/>
                    <a:gd name="T13" fmla="*/ 2 h 13"/>
                    <a:gd name="T14" fmla="*/ 11 w 11"/>
                    <a:gd name="T15" fmla="*/ 3 h 13"/>
                    <a:gd name="T16" fmla="*/ 11 w 11"/>
                    <a:gd name="T17" fmla="*/ 6 h 13"/>
                    <a:gd name="T18" fmla="*/ 11 w 11"/>
                    <a:gd name="T19" fmla="*/ 6 h 13"/>
                    <a:gd name="T20" fmla="*/ 9 w 11"/>
                    <a:gd name="T21" fmla="*/ 6 h 13"/>
                    <a:gd name="T22" fmla="*/ 7 w 11"/>
                    <a:gd name="T23" fmla="*/ 6 h 13"/>
                    <a:gd name="T24" fmla="*/ 6 w 11"/>
                    <a:gd name="T25" fmla="*/ 6 h 13"/>
                    <a:gd name="T26" fmla="*/ 4 w 11"/>
                    <a:gd name="T27" fmla="*/ 6 h 13"/>
                    <a:gd name="T28" fmla="*/ 2 w 11"/>
                    <a:gd name="T29" fmla="*/ 6 h 13"/>
                    <a:gd name="T30" fmla="*/ 0 w 11"/>
                    <a:gd name="T31" fmla="*/ 6 h 13"/>
                    <a:gd name="T32" fmla="*/ 0 w 11"/>
                    <a:gd name="T33" fmla="*/ 6 h 13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1"/>
                    <a:gd name="T52" fmla="*/ 0 h 13"/>
                    <a:gd name="T53" fmla="*/ 11 w 11"/>
                    <a:gd name="T54" fmla="*/ 13 h 13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1" h="13">
                      <a:moveTo>
                        <a:pt x="0" y="7"/>
                      </a:moveTo>
                      <a:lnTo>
                        <a:pt x="0" y="3"/>
                      </a:lnTo>
                      <a:lnTo>
                        <a:pt x="2" y="2"/>
                      </a:lnTo>
                      <a:lnTo>
                        <a:pt x="4" y="0"/>
                      </a:lnTo>
                      <a:lnTo>
                        <a:pt x="6" y="0"/>
                      </a:lnTo>
                      <a:lnTo>
                        <a:pt x="7" y="0"/>
                      </a:lnTo>
                      <a:lnTo>
                        <a:pt x="9" y="2"/>
                      </a:lnTo>
                      <a:lnTo>
                        <a:pt x="11" y="3"/>
                      </a:lnTo>
                      <a:lnTo>
                        <a:pt x="11" y="7"/>
                      </a:lnTo>
                      <a:lnTo>
                        <a:pt x="11" y="10"/>
                      </a:lnTo>
                      <a:lnTo>
                        <a:pt x="9" y="12"/>
                      </a:lnTo>
                      <a:lnTo>
                        <a:pt x="7" y="13"/>
                      </a:lnTo>
                      <a:lnTo>
                        <a:pt x="6" y="13"/>
                      </a:lnTo>
                      <a:lnTo>
                        <a:pt x="4" y="13"/>
                      </a:lnTo>
                      <a:lnTo>
                        <a:pt x="2" y="12"/>
                      </a:lnTo>
                      <a:lnTo>
                        <a:pt x="0" y="10"/>
                      </a:lnTo>
                      <a:lnTo>
                        <a:pt x="0" y="7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09" name="Freeform 134"/>
                <p:cNvSpPr>
                  <a:spLocks/>
                </p:cNvSpPr>
                <p:nvPr/>
              </p:nvSpPr>
              <p:spPr bwMode="auto">
                <a:xfrm>
                  <a:off x="4212" y="3098"/>
                  <a:ext cx="13" cy="16"/>
                </a:xfrm>
                <a:custGeom>
                  <a:avLst/>
                  <a:gdLst>
                    <a:gd name="T0" fmla="*/ 1 w 13"/>
                    <a:gd name="T1" fmla="*/ 5 h 17"/>
                    <a:gd name="T2" fmla="*/ 3 w 13"/>
                    <a:gd name="T3" fmla="*/ 2 h 17"/>
                    <a:gd name="T4" fmla="*/ 6 w 13"/>
                    <a:gd name="T5" fmla="*/ 0 h 17"/>
                    <a:gd name="T6" fmla="*/ 8 w 13"/>
                    <a:gd name="T7" fmla="*/ 0 h 17"/>
                    <a:gd name="T8" fmla="*/ 11 w 13"/>
                    <a:gd name="T9" fmla="*/ 0 h 17"/>
                    <a:gd name="T10" fmla="*/ 13 w 13"/>
                    <a:gd name="T11" fmla="*/ 0 h 17"/>
                    <a:gd name="T12" fmla="*/ 13 w 13"/>
                    <a:gd name="T13" fmla="*/ 2 h 17"/>
                    <a:gd name="T14" fmla="*/ 13 w 13"/>
                    <a:gd name="T15" fmla="*/ 3 h 17"/>
                    <a:gd name="T16" fmla="*/ 13 w 13"/>
                    <a:gd name="T17" fmla="*/ 5 h 17"/>
                    <a:gd name="T18" fmla="*/ 13 w 13"/>
                    <a:gd name="T19" fmla="*/ 5 h 17"/>
                    <a:gd name="T20" fmla="*/ 13 w 13"/>
                    <a:gd name="T21" fmla="*/ 8 h 17"/>
                    <a:gd name="T22" fmla="*/ 13 w 13"/>
                    <a:gd name="T23" fmla="*/ 8 h 17"/>
                    <a:gd name="T24" fmla="*/ 11 w 13"/>
                    <a:gd name="T25" fmla="*/ 8 h 17"/>
                    <a:gd name="T26" fmla="*/ 10 w 13"/>
                    <a:gd name="T27" fmla="*/ 8 h 17"/>
                    <a:gd name="T28" fmla="*/ 6 w 13"/>
                    <a:gd name="T29" fmla="*/ 8 h 17"/>
                    <a:gd name="T30" fmla="*/ 5 w 13"/>
                    <a:gd name="T31" fmla="*/ 8 h 17"/>
                    <a:gd name="T32" fmla="*/ 1 w 13"/>
                    <a:gd name="T33" fmla="*/ 8 h 17"/>
                    <a:gd name="T34" fmla="*/ 1 w 13"/>
                    <a:gd name="T35" fmla="*/ 8 h 17"/>
                    <a:gd name="T36" fmla="*/ 0 w 13"/>
                    <a:gd name="T37" fmla="*/ 8 h 17"/>
                    <a:gd name="T38" fmla="*/ 0 w 13"/>
                    <a:gd name="T39" fmla="*/ 8 h 17"/>
                    <a:gd name="T40" fmla="*/ 0 w 13"/>
                    <a:gd name="T41" fmla="*/ 8 h 17"/>
                    <a:gd name="T42" fmla="*/ 0 w 13"/>
                    <a:gd name="T43" fmla="*/ 8 h 17"/>
                    <a:gd name="T44" fmla="*/ 0 w 13"/>
                    <a:gd name="T45" fmla="*/ 8 h 17"/>
                    <a:gd name="T46" fmla="*/ 0 w 13"/>
                    <a:gd name="T47" fmla="*/ 7 h 17"/>
                    <a:gd name="T48" fmla="*/ 1 w 13"/>
                    <a:gd name="T49" fmla="*/ 5 h 17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w 13"/>
                    <a:gd name="T76" fmla="*/ 0 h 17"/>
                    <a:gd name="T77" fmla="*/ 13 w 13"/>
                    <a:gd name="T78" fmla="*/ 17 h 17"/>
                  </a:gdLst>
                  <a:ahLst/>
                  <a:cxnLst>
                    <a:cxn ang="T50">
                      <a:pos x="T0" y="T1"/>
                    </a:cxn>
                    <a:cxn ang="T51">
                      <a:pos x="T2" y="T3"/>
                    </a:cxn>
                    <a:cxn ang="T52">
                      <a:pos x="T4" y="T5"/>
                    </a:cxn>
                    <a:cxn ang="T53">
                      <a:pos x="T6" y="T7"/>
                    </a:cxn>
                    <a:cxn ang="T54">
                      <a:pos x="T8" y="T9"/>
                    </a:cxn>
                    <a:cxn ang="T55">
                      <a:pos x="T10" y="T11"/>
                    </a:cxn>
                    <a:cxn ang="T56">
                      <a:pos x="T12" y="T13"/>
                    </a:cxn>
                    <a:cxn ang="T57">
                      <a:pos x="T14" y="T15"/>
                    </a:cxn>
                    <a:cxn ang="T58">
                      <a:pos x="T16" y="T17"/>
                    </a:cxn>
                    <a:cxn ang="T59">
                      <a:pos x="T18" y="T19"/>
                    </a:cxn>
                    <a:cxn ang="T60">
                      <a:pos x="T20" y="T21"/>
                    </a:cxn>
                    <a:cxn ang="T61">
                      <a:pos x="T22" y="T23"/>
                    </a:cxn>
                    <a:cxn ang="T62">
                      <a:pos x="T24" y="T25"/>
                    </a:cxn>
                    <a:cxn ang="T63">
                      <a:pos x="T26" y="T27"/>
                    </a:cxn>
                    <a:cxn ang="T64">
                      <a:pos x="T28" y="T29"/>
                    </a:cxn>
                    <a:cxn ang="T65">
                      <a:pos x="T30" y="T31"/>
                    </a:cxn>
                    <a:cxn ang="T66">
                      <a:pos x="T32" y="T33"/>
                    </a:cxn>
                    <a:cxn ang="T67">
                      <a:pos x="T34" y="T35"/>
                    </a:cxn>
                    <a:cxn ang="T68">
                      <a:pos x="T36" y="T37"/>
                    </a:cxn>
                    <a:cxn ang="T69">
                      <a:pos x="T38" y="T39"/>
                    </a:cxn>
                    <a:cxn ang="T70">
                      <a:pos x="T40" y="T41"/>
                    </a:cxn>
                    <a:cxn ang="T71">
                      <a:pos x="T42" y="T43"/>
                    </a:cxn>
                    <a:cxn ang="T72">
                      <a:pos x="T44" y="T45"/>
                    </a:cxn>
                    <a:cxn ang="T73">
                      <a:pos x="T46" y="T47"/>
                    </a:cxn>
                    <a:cxn ang="T74">
                      <a:pos x="T48" y="T49"/>
                    </a:cxn>
                  </a:cxnLst>
                  <a:rect l="T75" t="T76" r="T77" b="T78"/>
                  <a:pathLst>
                    <a:path w="13" h="17">
                      <a:moveTo>
                        <a:pt x="1" y="5"/>
                      </a:moveTo>
                      <a:lnTo>
                        <a:pt x="3" y="2"/>
                      </a:lnTo>
                      <a:lnTo>
                        <a:pt x="6" y="0"/>
                      </a:lnTo>
                      <a:lnTo>
                        <a:pt x="8" y="0"/>
                      </a:lnTo>
                      <a:lnTo>
                        <a:pt x="11" y="0"/>
                      </a:lnTo>
                      <a:lnTo>
                        <a:pt x="13" y="0"/>
                      </a:lnTo>
                      <a:lnTo>
                        <a:pt x="13" y="2"/>
                      </a:lnTo>
                      <a:lnTo>
                        <a:pt x="13" y="3"/>
                      </a:lnTo>
                      <a:lnTo>
                        <a:pt x="13" y="5"/>
                      </a:lnTo>
                      <a:lnTo>
                        <a:pt x="13" y="8"/>
                      </a:lnTo>
                      <a:lnTo>
                        <a:pt x="11" y="10"/>
                      </a:lnTo>
                      <a:lnTo>
                        <a:pt x="10" y="14"/>
                      </a:lnTo>
                      <a:lnTo>
                        <a:pt x="6" y="15"/>
                      </a:lnTo>
                      <a:lnTo>
                        <a:pt x="5" y="17"/>
                      </a:lnTo>
                      <a:lnTo>
                        <a:pt x="1" y="17"/>
                      </a:lnTo>
                      <a:lnTo>
                        <a:pt x="1" y="15"/>
                      </a:lnTo>
                      <a:lnTo>
                        <a:pt x="0" y="14"/>
                      </a:lnTo>
                      <a:lnTo>
                        <a:pt x="0" y="12"/>
                      </a:lnTo>
                      <a:lnTo>
                        <a:pt x="0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1" y="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10" name="Freeform 135"/>
                <p:cNvSpPr>
                  <a:spLocks/>
                </p:cNvSpPr>
                <p:nvPr/>
              </p:nvSpPr>
              <p:spPr bwMode="auto">
                <a:xfrm>
                  <a:off x="3916" y="2758"/>
                  <a:ext cx="478" cy="363"/>
                </a:xfrm>
                <a:custGeom>
                  <a:avLst/>
                  <a:gdLst>
                    <a:gd name="T0" fmla="*/ 178 w 492"/>
                    <a:gd name="T1" fmla="*/ 243 h 374"/>
                    <a:gd name="T2" fmla="*/ 178 w 492"/>
                    <a:gd name="T3" fmla="*/ 240 h 374"/>
                    <a:gd name="T4" fmla="*/ 178 w 492"/>
                    <a:gd name="T5" fmla="*/ 229 h 374"/>
                    <a:gd name="T6" fmla="*/ 162 w 492"/>
                    <a:gd name="T7" fmla="*/ 208 h 374"/>
                    <a:gd name="T8" fmla="*/ 154 w 492"/>
                    <a:gd name="T9" fmla="*/ 202 h 374"/>
                    <a:gd name="T10" fmla="*/ 142 w 492"/>
                    <a:gd name="T11" fmla="*/ 177 h 374"/>
                    <a:gd name="T12" fmla="*/ 130 w 492"/>
                    <a:gd name="T13" fmla="*/ 173 h 374"/>
                    <a:gd name="T14" fmla="*/ 122 w 492"/>
                    <a:gd name="T15" fmla="*/ 168 h 374"/>
                    <a:gd name="T16" fmla="*/ 112 w 492"/>
                    <a:gd name="T17" fmla="*/ 156 h 374"/>
                    <a:gd name="T18" fmla="*/ 106 w 492"/>
                    <a:gd name="T19" fmla="*/ 144 h 374"/>
                    <a:gd name="T20" fmla="*/ 95 w 492"/>
                    <a:gd name="T21" fmla="*/ 139 h 374"/>
                    <a:gd name="T22" fmla="*/ 91 w 492"/>
                    <a:gd name="T23" fmla="*/ 137 h 374"/>
                    <a:gd name="T24" fmla="*/ 86 w 492"/>
                    <a:gd name="T25" fmla="*/ 132 h 374"/>
                    <a:gd name="T26" fmla="*/ 79 w 492"/>
                    <a:gd name="T27" fmla="*/ 120 h 374"/>
                    <a:gd name="T28" fmla="*/ 73 w 492"/>
                    <a:gd name="T29" fmla="*/ 120 h 374"/>
                    <a:gd name="T30" fmla="*/ 63 w 492"/>
                    <a:gd name="T31" fmla="*/ 114 h 374"/>
                    <a:gd name="T32" fmla="*/ 55 w 492"/>
                    <a:gd name="T33" fmla="*/ 104 h 374"/>
                    <a:gd name="T34" fmla="*/ 47 w 492"/>
                    <a:gd name="T35" fmla="*/ 96 h 374"/>
                    <a:gd name="T36" fmla="*/ 40 w 492"/>
                    <a:gd name="T37" fmla="*/ 79 h 374"/>
                    <a:gd name="T38" fmla="*/ 38 w 492"/>
                    <a:gd name="T39" fmla="*/ 74 h 374"/>
                    <a:gd name="T40" fmla="*/ 32 w 492"/>
                    <a:gd name="T41" fmla="*/ 73 h 374"/>
                    <a:gd name="T42" fmla="*/ 17 w 492"/>
                    <a:gd name="T43" fmla="*/ 70 h 374"/>
                    <a:gd name="T44" fmla="*/ 17 w 492"/>
                    <a:gd name="T45" fmla="*/ 67 h 374"/>
                    <a:gd name="T46" fmla="*/ 0 w 492"/>
                    <a:gd name="T47" fmla="*/ 56 h 374"/>
                    <a:gd name="T48" fmla="*/ 17 w 492"/>
                    <a:gd name="T49" fmla="*/ 37 h 374"/>
                    <a:gd name="T50" fmla="*/ 17 w 492"/>
                    <a:gd name="T51" fmla="*/ 37 h 374"/>
                    <a:gd name="T52" fmla="*/ 17 w 492"/>
                    <a:gd name="T53" fmla="*/ 28 h 374"/>
                    <a:gd name="T54" fmla="*/ 38 w 492"/>
                    <a:gd name="T55" fmla="*/ 17 h 374"/>
                    <a:gd name="T56" fmla="*/ 57 w 492"/>
                    <a:gd name="T57" fmla="*/ 15 h 374"/>
                    <a:gd name="T58" fmla="*/ 138 w 492"/>
                    <a:gd name="T59" fmla="*/ 1 h 374"/>
                    <a:gd name="T60" fmla="*/ 144 w 492"/>
                    <a:gd name="T61" fmla="*/ 0 h 374"/>
                    <a:gd name="T62" fmla="*/ 162 w 492"/>
                    <a:gd name="T63" fmla="*/ 12 h 374"/>
                    <a:gd name="T64" fmla="*/ 329 w 492"/>
                    <a:gd name="T65" fmla="*/ 77 h 374"/>
                    <a:gd name="T66" fmla="*/ 326 w 492"/>
                    <a:gd name="T67" fmla="*/ 79 h 374"/>
                    <a:gd name="T68" fmla="*/ 317 w 492"/>
                    <a:gd name="T69" fmla="*/ 85 h 374"/>
                    <a:gd name="T70" fmla="*/ 306 w 492"/>
                    <a:gd name="T71" fmla="*/ 100 h 374"/>
                    <a:gd name="T72" fmla="*/ 295 w 492"/>
                    <a:gd name="T73" fmla="*/ 120 h 374"/>
                    <a:gd name="T74" fmla="*/ 292 w 492"/>
                    <a:gd name="T75" fmla="*/ 125 h 374"/>
                    <a:gd name="T76" fmla="*/ 289 w 492"/>
                    <a:gd name="T77" fmla="*/ 123 h 374"/>
                    <a:gd name="T78" fmla="*/ 288 w 492"/>
                    <a:gd name="T79" fmla="*/ 131 h 374"/>
                    <a:gd name="T80" fmla="*/ 293 w 492"/>
                    <a:gd name="T81" fmla="*/ 134 h 374"/>
                    <a:gd name="T82" fmla="*/ 295 w 492"/>
                    <a:gd name="T83" fmla="*/ 139 h 374"/>
                    <a:gd name="T84" fmla="*/ 288 w 492"/>
                    <a:gd name="T85" fmla="*/ 148 h 374"/>
                    <a:gd name="T86" fmla="*/ 282 w 492"/>
                    <a:gd name="T87" fmla="*/ 149 h 374"/>
                    <a:gd name="T88" fmla="*/ 269 w 492"/>
                    <a:gd name="T89" fmla="*/ 164 h 374"/>
                    <a:gd name="T90" fmla="*/ 265 w 492"/>
                    <a:gd name="T91" fmla="*/ 172 h 374"/>
                    <a:gd name="T92" fmla="*/ 259 w 492"/>
                    <a:gd name="T93" fmla="*/ 177 h 374"/>
                    <a:gd name="T94" fmla="*/ 251 w 492"/>
                    <a:gd name="T95" fmla="*/ 182 h 374"/>
                    <a:gd name="T96" fmla="*/ 233 w 492"/>
                    <a:gd name="T97" fmla="*/ 196 h 374"/>
                    <a:gd name="T98" fmla="*/ 214 w 492"/>
                    <a:gd name="T99" fmla="*/ 207 h 374"/>
                    <a:gd name="T100" fmla="*/ 203 w 492"/>
                    <a:gd name="T101" fmla="*/ 229 h 374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w 492"/>
                    <a:gd name="T154" fmla="*/ 0 h 374"/>
                    <a:gd name="T155" fmla="*/ 492 w 492"/>
                    <a:gd name="T156" fmla="*/ 374 h 374"/>
                  </a:gdLst>
                  <a:ahLst/>
                  <a:cxnLst>
                    <a:cxn ang="T102">
                      <a:pos x="T0" y="T1"/>
                    </a:cxn>
                    <a:cxn ang="T103">
                      <a:pos x="T2" y="T3"/>
                    </a:cxn>
                    <a:cxn ang="T104">
                      <a:pos x="T4" y="T5"/>
                    </a:cxn>
                    <a:cxn ang="T105">
                      <a:pos x="T6" y="T7"/>
                    </a:cxn>
                    <a:cxn ang="T106">
                      <a:pos x="T8" y="T9"/>
                    </a:cxn>
                    <a:cxn ang="T107">
                      <a:pos x="T10" y="T11"/>
                    </a:cxn>
                    <a:cxn ang="T108">
                      <a:pos x="T12" y="T13"/>
                    </a:cxn>
                    <a:cxn ang="T109">
                      <a:pos x="T14" y="T15"/>
                    </a:cxn>
                    <a:cxn ang="T110">
                      <a:pos x="T16" y="T17"/>
                    </a:cxn>
                    <a:cxn ang="T111">
                      <a:pos x="T18" y="T19"/>
                    </a:cxn>
                    <a:cxn ang="T112">
                      <a:pos x="T20" y="T21"/>
                    </a:cxn>
                    <a:cxn ang="T113">
                      <a:pos x="T22" y="T23"/>
                    </a:cxn>
                    <a:cxn ang="T114">
                      <a:pos x="T24" y="T25"/>
                    </a:cxn>
                    <a:cxn ang="T115">
                      <a:pos x="T26" y="T27"/>
                    </a:cxn>
                    <a:cxn ang="T116">
                      <a:pos x="T28" y="T29"/>
                    </a:cxn>
                    <a:cxn ang="T117">
                      <a:pos x="T30" y="T31"/>
                    </a:cxn>
                    <a:cxn ang="T118">
                      <a:pos x="T32" y="T33"/>
                    </a:cxn>
                    <a:cxn ang="T119">
                      <a:pos x="T34" y="T35"/>
                    </a:cxn>
                    <a:cxn ang="T120">
                      <a:pos x="T36" y="T37"/>
                    </a:cxn>
                    <a:cxn ang="T121">
                      <a:pos x="T38" y="T39"/>
                    </a:cxn>
                    <a:cxn ang="T122">
                      <a:pos x="T40" y="T41"/>
                    </a:cxn>
                    <a:cxn ang="T123">
                      <a:pos x="T42" y="T43"/>
                    </a:cxn>
                    <a:cxn ang="T124">
                      <a:pos x="T44" y="T45"/>
                    </a:cxn>
                    <a:cxn ang="T125">
                      <a:pos x="T46" y="T47"/>
                    </a:cxn>
                    <a:cxn ang="T126">
                      <a:pos x="T48" y="T49"/>
                    </a:cxn>
                    <a:cxn ang="T127">
                      <a:pos x="T50" y="T51"/>
                    </a:cxn>
                    <a:cxn ang="T128">
                      <a:pos x="T52" y="T53"/>
                    </a:cxn>
                    <a:cxn ang="T129">
                      <a:pos x="T54" y="T55"/>
                    </a:cxn>
                    <a:cxn ang="T130">
                      <a:pos x="T56" y="T57"/>
                    </a:cxn>
                    <a:cxn ang="T131">
                      <a:pos x="T58" y="T59"/>
                    </a:cxn>
                    <a:cxn ang="T132">
                      <a:pos x="T60" y="T61"/>
                    </a:cxn>
                    <a:cxn ang="T133">
                      <a:pos x="T62" y="T63"/>
                    </a:cxn>
                    <a:cxn ang="T134">
                      <a:pos x="T64" y="T65"/>
                    </a:cxn>
                    <a:cxn ang="T135">
                      <a:pos x="T66" y="T67"/>
                    </a:cxn>
                    <a:cxn ang="T136">
                      <a:pos x="T68" y="T69"/>
                    </a:cxn>
                    <a:cxn ang="T137">
                      <a:pos x="T70" y="T71"/>
                    </a:cxn>
                    <a:cxn ang="T138">
                      <a:pos x="T72" y="T73"/>
                    </a:cxn>
                    <a:cxn ang="T139">
                      <a:pos x="T74" y="T75"/>
                    </a:cxn>
                    <a:cxn ang="T140">
                      <a:pos x="T76" y="T77"/>
                    </a:cxn>
                    <a:cxn ang="T141">
                      <a:pos x="T78" y="T79"/>
                    </a:cxn>
                    <a:cxn ang="T142">
                      <a:pos x="T80" y="T81"/>
                    </a:cxn>
                    <a:cxn ang="T143">
                      <a:pos x="T82" y="T83"/>
                    </a:cxn>
                    <a:cxn ang="T144">
                      <a:pos x="T84" y="T85"/>
                    </a:cxn>
                    <a:cxn ang="T145">
                      <a:pos x="T86" y="T87"/>
                    </a:cxn>
                    <a:cxn ang="T146">
                      <a:pos x="T88" y="T89"/>
                    </a:cxn>
                    <a:cxn ang="T147">
                      <a:pos x="T90" y="T91"/>
                    </a:cxn>
                    <a:cxn ang="T148">
                      <a:pos x="T92" y="T93"/>
                    </a:cxn>
                    <a:cxn ang="T149">
                      <a:pos x="T94" y="T95"/>
                    </a:cxn>
                    <a:cxn ang="T150">
                      <a:pos x="T96" y="T97"/>
                    </a:cxn>
                    <a:cxn ang="T151">
                      <a:pos x="T98" y="T99"/>
                    </a:cxn>
                    <a:cxn ang="T152">
                      <a:pos x="T100" y="T101"/>
                    </a:cxn>
                  </a:cxnLst>
                  <a:rect l="T153" t="T154" r="T155" b="T156"/>
                  <a:pathLst>
                    <a:path w="492" h="374">
                      <a:moveTo>
                        <a:pt x="269" y="374"/>
                      </a:moveTo>
                      <a:lnTo>
                        <a:pt x="269" y="374"/>
                      </a:lnTo>
                      <a:lnTo>
                        <a:pt x="269" y="372"/>
                      </a:lnTo>
                      <a:lnTo>
                        <a:pt x="267" y="370"/>
                      </a:lnTo>
                      <a:lnTo>
                        <a:pt x="267" y="369"/>
                      </a:lnTo>
                      <a:lnTo>
                        <a:pt x="267" y="367"/>
                      </a:lnTo>
                      <a:lnTo>
                        <a:pt x="267" y="365"/>
                      </a:lnTo>
                      <a:lnTo>
                        <a:pt x="267" y="364"/>
                      </a:lnTo>
                      <a:lnTo>
                        <a:pt x="267" y="362"/>
                      </a:lnTo>
                      <a:lnTo>
                        <a:pt x="266" y="348"/>
                      </a:lnTo>
                      <a:lnTo>
                        <a:pt x="261" y="338"/>
                      </a:lnTo>
                      <a:lnTo>
                        <a:pt x="255" y="330"/>
                      </a:lnTo>
                      <a:lnTo>
                        <a:pt x="249" y="321"/>
                      </a:lnTo>
                      <a:lnTo>
                        <a:pt x="242" y="316"/>
                      </a:lnTo>
                      <a:lnTo>
                        <a:pt x="235" y="313"/>
                      </a:lnTo>
                      <a:lnTo>
                        <a:pt x="232" y="309"/>
                      </a:lnTo>
                      <a:lnTo>
                        <a:pt x="230" y="308"/>
                      </a:lnTo>
                      <a:lnTo>
                        <a:pt x="228" y="292"/>
                      </a:lnTo>
                      <a:lnTo>
                        <a:pt x="225" y="282"/>
                      </a:lnTo>
                      <a:lnTo>
                        <a:pt x="218" y="274"/>
                      </a:lnTo>
                      <a:lnTo>
                        <a:pt x="211" y="269"/>
                      </a:lnTo>
                      <a:lnTo>
                        <a:pt x="205" y="265"/>
                      </a:lnTo>
                      <a:lnTo>
                        <a:pt x="200" y="264"/>
                      </a:lnTo>
                      <a:lnTo>
                        <a:pt x="195" y="262"/>
                      </a:lnTo>
                      <a:lnTo>
                        <a:pt x="193" y="262"/>
                      </a:lnTo>
                      <a:lnTo>
                        <a:pt x="193" y="260"/>
                      </a:lnTo>
                      <a:lnTo>
                        <a:pt x="189" y="259"/>
                      </a:lnTo>
                      <a:lnTo>
                        <a:pt x="184" y="254"/>
                      </a:lnTo>
                      <a:lnTo>
                        <a:pt x="179" y="250"/>
                      </a:lnTo>
                      <a:lnTo>
                        <a:pt x="174" y="245"/>
                      </a:lnTo>
                      <a:lnTo>
                        <a:pt x="171" y="240"/>
                      </a:lnTo>
                      <a:lnTo>
                        <a:pt x="167" y="237"/>
                      </a:lnTo>
                      <a:lnTo>
                        <a:pt x="166" y="233"/>
                      </a:lnTo>
                      <a:lnTo>
                        <a:pt x="162" y="225"/>
                      </a:lnTo>
                      <a:lnTo>
                        <a:pt x="157" y="218"/>
                      </a:lnTo>
                      <a:lnTo>
                        <a:pt x="154" y="213"/>
                      </a:lnTo>
                      <a:lnTo>
                        <a:pt x="149" y="211"/>
                      </a:lnTo>
                      <a:lnTo>
                        <a:pt x="145" y="210"/>
                      </a:lnTo>
                      <a:lnTo>
                        <a:pt x="142" y="210"/>
                      </a:lnTo>
                      <a:lnTo>
                        <a:pt x="139" y="210"/>
                      </a:lnTo>
                      <a:lnTo>
                        <a:pt x="137" y="208"/>
                      </a:lnTo>
                      <a:lnTo>
                        <a:pt x="135" y="204"/>
                      </a:lnTo>
                      <a:lnTo>
                        <a:pt x="132" y="203"/>
                      </a:lnTo>
                      <a:lnTo>
                        <a:pt x="130" y="199"/>
                      </a:lnTo>
                      <a:lnTo>
                        <a:pt x="127" y="193"/>
                      </a:lnTo>
                      <a:lnTo>
                        <a:pt x="123" y="188"/>
                      </a:lnTo>
                      <a:lnTo>
                        <a:pt x="120" y="184"/>
                      </a:lnTo>
                      <a:lnTo>
                        <a:pt x="117" y="182"/>
                      </a:lnTo>
                      <a:lnTo>
                        <a:pt x="113" y="181"/>
                      </a:lnTo>
                      <a:lnTo>
                        <a:pt x="112" y="182"/>
                      </a:lnTo>
                      <a:lnTo>
                        <a:pt x="108" y="182"/>
                      </a:lnTo>
                      <a:lnTo>
                        <a:pt x="101" y="181"/>
                      </a:lnTo>
                      <a:lnTo>
                        <a:pt x="96" y="179"/>
                      </a:lnTo>
                      <a:lnTo>
                        <a:pt x="93" y="174"/>
                      </a:lnTo>
                      <a:lnTo>
                        <a:pt x="90" y="169"/>
                      </a:lnTo>
                      <a:lnTo>
                        <a:pt x="86" y="164"/>
                      </a:lnTo>
                      <a:lnTo>
                        <a:pt x="85" y="160"/>
                      </a:lnTo>
                      <a:lnTo>
                        <a:pt x="83" y="157"/>
                      </a:lnTo>
                      <a:lnTo>
                        <a:pt x="83" y="155"/>
                      </a:lnTo>
                      <a:lnTo>
                        <a:pt x="78" y="152"/>
                      </a:lnTo>
                      <a:lnTo>
                        <a:pt x="71" y="145"/>
                      </a:lnTo>
                      <a:lnTo>
                        <a:pt x="66" y="138"/>
                      </a:lnTo>
                      <a:lnTo>
                        <a:pt x="61" y="132"/>
                      </a:lnTo>
                      <a:lnTo>
                        <a:pt x="57" y="125"/>
                      </a:lnTo>
                      <a:lnTo>
                        <a:pt x="56" y="118"/>
                      </a:lnTo>
                      <a:lnTo>
                        <a:pt x="52" y="115"/>
                      </a:lnTo>
                      <a:lnTo>
                        <a:pt x="52" y="113"/>
                      </a:lnTo>
                      <a:lnTo>
                        <a:pt x="52" y="111"/>
                      </a:lnTo>
                      <a:lnTo>
                        <a:pt x="49" y="111"/>
                      </a:lnTo>
                      <a:lnTo>
                        <a:pt x="47" y="111"/>
                      </a:lnTo>
                      <a:lnTo>
                        <a:pt x="46" y="110"/>
                      </a:lnTo>
                      <a:lnTo>
                        <a:pt x="39" y="110"/>
                      </a:lnTo>
                      <a:lnTo>
                        <a:pt x="32" y="108"/>
                      </a:lnTo>
                      <a:lnTo>
                        <a:pt x="27" y="106"/>
                      </a:lnTo>
                      <a:lnTo>
                        <a:pt x="24" y="105"/>
                      </a:lnTo>
                      <a:lnTo>
                        <a:pt x="20" y="103"/>
                      </a:lnTo>
                      <a:lnTo>
                        <a:pt x="19" y="101"/>
                      </a:lnTo>
                      <a:lnTo>
                        <a:pt x="17" y="100"/>
                      </a:lnTo>
                      <a:lnTo>
                        <a:pt x="5" y="98"/>
                      </a:lnTo>
                      <a:lnTo>
                        <a:pt x="0" y="93"/>
                      </a:lnTo>
                      <a:lnTo>
                        <a:pt x="0" y="84"/>
                      </a:lnTo>
                      <a:lnTo>
                        <a:pt x="2" y="74"/>
                      </a:lnTo>
                      <a:lnTo>
                        <a:pt x="7" y="66"/>
                      </a:lnTo>
                      <a:lnTo>
                        <a:pt x="13" y="57"/>
                      </a:lnTo>
                      <a:lnTo>
                        <a:pt x="17" y="52"/>
                      </a:lnTo>
                      <a:lnTo>
                        <a:pt x="19" y="50"/>
                      </a:lnTo>
                      <a:lnTo>
                        <a:pt x="20" y="52"/>
                      </a:lnTo>
                      <a:lnTo>
                        <a:pt x="22" y="50"/>
                      </a:lnTo>
                      <a:lnTo>
                        <a:pt x="24" y="49"/>
                      </a:lnTo>
                      <a:lnTo>
                        <a:pt x="27" y="45"/>
                      </a:lnTo>
                      <a:lnTo>
                        <a:pt x="30" y="42"/>
                      </a:lnTo>
                      <a:lnTo>
                        <a:pt x="35" y="39"/>
                      </a:lnTo>
                      <a:lnTo>
                        <a:pt x="41" y="35"/>
                      </a:lnTo>
                      <a:lnTo>
                        <a:pt x="47" y="32"/>
                      </a:lnTo>
                      <a:lnTo>
                        <a:pt x="52" y="28"/>
                      </a:lnTo>
                      <a:lnTo>
                        <a:pt x="61" y="23"/>
                      </a:lnTo>
                      <a:lnTo>
                        <a:pt x="68" y="20"/>
                      </a:lnTo>
                      <a:lnTo>
                        <a:pt x="76" y="17"/>
                      </a:lnTo>
                      <a:lnTo>
                        <a:pt x="85" y="15"/>
                      </a:lnTo>
                      <a:lnTo>
                        <a:pt x="95" y="13"/>
                      </a:lnTo>
                      <a:lnTo>
                        <a:pt x="105" y="10"/>
                      </a:lnTo>
                      <a:lnTo>
                        <a:pt x="113" y="10"/>
                      </a:lnTo>
                      <a:lnTo>
                        <a:pt x="206" y="1"/>
                      </a:lnTo>
                      <a:lnTo>
                        <a:pt x="208" y="1"/>
                      </a:lnTo>
                      <a:lnTo>
                        <a:pt x="210" y="0"/>
                      </a:lnTo>
                      <a:lnTo>
                        <a:pt x="215" y="0"/>
                      </a:lnTo>
                      <a:lnTo>
                        <a:pt x="222" y="0"/>
                      </a:lnTo>
                      <a:lnTo>
                        <a:pt x="228" y="1"/>
                      </a:lnTo>
                      <a:lnTo>
                        <a:pt x="235" y="5"/>
                      </a:lnTo>
                      <a:lnTo>
                        <a:pt x="242" y="12"/>
                      </a:lnTo>
                      <a:lnTo>
                        <a:pt x="250" y="23"/>
                      </a:lnTo>
                      <a:lnTo>
                        <a:pt x="254" y="37"/>
                      </a:lnTo>
                      <a:lnTo>
                        <a:pt x="362" y="20"/>
                      </a:lnTo>
                      <a:lnTo>
                        <a:pt x="492" y="115"/>
                      </a:lnTo>
                      <a:lnTo>
                        <a:pt x="491" y="115"/>
                      </a:lnTo>
                      <a:lnTo>
                        <a:pt x="489" y="118"/>
                      </a:lnTo>
                      <a:lnTo>
                        <a:pt x="486" y="120"/>
                      </a:lnTo>
                      <a:lnTo>
                        <a:pt x="484" y="122"/>
                      </a:lnTo>
                      <a:lnTo>
                        <a:pt x="481" y="125"/>
                      </a:lnTo>
                      <a:lnTo>
                        <a:pt x="475" y="130"/>
                      </a:lnTo>
                      <a:lnTo>
                        <a:pt x="472" y="133"/>
                      </a:lnTo>
                      <a:lnTo>
                        <a:pt x="467" y="140"/>
                      </a:lnTo>
                      <a:lnTo>
                        <a:pt x="464" y="145"/>
                      </a:lnTo>
                      <a:lnTo>
                        <a:pt x="459" y="150"/>
                      </a:lnTo>
                      <a:lnTo>
                        <a:pt x="455" y="159"/>
                      </a:lnTo>
                      <a:lnTo>
                        <a:pt x="450" y="166"/>
                      </a:lnTo>
                      <a:lnTo>
                        <a:pt x="447" y="174"/>
                      </a:lnTo>
                      <a:lnTo>
                        <a:pt x="443" y="182"/>
                      </a:lnTo>
                      <a:lnTo>
                        <a:pt x="440" y="191"/>
                      </a:lnTo>
                      <a:lnTo>
                        <a:pt x="437" y="189"/>
                      </a:lnTo>
                      <a:lnTo>
                        <a:pt x="435" y="188"/>
                      </a:lnTo>
                      <a:lnTo>
                        <a:pt x="435" y="186"/>
                      </a:lnTo>
                      <a:lnTo>
                        <a:pt x="433" y="186"/>
                      </a:lnTo>
                      <a:lnTo>
                        <a:pt x="433" y="188"/>
                      </a:lnTo>
                      <a:lnTo>
                        <a:pt x="431" y="191"/>
                      </a:lnTo>
                      <a:lnTo>
                        <a:pt x="431" y="194"/>
                      </a:lnTo>
                      <a:lnTo>
                        <a:pt x="431" y="198"/>
                      </a:lnTo>
                      <a:lnTo>
                        <a:pt x="433" y="199"/>
                      </a:lnTo>
                      <a:lnTo>
                        <a:pt x="435" y="201"/>
                      </a:lnTo>
                      <a:lnTo>
                        <a:pt x="440" y="203"/>
                      </a:lnTo>
                      <a:lnTo>
                        <a:pt x="442" y="203"/>
                      </a:lnTo>
                      <a:lnTo>
                        <a:pt x="442" y="204"/>
                      </a:lnTo>
                      <a:lnTo>
                        <a:pt x="443" y="206"/>
                      </a:lnTo>
                      <a:lnTo>
                        <a:pt x="443" y="210"/>
                      </a:lnTo>
                      <a:lnTo>
                        <a:pt x="443" y="213"/>
                      </a:lnTo>
                      <a:lnTo>
                        <a:pt x="440" y="216"/>
                      </a:lnTo>
                      <a:lnTo>
                        <a:pt x="437" y="221"/>
                      </a:lnTo>
                      <a:lnTo>
                        <a:pt x="431" y="225"/>
                      </a:lnTo>
                      <a:lnTo>
                        <a:pt x="430" y="225"/>
                      </a:lnTo>
                      <a:lnTo>
                        <a:pt x="428" y="225"/>
                      </a:lnTo>
                      <a:lnTo>
                        <a:pt x="423" y="228"/>
                      </a:lnTo>
                      <a:lnTo>
                        <a:pt x="418" y="230"/>
                      </a:lnTo>
                      <a:lnTo>
                        <a:pt x="413" y="235"/>
                      </a:lnTo>
                      <a:lnTo>
                        <a:pt x="408" y="240"/>
                      </a:lnTo>
                      <a:lnTo>
                        <a:pt x="403" y="248"/>
                      </a:lnTo>
                      <a:lnTo>
                        <a:pt x="398" y="259"/>
                      </a:lnTo>
                      <a:lnTo>
                        <a:pt x="396" y="260"/>
                      </a:lnTo>
                      <a:lnTo>
                        <a:pt x="394" y="262"/>
                      </a:lnTo>
                      <a:lnTo>
                        <a:pt x="393" y="265"/>
                      </a:lnTo>
                      <a:lnTo>
                        <a:pt x="391" y="267"/>
                      </a:lnTo>
                      <a:lnTo>
                        <a:pt x="389" y="269"/>
                      </a:lnTo>
                      <a:lnTo>
                        <a:pt x="387" y="270"/>
                      </a:lnTo>
                      <a:lnTo>
                        <a:pt x="376" y="272"/>
                      </a:lnTo>
                      <a:lnTo>
                        <a:pt x="376" y="277"/>
                      </a:lnTo>
                      <a:lnTo>
                        <a:pt x="384" y="279"/>
                      </a:lnTo>
                      <a:lnTo>
                        <a:pt x="359" y="299"/>
                      </a:lnTo>
                      <a:lnTo>
                        <a:pt x="354" y="291"/>
                      </a:lnTo>
                      <a:lnTo>
                        <a:pt x="349" y="299"/>
                      </a:lnTo>
                      <a:lnTo>
                        <a:pt x="354" y="304"/>
                      </a:lnTo>
                      <a:lnTo>
                        <a:pt x="343" y="316"/>
                      </a:lnTo>
                      <a:lnTo>
                        <a:pt x="335" y="314"/>
                      </a:lnTo>
                      <a:lnTo>
                        <a:pt x="320" y="314"/>
                      </a:lnTo>
                      <a:lnTo>
                        <a:pt x="305" y="316"/>
                      </a:lnTo>
                      <a:lnTo>
                        <a:pt x="296" y="320"/>
                      </a:lnTo>
                      <a:lnTo>
                        <a:pt x="291" y="336"/>
                      </a:lnTo>
                      <a:lnTo>
                        <a:pt x="303" y="348"/>
                      </a:lnTo>
                      <a:lnTo>
                        <a:pt x="289" y="374"/>
                      </a:lnTo>
                      <a:lnTo>
                        <a:pt x="281" y="372"/>
                      </a:lnTo>
                      <a:lnTo>
                        <a:pt x="269" y="374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11" name="Freeform 136"/>
                <p:cNvSpPr>
                  <a:spLocks/>
                </p:cNvSpPr>
                <p:nvPr/>
              </p:nvSpPr>
              <p:spPr bwMode="auto">
                <a:xfrm>
                  <a:off x="4222" y="3072"/>
                  <a:ext cx="15" cy="16"/>
                </a:xfrm>
                <a:custGeom>
                  <a:avLst/>
                  <a:gdLst>
                    <a:gd name="T0" fmla="*/ 1 w 15"/>
                    <a:gd name="T1" fmla="*/ 5 h 17"/>
                    <a:gd name="T2" fmla="*/ 1 w 15"/>
                    <a:gd name="T3" fmla="*/ 5 h 17"/>
                    <a:gd name="T4" fmla="*/ 5 w 15"/>
                    <a:gd name="T5" fmla="*/ 2 h 17"/>
                    <a:gd name="T6" fmla="*/ 6 w 15"/>
                    <a:gd name="T7" fmla="*/ 0 h 17"/>
                    <a:gd name="T8" fmla="*/ 10 w 15"/>
                    <a:gd name="T9" fmla="*/ 0 h 17"/>
                    <a:gd name="T10" fmla="*/ 12 w 15"/>
                    <a:gd name="T11" fmla="*/ 0 h 17"/>
                    <a:gd name="T12" fmla="*/ 12 w 15"/>
                    <a:gd name="T13" fmla="*/ 0 h 17"/>
                    <a:gd name="T14" fmla="*/ 13 w 15"/>
                    <a:gd name="T15" fmla="*/ 2 h 17"/>
                    <a:gd name="T16" fmla="*/ 13 w 15"/>
                    <a:gd name="T17" fmla="*/ 2 h 17"/>
                    <a:gd name="T18" fmla="*/ 15 w 15"/>
                    <a:gd name="T19" fmla="*/ 3 h 17"/>
                    <a:gd name="T20" fmla="*/ 15 w 15"/>
                    <a:gd name="T21" fmla="*/ 5 h 17"/>
                    <a:gd name="T22" fmla="*/ 15 w 15"/>
                    <a:gd name="T23" fmla="*/ 7 h 17"/>
                    <a:gd name="T24" fmla="*/ 13 w 15"/>
                    <a:gd name="T25" fmla="*/ 8 h 17"/>
                    <a:gd name="T26" fmla="*/ 13 w 15"/>
                    <a:gd name="T27" fmla="*/ 8 h 17"/>
                    <a:gd name="T28" fmla="*/ 12 w 15"/>
                    <a:gd name="T29" fmla="*/ 8 h 17"/>
                    <a:gd name="T30" fmla="*/ 12 w 15"/>
                    <a:gd name="T31" fmla="*/ 8 h 17"/>
                    <a:gd name="T32" fmla="*/ 10 w 15"/>
                    <a:gd name="T33" fmla="*/ 8 h 17"/>
                    <a:gd name="T34" fmla="*/ 6 w 15"/>
                    <a:gd name="T35" fmla="*/ 8 h 17"/>
                    <a:gd name="T36" fmla="*/ 3 w 15"/>
                    <a:gd name="T37" fmla="*/ 8 h 17"/>
                    <a:gd name="T38" fmla="*/ 1 w 15"/>
                    <a:gd name="T39" fmla="*/ 8 h 17"/>
                    <a:gd name="T40" fmla="*/ 1 w 15"/>
                    <a:gd name="T41" fmla="*/ 8 h 17"/>
                    <a:gd name="T42" fmla="*/ 1 w 15"/>
                    <a:gd name="T43" fmla="*/ 8 h 17"/>
                    <a:gd name="T44" fmla="*/ 0 w 15"/>
                    <a:gd name="T45" fmla="*/ 8 h 17"/>
                    <a:gd name="T46" fmla="*/ 0 w 15"/>
                    <a:gd name="T47" fmla="*/ 8 h 17"/>
                    <a:gd name="T48" fmla="*/ 0 w 15"/>
                    <a:gd name="T49" fmla="*/ 8 h 17"/>
                    <a:gd name="T50" fmla="*/ 0 w 15"/>
                    <a:gd name="T51" fmla="*/ 8 h 17"/>
                    <a:gd name="T52" fmla="*/ 0 w 15"/>
                    <a:gd name="T53" fmla="*/ 8 h 17"/>
                    <a:gd name="T54" fmla="*/ 1 w 15"/>
                    <a:gd name="T55" fmla="*/ 7 h 17"/>
                    <a:gd name="T56" fmla="*/ 1 w 15"/>
                    <a:gd name="T57" fmla="*/ 5 h 17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w 15"/>
                    <a:gd name="T88" fmla="*/ 0 h 17"/>
                    <a:gd name="T89" fmla="*/ 15 w 15"/>
                    <a:gd name="T90" fmla="*/ 17 h 17"/>
                  </a:gdLst>
                  <a:ahLst/>
                  <a:cxnLst>
                    <a:cxn ang="T58">
                      <a:pos x="T0" y="T1"/>
                    </a:cxn>
                    <a:cxn ang="T59">
                      <a:pos x="T2" y="T3"/>
                    </a:cxn>
                    <a:cxn ang="T60">
                      <a:pos x="T4" y="T5"/>
                    </a:cxn>
                    <a:cxn ang="T61">
                      <a:pos x="T6" y="T7"/>
                    </a:cxn>
                    <a:cxn ang="T62">
                      <a:pos x="T8" y="T9"/>
                    </a:cxn>
                    <a:cxn ang="T63">
                      <a:pos x="T10" y="T11"/>
                    </a:cxn>
                    <a:cxn ang="T64">
                      <a:pos x="T12" y="T13"/>
                    </a:cxn>
                    <a:cxn ang="T65">
                      <a:pos x="T14" y="T15"/>
                    </a:cxn>
                    <a:cxn ang="T66">
                      <a:pos x="T16" y="T17"/>
                    </a:cxn>
                    <a:cxn ang="T67">
                      <a:pos x="T18" y="T19"/>
                    </a:cxn>
                    <a:cxn ang="T68">
                      <a:pos x="T20" y="T21"/>
                    </a:cxn>
                    <a:cxn ang="T69">
                      <a:pos x="T22" y="T23"/>
                    </a:cxn>
                    <a:cxn ang="T70">
                      <a:pos x="T24" y="T25"/>
                    </a:cxn>
                    <a:cxn ang="T71">
                      <a:pos x="T26" y="T27"/>
                    </a:cxn>
                    <a:cxn ang="T72">
                      <a:pos x="T28" y="T29"/>
                    </a:cxn>
                    <a:cxn ang="T73">
                      <a:pos x="T30" y="T31"/>
                    </a:cxn>
                    <a:cxn ang="T74">
                      <a:pos x="T32" y="T33"/>
                    </a:cxn>
                    <a:cxn ang="T75">
                      <a:pos x="T34" y="T35"/>
                    </a:cxn>
                    <a:cxn ang="T76">
                      <a:pos x="T36" y="T37"/>
                    </a:cxn>
                    <a:cxn ang="T77">
                      <a:pos x="T38" y="T39"/>
                    </a:cxn>
                    <a:cxn ang="T78">
                      <a:pos x="T40" y="T41"/>
                    </a:cxn>
                    <a:cxn ang="T79">
                      <a:pos x="T42" y="T43"/>
                    </a:cxn>
                    <a:cxn ang="T80">
                      <a:pos x="T44" y="T45"/>
                    </a:cxn>
                    <a:cxn ang="T81">
                      <a:pos x="T46" y="T47"/>
                    </a:cxn>
                    <a:cxn ang="T82">
                      <a:pos x="T48" y="T49"/>
                    </a:cxn>
                    <a:cxn ang="T83">
                      <a:pos x="T50" y="T51"/>
                    </a:cxn>
                    <a:cxn ang="T84">
                      <a:pos x="T52" y="T53"/>
                    </a:cxn>
                    <a:cxn ang="T85">
                      <a:pos x="T54" y="T55"/>
                    </a:cxn>
                    <a:cxn ang="T86">
                      <a:pos x="T56" y="T57"/>
                    </a:cxn>
                  </a:cxnLst>
                  <a:rect l="T87" t="T88" r="T89" b="T90"/>
                  <a:pathLst>
                    <a:path w="15" h="17">
                      <a:moveTo>
                        <a:pt x="1" y="5"/>
                      </a:moveTo>
                      <a:lnTo>
                        <a:pt x="1" y="5"/>
                      </a:lnTo>
                      <a:lnTo>
                        <a:pt x="5" y="2"/>
                      </a:lnTo>
                      <a:lnTo>
                        <a:pt x="6" y="0"/>
                      </a:lnTo>
                      <a:lnTo>
                        <a:pt x="10" y="0"/>
                      </a:lnTo>
                      <a:lnTo>
                        <a:pt x="12" y="0"/>
                      </a:lnTo>
                      <a:lnTo>
                        <a:pt x="13" y="2"/>
                      </a:lnTo>
                      <a:lnTo>
                        <a:pt x="15" y="3"/>
                      </a:lnTo>
                      <a:lnTo>
                        <a:pt x="15" y="5"/>
                      </a:lnTo>
                      <a:lnTo>
                        <a:pt x="15" y="7"/>
                      </a:lnTo>
                      <a:lnTo>
                        <a:pt x="13" y="8"/>
                      </a:lnTo>
                      <a:lnTo>
                        <a:pt x="13" y="10"/>
                      </a:lnTo>
                      <a:lnTo>
                        <a:pt x="12" y="12"/>
                      </a:lnTo>
                      <a:lnTo>
                        <a:pt x="10" y="15"/>
                      </a:lnTo>
                      <a:lnTo>
                        <a:pt x="6" y="17"/>
                      </a:lnTo>
                      <a:lnTo>
                        <a:pt x="3" y="17"/>
                      </a:lnTo>
                      <a:lnTo>
                        <a:pt x="1" y="17"/>
                      </a:lnTo>
                      <a:lnTo>
                        <a:pt x="0" y="15"/>
                      </a:lnTo>
                      <a:lnTo>
                        <a:pt x="0" y="13"/>
                      </a:lnTo>
                      <a:lnTo>
                        <a:pt x="0" y="12"/>
                      </a:lnTo>
                      <a:lnTo>
                        <a:pt x="0" y="10"/>
                      </a:lnTo>
                      <a:lnTo>
                        <a:pt x="0" y="8"/>
                      </a:lnTo>
                      <a:lnTo>
                        <a:pt x="1" y="7"/>
                      </a:lnTo>
                      <a:lnTo>
                        <a:pt x="1" y="5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12" name="Freeform 137"/>
                <p:cNvSpPr>
                  <a:spLocks/>
                </p:cNvSpPr>
                <p:nvPr/>
              </p:nvSpPr>
              <p:spPr bwMode="auto">
                <a:xfrm>
                  <a:off x="4206" y="3072"/>
                  <a:ext cx="11" cy="12"/>
                </a:xfrm>
                <a:custGeom>
                  <a:avLst/>
                  <a:gdLst>
                    <a:gd name="T0" fmla="*/ 0 w 11"/>
                    <a:gd name="T1" fmla="*/ 6 h 13"/>
                    <a:gd name="T2" fmla="*/ 0 w 11"/>
                    <a:gd name="T3" fmla="*/ 6 h 13"/>
                    <a:gd name="T4" fmla="*/ 0 w 11"/>
                    <a:gd name="T5" fmla="*/ 3 h 13"/>
                    <a:gd name="T6" fmla="*/ 2 w 11"/>
                    <a:gd name="T7" fmla="*/ 2 h 13"/>
                    <a:gd name="T8" fmla="*/ 4 w 11"/>
                    <a:gd name="T9" fmla="*/ 0 h 13"/>
                    <a:gd name="T10" fmla="*/ 6 w 11"/>
                    <a:gd name="T11" fmla="*/ 0 h 13"/>
                    <a:gd name="T12" fmla="*/ 6 w 11"/>
                    <a:gd name="T13" fmla="*/ 0 h 13"/>
                    <a:gd name="T14" fmla="*/ 7 w 11"/>
                    <a:gd name="T15" fmla="*/ 0 h 13"/>
                    <a:gd name="T16" fmla="*/ 9 w 11"/>
                    <a:gd name="T17" fmla="*/ 2 h 13"/>
                    <a:gd name="T18" fmla="*/ 11 w 11"/>
                    <a:gd name="T19" fmla="*/ 3 h 13"/>
                    <a:gd name="T20" fmla="*/ 11 w 11"/>
                    <a:gd name="T21" fmla="*/ 6 h 13"/>
                    <a:gd name="T22" fmla="*/ 11 w 11"/>
                    <a:gd name="T23" fmla="*/ 6 h 13"/>
                    <a:gd name="T24" fmla="*/ 11 w 11"/>
                    <a:gd name="T25" fmla="*/ 6 h 13"/>
                    <a:gd name="T26" fmla="*/ 9 w 11"/>
                    <a:gd name="T27" fmla="*/ 6 h 13"/>
                    <a:gd name="T28" fmla="*/ 7 w 11"/>
                    <a:gd name="T29" fmla="*/ 6 h 13"/>
                    <a:gd name="T30" fmla="*/ 6 w 11"/>
                    <a:gd name="T31" fmla="*/ 6 h 13"/>
                    <a:gd name="T32" fmla="*/ 6 w 11"/>
                    <a:gd name="T33" fmla="*/ 6 h 13"/>
                    <a:gd name="T34" fmla="*/ 4 w 11"/>
                    <a:gd name="T35" fmla="*/ 6 h 13"/>
                    <a:gd name="T36" fmla="*/ 2 w 11"/>
                    <a:gd name="T37" fmla="*/ 6 h 13"/>
                    <a:gd name="T38" fmla="*/ 0 w 11"/>
                    <a:gd name="T39" fmla="*/ 6 h 13"/>
                    <a:gd name="T40" fmla="*/ 0 w 11"/>
                    <a:gd name="T41" fmla="*/ 6 h 13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1"/>
                    <a:gd name="T64" fmla="*/ 0 h 13"/>
                    <a:gd name="T65" fmla="*/ 11 w 11"/>
                    <a:gd name="T66" fmla="*/ 13 h 13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1" h="13">
                      <a:moveTo>
                        <a:pt x="0" y="7"/>
                      </a:moveTo>
                      <a:lnTo>
                        <a:pt x="0" y="7"/>
                      </a:lnTo>
                      <a:lnTo>
                        <a:pt x="0" y="3"/>
                      </a:lnTo>
                      <a:lnTo>
                        <a:pt x="2" y="2"/>
                      </a:lnTo>
                      <a:lnTo>
                        <a:pt x="4" y="0"/>
                      </a:lnTo>
                      <a:lnTo>
                        <a:pt x="6" y="0"/>
                      </a:lnTo>
                      <a:lnTo>
                        <a:pt x="7" y="0"/>
                      </a:lnTo>
                      <a:lnTo>
                        <a:pt x="9" y="2"/>
                      </a:lnTo>
                      <a:lnTo>
                        <a:pt x="11" y="3"/>
                      </a:lnTo>
                      <a:lnTo>
                        <a:pt x="11" y="7"/>
                      </a:lnTo>
                      <a:lnTo>
                        <a:pt x="11" y="10"/>
                      </a:lnTo>
                      <a:lnTo>
                        <a:pt x="9" y="12"/>
                      </a:lnTo>
                      <a:lnTo>
                        <a:pt x="7" y="13"/>
                      </a:lnTo>
                      <a:lnTo>
                        <a:pt x="6" y="13"/>
                      </a:lnTo>
                      <a:lnTo>
                        <a:pt x="4" y="13"/>
                      </a:lnTo>
                      <a:lnTo>
                        <a:pt x="2" y="12"/>
                      </a:lnTo>
                      <a:lnTo>
                        <a:pt x="0" y="10"/>
                      </a:lnTo>
                      <a:lnTo>
                        <a:pt x="0" y="7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13" name="Freeform 138"/>
                <p:cNvSpPr>
                  <a:spLocks/>
                </p:cNvSpPr>
                <p:nvPr/>
              </p:nvSpPr>
              <p:spPr bwMode="auto">
                <a:xfrm>
                  <a:off x="4212" y="3098"/>
                  <a:ext cx="13" cy="16"/>
                </a:xfrm>
                <a:custGeom>
                  <a:avLst/>
                  <a:gdLst>
                    <a:gd name="T0" fmla="*/ 1 w 13"/>
                    <a:gd name="T1" fmla="*/ 5 h 17"/>
                    <a:gd name="T2" fmla="*/ 1 w 13"/>
                    <a:gd name="T3" fmla="*/ 5 h 17"/>
                    <a:gd name="T4" fmla="*/ 3 w 13"/>
                    <a:gd name="T5" fmla="*/ 2 h 17"/>
                    <a:gd name="T6" fmla="*/ 6 w 13"/>
                    <a:gd name="T7" fmla="*/ 0 h 17"/>
                    <a:gd name="T8" fmla="*/ 8 w 13"/>
                    <a:gd name="T9" fmla="*/ 0 h 17"/>
                    <a:gd name="T10" fmla="*/ 11 w 13"/>
                    <a:gd name="T11" fmla="*/ 0 h 17"/>
                    <a:gd name="T12" fmla="*/ 11 w 13"/>
                    <a:gd name="T13" fmla="*/ 0 h 17"/>
                    <a:gd name="T14" fmla="*/ 13 w 13"/>
                    <a:gd name="T15" fmla="*/ 0 h 17"/>
                    <a:gd name="T16" fmla="*/ 13 w 13"/>
                    <a:gd name="T17" fmla="*/ 2 h 17"/>
                    <a:gd name="T18" fmla="*/ 13 w 13"/>
                    <a:gd name="T19" fmla="*/ 3 h 17"/>
                    <a:gd name="T20" fmla="*/ 13 w 13"/>
                    <a:gd name="T21" fmla="*/ 5 h 17"/>
                    <a:gd name="T22" fmla="*/ 13 w 13"/>
                    <a:gd name="T23" fmla="*/ 5 h 17"/>
                    <a:gd name="T24" fmla="*/ 13 w 13"/>
                    <a:gd name="T25" fmla="*/ 8 h 17"/>
                    <a:gd name="T26" fmla="*/ 13 w 13"/>
                    <a:gd name="T27" fmla="*/ 8 h 17"/>
                    <a:gd name="T28" fmla="*/ 11 w 13"/>
                    <a:gd name="T29" fmla="*/ 8 h 17"/>
                    <a:gd name="T30" fmla="*/ 11 w 13"/>
                    <a:gd name="T31" fmla="*/ 8 h 17"/>
                    <a:gd name="T32" fmla="*/ 10 w 13"/>
                    <a:gd name="T33" fmla="*/ 8 h 17"/>
                    <a:gd name="T34" fmla="*/ 6 w 13"/>
                    <a:gd name="T35" fmla="*/ 8 h 17"/>
                    <a:gd name="T36" fmla="*/ 5 w 13"/>
                    <a:gd name="T37" fmla="*/ 8 h 17"/>
                    <a:gd name="T38" fmla="*/ 1 w 13"/>
                    <a:gd name="T39" fmla="*/ 8 h 17"/>
                    <a:gd name="T40" fmla="*/ 1 w 13"/>
                    <a:gd name="T41" fmla="*/ 8 h 17"/>
                    <a:gd name="T42" fmla="*/ 1 w 13"/>
                    <a:gd name="T43" fmla="*/ 8 h 17"/>
                    <a:gd name="T44" fmla="*/ 0 w 13"/>
                    <a:gd name="T45" fmla="*/ 8 h 17"/>
                    <a:gd name="T46" fmla="*/ 0 w 13"/>
                    <a:gd name="T47" fmla="*/ 8 h 17"/>
                    <a:gd name="T48" fmla="*/ 0 w 13"/>
                    <a:gd name="T49" fmla="*/ 8 h 17"/>
                    <a:gd name="T50" fmla="*/ 0 w 13"/>
                    <a:gd name="T51" fmla="*/ 8 h 17"/>
                    <a:gd name="T52" fmla="*/ 0 w 13"/>
                    <a:gd name="T53" fmla="*/ 8 h 17"/>
                    <a:gd name="T54" fmla="*/ 0 w 13"/>
                    <a:gd name="T55" fmla="*/ 7 h 17"/>
                    <a:gd name="T56" fmla="*/ 1 w 13"/>
                    <a:gd name="T57" fmla="*/ 5 h 17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w 13"/>
                    <a:gd name="T88" fmla="*/ 0 h 17"/>
                    <a:gd name="T89" fmla="*/ 13 w 13"/>
                    <a:gd name="T90" fmla="*/ 17 h 17"/>
                  </a:gdLst>
                  <a:ahLst/>
                  <a:cxnLst>
                    <a:cxn ang="T58">
                      <a:pos x="T0" y="T1"/>
                    </a:cxn>
                    <a:cxn ang="T59">
                      <a:pos x="T2" y="T3"/>
                    </a:cxn>
                    <a:cxn ang="T60">
                      <a:pos x="T4" y="T5"/>
                    </a:cxn>
                    <a:cxn ang="T61">
                      <a:pos x="T6" y="T7"/>
                    </a:cxn>
                    <a:cxn ang="T62">
                      <a:pos x="T8" y="T9"/>
                    </a:cxn>
                    <a:cxn ang="T63">
                      <a:pos x="T10" y="T11"/>
                    </a:cxn>
                    <a:cxn ang="T64">
                      <a:pos x="T12" y="T13"/>
                    </a:cxn>
                    <a:cxn ang="T65">
                      <a:pos x="T14" y="T15"/>
                    </a:cxn>
                    <a:cxn ang="T66">
                      <a:pos x="T16" y="T17"/>
                    </a:cxn>
                    <a:cxn ang="T67">
                      <a:pos x="T18" y="T19"/>
                    </a:cxn>
                    <a:cxn ang="T68">
                      <a:pos x="T20" y="T21"/>
                    </a:cxn>
                    <a:cxn ang="T69">
                      <a:pos x="T22" y="T23"/>
                    </a:cxn>
                    <a:cxn ang="T70">
                      <a:pos x="T24" y="T25"/>
                    </a:cxn>
                    <a:cxn ang="T71">
                      <a:pos x="T26" y="T27"/>
                    </a:cxn>
                    <a:cxn ang="T72">
                      <a:pos x="T28" y="T29"/>
                    </a:cxn>
                    <a:cxn ang="T73">
                      <a:pos x="T30" y="T31"/>
                    </a:cxn>
                    <a:cxn ang="T74">
                      <a:pos x="T32" y="T33"/>
                    </a:cxn>
                    <a:cxn ang="T75">
                      <a:pos x="T34" y="T35"/>
                    </a:cxn>
                    <a:cxn ang="T76">
                      <a:pos x="T36" y="T37"/>
                    </a:cxn>
                    <a:cxn ang="T77">
                      <a:pos x="T38" y="T39"/>
                    </a:cxn>
                    <a:cxn ang="T78">
                      <a:pos x="T40" y="T41"/>
                    </a:cxn>
                    <a:cxn ang="T79">
                      <a:pos x="T42" y="T43"/>
                    </a:cxn>
                    <a:cxn ang="T80">
                      <a:pos x="T44" y="T45"/>
                    </a:cxn>
                    <a:cxn ang="T81">
                      <a:pos x="T46" y="T47"/>
                    </a:cxn>
                    <a:cxn ang="T82">
                      <a:pos x="T48" y="T49"/>
                    </a:cxn>
                    <a:cxn ang="T83">
                      <a:pos x="T50" y="T51"/>
                    </a:cxn>
                    <a:cxn ang="T84">
                      <a:pos x="T52" y="T53"/>
                    </a:cxn>
                    <a:cxn ang="T85">
                      <a:pos x="T54" y="T55"/>
                    </a:cxn>
                    <a:cxn ang="T86">
                      <a:pos x="T56" y="T57"/>
                    </a:cxn>
                  </a:cxnLst>
                  <a:rect l="T87" t="T88" r="T89" b="T90"/>
                  <a:pathLst>
                    <a:path w="13" h="17">
                      <a:moveTo>
                        <a:pt x="1" y="5"/>
                      </a:moveTo>
                      <a:lnTo>
                        <a:pt x="1" y="5"/>
                      </a:lnTo>
                      <a:lnTo>
                        <a:pt x="3" y="2"/>
                      </a:lnTo>
                      <a:lnTo>
                        <a:pt x="6" y="0"/>
                      </a:lnTo>
                      <a:lnTo>
                        <a:pt x="8" y="0"/>
                      </a:lnTo>
                      <a:lnTo>
                        <a:pt x="11" y="0"/>
                      </a:lnTo>
                      <a:lnTo>
                        <a:pt x="13" y="0"/>
                      </a:lnTo>
                      <a:lnTo>
                        <a:pt x="13" y="2"/>
                      </a:lnTo>
                      <a:lnTo>
                        <a:pt x="13" y="3"/>
                      </a:lnTo>
                      <a:lnTo>
                        <a:pt x="13" y="5"/>
                      </a:lnTo>
                      <a:lnTo>
                        <a:pt x="13" y="8"/>
                      </a:lnTo>
                      <a:lnTo>
                        <a:pt x="11" y="10"/>
                      </a:lnTo>
                      <a:lnTo>
                        <a:pt x="10" y="14"/>
                      </a:lnTo>
                      <a:lnTo>
                        <a:pt x="6" y="15"/>
                      </a:lnTo>
                      <a:lnTo>
                        <a:pt x="5" y="17"/>
                      </a:lnTo>
                      <a:lnTo>
                        <a:pt x="1" y="17"/>
                      </a:lnTo>
                      <a:lnTo>
                        <a:pt x="1" y="15"/>
                      </a:lnTo>
                      <a:lnTo>
                        <a:pt x="0" y="14"/>
                      </a:lnTo>
                      <a:lnTo>
                        <a:pt x="0" y="12"/>
                      </a:lnTo>
                      <a:lnTo>
                        <a:pt x="0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1" y="5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54" name="Group 139"/>
              <p:cNvGrpSpPr>
                <a:grpSpLocks/>
              </p:cNvGrpSpPr>
              <p:nvPr/>
            </p:nvGrpSpPr>
            <p:grpSpPr bwMode="auto">
              <a:xfrm>
                <a:off x="1186" y="3709"/>
                <a:ext cx="274" cy="176"/>
                <a:chOff x="1338" y="3375"/>
                <a:chExt cx="282" cy="181"/>
              </a:xfrm>
            </p:grpSpPr>
            <p:sp>
              <p:nvSpPr>
                <p:cNvPr id="91" name="Freeform 140"/>
                <p:cNvSpPr>
                  <a:spLocks/>
                </p:cNvSpPr>
                <p:nvPr/>
              </p:nvSpPr>
              <p:spPr bwMode="auto">
                <a:xfrm>
                  <a:off x="1361" y="3375"/>
                  <a:ext cx="26" cy="18"/>
                </a:xfrm>
                <a:custGeom>
                  <a:avLst/>
                  <a:gdLst>
                    <a:gd name="T0" fmla="*/ 0 w 26"/>
                    <a:gd name="T1" fmla="*/ 8 h 18"/>
                    <a:gd name="T2" fmla="*/ 0 w 26"/>
                    <a:gd name="T3" fmla="*/ 8 h 18"/>
                    <a:gd name="T4" fmla="*/ 2 w 26"/>
                    <a:gd name="T5" fmla="*/ 6 h 18"/>
                    <a:gd name="T6" fmla="*/ 2 w 26"/>
                    <a:gd name="T7" fmla="*/ 6 h 18"/>
                    <a:gd name="T8" fmla="*/ 5 w 26"/>
                    <a:gd name="T9" fmla="*/ 3 h 18"/>
                    <a:gd name="T10" fmla="*/ 9 w 26"/>
                    <a:gd name="T11" fmla="*/ 3 h 18"/>
                    <a:gd name="T12" fmla="*/ 12 w 26"/>
                    <a:gd name="T13" fmla="*/ 1 h 18"/>
                    <a:gd name="T14" fmla="*/ 17 w 26"/>
                    <a:gd name="T15" fmla="*/ 0 h 18"/>
                    <a:gd name="T16" fmla="*/ 22 w 26"/>
                    <a:gd name="T17" fmla="*/ 0 h 18"/>
                    <a:gd name="T18" fmla="*/ 24 w 26"/>
                    <a:gd name="T19" fmla="*/ 0 h 18"/>
                    <a:gd name="T20" fmla="*/ 24 w 26"/>
                    <a:gd name="T21" fmla="*/ 3 h 18"/>
                    <a:gd name="T22" fmla="*/ 24 w 26"/>
                    <a:gd name="T23" fmla="*/ 6 h 18"/>
                    <a:gd name="T24" fmla="*/ 26 w 26"/>
                    <a:gd name="T25" fmla="*/ 6 h 18"/>
                    <a:gd name="T26" fmla="*/ 21 w 26"/>
                    <a:gd name="T27" fmla="*/ 18 h 18"/>
                    <a:gd name="T28" fmla="*/ 4 w 26"/>
                    <a:gd name="T29" fmla="*/ 13 h 18"/>
                    <a:gd name="T30" fmla="*/ 0 w 26"/>
                    <a:gd name="T31" fmla="*/ 8 h 18"/>
                    <a:gd name="T32" fmla="*/ 0 60000 65536"/>
                    <a:gd name="T33" fmla="*/ 0 60000 65536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w 26"/>
                    <a:gd name="T49" fmla="*/ 0 h 18"/>
                    <a:gd name="T50" fmla="*/ 26 w 26"/>
                    <a:gd name="T51" fmla="*/ 18 h 18"/>
                  </a:gdLst>
                  <a:ahLst/>
                  <a:cxnLst>
                    <a:cxn ang="T32">
                      <a:pos x="T0" y="T1"/>
                    </a:cxn>
                    <a:cxn ang="T33">
                      <a:pos x="T2" y="T3"/>
                    </a:cxn>
                    <a:cxn ang="T34">
                      <a:pos x="T4" y="T5"/>
                    </a:cxn>
                    <a:cxn ang="T35">
                      <a:pos x="T6" y="T7"/>
                    </a:cxn>
                    <a:cxn ang="T36">
                      <a:pos x="T8" y="T9"/>
                    </a:cxn>
                    <a:cxn ang="T37">
                      <a:pos x="T10" y="T11"/>
                    </a:cxn>
                    <a:cxn ang="T38">
                      <a:pos x="T12" y="T13"/>
                    </a:cxn>
                    <a:cxn ang="T39">
                      <a:pos x="T14" y="T15"/>
                    </a:cxn>
                    <a:cxn ang="T40">
                      <a:pos x="T16" y="T17"/>
                    </a:cxn>
                    <a:cxn ang="T41">
                      <a:pos x="T18" y="T19"/>
                    </a:cxn>
                    <a:cxn ang="T42">
                      <a:pos x="T20" y="T21"/>
                    </a:cxn>
                    <a:cxn ang="T43">
                      <a:pos x="T22" y="T23"/>
                    </a:cxn>
                    <a:cxn ang="T44">
                      <a:pos x="T24" y="T25"/>
                    </a:cxn>
                    <a:cxn ang="T45">
                      <a:pos x="T26" y="T27"/>
                    </a:cxn>
                    <a:cxn ang="T46">
                      <a:pos x="T28" y="T29"/>
                    </a:cxn>
                    <a:cxn ang="T47">
                      <a:pos x="T30" y="T31"/>
                    </a:cxn>
                  </a:cxnLst>
                  <a:rect l="T48" t="T49" r="T50" b="T51"/>
                  <a:pathLst>
                    <a:path w="26" h="18">
                      <a:moveTo>
                        <a:pt x="0" y="8"/>
                      </a:moveTo>
                      <a:lnTo>
                        <a:pt x="0" y="8"/>
                      </a:lnTo>
                      <a:lnTo>
                        <a:pt x="2" y="6"/>
                      </a:lnTo>
                      <a:lnTo>
                        <a:pt x="5" y="3"/>
                      </a:lnTo>
                      <a:lnTo>
                        <a:pt x="9" y="3"/>
                      </a:lnTo>
                      <a:lnTo>
                        <a:pt x="12" y="1"/>
                      </a:lnTo>
                      <a:lnTo>
                        <a:pt x="17" y="0"/>
                      </a:lnTo>
                      <a:lnTo>
                        <a:pt x="22" y="0"/>
                      </a:lnTo>
                      <a:lnTo>
                        <a:pt x="24" y="0"/>
                      </a:lnTo>
                      <a:lnTo>
                        <a:pt x="24" y="3"/>
                      </a:lnTo>
                      <a:lnTo>
                        <a:pt x="24" y="6"/>
                      </a:lnTo>
                      <a:lnTo>
                        <a:pt x="26" y="6"/>
                      </a:lnTo>
                      <a:lnTo>
                        <a:pt x="21" y="18"/>
                      </a:lnTo>
                      <a:lnTo>
                        <a:pt x="4" y="13"/>
                      </a:lnTo>
                      <a:lnTo>
                        <a:pt x="0" y="8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92" name="Freeform 141"/>
                <p:cNvSpPr>
                  <a:spLocks/>
                </p:cNvSpPr>
                <p:nvPr/>
              </p:nvSpPr>
              <p:spPr bwMode="auto">
                <a:xfrm>
                  <a:off x="1361" y="3375"/>
                  <a:ext cx="26" cy="18"/>
                </a:xfrm>
                <a:custGeom>
                  <a:avLst/>
                  <a:gdLst>
                    <a:gd name="T0" fmla="*/ 0 w 26"/>
                    <a:gd name="T1" fmla="*/ 8 h 18"/>
                    <a:gd name="T2" fmla="*/ 0 w 26"/>
                    <a:gd name="T3" fmla="*/ 8 h 18"/>
                    <a:gd name="T4" fmla="*/ 0 w 26"/>
                    <a:gd name="T5" fmla="*/ 8 h 18"/>
                    <a:gd name="T6" fmla="*/ 2 w 26"/>
                    <a:gd name="T7" fmla="*/ 6 h 18"/>
                    <a:gd name="T8" fmla="*/ 2 w 26"/>
                    <a:gd name="T9" fmla="*/ 6 h 18"/>
                    <a:gd name="T10" fmla="*/ 5 w 26"/>
                    <a:gd name="T11" fmla="*/ 3 h 18"/>
                    <a:gd name="T12" fmla="*/ 9 w 26"/>
                    <a:gd name="T13" fmla="*/ 3 h 18"/>
                    <a:gd name="T14" fmla="*/ 12 w 26"/>
                    <a:gd name="T15" fmla="*/ 1 h 18"/>
                    <a:gd name="T16" fmla="*/ 17 w 26"/>
                    <a:gd name="T17" fmla="*/ 0 h 18"/>
                    <a:gd name="T18" fmla="*/ 22 w 26"/>
                    <a:gd name="T19" fmla="*/ 0 h 18"/>
                    <a:gd name="T20" fmla="*/ 22 w 26"/>
                    <a:gd name="T21" fmla="*/ 0 h 18"/>
                    <a:gd name="T22" fmla="*/ 24 w 26"/>
                    <a:gd name="T23" fmla="*/ 0 h 18"/>
                    <a:gd name="T24" fmla="*/ 24 w 26"/>
                    <a:gd name="T25" fmla="*/ 3 h 18"/>
                    <a:gd name="T26" fmla="*/ 24 w 26"/>
                    <a:gd name="T27" fmla="*/ 6 h 18"/>
                    <a:gd name="T28" fmla="*/ 26 w 26"/>
                    <a:gd name="T29" fmla="*/ 6 h 18"/>
                    <a:gd name="T30" fmla="*/ 21 w 26"/>
                    <a:gd name="T31" fmla="*/ 18 h 18"/>
                    <a:gd name="T32" fmla="*/ 4 w 26"/>
                    <a:gd name="T33" fmla="*/ 13 h 18"/>
                    <a:gd name="T34" fmla="*/ 0 w 26"/>
                    <a:gd name="T35" fmla="*/ 8 h 18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w 26"/>
                    <a:gd name="T55" fmla="*/ 0 h 18"/>
                    <a:gd name="T56" fmla="*/ 26 w 26"/>
                    <a:gd name="T57" fmla="*/ 18 h 18"/>
                  </a:gdLst>
                  <a:ahLst/>
                  <a:cxnLst>
                    <a:cxn ang="T36">
                      <a:pos x="T0" y="T1"/>
                    </a:cxn>
                    <a:cxn ang="T37">
                      <a:pos x="T2" y="T3"/>
                    </a:cxn>
                    <a:cxn ang="T38">
                      <a:pos x="T4" y="T5"/>
                    </a:cxn>
                    <a:cxn ang="T39">
                      <a:pos x="T6" y="T7"/>
                    </a:cxn>
                    <a:cxn ang="T40">
                      <a:pos x="T8" y="T9"/>
                    </a:cxn>
                    <a:cxn ang="T41">
                      <a:pos x="T10" y="T11"/>
                    </a:cxn>
                    <a:cxn ang="T42">
                      <a:pos x="T12" y="T13"/>
                    </a:cxn>
                    <a:cxn ang="T43">
                      <a:pos x="T14" y="T15"/>
                    </a:cxn>
                    <a:cxn ang="T44">
                      <a:pos x="T16" y="T17"/>
                    </a:cxn>
                    <a:cxn ang="T45">
                      <a:pos x="T18" y="T19"/>
                    </a:cxn>
                    <a:cxn ang="T46">
                      <a:pos x="T20" y="T21"/>
                    </a:cxn>
                    <a:cxn ang="T47">
                      <a:pos x="T22" y="T23"/>
                    </a:cxn>
                    <a:cxn ang="T48">
                      <a:pos x="T24" y="T25"/>
                    </a:cxn>
                    <a:cxn ang="T49">
                      <a:pos x="T26" y="T27"/>
                    </a:cxn>
                    <a:cxn ang="T50">
                      <a:pos x="T28" y="T29"/>
                    </a:cxn>
                    <a:cxn ang="T51">
                      <a:pos x="T30" y="T31"/>
                    </a:cxn>
                    <a:cxn ang="T52">
                      <a:pos x="T32" y="T33"/>
                    </a:cxn>
                    <a:cxn ang="T53">
                      <a:pos x="T34" y="T35"/>
                    </a:cxn>
                  </a:cxnLst>
                  <a:rect l="T54" t="T55" r="T56" b="T57"/>
                  <a:pathLst>
                    <a:path w="26" h="18">
                      <a:moveTo>
                        <a:pt x="0" y="8"/>
                      </a:moveTo>
                      <a:lnTo>
                        <a:pt x="0" y="8"/>
                      </a:lnTo>
                      <a:lnTo>
                        <a:pt x="2" y="6"/>
                      </a:lnTo>
                      <a:lnTo>
                        <a:pt x="5" y="3"/>
                      </a:lnTo>
                      <a:lnTo>
                        <a:pt x="9" y="3"/>
                      </a:lnTo>
                      <a:lnTo>
                        <a:pt x="12" y="1"/>
                      </a:lnTo>
                      <a:lnTo>
                        <a:pt x="17" y="0"/>
                      </a:lnTo>
                      <a:lnTo>
                        <a:pt x="22" y="0"/>
                      </a:lnTo>
                      <a:lnTo>
                        <a:pt x="24" y="0"/>
                      </a:lnTo>
                      <a:lnTo>
                        <a:pt x="24" y="3"/>
                      </a:lnTo>
                      <a:lnTo>
                        <a:pt x="24" y="6"/>
                      </a:lnTo>
                      <a:lnTo>
                        <a:pt x="26" y="6"/>
                      </a:lnTo>
                      <a:lnTo>
                        <a:pt x="21" y="18"/>
                      </a:lnTo>
                      <a:lnTo>
                        <a:pt x="4" y="13"/>
                      </a:lnTo>
                      <a:lnTo>
                        <a:pt x="0" y="8"/>
                      </a:lnTo>
                    </a:path>
                  </a:pathLst>
                </a:custGeom>
                <a:solidFill>
                  <a:srgbClr val="2D73FF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93" name="Freeform 142"/>
                <p:cNvSpPr>
                  <a:spLocks/>
                </p:cNvSpPr>
                <p:nvPr/>
              </p:nvSpPr>
              <p:spPr bwMode="auto">
                <a:xfrm>
                  <a:off x="1441" y="3403"/>
                  <a:ext cx="30" cy="24"/>
                </a:xfrm>
                <a:custGeom>
                  <a:avLst/>
                  <a:gdLst>
                    <a:gd name="T0" fmla="*/ 0 w 30"/>
                    <a:gd name="T1" fmla="*/ 5 h 24"/>
                    <a:gd name="T2" fmla="*/ 8 w 30"/>
                    <a:gd name="T3" fmla="*/ 5 h 24"/>
                    <a:gd name="T4" fmla="*/ 8 w 30"/>
                    <a:gd name="T5" fmla="*/ 5 h 24"/>
                    <a:gd name="T6" fmla="*/ 8 w 30"/>
                    <a:gd name="T7" fmla="*/ 4 h 24"/>
                    <a:gd name="T8" fmla="*/ 8 w 30"/>
                    <a:gd name="T9" fmla="*/ 2 h 24"/>
                    <a:gd name="T10" fmla="*/ 10 w 30"/>
                    <a:gd name="T11" fmla="*/ 0 h 24"/>
                    <a:gd name="T12" fmla="*/ 10 w 30"/>
                    <a:gd name="T13" fmla="*/ 0 h 24"/>
                    <a:gd name="T14" fmla="*/ 12 w 30"/>
                    <a:gd name="T15" fmla="*/ 0 h 24"/>
                    <a:gd name="T16" fmla="*/ 13 w 30"/>
                    <a:gd name="T17" fmla="*/ 2 h 24"/>
                    <a:gd name="T18" fmla="*/ 17 w 30"/>
                    <a:gd name="T19" fmla="*/ 5 h 24"/>
                    <a:gd name="T20" fmla="*/ 17 w 30"/>
                    <a:gd name="T21" fmla="*/ 7 h 24"/>
                    <a:gd name="T22" fmla="*/ 18 w 30"/>
                    <a:gd name="T23" fmla="*/ 9 h 24"/>
                    <a:gd name="T24" fmla="*/ 22 w 30"/>
                    <a:gd name="T25" fmla="*/ 12 h 24"/>
                    <a:gd name="T26" fmla="*/ 27 w 30"/>
                    <a:gd name="T27" fmla="*/ 16 h 24"/>
                    <a:gd name="T28" fmla="*/ 27 w 30"/>
                    <a:gd name="T29" fmla="*/ 17 h 24"/>
                    <a:gd name="T30" fmla="*/ 29 w 30"/>
                    <a:gd name="T31" fmla="*/ 19 h 24"/>
                    <a:gd name="T32" fmla="*/ 30 w 30"/>
                    <a:gd name="T33" fmla="*/ 21 h 24"/>
                    <a:gd name="T34" fmla="*/ 30 w 30"/>
                    <a:gd name="T35" fmla="*/ 22 h 24"/>
                    <a:gd name="T36" fmla="*/ 30 w 30"/>
                    <a:gd name="T37" fmla="*/ 24 h 24"/>
                    <a:gd name="T38" fmla="*/ 27 w 30"/>
                    <a:gd name="T39" fmla="*/ 24 h 24"/>
                    <a:gd name="T40" fmla="*/ 22 w 30"/>
                    <a:gd name="T41" fmla="*/ 24 h 24"/>
                    <a:gd name="T42" fmla="*/ 15 w 30"/>
                    <a:gd name="T43" fmla="*/ 21 h 24"/>
                    <a:gd name="T44" fmla="*/ 13 w 30"/>
                    <a:gd name="T45" fmla="*/ 21 h 24"/>
                    <a:gd name="T46" fmla="*/ 10 w 30"/>
                    <a:gd name="T47" fmla="*/ 21 h 24"/>
                    <a:gd name="T48" fmla="*/ 8 w 30"/>
                    <a:gd name="T49" fmla="*/ 22 h 24"/>
                    <a:gd name="T50" fmla="*/ 8 w 30"/>
                    <a:gd name="T51" fmla="*/ 22 h 24"/>
                    <a:gd name="T52" fmla="*/ 1 w 30"/>
                    <a:gd name="T53" fmla="*/ 14 h 24"/>
                    <a:gd name="T54" fmla="*/ 0 w 30"/>
                    <a:gd name="T55" fmla="*/ 5 h 24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w 30"/>
                    <a:gd name="T85" fmla="*/ 0 h 24"/>
                    <a:gd name="T86" fmla="*/ 30 w 30"/>
                    <a:gd name="T87" fmla="*/ 24 h 24"/>
                  </a:gdLst>
                  <a:ahLst/>
                  <a:cxnLst>
                    <a:cxn ang="T56">
                      <a:pos x="T0" y="T1"/>
                    </a:cxn>
                    <a:cxn ang="T57">
                      <a:pos x="T2" y="T3"/>
                    </a:cxn>
                    <a:cxn ang="T58">
                      <a:pos x="T4" y="T5"/>
                    </a:cxn>
                    <a:cxn ang="T59">
                      <a:pos x="T6" y="T7"/>
                    </a:cxn>
                    <a:cxn ang="T60">
                      <a:pos x="T8" y="T9"/>
                    </a:cxn>
                    <a:cxn ang="T61">
                      <a:pos x="T10" y="T11"/>
                    </a:cxn>
                    <a:cxn ang="T62">
                      <a:pos x="T12" y="T13"/>
                    </a:cxn>
                    <a:cxn ang="T63">
                      <a:pos x="T14" y="T15"/>
                    </a:cxn>
                    <a:cxn ang="T64">
                      <a:pos x="T16" y="T17"/>
                    </a:cxn>
                    <a:cxn ang="T65">
                      <a:pos x="T18" y="T19"/>
                    </a:cxn>
                    <a:cxn ang="T66">
                      <a:pos x="T20" y="T21"/>
                    </a:cxn>
                    <a:cxn ang="T67">
                      <a:pos x="T22" y="T23"/>
                    </a:cxn>
                    <a:cxn ang="T68">
                      <a:pos x="T24" y="T25"/>
                    </a:cxn>
                    <a:cxn ang="T69">
                      <a:pos x="T26" y="T27"/>
                    </a:cxn>
                    <a:cxn ang="T70">
                      <a:pos x="T28" y="T29"/>
                    </a:cxn>
                    <a:cxn ang="T71">
                      <a:pos x="T30" y="T31"/>
                    </a:cxn>
                    <a:cxn ang="T72">
                      <a:pos x="T32" y="T33"/>
                    </a:cxn>
                    <a:cxn ang="T73">
                      <a:pos x="T34" y="T35"/>
                    </a:cxn>
                    <a:cxn ang="T74">
                      <a:pos x="T36" y="T37"/>
                    </a:cxn>
                    <a:cxn ang="T75">
                      <a:pos x="T38" y="T39"/>
                    </a:cxn>
                    <a:cxn ang="T76">
                      <a:pos x="T40" y="T41"/>
                    </a:cxn>
                    <a:cxn ang="T77">
                      <a:pos x="T42" y="T43"/>
                    </a:cxn>
                    <a:cxn ang="T78">
                      <a:pos x="T44" y="T45"/>
                    </a:cxn>
                    <a:cxn ang="T79">
                      <a:pos x="T46" y="T47"/>
                    </a:cxn>
                    <a:cxn ang="T80">
                      <a:pos x="T48" y="T49"/>
                    </a:cxn>
                    <a:cxn ang="T81">
                      <a:pos x="T50" y="T51"/>
                    </a:cxn>
                    <a:cxn ang="T82">
                      <a:pos x="T52" y="T53"/>
                    </a:cxn>
                    <a:cxn ang="T83">
                      <a:pos x="T54" y="T55"/>
                    </a:cxn>
                  </a:cxnLst>
                  <a:rect l="T84" t="T85" r="T86" b="T87"/>
                  <a:pathLst>
                    <a:path w="30" h="24">
                      <a:moveTo>
                        <a:pt x="0" y="5"/>
                      </a:moveTo>
                      <a:lnTo>
                        <a:pt x="8" y="5"/>
                      </a:lnTo>
                      <a:lnTo>
                        <a:pt x="8" y="4"/>
                      </a:lnTo>
                      <a:lnTo>
                        <a:pt x="8" y="2"/>
                      </a:lnTo>
                      <a:lnTo>
                        <a:pt x="10" y="0"/>
                      </a:lnTo>
                      <a:lnTo>
                        <a:pt x="12" y="0"/>
                      </a:lnTo>
                      <a:lnTo>
                        <a:pt x="13" y="2"/>
                      </a:lnTo>
                      <a:lnTo>
                        <a:pt x="17" y="5"/>
                      </a:lnTo>
                      <a:lnTo>
                        <a:pt x="17" y="7"/>
                      </a:lnTo>
                      <a:lnTo>
                        <a:pt x="18" y="9"/>
                      </a:lnTo>
                      <a:lnTo>
                        <a:pt x="22" y="12"/>
                      </a:lnTo>
                      <a:lnTo>
                        <a:pt x="27" y="16"/>
                      </a:lnTo>
                      <a:lnTo>
                        <a:pt x="27" y="17"/>
                      </a:lnTo>
                      <a:lnTo>
                        <a:pt x="29" y="19"/>
                      </a:lnTo>
                      <a:lnTo>
                        <a:pt x="30" y="21"/>
                      </a:lnTo>
                      <a:lnTo>
                        <a:pt x="30" y="22"/>
                      </a:lnTo>
                      <a:lnTo>
                        <a:pt x="30" y="24"/>
                      </a:lnTo>
                      <a:lnTo>
                        <a:pt x="27" y="24"/>
                      </a:lnTo>
                      <a:lnTo>
                        <a:pt x="22" y="24"/>
                      </a:lnTo>
                      <a:lnTo>
                        <a:pt x="15" y="21"/>
                      </a:lnTo>
                      <a:lnTo>
                        <a:pt x="13" y="21"/>
                      </a:lnTo>
                      <a:lnTo>
                        <a:pt x="10" y="21"/>
                      </a:lnTo>
                      <a:lnTo>
                        <a:pt x="8" y="22"/>
                      </a:lnTo>
                      <a:lnTo>
                        <a:pt x="1" y="14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94" name="Freeform 143"/>
                <p:cNvSpPr>
                  <a:spLocks/>
                </p:cNvSpPr>
                <p:nvPr/>
              </p:nvSpPr>
              <p:spPr bwMode="auto">
                <a:xfrm>
                  <a:off x="1441" y="3403"/>
                  <a:ext cx="30" cy="24"/>
                </a:xfrm>
                <a:custGeom>
                  <a:avLst/>
                  <a:gdLst>
                    <a:gd name="T0" fmla="*/ 0 w 30"/>
                    <a:gd name="T1" fmla="*/ 5 h 24"/>
                    <a:gd name="T2" fmla="*/ 8 w 30"/>
                    <a:gd name="T3" fmla="*/ 5 h 24"/>
                    <a:gd name="T4" fmla="*/ 8 w 30"/>
                    <a:gd name="T5" fmla="*/ 5 h 24"/>
                    <a:gd name="T6" fmla="*/ 8 w 30"/>
                    <a:gd name="T7" fmla="*/ 5 h 24"/>
                    <a:gd name="T8" fmla="*/ 8 w 30"/>
                    <a:gd name="T9" fmla="*/ 4 h 24"/>
                    <a:gd name="T10" fmla="*/ 8 w 30"/>
                    <a:gd name="T11" fmla="*/ 2 h 24"/>
                    <a:gd name="T12" fmla="*/ 10 w 30"/>
                    <a:gd name="T13" fmla="*/ 0 h 24"/>
                    <a:gd name="T14" fmla="*/ 10 w 30"/>
                    <a:gd name="T15" fmla="*/ 0 h 24"/>
                    <a:gd name="T16" fmla="*/ 12 w 30"/>
                    <a:gd name="T17" fmla="*/ 0 h 24"/>
                    <a:gd name="T18" fmla="*/ 13 w 30"/>
                    <a:gd name="T19" fmla="*/ 2 h 24"/>
                    <a:gd name="T20" fmla="*/ 17 w 30"/>
                    <a:gd name="T21" fmla="*/ 5 h 24"/>
                    <a:gd name="T22" fmla="*/ 17 w 30"/>
                    <a:gd name="T23" fmla="*/ 5 h 24"/>
                    <a:gd name="T24" fmla="*/ 17 w 30"/>
                    <a:gd name="T25" fmla="*/ 7 h 24"/>
                    <a:gd name="T26" fmla="*/ 18 w 30"/>
                    <a:gd name="T27" fmla="*/ 9 h 24"/>
                    <a:gd name="T28" fmla="*/ 22 w 30"/>
                    <a:gd name="T29" fmla="*/ 12 h 24"/>
                    <a:gd name="T30" fmla="*/ 27 w 30"/>
                    <a:gd name="T31" fmla="*/ 16 h 24"/>
                    <a:gd name="T32" fmla="*/ 27 w 30"/>
                    <a:gd name="T33" fmla="*/ 16 h 24"/>
                    <a:gd name="T34" fmla="*/ 27 w 30"/>
                    <a:gd name="T35" fmla="*/ 17 h 24"/>
                    <a:gd name="T36" fmla="*/ 29 w 30"/>
                    <a:gd name="T37" fmla="*/ 19 h 24"/>
                    <a:gd name="T38" fmla="*/ 30 w 30"/>
                    <a:gd name="T39" fmla="*/ 21 h 24"/>
                    <a:gd name="T40" fmla="*/ 30 w 30"/>
                    <a:gd name="T41" fmla="*/ 22 h 24"/>
                    <a:gd name="T42" fmla="*/ 30 w 30"/>
                    <a:gd name="T43" fmla="*/ 24 h 24"/>
                    <a:gd name="T44" fmla="*/ 27 w 30"/>
                    <a:gd name="T45" fmla="*/ 24 h 24"/>
                    <a:gd name="T46" fmla="*/ 22 w 30"/>
                    <a:gd name="T47" fmla="*/ 24 h 24"/>
                    <a:gd name="T48" fmla="*/ 15 w 30"/>
                    <a:gd name="T49" fmla="*/ 21 h 24"/>
                    <a:gd name="T50" fmla="*/ 15 w 30"/>
                    <a:gd name="T51" fmla="*/ 21 h 24"/>
                    <a:gd name="T52" fmla="*/ 13 w 30"/>
                    <a:gd name="T53" fmla="*/ 21 h 24"/>
                    <a:gd name="T54" fmla="*/ 10 w 30"/>
                    <a:gd name="T55" fmla="*/ 21 h 24"/>
                    <a:gd name="T56" fmla="*/ 8 w 30"/>
                    <a:gd name="T57" fmla="*/ 22 h 24"/>
                    <a:gd name="T58" fmla="*/ 8 w 30"/>
                    <a:gd name="T59" fmla="*/ 22 h 24"/>
                    <a:gd name="T60" fmla="*/ 1 w 30"/>
                    <a:gd name="T61" fmla="*/ 14 h 24"/>
                    <a:gd name="T62" fmla="*/ 0 w 30"/>
                    <a:gd name="T63" fmla="*/ 5 h 24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w 30"/>
                    <a:gd name="T97" fmla="*/ 0 h 24"/>
                    <a:gd name="T98" fmla="*/ 30 w 30"/>
                    <a:gd name="T99" fmla="*/ 24 h 24"/>
                  </a:gdLst>
                  <a:ahLst/>
                  <a:cxnLst>
                    <a:cxn ang="T64">
                      <a:pos x="T0" y="T1"/>
                    </a:cxn>
                    <a:cxn ang="T65">
                      <a:pos x="T2" y="T3"/>
                    </a:cxn>
                    <a:cxn ang="T66">
                      <a:pos x="T4" y="T5"/>
                    </a:cxn>
                    <a:cxn ang="T67">
                      <a:pos x="T6" y="T7"/>
                    </a:cxn>
                    <a:cxn ang="T68">
                      <a:pos x="T8" y="T9"/>
                    </a:cxn>
                    <a:cxn ang="T69">
                      <a:pos x="T10" y="T11"/>
                    </a:cxn>
                    <a:cxn ang="T70">
                      <a:pos x="T12" y="T13"/>
                    </a:cxn>
                    <a:cxn ang="T71">
                      <a:pos x="T14" y="T15"/>
                    </a:cxn>
                    <a:cxn ang="T72">
                      <a:pos x="T16" y="T17"/>
                    </a:cxn>
                    <a:cxn ang="T73">
                      <a:pos x="T18" y="T19"/>
                    </a:cxn>
                    <a:cxn ang="T74">
                      <a:pos x="T20" y="T21"/>
                    </a:cxn>
                    <a:cxn ang="T75">
                      <a:pos x="T22" y="T23"/>
                    </a:cxn>
                    <a:cxn ang="T76">
                      <a:pos x="T24" y="T25"/>
                    </a:cxn>
                    <a:cxn ang="T77">
                      <a:pos x="T26" y="T27"/>
                    </a:cxn>
                    <a:cxn ang="T78">
                      <a:pos x="T28" y="T29"/>
                    </a:cxn>
                    <a:cxn ang="T79">
                      <a:pos x="T30" y="T31"/>
                    </a:cxn>
                    <a:cxn ang="T80">
                      <a:pos x="T32" y="T33"/>
                    </a:cxn>
                    <a:cxn ang="T81">
                      <a:pos x="T34" y="T35"/>
                    </a:cxn>
                    <a:cxn ang="T82">
                      <a:pos x="T36" y="T37"/>
                    </a:cxn>
                    <a:cxn ang="T83">
                      <a:pos x="T38" y="T39"/>
                    </a:cxn>
                    <a:cxn ang="T84">
                      <a:pos x="T40" y="T41"/>
                    </a:cxn>
                    <a:cxn ang="T85">
                      <a:pos x="T42" y="T43"/>
                    </a:cxn>
                    <a:cxn ang="T86">
                      <a:pos x="T44" y="T45"/>
                    </a:cxn>
                    <a:cxn ang="T87">
                      <a:pos x="T46" y="T47"/>
                    </a:cxn>
                    <a:cxn ang="T88">
                      <a:pos x="T48" y="T49"/>
                    </a:cxn>
                    <a:cxn ang="T89">
                      <a:pos x="T50" y="T51"/>
                    </a:cxn>
                    <a:cxn ang="T90">
                      <a:pos x="T52" y="T53"/>
                    </a:cxn>
                    <a:cxn ang="T91">
                      <a:pos x="T54" y="T55"/>
                    </a:cxn>
                    <a:cxn ang="T92">
                      <a:pos x="T56" y="T57"/>
                    </a:cxn>
                    <a:cxn ang="T93">
                      <a:pos x="T58" y="T59"/>
                    </a:cxn>
                    <a:cxn ang="T94">
                      <a:pos x="T60" y="T61"/>
                    </a:cxn>
                    <a:cxn ang="T95">
                      <a:pos x="T62" y="T63"/>
                    </a:cxn>
                  </a:cxnLst>
                  <a:rect l="T96" t="T97" r="T98" b="T99"/>
                  <a:pathLst>
                    <a:path w="30" h="24">
                      <a:moveTo>
                        <a:pt x="0" y="5"/>
                      </a:moveTo>
                      <a:lnTo>
                        <a:pt x="8" y="5"/>
                      </a:lnTo>
                      <a:lnTo>
                        <a:pt x="8" y="4"/>
                      </a:lnTo>
                      <a:lnTo>
                        <a:pt x="8" y="2"/>
                      </a:lnTo>
                      <a:lnTo>
                        <a:pt x="10" y="0"/>
                      </a:lnTo>
                      <a:lnTo>
                        <a:pt x="12" y="0"/>
                      </a:lnTo>
                      <a:lnTo>
                        <a:pt x="13" y="2"/>
                      </a:lnTo>
                      <a:lnTo>
                        <a:pt x="17" y="5"/>
                      </a:lnTo>
                      <a:lnTo>
                        <a:pt x="17" y="7"/>
                      </a:lnTo>
                      <a:lnTo>
                        <a:pt x="18" y="9"/>
                      </a:lnTo>
                      <a:lnTo>
                        <a:pt x="22" y="12"/>
                      </a:lnTo>
                      <a:lnTo>
                        <a:pt x="27" y="16"/>
                      </a:lnTo>
                      <a:lnTo>
                        <a:pt x="27" y="17"/>
                      </a:lnTo>
                      <a:lnTo>
                        <a:pt x="29" y="19"/>
                      </a:lnTo>
                      <a:lnTo>
                        <a:pt x="30" y="21"/>
                      </a:lnTo>
                      <a:lnTo>
                        <a:pt x="30" y="22"/>
                      </a:lnTo>
                      <a:lnTo>
                        <a:pt x="30" y="24"/>
                      </a:lnTo>
                      <a:lnTo>
                        <a:pt x="27" y="24"/>
                      </a:lnTo>
                      <a:lnTo>
                        <a:pt x="22" y="24"/>
                      </a:lnTo>
                      <a:lnTo>
                        <a:pt x="15" y="21"/>
                      </a:lnTo>
                      <a:lnTo>
                        <a:pt x="13" y="21"/>
                      </a:lnTo>
                      <a:lnTo>
                        <a:pt x="10" y="21"/>
                      </a:lnTo>
                      <a:lnTo>
                        <a:pt x="8" y="22"/>
                      </a:lnTo>
                      <a:lnTo>
                        <a:pt x="1" y="14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2D73FF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95" name="Freeform 144"/>
                <p:cNvSpPr>
                  <a:spLocks/>
                </p:cNvSpPr>
                <p:nvPr/>
              </p:nvSpPr>
              <p:spPr bwMode="auto">
                <a:xfrm>
                  <a:off x="1492" y="3427"/>
                  <a:ext cx="27" cy="12"/>
                </a:xfrm>
                <a:custGeom>
                  <a:avLst/>
                  <a:gdLst>
                    <a:gd name="T0" fmla="*/ 1 w 27"/>
                    <a:gd name="T1" fmla="*/ 0 h 12"/>
                    <a:gd name="T2" fmla="*/ 0 w 27"/>
                    <a:gd name="T3" fmla="*/ 9 h 12"/>
                    <a:gd name="T4" fmla="*/ 18 w 27"/>
                    <a:gd name="T5" fmla="*/ 12 h 12"/>
                    <a:gd name="T6" fmla="*/ 18 w 27"/>
                    <a:gd name="T7" fmla="*/ 12 h 12"/>
                    <a:gd name="T8" fmla="*/ 20 w 27"/>
                    <a:gd name="T9" fmla="*/ 10 h 12"/>
                    <a:gd name="T10" fmla="*/ 23 w 27"/>
                    <a:gd name="T11" fmla="*/ 9 h 12"/>
                    <a:gd name="T12" fmla="*/ 27 w 27"/>
                    <a:gd name="T13" fmla="*/ 7 h 12"/>
                    <a:gd name="T14" fmla="*/ 27 w 27"/>
                    <a:gd name="T15" fmla="*/ 5 h 12"/>
                    <a:gd name="T16" fmla="*/ 27 w 27"/>
                    <a:gd name="T17" fmla="*/ 3 h 12"/>
                    <a:gd name="T18" fmla="*/ 23 w 27"/>
                    <a:gd name="T19" fmla="*/ 3 h 12"/>
                    <a:gd name="T20" fmla="*/ 18 w 27"/>
                    <a:gd name="T21" fmla="*/ 3 h 12"/>
                    <a:gd name="T22" fmla="*/ 16 w 27"/>
                    <a:gd name="T23" fmla="*/ 3 h 12"/>
                    <a:gd name="T24" fmla="*/ 13 w 27"/>
                    <a:gd name="T25" fmla="*/ 2 h 12"/>
                    <a:gd name="T26" fmla="*/ 11 w 27"/>
                    <a:gd name="T27" fmla="*/ 2 h 12"/>
                    <a:gd name="T28" fmla="*/ 8 w 27"/>
                    <a:gd name="T29" fmla="*/ 2 h 12"/>
                    <a:gd name="T30" fmla="*/ 6 w 27"/>
                    <a:gd name="T31" fmla="*/ 2 h 12"/>
                    <a:gd name="T32" fmla="*/ 3 w 27"/>
                    <a:gd name="T33" fmla="*/ 0 h 12"/>
                    <a:gd name="T34" fmla="*/ 3 w 27"/>
                    <a:gd name="T35" fmla="*/ 0 h 12"/>
                    <a:gd name="T36" fmla="*/ 1 w 27"/>
                    <a:gd name="T37" fmla="*/ 0 h 12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w 27"/>
                    <a:gd name="T58" fmla="*/ 0 h 12"/>
                    <a:gd name="T59" fmla="*/ 27 w 27"/>
                    <a:gd name="T60" fmla="*/ 12 h 12"/>
                  </a:gdLst>
                  <a:ahLst/>
                  <a:cxnLst>
                    <a:cxn ang="T38">
                      <a:pos x="T0" y="T1"/>
                    </a:cxn>
                    <a:cxn ang="T39">
                      <a:pos x="T2" y="T3"/>
                    </a:cxn>
                    <a:cxn ang="T40">
                      <a:pos x="T4" y="T5"/>
                    </a:cxn>
                    <a:cxn ang="T41">
                      <a:pos x="T6" y="T7"/>
                    </a:cxn>
                    <a:cxn ang="T42">
                      <a:pos x="T8" y="T9"/>
                    </a:cxn>
                    <a:cxn ang="T43">
                      <a:pos x="T10" y="T11"/>
                    </a:cxn>
                    <a:cxn ang="T44">
                      <a:pos x="T12" y="T13"/>
                    </a:cxn>
                    <a:cxn ang="T45">
                      <a:pos x="T14" y="T15"/>
                    </a:cxn>
                    <a:cxn ang="T46">
                      <a:pos x="T16" y="T17"/>
                    </a:cxn>
                    <a:cxn ang="T47">
                      <a:pos x="T18" y="T19"/>
                    </a:cxn>
                    <a:cxn ang="T48">
                      <a:pos x="T20" y="T21"/>
                    </a:cxn>
                    <a:cxn ang="T49">
                      <a:pos x="T22" y="T23"/>
                    </a:cxn>
                    <a:cxn ang="T50">
                      <a:pos x="T24" y="T25"/>
                    </a:cxn>
                    <a:cxn ang="T51">
                      <a:pos x="T26" y="T27"/>
                    </a:cxn>
                    <a:cxn ang="T52">
                      <a:pos x="T28" y="T29"/>
                    </a:cxn>
                    <a:cxn ang="T53">
                      <a:pos x="T30" y="T31"/>
                    </a:cxn>
                    <a:cxn ang="T54">
                      <a:pos x="T32" y="T33"/>
                    </a:cxn>
                    <a:cxn ang="T55">
                      <a:pos x="T34" y="T35"/>
                    </a:cxn>
                    <a:cxn ang="T56">
                      <a:pos x="T36" y="T37"/>
                    </a:cxn>
                  </a:cxnLst>
                  <a:rect l="T57" t="T58" r="T59" b="T60"/>
                  <a:pathLst>
                    <a:path w="27" h="12">
                      <a:moveTo>
                        <a:pt x="1" y="0"/>
                      </a:moveTo>
                      <a:lnTo>
                        <a:pt x="0" y="9"/>
                      </a:lnTo>
                      <a:lnTo>
                        <a:pt x="18" y="12"/>
                      </a:lnTo>
                      <a:lnTo>
                        <a:pt x="20" y="10"/>
                      </a:lnTo>
                      <a:lnTo>
                        <a:pt x="23" y="9"/>
                      </a:lnTo>
                      <a:lnTo>
                        <a:pt x="27" y="7"/>
                      </a:lnTo>
                      <a:lnTo>
                        <a:pt x="27" y="5"/>
                      </a:lnTo>
                      <a:lnTo>
                        <a:pt x="27" y="3"/>
                      </a:lnTo>
                      <a:lnTo>
                        <a:pt x="23" y="3"/>
                      </a:lnTo>
                      <a:lnTo>
                        <a:pt x="18" y="3"/>
                      </a:lnTo>
                      <a:lnTo>
                        <a:pt x="16" y="3"/>
                      </a:lnTo>
                      <a:lnTo>
                        <a:pt x="13" y="2"/>
                      </a:lnTo>
                      <a:lnTo>
                        <a:pt x="11" y="2"/>
                      </a:lnTo>
                      <a:lnTo>
                        <a:pt x="8" y="2"/>
                      </a:lnTo>
                      <a:lnTo>
                        <a:pt x="6" y="2"/>
                      </a:lnTo>
                      <a:lnTo>
                        <a:pt x="3" y="0"/>
                      </a:lnTo>
                      <a:lnTo>
                        <a:pt x="1" y="0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96" name="Freeform 145"/>
                <p:cNvSpPr>
                  <a:spLocks/>
                </p:cNvSpPr>
                <p:nvPr/>
              </p:nvSpPr>
              <p:spPr bwMode="auto">
                <a:xfrm>
                  <a:off x="1492" y="3427"/>
                  <a:ext cx="27" cy="12"/>
                </a:xfrm>
                <a:custGeom>
                  <a:avLst/>
                  <a:gdLst>
                    <a:gd name="T0" fmla="*/ 1 w 27"/>
                    <a:gd name="T1" fmla="*/ 0 h 12"/>
                    <a:gd name="T2" fmla="*/ 0 w 27"/>
                    <a:gd name="T3" fmla="*/ 9 h 12"/>
                    <a:gd name="T4" fmla="*/ 18 w 27"/>
                    <a:gd name="T5" fmla="*/ 12 h 12"/>
                    <a:gd name="T6" fmla="*/ 18 w 27"/>
                    <a:gd name="T7" fmla="*/ 12 h 12"/>
                    <a:gd name="T8" fmla="*/ 18 w 27"/>
                    <a:gd name="T9" fmla="*/ 12 h 12"/>
                    <a:gd name="T10" fmla="*/ 20 w 27"/>
                    <a:gd name="T11" fmla="*/ 10 h 12"/>
                    <a:gd name="T12" fmla="*/ 23 w 27"/>
                    <a:gd name="T13" fmla="*/ 9 h 12"/>
                    <a:gd name="T14" fmla="*/ 27 w 27"/>
                    <a:gd name="T15" fmla="*/ 7 h 12"/>
                    <a:gd name="T16" fmla="*/ 27 w 27"/>
                    <a:gd name="T17" fmla="*/ 5 h 12"/>
                    <a:gd name="T18" fmla="*/ 27 w 27"/>
                    <a:gd name="T19" fmla="*/ 3 h 12"/>
                    <a:gd name="T20" fmla="*/ 23 w 27"/>
                    <a:gd name="T21" fmla="*/ 3 h 12"/>
                    <a:gd name="T22" fmla="*/ 18 w 27"/>
                    <a:gd name="T23" fmla="*/ 3 h 12"/>
                    <a:gd name="T24" fmla="*/ 18 w 27"/>
                    <a:gd name="T25" fmla="*/ 3 h 12"/>
                    <a:gd name="T26" fmla="*/ 16 w 27"/>
                    <a:gd name="T27" fmla="*/ 3 h 12"/>
                    <a:gd name="T28" fmla="*/ 13 w 27"/>
                    <a:gd name="T29" fmla="*/ 2 h 12"/>
                    <a:gd name="T30" fmla="*/ 11 w 27"/>
                    <a:gd name="T31" fmla="*/ 2 h 12"/>
                    <a:gd name="T32" fmla="*/ 8 w 27"/>
                    <a:gd name="T33" fmla="*/ 2 h 12"/>
                    <a:gd name="T34" fmla="*/ 6 w 27"/>
                    <a:gd name="T35" fmla="*/ 2 h 12"/>
                    <a:gd name="T36" fmla="*/ 3 w 27"/>
                    <a:gd name="T37" fmla="*/ 0 h 12"/>
                    <a:gd name="T38" fmla="*/ 3 w 27"/>
                    <a:gd name="T39" fmla="*/ 0 h 12"/>
                    <a:gd name="T40" fmla="*/ 1 w 27"/>
                    <a:gd name="T41" fmla="*/ 0 h 12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27"/>
                    <a:gd name="T64" fmla="*/ 0 h 12"/>
                    <a:gd name="T65" fmla="*/ 27 w 27"/>
                    <a:gd name="T66" fmla="*/ 12 h 12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27" h="12">
                      <a:moveTo>
                        <a:pt x="1" y="0"/>
                      </a:moveTo>
                      <a:lnTo>
                        <a:pt x="0" y="9"/>
                      </a:lnTo>
                      <a:lnTo>
                        <a:pt x="18" y="12"/>
                      </a:lnTo>
                      <a:lnTo>
                        <a:pt x="20" y="10"/>
                      </a:lnTo>
                      <a:lnTo>
                        <a:pt x="23" y="9"/>
                      </a:lnTo>
                      <a:lnTo>
                        <a:pt x="27" y="7"/>
                      </a:lnTo>
                      <a:lnTo>
                        <a:pt x="27" y="5"/>
                      </a:lnTo>
                      <a:lnTo>
                        <a:pt x="27" y="3"/>
                      </a:lnTo>
                      <a:lnTo>
                        <a:pt x="23" y="3"/>
                      </a:lnTo>
                      <a:lnTo>
                        <a:pt x="18" y="3"/>
                      </a:lnTo>
                      <a:lnTo>
                        <a:pt x="16" y="3"/>
                      </a:lnTo>
                      <a:lnTo>
                        <a:pt x="13" y="2"/>
                      </a:lnTo>
                      <a:lnTo>
                        <a:pt x="11" y="2"/>
                      </a:lnTo>
                      <a:lnTo>
                        <a:pt x="8" y="2"/>
                      </a:lnTo>
                      <a:lnTo>
                        <a:pt x="6" y="2"/>
                      </a:lnTo>
                      <a:lnTo>
                        <a:pt x="3" y="0"/>
                      </a:lnTo>
                      <a:lnTo>
                        <a:pt x="1" y="0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97" name="Freeform 146"/>
                <p:cNvSpPr>
                  <a:spLocks/>
                </p:cNvSpPr>
                <p:nvPr/>
              </p:nvSpPr>
              <p:spPr bwMode="auto">
                <a:xfrm>
                  <a:off x="1524" y="3441"/>
                  <a:ext cx="35" cy="25"/>
                </a:xfrm>
                <a:custGeom>
                  <a:avLst/>
                  <a:gdLst>
                    <a:gd name="T0" fmla="*/ 1 w 35"/>
                    <a:gd name="T1" fmla="*/ 8 h 25"/>
                    <a:gd name="T2" fmla="*/ 1 w 35"/>
                    <a:gd name="T3" fmla="*/ 8 h 25"/>
                    <a:gd name="T4" fmla="*/ 0 w 35"/>
                    <a:gd name="T5" fmla="*/ 6 h 25"/>
                    <a:gd name="T6" fmla="*/ 0 w 35"/>
                    <a:gd name="T7" fmla="*/ 5 h 25"/>
                    <a:gd name="T8" fmla="*/ 0 w 35"/>
                    <a:gd name="T9" fmla="*/ 3 h 25"/>
                    <a:gd name="T10" fmla="*/ 0 w 35"/>
                    <a:gd name="T11" fmla="*/ 1 h 25"/>
                    <a:gd name="T12" fmla="*/ 1 w 35"/>
                    <a:gd name="T13" fmla="*/ 0 h 25"/>
                    <a:gd name="T14" fmla="*/ 5 w 35"/>
                    <a:gd name="T15" fmla="*/ 1 h 25"/>
                    <a:gd name="T16" fmla="*/ 8 w 35"/>
                    <a:gd name="T17" fmla="*/ 3 h 25"/>
                    <a:gd name="T18" fmla="*/ 10 w 35"/>
                    <a:gd name="T19" fmla="*/ 3 h 25"/>
                    <a:gd name="T20" fmla="*/ 13 w 35"/>
                    <a:gd name="T21" fmla="*/ 3 h 25"/>
                    <a:gd name="T22" fmla="*/ 13 w 35"/>
                    <a:gd name="T23" fmla="*/ 5 h 25"/>
                    <a:gd name="T24" fmla="*/ 15 w 35"/>
                    <a:gd name="T25" fmla="*/ 5 h 25"/>
                    <a:gd name="T26" fmla="*/ 22 w 35"/>
                    <a:gd name="T27" fmla="*/ 5 h 25"/>
                    <a:gd name="T28" fmla="*/ 30 w 35"/>
                    <a:gd name="T29" fmla="*/ 10 h 25"/>
                    <a:gd name="T30" fmla="*/ 30 w 35"/>
                    <a:gd name="T31" fmla="*/ 10 h 25"/>
                    <a:gd name="T32" fmla="*/ 32 w 35"/>
                    <a:gd name="T33" fmla="*/ 11 h 25"/>
                    <a:gd name="T34" fmla="*/ 34 w 35"/>
                    <a:gd name="T35" fmla="*/ 13 h 25"/>
                    <a:gd name="T36" fmla="*/ 35 w 35"/>
                    <a:gd name="T37" fmla="*/ 15 h 25"/>
                    <a:gd name="T38" fmla="*/ 35 w 35"/>
                    <a:gd name="T39" fmla="*/ 17 h 25"/>
                    <a:gd name="T40" fmla="*/ 34 w 35"/>
                    <a:gd name="T41" fmla="*/ 20 h 25"/>
                    <a:gd name="T42" fmla="*/ 30 w 35"/>
                    <a:gd name="T43" fmla="*/ 20 h 25"/>
                    <a:gd name="T44" fmla="*/ 25 w 35"/>
                    <a:gd name="T45" fmla="*/ 22 h 25"/>
                    <a:gd name="T46" fmla="*/ 23 w 35"/>
                    <a:gd name="T47" fmla="*/ 22 h 25"/>
                    <a:gd name="T48" fmla="*/ 23 w 35"/>
                    <a:gd name="T49" fmla="*/ 23 h 25"/>
                    <a:gd name="T50" fmla="*/ 22 w 35"/>
                    <a:gd name="T51" fmla="*/ 23 h 25"/>
                    <a:gd name="T52" fmla="*/ 20 w 35"/>
                    <a:gd name="T53" fmla="*/ 25 h 25"/>
                    <a:gd name="T54" fmla="*/ 18 w 35"/>
                    <a:gd name="T55" fmla="*/ 25 h 25"/>
                    <a:gd name="T56" fmla="*/ 15 w 35"/>
                    <a:gd name="T57" fmla="*/ 23 h 25"/>
                    <a:gd name="T58" fmla="*/ 13 w 35"/>
                    <a:gd name="T59" fmla="*/ 20 h 25"/>
                    <a:gd name="T60" fmla="*/ 12 w 35"/>
                    <a:gd name="T61" fmla="*/ 17 h 25"/>
                    <a:gd name="T62" fmla="*/ 10 w 35"/>
                    <a:gd name="T63" fmla="*/ 15 h 25"/>
                    <a:gd name="T64" fmla="*/ 6 w 35"/>
                    <a:gd name="T65" fmla="*/ 11 h 25"/>
                    <a:gd name="T66" fmla="*/ 3 w 35"/>
                    <a:gd name="T67" fmla="*/ 10 h 25"/>
                    <a:gd name="T68" fmla="*/ 1 w 35"/>
                    <a:gd name="T69" fmla="*/ 8 h 25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w 35"/>
                    <a:gd name="T106" fmla="*/ 0 h 25"/>
                    <a:gd name="T107" fmla="*/ 35 w 35"/>
                    <a:gd name="T108" fmla="*/ 25 h 25"/>
                  </a:gdLst>
                  <a:ahLst/>
                  <a:cxnLst>
                    <a:cxn ang="T70">
                      <a:pos x="T0" y="T1"/>
                    </a:cxn>
                    <a:cxn ang="T71">
                      <a:pos x="T2" y="T3"/>
                    </a:cxn>
                    <a:cxn ang="T72">
                      <a:pos x="T4" y="T5"/>
                    </a:cxn>
                    <a:cxn ang="T73">
                      <a:pos x="T6" y="T7"/>
                    </a:cxn>
                    <a:cxn ang="T74">
                      <a:pos x="T8" y="T9"/>
                    </a:cxn>
                    <a:cxn ang="T75">
                      <a:pos x="T10" y="T11"/>
                    </a:cxn>
                    <a:cxn ang="T76">
                      <a:pos x="T12" y="T13"/>
                    </a:cxn>
                    <a:cxn ang="T77">
                      <a:pos x="T14" y="T15"/>
                    </a:cxn>
                    <a:cxn ang="T78">
                      <a:pos x="T16" y="T17"/>
                    </a:cxn>
                    <a:cxn ang="T79">
                      <a:pos x="T18" y="T19"/>
                    </a:cxn>
                    <a:cxn ang="T80">
                      <a:pos x="T20" y="T21"/>
                    </a:cxn>
                    <a:cxn ang="T81">
                      <a:pos x="T22" y="T23"/>
                    </a:cxn>
                    <a:cxn ang="T82">
                      <a:pos x="T24" y="T25"/>
                    </a:cxn>
                    <a:cxn ang="T83">
                      <a:pos x="T26" y="T27"/>
                    </a:cxn>
                    <a:cxn ang="T84">
                      <a:pos x="T28" y="T29"/>
                    </a:cxn>
                    <a:cxn ang="T85">
                      <a:pos x="T30" y="T31"/>
                    </a:cxn>
                    <a:cxn ang="T86">
                      <a:pos x="T32" y="T33"/>
                    </a:cxn>
                    <a:cxn ang="T87">
                      <a:pos x="T34" y="T35"/>
                    </a:cxn>
                    <a:cxn ang="T88">
                      <a:pos x="T36" y="T37"/>
                    </a:cxn>
                    <a:cxn ang="T89">
                      <a:pos x="T38" y="T39"/>
                    </a:cxn>
                    <a:cxn ang="T90">
                      <a:pos x="T40" y="T41"/>
                    </a:cxn>
                    <a:cxn ang="T91">
                      <a:pos x="T42" y="T43"/>
                    </a:cxn>
                    <a:cxn ang="T92">
                      <a:pos x="T44" y="T45"/>
                    </a:cxn>
                    <a:cxn ang="T93">
                      <a:pos x="T46" y="T47"/>
                    </a:cxn>
                    <a:cxn ang="T94">
                      <a:pos x="T48" y="T49"/>
                    </a:cxn>
                    <a:cxn ang="T95">
                      <a:pos x="T50" y="T51"/>
                    </a:cxn>
                    <a:cxn ang="T96">
                      <a:pos x="T52" y="T53"/>
                    </a:cxn>
                    <a:cxn ang="T97">
                      <a:pos x="T54" y="T55"/>
                    </a:cxn>
                    <a:cxn ang="T98">
                      <a:pos x="T56" y="T57"/>
                    </a:cxn>
                    <a:cxn ang="T99">
                      <a:pos x="T58" y="T59"/>
                    </a:cxn>
                    <a:cxn ang="T100">
                      <a:pos x="T60" y="T61"/>
                    </a:cxn>
                    <a:cxn ang="T101">
                      <a:pos x="T62" y="T63"/>
                    </a:cxn>
                    <a:cxn ang="T102">
                      <a:pos x="T64" y="T65"/>
                    </a:cxn>
                    <a:cxn ang="T103">
                      <a:pos x="T66" y="T67"/>
                    </a:cxn>
                    <a:cxn ang="T104">
                      <a:pos x="T68" y="T69"/>
                    </a:cxn>
                  </a:cxnLst>
                  <a:rect l="T105" t="T106" r="T107" b="T108"/>
                  <a:pathLst>
                    <a:path w="35" h="25">
                      <a:moveTo>
                        <a:pt x="1" y="8"/>
                      </a:moveTo>
                      <a:lnTo>
                        <a:pt x="1" y="8"/>
                      </a:lnTo>
                      <a:lnTo>
                        <a:pt x="0" y="6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1" y="0"/>
                      </a:lnTo>
                      <a:lnTo>
                        <a:pt x="5" y="1"/>
                      </a:lnTo>
                      <a:lnTo>
                        <a:pt x="8" y="3"/>
                      </a:lnTo>
                      <a:lnTo>
                        <a:pt x="10" y="3"/>
                      </a:lnTo>
                      <a:lnTo>
                        <a:pt x="13" y="3"/>
                      </a:lnTo>
                      <a:lnTo>
                        <a:pt x="13" y="5"/>
                      </a:lnTo>
                      <a:lnTo>
                        <a:pt x="15" y="5"/>
                      </a:lnTo>
                      <a:lnTo>
                        <a:pt x="22" y="5"/>
                      </a:lnTo>
                      <a:lnTo>
                        <a:pt x="30" y="10"/>
                      </a:lnTo>
                      <a:lnTo>
                        <a:pt x="32" y="11"/>
                      </a:lnTo>
                      <a:lnTo>
                        <a:pt x="34" y="13"/>
                      </a:lnTo>
                      <a:lnTo>
                        <a:pt x="35" y="15"/>
                      </a:lnTo>
                      <a:lnTo>
                        <a:pt x="35" y="17"/>
                      </a:lnTo>
                      <a:lnTo>
                        <a:pt x="34" y="20"/>
                      </a:lnTo>
                      <a:lnTo>
                        <a:pt x="30" y="20"/>
                      </a:lnTo>
                      <a:lnTo>
                        <a:pt x="25" y="22"/>
                      </a:lnTo>
                      <a:lnTo>
                        <a:pt x="23" y="22"/>
                      </a:lnTo>
                      <a:lnTo>
                        <a:pt x="23" y="23"/>
                      </a:lnTo>
                      <a:lnTo>
                        <a:pt x="22" y="23"/>
                      </a:lnTo>
                      <a:lnTo>
                        <a:pt x="20" y="25"/>
                      </a:lnTo>
                      <a:lnTo>
                        <a:pt x="18" y="25"/>
                      </a:lnTo>
                      <a:lnTo>
                        <a:pt x="15" y="23"/>
                      </a:lnTo>
                      <a:lnTo>
                        <a:pt x="13" y="20"/>
                      </a:lnTo>
                      <a:lnTo>
                        <a:pt x="12" y="17"/>
                      </a:lnTo>
                      <a:lnTo>
                        <a:pt x="10" y="15"/>
                      </a:lnTo>
                      <a:lnTo>
                        <a:pt x="6" y="11"/>
                      </a:lnTo>
                      <a:lnTo>
                        <a:pt x="3" y="10"/>
                      </a:lnTo>
                      <a:lnTo>
                        <a:pt x="1" y="8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98" name="Freeform 147"/>
                <p:cNvSpPr>
                  <a:spLocks/>
                </p:cNvSpPr>
                <p:nvPr/>
              </p:nvSpPr>
              <p:spPr bwMode="auto">
                <a:xfrm>
                  <a:off x="1524" y="3441"/>
                  <a:ext cx="35" cy="25"/>
                </a:xfrm>
                <a:custGeom>
                  <a:avLst/>
                  <a:gdLst>
                    <a:gd name="T0" fmla="*/ 1 w 35"/>
                    <a:gd name="T1" fmla="*/ 8 h 25"/>
                    <a:gd name="T2" fmla="*/ 1 w 35"/>
                    <a:gd name="T3" fmla="*/ 8 h 25"/>
                    <a:gd name="T4" fmla="*/ 1 w 35"/>
                    <a:gd name="T5" fmla="*/ 8 h 25"/>
                    <a:gd name="T6" fmla="*/ 0 w 35"/>
                    <a:gd name="T7" fmla="*/ 6 h 25"/>
                    <a:gd name="T8" fmla="*/ 0 w 35"/>
                    <a:gd name="T9" fmla="*/ 5 h 25"/>
                    <a:gd name="T10" fmla="*/ 0 w 35"/>
                    <a:gd name="T11" fmla="*/ 3 h 25"/>
                    <a:gd name="T12" fmla="*/ 0 w 35"/>
                    <a:gd name="T13" fmla="*/ 1 h 25"/>
                    <a:gd name="T14" fmla="*/ 1 w 35"/>
                    <a:gd name="T15" fmla="*/ 0 h 25"/>
                    <a:gd name="T16" fmla="*/ 5 w 35"/>
                    <a:gd name="T17" fmla="*/ 1 h 25"/>
                    <a:gd name="T18" fmla="*/ 8 w 35"/>
                    <a:gd name="T19" fmla="*/ 3 h 25"/>
                    <a:gd name="T20" fmla="*/ 8 w 35"/>
                    <a:gd name="T21" fmla="*/ 3 h 25"/>
                    <a:gd name="T22" fmla="*/ 10 w 35"/>
                    <a:gd name="T23" fmla="*/ 3 h 25"/>
                    <a:gd name="T24" fmla="*/ 13 w 35"/>
                    <a:gd name="T25" fmla="*/ 3 h 25"/>
                    <a:gd name="T26" fmla="*/ 13 w 35"/>
                    <a:gd name="T27" fmla="*/ 5 h 25"/>
                    <a:gd name="T28" fmla="*/ 15 w 35"/>
                    <a:gd name="T29" fmla="*/ 5 h 25"/>
                    <a:gd name="T30" fmla="*/ 22 w 35"/>
                    <a:gd name="T31" fmla="*/ 5 h 25"/>
                    <a:gd name="T32" fmla="*/ 30 w 35"/>
                    <a:gd name="T33" fmla="*/ 10 h 25"/>
                    <a:gd name="T34" fmla="*/ 30 w 35"/>
                    <a:gd name="T35" fmla="*/ 10 h 25"/>
                    <a:gd name="T36" fmla="*/ 30 w 35"/>
                    <a:gd name="T37" fmla="*/ 10 h 25"/>
                    <a:gd name="T38" fmla="*/ 32 w 35"/>
                    <a:gd name="T39" fmla="*/ 11 h 25"/>
                    <a:gd name="T40" fmla="*/ 34 w 35"/>
                    <a:gd name="T41" fmla="*/ 13 h 25"/>
                    <a:gd name="T42" fmla="*/ 35 w 35"/>
                    <a:gd name="T43" fmla="*/ 15 h 25"/>
                    <a:gd name="T44" fmla="*/ 35 w 35"/>
                    <a:gd name="T45" fmla="*/ 17 h 25"/>
                    <a:gd name="T46" fmla="*/ 34 w 35"/>
                    <a:gd name="T47" fmla="*/ 20 h 25"/>
                    <a:gd name="T48" fmla="*/ 30 w 35"/>
                    <a:gd name="T49" fmla="*/ 20 h 25"/>
                    <a:gd name="T50" fmla="*/ 25 w 35"/>
                    <a:gd name="T51" fmla="*/ 22 h 25"/>
                    <a:gd name="T52" fmla="*/ 25 w 35"/>
                    <a:gd name="T53" fmla="*/ 22 h 25"/>
                    <a:gd name="T54" fmla="*/ 23 w 35"/>
                    <a:gd name="T55" fmla="*/ 22 h 25"/>
                    <a:gd name="T56" fmla="*/ 23 w 35"/>
                    <a:gd name="T57" fmla="*/ 23 h 25"/>
                    <a:gd name="T58" fmla="*/ 22 w 35"/>
                    <a:gd name="T59" fmla="*/ 23 h 25"/>
                    <a:gd name="T60" fmla="*/ 20 w 35"/>
                    <a:gd name="T61" fmla="*/ 25 h 25"/>
                    <a:gd name="T62" fmla="*/ 18 w 35"/>
                    <a:gd name="T63" fmla="*/ 25 h 25"/>
                    <a:gd name="T64" fmla="*/ 15 w 35"/>
                    <a:gd name="T65" fmla="*/ 23 h 25"/>
                    <a:gd name="T66" fmla="*/ 13 w 35"/>
                    <a:gd name="T67" fmla="*/ 20 h 25"/>
                    <a:gd name="T68" fmla="*/ 12 w 35"/>
                    <a:gd name="T69" fmla="*/ 17 h 25"/>
                    <a:gd name="T70" fmla="*/ 12 w 35"/>
                    <a:gd name="T71" fmla="*/ 17 h 25"/>
                    <a:gd name="T72" fmla="*/ 10 w 35"/>
                    <a:gd name="T73" fmla="*/ 15 h 25"/>
                    <a:gd name="T74" fmla="*/ 6 w 35"/>
                    <a:gd name="T75" fmla="*/ 11 h 25"/>
                    <a:gd name="T76" fmla="*/ 3 w 35"/>
                    <a:gd name="T77" fmla="*/ 10 h 25"/>
                    <a:gd name="T78" fmla="*/ 1 w 35"/>
                    <a:gd name="T79" fmla="*/ 8 h 25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w 35"/>
                    <a:gd name="T121" fmla="*/ 0 h 25"/>
                    <a:gd name="T122" fmla="*/ 35 w 35"/>
                    <a:gd name="T123" fmla="*/ 25 h 25"/>
                  </a:gdLst>
                  <a:ahLst/>
                  <a:cxnLst>
                    <a:cxn ang="T80">
                      <a:pos x="T0" y="T1"/>
                    </a:cxn>
                    <a:cxn ang="T81">
                      <a:pos x="T2" y="T3"/>
                    </a:cxn>
                    <a:cxn ang="T82">
                      <a:pos x="T4" y="T5"/>
                    </a:cxn>
                    <a:cxn ang="T83">
                      <a:pos x="T6" y="T7"/>
                    </a:cxn>
                    <a:cxn ang="T84">
                      <a:pos x="T8" y="T9"/>
                    </a:cxn>
                    <a:cxn ang="T85">
                      <a:pos x="T10" y="T11"/>
                    </a:cxn>
                    <a:cxn ang="T86">
                      <a:pos x="T12" y="T13"/>
                    </a:cxn>
                    <a:cxn ang="T87">
                      <a:pos x="T14" y="T15"/>
                    </a:cxn>
                    <a:cxn ang="T88">
                      <a:pos x="T16" y="T17"/>
                    </a:cxn>
                    <a:cxn ang="T89">
                      <a:pos x="T18" y="T19"/>
                    </a:cxn>
                    <a:cxn ang="T90">
                      <a:pos x="T20" y="T21"/>
                    </a:cxn>
                    <a:cxn ang="T91">
                      <a:pos x="T22" y="T23"/>
                    </a:cxn>
                    <a:cxn ang="T92">
                      <a:pos x="T24" y="T25"/>
                    </a:cxn>
                    <a:cxn ang="T93">
                      <a:pos x="T26" y="T27"/>
                    </a:cxn>
                    <a:cxn ang="T94">
                      <a:pos x="T28" y="T29"/>
                    </a:cxn>
                    <a:cxn ang="T95">
                      <a:pos x="T30" y="T31"/>
                    </a:cxn>
                    <a:cxn ang="T96">
                      <a:pos x="T32" y="T33"/>
                    </a:cxn>
                    <a:cxn ang="T97">
                      <a:pos x="T34" y="T35"/>
                    </a:cxn>
                    <a:cxn ang="T98">
                      <a:pos x="T36" y="T37"/>
                    </a:cxn>
                    <a:cxn ang="T99">
                      <a:pos x="T38" y="T39"/>
                    </a:cxn>
                    <a:cxn ang="T100">
                      <a:pos x="T40" y="T41"/>
                    </a:cxn>
                    <a:cxn ang="T101">
                      <a:pos x="T42" y="T43"/>
                    </a:cxn>
                    <a:cxn ang="T102">
                      <a:pos x="T44" y="T45"/>
                    </a:cxn>
                    <a:cxn ang="T103">
                      <a:pos x="T46" y="T47"/>
                    </a:cxn>
                    <a:cxn ang="T104">
                      <a:pos x="T48" y="T49"/>
                    </a:cxn>
                    <a:cxn ang="T105">
                      <a:pos x="T50" y="T51"/>
                    </a:cxn>
                    <a:cxn ang="T106">
                      <a:pos x="T52" y="T53"/>
                    </a:cxn>
                    <a:cxn ang="T107">
                      <a:pos x="T54" y="T55"/>
                    </a:cxn>
                    <a:cxn ang="T108">
                      <a:pos x="T56" y="T57"/>
                    </a:cxn>
                    <a:cxn ang="T109">
                      <a:pos x="T58" y="T59"/>
                    </a:cxn>
                    <a:cxn ang="T110">
                      <a:pos x="T60" y="T61"/>
                    </a:cxn>
                    <a:cxn ang="T111">
                      <a:pos x="T62" y="T63"/>
                    </a:cxn>
                    <a:cxn ang="T112">
                      <a:pos x="T64" y="T65"/>
                    </a:cxn>
                    <a:cxn ang="T113">
                      <a:pos x="T66" y="T67"/>
                    </a:cxn>
                    <a:cxn ang="T114">
                      <a:pos x="T68" y="T69"/>
                    </a:cxn>
                    <a:cxn ang="T115">
                      <a:pos x="T70" y="T71"/>
                    </a:cxn>
                    <a:cxn ang="T116">
                      <a:pos x="T72" y="T73"/>
                    </a:cxn>
                    <a:cxn ang="T117">
                      <a:pos x="T74" y="T75"/>
                    </a:cxn>
                    <a:cxn ang="T118">
                      <a:pos x="T76" y="T77"/>
                    </a:cxn>
                    <a:cxn ang="T119">
                      <a:pos x="T78" y="T79"/>
                    </a:cxn>
                  </a:cxnLst>
                  <a:rect l="T120" t="T121" r="T122" b="T123"/>
                  <a:pathLst>
                    <a:path w="35" h="25">
                      <a:moveTo>
                        <a:pt x="1" y="8"/>
                      </a:moveTo>
                      <a:lnTo>
                        <a:pt x="1" y="8"/>
                      </a:lnTo>
                      <a:lnTo>
                        <a:pt x="0" y="6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1" y="0"/>
                      </a:lnTo>
                      <a:lnTo>
                        <a:pt x="5" y="1"/>
                      </a:lnTo>
                      <a:lnTo>
                        <a:pt x="8" y="3"/>
                      </a:lnTo>
                      <a:lnTo>
                        <a:pt x="10" y="3"/>
                      </a:lnTo>
                      <a:lnTo>
                        <a:pt x="13" y="3"/>
                      </a:lnTo>
                      <a:lnTo>
                        <a:pt x="13" y="5"/>
                      </a:lnTo>
                      <a:lnTo>
                        <a:pt x="15" y="5"/>
                      </a:lnTo>
                      <a:lnTo>
                        <a:pt x="22" y="5"/>
                      </a:lnTo>
                      <a:lnTo>
                        <a:pt x="30" y="10"/>
                      </a:lnTo>
                      <a:lnTo>
                        <a:pt x="32" y="11"/>
                      </a:lnTo>
                      <a:lnTo>
                        <a:pt x="34" y="13"/>
                      </a:lnTo>
                      <a:lnTo>
                        <a:pt x="35" y="15"/>
                      </a:lnTo>
                      <a:lnTo>
                        <a:pt x="35" y="17"/>
                      </a:lnTo>
                      <a:lnTo>
                        <a:pt x="34" y="20"/>
                      </a:lnTo>
                      <a:lnTo>
                        <a:pt x="30" y="20"/>
                      </a:lnTo>
                      <a:lnTo>
                        <a:pt x="25" y="22"/>
                      </a:lnTo>
                      <a:lnTo>
                        <a:pt x="23" y="22"/>
                      </a:lnTo>
                      <a:lnTo>
                        <a:pt x="23" y="23"/>
                      </a:lnTo>
                      <a:lnTo>
                        <a:pt x="22" y="23"/>
                      </a:lnTo>
                      <a:lnTo>
                        <a:pt x="20" y="25"/>
                      </a:lnTo>
                      <a:lnTo>
                        <a:pt x="18" y="25"/>
                      </a:lnTo>
                      <a:lnTo>
                        <a:pt x="15" y="23"/>
                      </a:lnTo>
                      <a:lnTo>
                        <a:pt x="13" y="20"/>
                      </a:lnTo>
                      <a:lnTo>
                        <a:pt x="12" y="17"/>
                      </a:lnTo>
                      <a:lnTo>
                        <a:pt x="10" y="15"/>
                      </a:lnTo>
                      <a:lnTo>
                        <a:pt x="6" y="11"/>
                      </a:lnTo>
                      <a:lnTo>
                        <a:pt x="3" y="10"/>
                      </a:lnTo>
                      <a:lnTo>
                        <a:pt x="1" y="8"/>
                      </a:lnTo>
                    </a:path>
                  </a:pathLst>
                </a:custGeom>
                <a:solidFill>
                  <a:srgbClr val="2D73FF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99" name="Freeform 148"/>
                <p:cNvSpPr>
                  <a:spLocks/>
                </p:cNvSpPr>
                <p:nvPr/>
              </p:nvSpPr>
              <p:spPr bwMode="auto">
                <a:xfrm>
                  <a:off x="1554" y="3480"/>
                  <a:ext cx="66" cy="76"/>
                </a:xfrm>
                <a:custGeom>
                  <a:avLst/>
                  <a:gdLst>
                    <a:gd name="T0" fmla="*/ 10 w 66"/>
                    <a:gd name="T1" fmla="*/ 5 h 76"/>
                    <a:gd name="T2" fmla="*/ 14 w 66"/>
                    <a:gd name="T3" fmla="*/ 0 h 76"/>
                    <a:gd name="T4" fmla="*/ 22 w 66"/>
                    <a:gd name="T5" fmla="*/ 6 h 76"/>
                    <a:gd name="T6" fmla="*/ 46 w 66"/>
                    <a:gd name="T7" fmla="*/ 18 h 76"/>
                    <a:gd name="T8" fmla="*/ 54 w 66"/>
                    <a:gd name="T9" fmla="*/ 22 h 76"/>
                    <a:gd name="T10" fmla="*/ 54 w 66"/>
                    <a:gd name="T11" fmla="*/ 28 h 76"/>
                    <a:gd name="T12" fmla="*/ 61 w 66"/>
                    <a:gd name="T13" fmla="*/ 38 h 76"/>
                    <a:gd name="T14" fmla="*/ 61 w 66"/>
                    <a:gd name="T15" fmla="*/ 38 h 76"/>
                    <a:gd name="T16" fmla="*/ 63 w 66"/>
                    <a:gd name="T17" fmla="*/ 38 h 76"/>
                    <a:gd name="T18" fmla="*/ 64 w 66"/>
                    <a:gd name="T19" fmla="*/ 40 h 76"/>
                    <a:gd name="T20" fmla="*/ 66 w 66"/>
                    <a:gd name="T21" fmla="*/ 42 h 76"/>
                    <a:gd name="T22" fmla="*/ 66 w 66"/>
                    <a:gd name="T23" fmla="*/ 44 h 76"/>
                    <a:gd name="T24" fmla="*/ 66 w 66"/>
                    <a:gd name="T25" fmla="*/ 45 h 76"/>
                    <a:gd name="T26" fmla="*/ 63 w 66"/>
                    <a:gd name="T27" fmla="*/ 49 h 76"/>
                    <a:gd name="T28" fmla="*/ 58 w 66"/>
                    <a:gd name="T29" fmla="*/ 52 h 76"/>
                    <a:gd name="T30" fmla="*/ 56 w 66"/>
                    <a:gd name="T31" fmla="*/ 52 h 76"/>
                    <a:gd name="T32" fmla="*/ 54 w 66"/>
                    <a:gd name="T33" fmla="*/ 52 h 76"/>
                    <a:gd name="T34" fmla="*/ 49 w 66"/>
                    <a:gd name="T35" fmla="*/ 54 h 76"/>
                    <a:gd name="T36" fmla="*/ 44 w 66"/>
                    <a:gd name="T37" fmla="*/ 55 h 76"/>
                    <a:gd name="T38" fmla="*/ 37 w 66"/>
                    <a:gd name="T39" fmla="*/ 59 h 76"/>
                    <a:gd name="T40" fmla="*/ 32 w 66"/>
                    <a:gd name="T41" fmla="*/ 62 h 76"/>
                    <a:gd name="T42" fmla="*/ 27 w 66"/>
                    <a:gd name="T43" fmla="*/ 67 h 76"/>
                    <a:gd name="T44" fmla="*/ 24 w 66"/>
                    <a:gd name="T45" fmla="*/ 76 h 76"/>
                    <a:gd name="T46" fmla="*/ 22 w 66"/>
                    <a:gd name="T47" fmla="*/ 76 h 76"/>
                    <a:gd name="T48" fmla="*/ 22 w 66"/>
                    <a:gd name="T49" fmla="*/ 74 h 76"/>
                    <a:gd name="T50" fmla="*/ 19 w 66"/>
                    <a:gd name="T51" fmla="*/ 74 h 76"/>
                    <a:gd name="T52" fmla="*/ 15 w 66"/>
                    <a:gd name="T53" fmla="*/ 71 h 76"/>
                    <a:gd name="T54" fmla="*/ 14 w 66"/>
                    <a:gd name="T55" fmla="*/ 69 h 76"/>
                    <a:gd name="T56" fmla="*/ 10 w 66"/>
                    <a:gd name="T57" fmla="*/ 66 h 76"/>
                    <a:gd name="T58" fmla="*/ 10 w 66"/>
                    <a:gd name="T59" fmla="*/ 60 h 76"/>
                    <a:gd name="T60" fmla="*/ 9 w 66"/>
                    <a:gd name="T61" fmla="*/ 54 h 76"/>
                    <a:gd name="T62" fmla="*/ 9 w 66"/>
                    <a:gd name="T63" fmla="*/ 54 h 76"/>
                    <a:gd name="T64" fmla="*/ 9 w 66"/>
                    <a:gd name="T65" fmla="*/ 52 h 76"/>
                    <a:gd name="T66" fmla="*/ 10 w 66"/>
                    <a:gd name="T67" fmla="*/ 50 h 76"/>
                    <a:gd name="T68" fmla="*/ 10 w 66"/>
                    <a:gd name="T69" fmla="*/ 49 h 76"/>
                    <a:gd name="T70" fmla="*/ 9 w 66"/>
                    <a:gd name="T71" fmla="*/ 47 h 76"/>
                    <a:gd name="T72" fmla="*/ 9 w 66"/>
                    <a:gd name="T73" fmla="*/ 44 h 76"/>
                    <a:gd name="T74" fmla="*/ 7 w 66"/>
                    <a:gd name="T75" fmla="*/ 40 h 76"/>
                    <a:gd name="T76" fmla="*/ 4 w 66"/>
                    <a:gd name="T77" fmla="*/ 37 h 76"/>
                    <a:gd name="T78" fmla="*/ 4 w 66"/>
                    <a:gd name="T79" fmla="*/ 35 h 76"/>
                    <a:gd name="T80" fmla="*/ 2 w 66"/>
                    <a:gd name="T81" fmla="*/ 33 h 76"/>
                    <a:gd name="T82" fmla="*/ 2 w 66"/>
                    <a:gd name="T83" fmla="*/ 32 h 76"/>
                    <a:gd name="T84" fmla="*/ 0 w 66"/>
                    <a:gd name="T85" fmla="*/ 30 h 76"/>
                    <a:gd name="T86" fmla="*/ 0 w 66"/>
                    <a:gd name="T87" fmla="*/ 28 h 76"/>
                    <a:gd name="T88" fmla="*/ 2 w 66"/>
                    <a:gd name="T89" fmla="*/ 25 h 76"/>
                    <a:gd name="T90" fmla="*/ 4 w 66"/>
                    <a:gd name="T91" fmla="*/ 25 h 76"/>
                    <a:gd name="T92" fmla="*/ 7 w 66"/>
                    <a:gd name="T93" fmla="*/ 23 h 76"/>
                    <a:gd name="T94" fmla="*/ 9 w 66"/>
                    <a:gd name="T95" fmla="*/ 25 h 76"/>
                    <a:gd name="T96" fmla="*/ 9 w 66"/>
                    <a:gd name="T97" fmla="*/ 25 h 76"/>
                    <a:gd name="T98" fmla="*/ 10 w 66"/>
                    <a:gd name="T99" fmla="*/ 25 h 76"/>
                    <a:gd name="T100" fmla="*/ 10 w 66"/>
                    <a:gd name="T101" fmla="*/ 25 h 76"/>
                    <a:gd name="T102" fmla="*/ 10 w 66"/>
                    <a:gd name="T103" fmla="*/ 23 h 76"/>
                    <a:gd name="T104" fmla="*/ 12 w 66"/>
                    <a:gd name="T105" fmla="*/ 22 h 76"/>
                    <a:gd name="T106" fmla="*/ 12 w 66"/>
                    <a:gd name="T107" fmla="*/ 16 h 76"/>
                    <a:gd name="T108" fmla="*/ 12 w 66"/>
                    <a:gd name="T109" fmla="*/ 10 h 76"/>
                    <a:gd name="T110" fmla="*/ 12 w 66"/>
                    <a:gd name="T111" fmla="*/ 8 h 76"/>
                    <a:gd name="T112" fmla="*/ 10 w 66"/>
                    <a:gd name="T113" fmla="*/ 6 h 76"/>
                    <a:gd name="T114" fmla="*/ 10 w 66"/>
                    <a:gd name="T115" fmla="*/ 6 h 76"/>
                    <a:gd name="T116" fmla="*/ 10 w 66"/>
                    <a:gd name="T117" fmla="*/ 5 h 7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w 66"/>
                    <a:gd name="T178" fmla="*/ 0 h 76"/>
                    <a:gd name="T179" fmla="*/ 66 w 66"/>
                    <a:gd name="T180" fmla="*/ 76 h 76"/>
                  </a:gdLst>
                  <a:ahLst/>
                  <a:cxnLst>
                    <a:cxn ang="T118">
                      <a:pos x="T0" y="T1"/>
                    </a:cxn>
                    <a:cxn ang="T119">
                      <a:pos x="T2" y="T3"/>
                    </a:cxn>
                    <a:cxn ang="T120">
                      <a:pos x="T4" y="T5"/>
                    </a:cxn>
                    <a:cxn ang="T121">
                      <a:pos x="T6" y="T7"/>
                    </a:cxn>
                    <a:cxn ang="T122">
                      <a:pos x="T8" y="T9"/>
                    </a:cxn>
                    <a:cxn ang="T123">
                      <a:pos x="T10" y="T11"/>
                    </a:cxn>
                    <a:cxn ang="T124">
                      <a:pos x="T12" y="T13"/>
                    </a:cxn>
                    <a:cxn ang="T125">
                      <a:pos x="T14" y="T15"/>
                    </a:cxn>
                    <a:cxn ang="T126">
                      <a:pos x="T16" y="T17"/>
                    </a:cxn>
                    <a:cxn ang="T127">
                      <a:pos x="T18" y="T19"/>
                    </a:cxn>
                    <a:cxn ang="T128">
                      <a:pos x="T20" y="T21"/>
                    </a:cxn>
                    <a:cxn ang="T129">
                      <a:pos x="T22" y="T23"/>
                    </a:cxn>
                    <a:cxn ang="T130">
                      <a:pos x="T24" y="T25"/>
                    </a:cxn>
                    <a:cxn ang="T131">
                      <a:pos x="T26" y="T27"/>
                    </a:cxn>
                    <a:cxn ang="T132">
                      <a:pos x="T28" y="T29"/>
                    </a:cxn>
                    <a:cxn ang="T133">
                      <a:pos x="T30" y="T31"/>
                    </a:cxn>
                    <a:cxn ang="T134">
                      <a:pos x="T32" y="T33"/>
                    </a:cxn>
                    <a:cxn ang="T135">
                      <a:pos x="T34" y="T35"/>
                    </a:cxn>
                    <a:cxn ang="T136">
                      <a:pos x="T36" y="T37"/>
                    </a:cxn>
                    <a:cxn ang="T137">
                      <a:pos x="T38" y="T39"/>
                    </a:cxn>
                    <a:cxn ang="T138">
                      <a:pos x="T40" y="T41"/>
                    </a:cxn>
                    <a:cxn ang="T139">
                      <a:pos x="T42" y="T43"/>
                    </a:cxn>
                    <a:cxn ang="T140">
                      <a:pos x="T44" y="T45"/>
                    </a:cxn>
                    <a:cxn ang="T141">
                      <a:pos x="T46" y="T47"/>
                    </a:cxn>
                    <a:cxn ang="T142">
                      <a:pos x="T48" y="T49"/>
                    </a:cxn>
                    <a:cxn ang="T143">
                      <a:pos x="T50" y="T51"/>
                    </a:cxn>
                    <a:cxn ang="T144">
                      <a:pos x="T52" y="T53"/>
                    </a:cxn>
                    <a:cxn ang="T145">
                      <a:pos x="T54" y="T55"/>
                    </a:cxn>
                    <a:cxn ang="T146">
                      <a:pos x="T56" y="T57"/>
                    </a:cxn>
                    <a:cxn ang="T147">
                      <a:pos x="T58" y="T59"/>
                    </a:cxn>
                    <a:cxn ang="T148">
                      <a:pos x="T60" y="T61"/>
                    </a:cxn>
                    <a:cxn ang="T149">
                      <a:pos x="T62" y="T63"/>
                    </a:cxn>
                    <a:cxn ang="T150">
                      <a:pos x="T64" y="T65"/>
                    </a:cxn>
                    <a:cxn ang="T151">
                      <a:pos x="T66" y="T67"/>
                    </a:cxn>
                    <a:cxn ang="T152">
                      <a:pos x="T68" y="T69"/>
                    </a:cxn>
                    <a:cxn ang="T153">
                      <a:pos x="T70" y="T71"/>
                    </a:cxn>
                    <a:cxn ang="T154">
                      <a:pos x="T72" y="T73"/>
                    </a:cxn>
                    <a:cxn ang="T155">
                      <a:pos x="T74" y="T75"/>
                    </a:cxn>
                    <a:cxn ang="T156">
                      <a:pos x="T76" y="T77"/>
                    </a:cxn>
                    <a:cxn ang="T157">
                      <a:pos x="T78" y="T79"/>
                    </a:cxn>
                    <a:cxn ang="T158">
                      <a:pos x="T80" y="T81"/>
                    </a:cxn>
                    <a:cxn ang="T159">
                      <a:pos x="T82" y="T83"/>
                    </a:cxn>
                    <a:cxn ang="T160">
                      <a:pos x="T84" y="T85"/>
                    </a:cxn>
                    <a:cxn ang="T161">
                      <a:pos x="T86" y="T87"/>
                    </a:cxn>
                    <a:cxn ang="T162">
                      <a:pos x="T88" y="T89"/>
                    </a:cxn>
                    <a:cxn ang="T163">
                      <a:pos x="T90" y="T91"/>
                    </a:cxn>
                    <a:cxn ang="T164">
                      <a:pos x="T92" y="T93"/>
                    </a:cxn>
                    <a:cxn ang="T165">
                      <a:pos x="T94" y="T95"/>
                    </a:cxn>
                    <a:cxn ang="T166">
                      <a:pos x="T96" y="T97"/>
                    </a:cxn>
                    <a:cxn ang="T167">
                      <a:pos x="T98" y="T99"/>
                    </a:cxn>
                    <a:cxn ang="T168">
                      <a:pos x="T100" y="T101"/>
                    </a:cxn>
                    <a:cxn ang="T169">
                      <a:pos x="T102" y="T103"/>
                    </a:cxn>
                    <a:cxn ang="T170">
                      <a:pos x="T104" y="T105"/>
                    </a:cxn>
                    <a:cxn ang="T171">
                      <a:pos x="T106" y="T107"/>
                    </a:cxn>
                    <a:cxn ang="T172">
                      <a:pos x="T108" y="T109"/>
                    </a:cxn>
                    <a:cxn ang="T173">
                      <a:pos x="T110" y="T111"/>
                    </a:cxn>
                    <a:cxn ang="T174">
                      <a:pos x="T112" y="T113"/>
                    </a:cxn>
                    <a:cxn ang="T175">
                      <a:pos x="T114" y="T115"/>
                    </a:cxn>
                    <a:cxn ang="T176">
                      <a:pos x="T116" y="T117"/>
                    </a:cxn>
                  </a:cxnLst>
                  <a:rect l="T177" t="T178" r="T179" b="T180"/>
                  <a:pathLst>
                    <a:path w="66" h="76">
                      <a:moveTo>
                        <a:pt x="10" y="5"/>
                      </a:moveTo>
                      <a:lnTo>
                        <a:pt x="14" y="0"/>
                      </a:lnTo>
                      <a:lnTo>
                        <a:pt x="22" y="6"/>
                      </a:lnTo>
                      <a:lnTo>
                        <a:pt x="46" y="18"/>
                      </a:lnTo>
                      <a:lnTo>
                        <a:pt x="54" y="22"/>
                      </a:lnTo>
                      <a:lnTo>
                        <a:pt x="54" y="28"/>
                      </a:lnTo>
                      <a:lnTo>
                        <a:pt x="61" y="38"/>
                      </a:lnTo>
                      <a:lnTo>
                        <a:pt x="63" y="38"/>
                      </a:lnTo>
                      <a:lnTo>
                        <a:pt x="64" y="40"/>
                      </a:lnTo>
                      <a:lnTo>
                        <a:pt x="66" y="42"/>
                      </a:lnTo>
                      <a:lnTo>
                        <a:pt x="66" y="44"/>
                      </a:lnTo>
                      <a:lnTo>
                        <a:pt x="66" y="45"/>
                      </a:lnTo>
                      <a:lnTo>
                        <a:pt x="63" y="49"/>
                      </a:lnTo>
                      <a:lnTo>
                        <a:pt x="58" y="52"/>
                      </a:lnTo>
                      <a:lnTo>
                        <a:pt x="56" y="52"/>
                      </a:lnTo>
                      <a:lnTo>
                        <a:pt x="54" y="52"/>
                      </a:lnTo>
                      <a:lnTo>
                        <a:pt x="49" y="54"/>
                      </a:lnTo>
                      <a:lnTo>
                        <a:pt x="44" y="55"/>
                      </a:lnTo>
                      <a:lnTo>
                        <a:pt x="37" y="59"/>
                      </a:lnTo>
                      <a:lnTo>
                        <a:pt x="32" y="62"/>
                      </a:lnTo>
                      <a:lnTo>
                        <a:pt x="27" y="67"/>
                      </a:lnTo>
                      <a:lnTo>
                        <a:pt x="24" y="76"/>
                      </a:lnTo>
                      <a:lnTo>
                        <a:pt x="22" y="76"/>
                      </a:lnTo>
                      <a:lnTo>
                        <a:pt x="22" y="74"/>
                      </a:lnTo>
                      <a:lnTo>
                        <a:pt x="19" y="74"/>
                      </a:lnTo>
                      <a:lnTo>
                        <a:pt x="15" y="71"/>
                      </a:lnTo>
                      <a:lnTo>
                        <a:pt x="14" y="69"/>
                      </a:lnTo>
                      <a:lnTo>
                        <a:pt x="10" y="66"/>
                      </a:lnTo>
                      <a:lnTo>
                        <a:pt x="10" y="60"/>
                      </a:lnTo>
                      <a:lnTo>
                        <a:pt x="9" y="54"/>
                      </a:lnTo>
                      <a:lnTo>
                        <a:pt x="9" y="52"/>
                      </a:lnTo>
                      <a:lnTo>
                        <a:pt x="10" y="50"/>
                      </a:lnTo>
                      <a:lnTo>
                        <a:pt x="10" y="49"/>
                      </a:lnTo>
                      <a:lnTo>
                        <a:pt x="9" y="47"/>
                      </a:lnTo>
                      <a:lnTo>
                        <a:pt x="9" y="44"/>
                      </a:lnTo>
                      <a:lnTo>
                        <a:pt x="7" y="40"/>
                      </a:lnTo>
                      <a:lnTo>
                        <a:pt x="4" y="37"/>
                      </a:lnTo>
                      <a:lnTo>
                        <a:pt x="4" y="35"/>
                      </a:lnTo>
                      <a:lnTo>
                        <a:pt x="2" y="33"/>
                      </a:lnTo>
                      <a:lnTo>
                        <a:pt x="2" y="32"/>
                      </a:lnTo>
                      <a:lnTo>
                        <a:pt x="0" y="30"/>
                      </a:lnTo>
                      <a:lnTo>
                        <a:pt x="0" y="28"/>
                      </a:lnTo>
                      <a:lnTo>
                        <a:pt x="2" y="25"/>
                      </a:lnTo>
                      <a:lnTo>
                        <a:pt x="4" y="25"/>
                      </a:lnTo>
                      <a:lnTo>
                        <a:pt x="7" y="23"/>
                      </a:lnTo>
                      <a:lnTo>
                        <a:pt x="9" y="25"/>
                      </a:lnTo>
                      <a:lnTo>
                        <a:pt x="10" y="25"/>
                      </a:lnTo>
                      <a:lnTo>
                        <a:pt x="10" y="23"/>
                      </a:lnTo>
                      <a:lnTo>
                        <a:pt x="12" y="22"/>
                      </a:lnTo>
                      <a:lnTo>
                        <a:pt x="12" y="16"/>
                      </a:lnTo>
                      <a:lnTo>
                        <a:pt x="12" y="10"/>
                      </a:lnTo>
                      <a:lnTo>
                        <a:pt x="12" y="8"/>
                      </a:lnTo>
                      <a:lnTo>
                        <a:pt x="10" y="6"/>
                      </a:lnTo>
                      <a:lnTo>
                        <a:pt x="10" y="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00" name="Freeform 149"/>
                <p:cNvSpPr>
                  <a:spLocks/>
                </p:cNvSpPr>
                <p:nvPr/>
              </p:nvSpPr>
              <p:spPr bwMode="auto">
                <a:xfrm>
                  <a:off x="1554" y="3480"/>
                  <a:ext cx="66" cy="76"/>
                </a:xfrm>
                <a:custGeom>
                  <a:avLst/>
                  <a:gdLst>
                    <a:gd name="T0" fmla="*/ 14 w 66"/>
                    <a:gd name="T1" fmla="*/ 0 h 76"/>
                    <a:gd name="T2" fmla="*/ 46 w 66"/>
                    <a:gd name="T3" fmla="*/ 18 h 76"/>
                    <a:gd name="T4" fmla="*/ 54 w 66"/>
                    <a:gd name="T5" fmla="*/ 28 h 76"/>
                    <a:gd name="T6" fmla="*/ 61 w 66"/>
                    <a:gd name="T7" fmla="*/ 38 h 76"/>
                    <a:gd name="T8" fmla="*/ 63 w 66"/>
                    <a:gd name="T9" fmla="*/ 38 h 76"/>
                    <a:gd name="T10" fmla="*/ 66 w 66"/>
                    <a:gd name="T11" fmla="*/ 42 h 76"/>
                    <a:gd name="T12" fmla="*/ 66 w 66"/>
                    <a:gd name="T13" fmla="*/ 45 h 76"/>
                    <a:gd name="T14" fmla="*/ 58 w 66"/>
                    <a:gd name="T15" fmla="*/ 52 h 76"/>
                    <a:gd name="T16" fmla="*/ 56 w 66"/>
                    <a:gd name="T17" fmla="*/ 52 h 76"/>
                    <a:gd name="T18" fmla="*/ 49 w 66"/>
                    <a:gd name="T19" fmla="*/ 54 h 76"/>
                    <a:gd name="T20" fmla="*/ 37 w 66"/>
                    <a:gd name="T21" fmla="*/ 59 h 76"/>
                    <a:gd name="T22" fmla="*/ 27 w 66"/>
                    <a:gd name="T23" fmla="*/ 67 h 76"/>
                    <a:gd name="T24" fmla="*/ 24 w 66"/>
                    <a:gd name="T25" fmla="*/ 76 h 76"/>
                    <a:gd name="T26" fmla="*/ 22 w 66"/>
                    <a:gd name="T27" fmla="*/ 74 h 76"/>
                    <a:gd name="T28" fmla="*/ 15 w 66"/>
                    <a:gd name="T29" fmla="*/ 71 h 76"/>
                    <a:gd name="T30" fmla="*/ 10 w 66"/>
                    <a:gd name="T31" fmla="*/ 66 h 76"/>
                    <a:gd name="T32" fmla="*/ 9 w 66"/>
                    <a:gd name="T33" fmla="*/ 54 h 76"/>
                    <a:gd name="T34" fmla="*/ 9 w 66"/>
                    <a:gd name="T35" fmla="*/ 54 h 76"/>
                    <a:gd name="T36" fmla="*/ 10 w 66"/>
                    <a:gd name="T37" fmla="*/ 50 h 76"/>
                    <a:gd name="T38" fmla="*/ 9 w 66"/>
                    <a:gd name="T39" fmla="*/ 47 h 76"/>
                    <a:gd name="T40" fmla="*/ 7 w 66"/>
                    <a:gd name="T41" fmla="*/ 40 h 76"/>
                    <a:gd name="T42" fmla="*/ 4 w 66"/>
                    <a:gd name="T43" fmla="*/ 37 h 76"/>
                    <a:gd name="T44" fmla="*/ 2 w 66"/>
                    <a:gd name="T45" fmla="*/ 33 h 76"/>
                    <a:gd name="T46" fmla="*/ 0 w 66"/>
                    <a:gd name="T47" fmla="*/ 30 h 76"/>
                    <a:gd name="T48" fmla="*/ 2 w 66"/>
                    <a:gd name="T49" fmla="*/ 25 h 76"/>
                    <a:gd name="T50" fmla="*/ 7 w 66"/>
                    <a:gd name="T51" fmla="*/ 23 h 76"/>
                    <a:gd name="T52" fmla="*/ 9 w 66"/>
                    <a:gd name="T53" fmla="*/ 25 h 76"/>
                    <a:gd name="T54" fmla="*/ 10 w 66"/>
                    <a:gd name="T55" fmla="*/ 25 h 76"/>
                    <a:gd name="T56" fmla="*/ 10 w 66"/>
                    <a:gd name="T57" fmla="*/ 23 h 76"/>
                    <a:gd name="T58" fmla="*/ 12 w 66"/>
                    <a:gd name="T59" fmla="*/ 16 h 76"/>
                    <a:gd name="T60" fmla="*/ 12 w 66"/>
                    <a:gd name="T61" fmla="*/ 10 h 76"/>
                    <a:gd name="T62" fmla="*/ 10 w 66"/>
                    <a:gd name="T63" fmla="*/ 6 h 76"/>
                    <a:gd name="T64" fmla="*/ 10 w 66"/>
                    <a:gd name="T65" fmla="*/ 5 h 7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w 66"/>
                    <a:gd name="T100" fmla="*/ 0 h 76"/>
                    <a:gd name="T101" fmla="*/ 66 w 66"/>
                    <a:gd name="T102" fmla="*/ 76 h 76"/>
                  </a:gdLst>
                  <a:ahLst/>
                  <a:cxnLst>
                    <a:cxn ang="T66">
                      <a:pos x="T0" y="T1"/>
                    </a:cxn>
                    <a:cxn ang="T67">
                      <a:pos x="T2" y="T3"/>
                    </a:cxn>
                    <a:cxn ang="T68">
                      <a:pos x="T4" y="T5"/>
                    </a:cxn>
                    <a:cxn ang="T69">
                      <a:pos x="T6" y="T7"/>
                    </a:cxn>
                    <a:cxn ang="T70">
                      <a:pos x="T8" y="T9"/>
                    </a:cxn>
                    <a:cxn ang="T71">
                      <a:pos x="T10" y="T11"/>
                    </a:cxn>
                    <a:cxn ang="T72">
                      <a:pos x="T12" y="T13"/>
                    </a:cxn>
                    <a:cxn ang="T73">
                      <a:pos x="T14" y="T15"/>
                    </a:cxn>
                    <a:cxn ang="T74">
                      <a:pos x="T16" y="T17"/>
                    </a:cxn>
                    <a:cxn ang="T75">
                      <a:pos x="T18" y="T19"/>
                    </a:cxn>
                    <a:cxn ang="T76">
                      <a:pos x="T20" y="T21"/>
                    </a:cxn>
                    <a:cxn ang="T77">
                      <a:pos x="T22" y="T23"/>
                    </a:cxn>
                    <a:cxn ang="T78">
                      <a:pos x="T24" y="T25"/>
                    </a:cxn>
                    <a:cxn ang="T79">
                      <a:pos x="T26" y="T27"/>
                    </a:cxn>
                    <a:cxn ang="T80">
                      <a:pos x="T28" y="T29"/>
                    </a:cxn>
                    <a:cxn ang="T81">
                      <a:pos x="T30" y="T31"/>
                    </a:cxn>
                    <a:cxn ang="T82">
                      <a:pos x="T32" y="T33"/>
                    </a:cxn>
                    <a:cxn ang="T83">
                      <a:pos x="T34" y="T35"/>
                    </a:cxn>
                    <a:cxn ang="T84">
                      <a:pos x="T36" y="T37"/>
                    </a:cxn>
                    <a:cxn ang="T85">
                      <a:pos x="T38" y="T39"/>
                    </a:cxn>
                    <a:cxn ang="T86">
                      <a:pos x="T40" y="T41"/>
                    </a:cxn>
                    <a:cxn ang="T87">
                      <a:pos x="T42" y="T43"/>
                    </a:cxn>
                    <a:cxn ang="T88">
                      <a:pos x="T44" y="T45"/>
                    </a:cxn>
                    <a:cxn ang="T89">
                      <a:pos x="T46" y="T47"/>
                    </a:cxn>
                    <a:cxn ang="T90">
                      <a:pos x="T48" y="T49"/>
                    </a:cxn>
                    <a:cxn ang="T91">
                      <a:pos x="T50" y="T51"/>
                    </a:cxn>
                    <a:cxn ang="T92">
                      <a:pos x="T52" y="T53"/>
                    </a:cxn>
                    <a:cxn ang="T93">
                      <a:pos x="T54" y="T55"/>
                    </a:cxn>
                    <a:cxn ang="T94">
                      <a:pos x="T56" y="T57"/>
                    </a:cxn>
                    <a:cxn ang="T95">
                      <a:pos x="T58" y="T59"/>
                    </a:cxn>
                    <a:cxn ang="T96">
                      <a:pos x="T60" y="T61"/>
                    </a:cxn>
                    <a:cxn ang="T97">
                      <a:pos x="T62" y="T63"/>
                    </a:cxn>
                    <a:cxn ang="T98">
                      <a:pos x="T64" y="T65"/>
                    </a:cxn>
                  </a:cxnLst>
                  <a:rect l="T99" t="T100" r="T101" b="T102"/>
                  <a:pathLst>
                    <a:path w="66" h="76">
                      <a:moveTo>
                        <a:pt x="10" y="5"/>
                      </a:moveTo>
                      <a:lnTo>
                        <a:pt x="14" y="0"/>
                      </a:lnTo>
                      <a:lnTo>
                        <a:pt x="22" y="6"/>
                      </a:lnTo>
                      <a:lnTo>
                        <a:pt x="46" y="18"/>
                      </a:lnTo>
                      <a:lnTo>
                        <a:pt x="54" y="22"/>
                      </a:lnTo>
                      <a:lnTo>
                        <a:pt x="54" y="28"/>
                      </a:lnTo>
                      <a:lnTo>
                        <a:pt x="61" y="38"/>
                      </a:lnTo>
                      <a:lnTo>
                        <a:pt x="63" y="38"/>
                      </a:lnTo>
                      <a:lnTo>
                        <a:pt x="64" y="40"/>
                      </a:lnTo>
                      <a:lnTo>
                        <a:pt x="66" y="42"/>
                      </a:lnTo>
                      <a:lnTo>
                        <a:pt x="66" y="44"/>
                      </a:lnTo>
                      <a:lnTo>
                        <a:pt x="66" y="45"/>
                      </a:lnTo>
                      <a:lnTo>
                        <a:pt x="63" y="49"/>
                      </a:lnTo>
                      <a:lnTo>
                        <a:pt x="58" y="52"/>
                      </a:lnTo>
                      <a:lnTo>
                        <a:pt x="56" y="52"/>
                      </a:lnTo>
                      <a:lnTo>
                        <a:pt x="54" y="52"/>
                      </a:lnTo>
                      <a:lnTo>
                        <a:pt x="49" y="54"/>
                      </a:lnTo>
                      <a:lnTo>
                        <a:pt x="44" y="55"/>
                      </a:lnTo>
                      <a:lnTo>
                        <a:pt x="37" y="59"/>
                      </a:lnTo>
                      <a:lnTo>
                        <a:pt x="32" y="62"/>
                      </a:lnTo>
                      <a:lnTo>
                        <a:pt x="27" y="67"/>
                      </a:lnTo>
                      <a:lnTo>
                        <a:pt x="24" y="76"/>
                      </a:lnTo>
                      <a:lnTo>
                        <a:pt x="22" y="76"/>
                      </a:lnTo>
                      <a:lnTo>
                        <a:pt x="22" y="74"/>
                      </a:lnTo>
                      <a:lnTo>
                        <a:pt x="19" y="74"/>
                      </a:lnTo>
                      <a:lnTo>
                        <a:pt x="15" y="71"/>
                      </a:lnTo>
                      <a:lnTo>
                        <a:pt x="14" y="69"/>
                      </a:lnTo>
                      <a:lnTo>
                        <a:pt x="10" y="66"/>
                      </a:lnTo>
                      <a:lnTo>
                        <a:pt x="10" y="60"/>
                      </a:lnTo>
                      <a:lnTo>
                        <a:pt x="9" y="54"/>
                      </a:lnTo>
                      <a:lnTo>
                        <a:pt x="9" y="52"/>
                      </a:lnTo>
                      <a:lnTo>
                        <a:pt x="10" y="50"/>
                      </a:lnTo>
                      <a:lnTo>
                        <a:pt x="10" y="49"/>
                      </a:lnTo>
                      <a:lnTo>
                        <a:pt x="9" y="47"/>
                      </a:lnTo>
                      <a:lnTo>
                        <a:pt x="9" y="44"/>
                      </a:lnTo>
                      <a:lnTo>
                        <a:pt x="7" y="40"/>
                      </a:lnTo>
                      <a:lnTo>
                        <a:pt x="4" y="37"/>
                      </a:lnTo>
                      <a:lnTo>
                        <a:pt x="4" y="35"/>
                      </a:lnTo>
                      <a:lnTo>
                        <a:pt x="2" y="33"/>
                      </a:lnTo>
                      <a:lnTo>
                        <a:pt x="2" y="32"/>
                      </a:lnTo>
                      <a:lnTo>
                        <a:pt x="0" y="30"/>
                      </a:lnTo>
                      <a:lnTo>
                        <a:pt x="0" y="28"/>
                      </a:lnTo>
                      <a:lnTo>
                        <a:pt x="2" y="25"/>
                      </a:lnTo>
                      <a:lnTo>
                        <a:pt x="4" y="25"/>
                      </a:lnTo>
                      <a:lnTo>
                        <a:pt x="7" y="23"/>
                      </a:lnTo>
                      <a:lnTo>
                        <a:pt x="9" y="25"/>
                      </a:lnTo>
                      <a:lnTo>
                        <a:pt x="10" y="25"/>
                      </a:lnTo>
                      <a:lnTo>
                        <a:pt x="10" y="23"/>
                      </a:lnTo>
                      <a:lnTo>
                        <a:pt x="12" y="22"/>
                      </a:lnTo>
                      <a:lnTo>
                        <a:pt x="12" y="16"/>
                      </a:lnTo>
                      <a:lnTo>
                        <a:pt x="12" y="10"/>
                      </a:lnTo>
                      <a:lnTo>
                        <a:pt x="12" y="8"/>
                      </a:lnTo>
                      <a:lnTo>
                        <a:pt x="10" y="6"/>
                      </a:lnTo>
                      <a:lnTo>
                        <a:pt x="10" y="5"/>
                      </a:lnTo>
                    </a:path>
                  </a:pathLst>
                </a:custGeom>
                <a:solidFill>
                  <a:srgbClr val="2D73FF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01" name="Freeform 150"/>
                <p:cNvSpPr>
                  <a:spLocks/>
                </p:cNvSpPr>
                <p:nvPr/>
              </p:nvSpPr>
              <p:spPr bwMode="auto">
                <a:xfrm>
                  <a:off x="1505" y="3446"/>
                  <a:ext cx="10" cy="10"/>
                </a:xfrm>
                <a:custGeom>
                  <a:avLst/>
                  <a:gdLst>
                    <a:gd name="T0" fmla="*/ 0 w 10"/>
                    <a:gd name="T1" fmla="*/ 0 h 10"/>
                    <a:gd name="T2" fmla="*/ 7 w 10"/>
                    <a:gd name="T3" fmla="*/ 0 h 10"/>
                    <a:gd name="T4" fmla="*/ 10 w 10"/>
                    <a:gd name="T5" fmla="*/ 6 h 10"/>
                    <a:gd name="T6" fmla="*/ 5 w 10"/>
                    <a:gd name="T7" fmla="*/ 10 h 10"/>
                    <a:gd name="T8" fmla="*/ 2 w 10"/>
                    <a:gd name="T9" fmla="*/ 8 h 10"/>
                    <a:gd name="T10" fmla="*/ 0 w 10"/>
                    <a:gd name="T11" fmla="*/ 0 h 10"/>
                    <a:gd name="T12" fmla="*/ 0 60000 65536"/>
                    <a:gd name="T13" fmla="*/ 0 60000 65536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w 10"/>
                    <a:gd name="T19" fmla="*/ 0 h 10"/>
                    <a:gd name="T20" fmla="*/ 10 w 10"/>
                    <a:gd name="T21" fmla="*/ 10 h 10"/>
                  </a:gdLst>
                  <a:ahLst/>
                  <a:cxnLst>
                    <a:cxn ang="T12">
                      <a:pos x="T0" y="T1"/>
                    </a:cxn>
                    <a:cxn ang="T13">
                      <a:pos x="T2" y="T3"/>
                    </a:cxn>
                    <a:cxn ang="T14">
                      <a:pos x="T4" y="T5"/>
                    </a:cxn>
                    <a:cxn ang="T15">
                      <a:pos x="T6" y="T7"/>
                    </a:cxn>
                    <a:cxn ang="T16">
                      <a:pos x="T8" y="T9"/>
                    </a:cxn>
                    <a:cxn ang="T17">
                      <a:pos x="T10" y="T11"/>
                    </a:cxn>
                  </a:cxnLst>
                  <a:rect l="T18" t="T19" r="T20" b="T21"/>
                  <a:pathLst>
                    <a:path w="10" h="10">
                      <a:moveTo>
                        <a:pt x="0" y="0"/>
                      </a:moveTo>
                      <a:lnTo>
                        <a:pt x="7" y="0"/>
                      </a:lnTo>
                      <a:lnTo>
                        <a:pt x="10" y="6"/>
                      </a:lnTo>
                      <a:lnTo>
                        <a:pt x="5" y="10"/>
                      </a:lnTo>
                      <a:lnTo>
                        <a:pt x="2" y="8"/>
                      </a:lnTo>
                      <a:lnTo>
                        <a:pt x="0" y="0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02" name="Freeform 151"/>
                <p:cNvSpPr>
                  <a:spLocks/>
                </p:cNvSpPr>
                <p:nvPr/>
              </p:nvSpPr>
              <p:spPr bwMode="auto">
                <a:xfrm>
                  <a:off x="1505" y="3446"/>
                  <a:ext cx="10" cy="10"/>
                </a:xfrm>
                <a:custGeom>
                  <a:avLst/>
                  <a:gdLst>
                    <a:gd name="T0" fmla="*/ 0 w 10"/>
                    <a:gd name="T1" fmla="*/ 0 h 10"/>
                    <a:gd name="T2" fmla="*/ 7 w 10"/>
                    <a:gd name="T3" fmla="*/ 0 h 10"/>
                    <a:gd name="T4" fmla="*/ 10 w 10"/>
                    <a:gd name="T5" fmla="*/ 6 h 10"/>
                    <a:gd name="T6" fmla="*/ 5 w 10"/>
                    <a:gd name="T7" fmla="*/ 10 h 10"/>
                    <a:gd name="T8" fmla="*/ 2 w 10"/>
                    <a:gd name="T9" fmla="*/ 8 h 10"/>
                    <a:gd name="T10" fmla="*/ 0 w 10"/>
                    <a:gd name="T11" fmla="*/ 0 h 10"/>
                    <a:gd name="T12" fmla="*/ 0 60000 65536"/>
                    <a:gd name="T13" fmla="*/ 0 60000 65536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w 10"/>
                    <a:gd name="T19" fmla="*/ 0 h 10"/>
                    <a:gd name="T20" fmla="*/ 10 w 10"/>
                    <a:gd name="T21" fmla="*/ 10 h 10"/>
                  </a:gdLst>
                  <a:ahLst/>
                  <a:cxnLst>
                    <a:cxn ang="T12">
                      <a:pos x="T0" y="T1"/>
                    </a:cxn>
                    <a:cxn ang="T13">
                      <a:pos x="T2" y="T3"/>
                    </a:cxn>
                    <a:cxn ang="T14">
                      <a:pos x="T4" y="T5"/>
                    </a:cxn>
                    <a:cxn ang="T15">
                      <a:pos x="T6" y="T7"/>
                    </a:cxn>
                    <a:cxn ang="T16">
                      <a:pos x="T8" y="T9"/>
                    </a:cxn>
                    <a:cxn ang="T17">
                      <a:pos x="T10" y="T11"/>
                    </a:cxn>
                  </a:cxnLst>
                  <a:rect l="T18" t="T19" r="T20" b="T21"/>
                  <a:pathLst>
                    <a:path w="10" h="10">
                      <a:moveTo>
                        <a:pt x="0" y="0"/>
                      </a:moveTo>
                      <a:lnTo>
                        <a:pt x="7" y="0"/>
                      </a:lnTo>
                      <a:lnTo>
                        <a:pt x="10" y="6"/>
                      </a:lnTo>
                      <a:lnTo>
                        <a:pt x="5" y="10"/>
                      </a:lnTo>
                      <a:lnTo>
                        <a:pt x="2" y="8"/>
                      </a:lnTo>
                      <a:lnTo>
                        <a:pt x="0" y="0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03" name="Freeform 152"/>
                <p:cNvSpPr>
                  <a:spLocks/>
                </p:cNvSpPr>
                <p:nvPr/>
              </p:nvSpPr>
              <p:spPr bwMode="auto">
                <a:xfrm>
                  <a:off x="1524" y="3463"/>
                  <a:ext cx="6" cy="8"/>
                </a:xfrm>
                <a:custGeom>
                  <a:avLst/>
                  <a:gdLst>
                    <a:gd name="T0" fmla="*/ 0 w 6"/>
                    <a:gd name="T1" fmla="*/ 5 h 8"/>
                    <a:gd name="T2" fmla="*/ 0 w 6"/>
                    <a:gd name="T3" fmla="*/ 3 h 8"/>
                    <a:gd name="T4" fmla="*/ 0 w 6"/>
                    <a:gd name="T5" fmla="*/ 1 h 8"/>
                    <a:gd name="T6" fmla="*/ 1 w 6"/>
                    <a:gd name="T7" fmla="*/ 1 h 8"/>
                    <a:gd name="T8" fmla="*/ 3 w 6"/>
                    <a:gd name="T9" fmla="*/ 0 h 8"/>
                    <a:gd name="T10" fmla="*/ 5 w 6"/>
                    <a:gd name="T11" fmla="*/ 1 h 8"/>
                    <a:gd name="T12" fmla="*/ 6 w 6"/>
                    <a:gd name="T13" fmla="*/ 1 h 8"/>
                    <a:gd name="T14" fmla="*/ 6 w 6"/>
                    <a:gd name="T15" fmla="*/ 3 h 8"/>
                    <a:gd name="T16" fmla="*/ 6 w 6"/>
                    <a:gd name="T17" fmla="*/ 5 h 8"/>
                    <a:gd name="T18" fmla="*/ 6 w 6"/>
                    <a:gd name="T19" fmla="*/ 6 h 8"/>
                    <a:gd name="T20" fmla="*/ 6 w 6"/>
                    <a:gd name="T21" fmla="*/ 8 h 8"/>
                    <a:gd name="T22" fmla="*/ 5 w 6"/>
                    <a:gd name="T23" fmla="*/ 8 h 8"/>
                    <a:gd name="T24" fmla="*/ 3 w 6"/>
                    <a:gd name="T25" fmla="*/ 8 h 8"/>
                    <a:gd name="T26" fmla="*/ 1 w 6"/>
                    <a:gd name="T27" fmla="*/ 8 h 8"/>
                    <a:gd name="T28" fmla="*/ 0 w 6"/>
                    <a:gd name="T29" fmla="*/ 8 h 8"/>
                    <a:gd name="T30" fmla="*/ 0 w 6"/>
                    <a:gd name="T31" fmla="*/ 6 h 8"/>
                    <a:gd name="T32" fmla="*/ 0 w 6"/>
                    <a:gd name="T33" fmla="*/ 5 h 8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6"/>
                    <a:gd name="T52" fmla="*/ 0 h 8"/>
                    <a:gd name="T53" fmla="*/ 6 w 6"/>
                    <a:gd name="T54" fmla="*/ 8 h 8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6" h="8">
                      <a:moveTo>
                        <a:pt x="0" y="5"/>
                      </a:move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1" y="1"/>
                      </a:lnTo>
                      <a:lnTo>
                        <a:pt x="3" y="0"/>
                      </a:lnTo>
                      <a:lnTo>
                        <a:pt x="5" y="1"/>
                      </a:lnTo>
                      <a:lnTo>
                        <a:pt x="6" y="1"/>
                      </a:lnTo>
                      <a:lnTo>
                        <a:pt x="6" y="3"/>
                      </a:lnTo>
                      <a:lnTo>
                        <a:pt x="6" y="5"/>
                      </a:lnTo>
                      <a:lnTo>
                        <a:pt x="6" y="6"/>
                      </a:lnTo>
                      <a:lnTo>
                        <a:pt x="6" y="8"/>
                      </a:lnTo>
                      <a:lnTo>
                        <a:pt x="5" y="8"/>
                      </a:lnTo>
                      <a:lnTo>
                        <a:pt x="3" y="8"/>
                      </a:lnTo>
                      <a:lnTo>
                        <a:pt x="1" y="8"/>
                      </a:lnTo>
                      <a:lnTo>
                        <a:pt x="0" y="8"/>
                      </a:lnTo>
                      <a:lnTo>
                        <a:pt x="0" y="6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04" name="Freeform 153"/>
                <p:cNvSpPr>
                  <a:spLocks/>
                </p:cNvSpPr>
                <p:nvPr/>
              </p:nvSpPr>
              <p:spPr bwMode="auto">
                <a:xfrm>
                  <a:off x="1524" y="3463"/>
                  <a:ext cx="6" cy="8"/>
                </a:xfrm>
                <a:custGeom>
                  <a:avLst/>
                  <a:gdLst>
                    <a:gd name="T0" fmla="*/ 0 w 6"/>
                    <a:gd name="T1" fmla="*/ 5 h 8"/>
                    <a:gd name="T2" fmla="*/ 0 w 6"/>
                    <a:gd name="T3" fmla="*/ 5 h 8"/>
                    <a:gd name="T4" fmla="*/ 0 w 6"/>
                    <a:gd name="T5" fmla="*/ 3 h 8"/>
                    <a:gd name="T6" fmla="*/ 0 w 6"/>
                    <a:gd name="T7" fmla="*/ 1 h 8"/>
                    <a:gd name="T8" fmla="*/ 1 w 6"/>
                    <a:gd name="T9" fmla="*/ 1 h 8"/>
                    <a:gd name="T10" fmla="*/ 3 w 6"/>
                    <a:gd name="T11" fmla="*/ 0 h 8"/>
                    <a:gd name="T12" fmla="*/ 3 w 6"/>
                    <a:gd name="T13" fmla="*/ 0 h 8"/>
                    <a:gd name="T14" fmla="*/ 5 w 6"/>
                    <a:gd name="T15" fmla="*/ 1 h 8"/>
                    <a:gd name="T16" fmla="*/ 6 w 6"/>
                    <a:gd name="T17" fmla="*/ 1 h 8"/>
                    <a:gd name="T18" fmla="*/ 6 w 6"/>
                    <a:gd name="T19" fmla="*/ 3 h 8"/>
                    <a:gd name="T20" fmla="*/ 6 w 6"/>
                    <a:gd name="T21" fmla="*/ 5 h 8"/>
                    <a:gd name="T22" fmla="*/ 6 w 6"/>
                    <a:gd name="T23" fmla="*/ 5 h 8"/>
                    <a:gd name="T24" fmla="*/ 6 w 6"/>
                    <a:gd name="T25" fmla="*/ 6 h 8"/>
                    <a:gd name="T26" fmla="*/ 6 w 6"/>
                    <a:gd name="T27" fmla="*/ 8 h 8"/>
                    <a:gd name="T28" fmla="*/ 5 w 6"/>
                    <a:gd name="T29" fmla="*/ 8 h 8"/>
                    <a:gd name="T30" fmla="*/ 3 w 6"/>
                    <a:gd name="T31" fmla="*/ 8 h 8"/>
                    <a:gd name="T32" fmla="*/ 3 w 6"/>
                    <a:gd name="T33" fmla="*/ 8 h 8"/>
                    <a:gd name="T34" fmla="*/ 1 w 6"/>
                    <a:gd name="T35" fmla="*/ 8 h 8"/>
                    <a:gd name="T36" fmla="*/ 0 w 6"/>
                    <a:gd name="T37" fmla="*/ 8 h 8"/>
                    <a:gd name="T38" fmla="*/ 0 w 6"/>
                    <a:gd name="T39" fmla="*/ 6 h 8"/>
                    <a:gd name="T40" fmla="*/ 0 w 6"/>
                    <a:gd name="T41" fmla="*/ 5 h 8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6"/>
                    <a:gd name="T64" fmla="*/ 0 h 8"/>
                    <a:gd name="T65" fmla="*/ 6 w 6"/>
                    <a:gd name="T66" fmla="*/ 8 h 8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6" h="8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1" y="1"/>
                      </a:lnTo>
                      <a:lnTo>
                        <a:pt x="3" y="0"/>
                      </a:lnTo>
                      <a:lnTo>
                        <a:pt x="5" y="1"/>
                      </a:lnTo>
                      <a:lnTo>
                        <a:pt x="6" y="1"/>
                      </a:lnTo>
                      <a:lnTo>
                        <a:pt x="6" y="3"/>
                      </a:lnTo>
                      <a:lnTo>
                        <a:pt x="6" y="5"/>
                      </a:lnTo>
                      <a:lnTo>
                        <a:pt x="6" y="6"/>
                      </a:lnTo>
                      <a:lnTo>
                        <a:pt x="6" y="8"/>
                      </a:lnTo>
                      <a:lnTo>
                        <a:pt x="5" y="8"/>
                      </a:lnTo>
                      <a:lnTo>
                        <a:pt x="3" y="8"/>
                      </a:lnTo>
                      <a:lnTo>
                        <a:pt x="1" y="8"/>
                      </a:lnTo>
                      <a:lnTo>
                        <a:pt x="0" y="8"/>
                      </a:lnTo>
                      <a:lnTo>
                        <a:pt x="0" y="6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05" name="Freeform 154"/>
                <p:cNvSpPr>
                  <a:spLocks/>
                </p:cNvSpPr>
                <p:nvPr/>
              </p:nvSpPr>
              <p:spPr bwMode="auto">
                <a:xfrm>
                  <a:off x="1338" y="3388"/>
                  <a:ext cx="11" cy="9"/>
                </a:xfrm>
                <a:custGeom>
                  <a:avLst/>
                  <a:gdLst>
                    <a:gd name="T0" fmla="*/ 0 w 11"/>
                    <a:gd name="T1" fmla="*/ 4 h 9"/>
                    <a:gd name="T2" fmla="*/ 0 w 11"/>
                    <a:gd name="T3" fmla="*/ 2 h 9"/>
                    <a:gd name="T4" fmla="*/ 1 w 11"/>
                    <a:gd name="T5" fmla="*/ 2 h 9"/>
                    <a:gd name="T6" fmla="*/ 3 w 11"/>
                    <a:gd name="T7" fmla="*/ 0 h 9"/>
                    <a:gd name="T8" fmla="*/ 6 w 11"/>
                    <a:gd name="T9" fmla="*/ 0 h 9"/>
                    <a:gd name="T10" fmla="*/ 8 w 11"/>
                    <a:gd name="T11" fmla="*/ 0 h 9"/>
                    <a:gd name="T12" fmla="*/ 10 w 11"/>
                    <a:gd name="T13" fmla="*/ 2 h 9"/>
                    <a:gd name="T14" fmla="*/ 11 w 11"/>
                    <a:gd name="T15" fmla="*/ 2 h 9"/>
                    <a:gd name="T16" fmla="*/ 11 w 11"/>
                    <a:gd name="T17" fmla="*/ 4 h 9"/>
                    <a:gd name="T18" fmla="*/ 11 w 11"/>
                    <a:gd name="T19" fmla="*/ 5 h 9"/>
                    <a:gd name="T20" fmla="*/ 10 w 11"/>
                    <a:gd name="T21" fmla="*/ 7 h 9"/>
                    <a:gd name="T22" fmla="*/ 8 w 11"/>
                    <a:gd name="T23" fmla="*/ 9 h 9"/>
                    <a:gd name="T24" fmla="*/ 6 w 11"/>
                    <a:gd name="T25" fmla="*/ 9 h 9"/>
                    <a:gd name="T26" fmla="*/ 3 w 11"/>
                    <a:gd name="T27" fmla="*/ 9 h 9"/>
                    <a:gd name="T28" fmla="*/ 1 w 11"/>
                    <a:gd name="T29" fmla="*/ 7 h 9"/>
                    <a:gd name="T30" fmla="*/ 0 w 11"/>
                    <a:gd name="T31" fmla="*/ 5 h 9"/>
                    <a:gd name="T32" fmla="*/ 0 w 11"/>
                    <a:gd name="T33" fmla="*/ 4 h 9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1"/>
                    <a:gd name="T52" fmla="*/ 0 h 9"/>
                    <a:gd name="T53" fmla="*/ 11 w 11"/>
                    <a:gd name="T54" fmla="*/ 9 h 9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1" h="9">
                      <a:moveTo>
                        <a:pt x="0" y="4"/>
                      </a:move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3" y="0"/>
                      </a:lnTo>
                      <a:lnTo>
                        <a:pt x="6" y="0"/>
                      </a:lnTo>
                      <a:lnTo>
                        <a:pt x="8" y="0"/>
                      </a:lnTo>
                      <a:lnTo>
                        <a:pt x="10" y="2"/>
                      </a:lnTo>
                      <a:lnTo>
                        <a:pt x="11" y="2"/>
                      </a:lnTo>
                      <a:lnTo>
                        <a:pt x="11" y="4"/>
                      </a:lnTo>
                      <a:lnTo>
                        <a:pt x="11" y="5"/>
                      </a:lnTo>
                      <a:lnTo>
                        <a:pt x="10" y="7"/>
                      </a:lnTo>
                      <a:lnTo>
                        <a:pt x="8" y="9"/>
                      </a:lnTo>
                      <a:lnTo>
                        <a:pt x="6" y="9"/>
                      </a:lnTo>
                      <a:lnTo>
                        <a:pt x="3" y="9"/>
                      </a:lnTo>
                      <a:lnTo>
                        <a:pt x="1" y="7"/>
                      </a:lnTo>
                      <a:lnTo>
                        <a:pt x="0" y="5"/>
                      </a:lnTo>
                      <a:lnTo>
                        <a:pt x="0" y="4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106" name="Freeform 155"/>
                <p:cNvSpPr>
                  <a:spLocks/>
                </p:cNvSpPr>
                <p:nvPr/>
              </p:nvSpPr>
              <p:spPr bwMode="auto">
                <a:xfrm>
                  <a:off x="1338" y="3388"/>
                  <a:ext cx="11" cy="9"/>
                </a:xfrm>
                <a:custGeom>
                  <a:avLst/>
                  <a:gdLst>
                    <a:gd name="T0" fmla="*/ 0 w 11"/>
                    <a:gd name="T1" fmla="*/ 4 h 9"/>
                    <a:gd name="T2" fmla="*/ 0 w 11"/>
                    <a:gd name="T3" fmla="*/ 4 h 9"/>
                    <a:gd name="T4" fmla="*/ 0 w 11"/>
                    <a:gd name="T5" fmla="*/ 2 h 9"/>
                    <a:gd name="T6" fmla="*/ 1 w 11"/>
                    <a:gd name="T7" fmla="*/ 2 h 9"/>
                    <a:gd name="T8" fmla="*/ 3 w 11"/>
                    <a:gd name="T9" fmla="*/ 0 h 9"/>
                    <a:gd name="T10" fmla="*/ 6 w 11"/>
                    <a:gd name="T11" fmla="*/ 0 h 9"/>
                    <a:gd name="T12" fmla="*/ 6 w 11"/>
                    <a:gd name="T13" fmla="*/ 0 h 9"/>
                    <a:gd name="T14" fmla="*/ 8 w 11"/>
                    <a:gd name="T15" fmla="*/ 0 h 9"/>
                    <a:gd name="T16" fmla="*/ 10 w 11"/>
                    <a:gd name="T17" fmla="*/ 2 h 9"/>
                    <a:gd name="T18" fmla="*/ 11 w 11"/>
                    <a:gd name="T19" fmla="*/ 2 h 9"/>
                    <a:gd name="T20" fmla="*/ 11 w 11"/>
                    <a:gd name="T21" fmla="*/ 4 h 9"/>
                    <a:gd name="T22" fmla="*/ 11 w 11"/>
                    <a:gd name="T23" fmla="*/ 4 h 9"/>
                    <a:gd name="T24" fmla="*/ 11 w 11"/>
                    <a:gd name="T25" fmla="*/ 5 h 9"/>
                    <a:gd name="T26" fmla="*/ 10 w 11"/>
                    <a:gd name="T27" fmla="*/ 7 h 9"/>
                    <a:gd name="T28" fmla="*/ 8 w 11"/>
                    <a:gd name="T29" fmla="*/ 9 h 9"/>
                    <a:gd name="T30" fmla="*/ 6 w 11"/>
                    <a:gd name="T31" fmla="*/ 9 h 9"/>
                    <a:gd name="T32" fmla="*/ 6 w 11"/>
                    <a:gd name="T33" fmla="*/ 9 h 9"/>
                    <a:gd name="T34" fmla="*/ 3 w 11"/>
                    <a:gd name="T35" fmla="*/ 9 h 9"/>
                    <a:gd name="T36" fmla="*/ 1 w 11"/>
                    <a:gd name="T37" fmla="*/ 7 h 9"/>
                    <a:gd name="T38" fmla="*/ 0 w 11"/>
                    <a:gd name="T39" fmla="*/ 5 h 9"/>
                    <a:gd name="T40" fmla="*/ 0 w 11"/>
                    <a:gd name="T41" fmla="*/ 4 h 9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1"/>
                    <a:gd name="T64" fmla="*/ 0 h 9"/>
                    <a:gd name="T65" fmla="*/ 11 w 11"/>
                    <a:gd name="T66" fmla="*/ 9 h 9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1" h="9">
                      <a:moveTo>
                        <a:pt x="0" y="4"/>
                      </a:moveTo>
                      <a:lnTo>
                        <a:pt x="0" y="4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3" y="0"/>
                      </a:lnTo>
                      <a:lnTo>
                        <a:pt x="6" y="0"/>
                      </a:lnTo>
                      <a:lnTo>
                        <a:pt x="8" y="0"/>
                      </a:lnTo>
                      <a:lnTo>
                        <a:pt x="10" y="2"/>
                      </a:lnTo>
                      <a:lnTo>
                        <a:pt x="11" y="2"/>
                      </a:lnTo>
                      <a:lnTo>
                        <a:pt x="11" y="4"/>
                      </a:lnTo>
                      <a:lnTo>
                        <a:pt x="11" y="5"/>
                      </a:lnTo>
                      <a:lnTo>
                        <a:pt x="10" y="7"/>
                      </a:lnTo>
                      <a:lnTo>
                        <a:pt x="8" y="9"/>
                      </a:lnTo>
                      <a:lnTo>
                        <a:pt x="6" y="9"/>
                      </a:lnTo>
                      <a:lnTo>
                        <a:pt x="3" y="9"/>
                      </a:lnTo>
                      <a:lnTo>
                        <a:pt x="1" y="7"/>
                      </a:lnTo>
                      <a:lnTo>
                        <a:pt x="0" y="5"/>
                      </a:lnTo>
                      <a:lnTo>
                        <a:pt x="0" y="4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55" name="Freeform 156"/>
              <p:cNvSpPr>
                <a:spLocks/>
              </p:cNvSpPr>
              <p:nvPr/>
            </p:nvSpPr>
            <p:spPr bwMode="auto">
              <a:xfrm>
                <a:off x="1022" y="1847"/>
                <a:ext cx="537" cy="677"/>
              </a:xfrm>
              <a:custGeom>
                <a:avLst/>
                <a:gdLst>
                  <a:gd name="T0" fmla="*/ 331 w 552"/>
                  <a:gd name="T1" fmla="*/ 464 h 697"/>
                  <a:gd name="T2" fmla="*/ 376 w 552"/>
                  <a:gd name="T3" fmla="*/ 130 h 697"/>
                  <a:gd name="T4" fmla="*/ 253 w 552"/>
                  <a:gd name="T5" fmla="*/ 111 h 697"/>
                  <a:gd name="T6" fmla="*/ 265 w 552"/>
                  <a:gd name="T7" fmla="*/ 35 h 697"/>
                  <a:gd name="T8" fmla="*/ 81 w 552"/>
                  <a:gd name="T9" fmla="*/ 0 h 697"/>
                  <a:gd name="T10" fmla="*/ 81 w 552"/>
                  <a:gd name="T11" fmla="*/ 0 h 697"/>
                  <a:gd name="T12" fmla="*/ 0 w 552"/>
                  <a:gd name="T13" fmla="*/ 410 h 697"/>
                  <a:gd name="T14" fmla="*/ 331 w 552"/>
                  <a:gd name="T15" fmla="*/ 464 h 697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552"/>
                  <a:gd name="T25" fmla="*/ 0 h 697"/>
                  <a:gd name="T26" fmla="*/ 552 w 552"/>
                  <a:gd name="T27" fmla="*/ 697 h 697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552" h="697">
                    <a:moveTo>
                      <a:pt x="486" y="697"/>
                    </a:moveTo>
                    <a:lnTo>
                      <a:pt x="552" y="195"/>
                    </a:lnTo>
                    <a:lnTo>
                      <a:pt x="372" y="166"/>
                    </a:lnTo>
                    <a:lnTo>
                      <a:pt x="389" y="49"/>
                    </a:lnTo>
                    <a:lnTo>
                      <a:pt x="118" y="0"/>
                    </a:lnTo>
                    <a:lnTo>
                      <a:pt x="0" y="616"/>
                    </a:lnTo>
                    <a:lnTo>
                      <a:pt x="486" y="69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56" name="Freeform 157"/>
              <p:cNvSpPr>
                <a:spLocks/>
              </p:cNvSpPr>
              <p:nvPr/>
            </p:nvSpPr>
            <p:spPr bwMode="auto">
              <a:xfrm>
                <a:off x="2159" y="2220"/>
                <a:ext cx="708" cy="381"/>
              </a:xfrm>
              <a:custGeom>
                <a:avLst/>
                <a:gdLst>
                  <a:gd name="T0" fmla="*/ 18 w 728"/>
                  <a:gd name="T1" fmla="*/ 0 h 393"/>
                  <a:gd name="T2" fmla="*/ 35 w 728"/>
                  <a:gd name="T3" fmla="*/ 4 h 393"/>
                  <a:gd name="T4" fmla="*/ 53 w 728"/>
                  <a:gd name="T5" fmla="*/ 5 h 393"/>
                  <a:gd name="T6" fmla="*/ 81 w 728"/>
                  <a:gd name="T7" fmla="*/ 9 h 393"/>
                  <a:gd name="T8" fmla="*/ 112 w 728"/>
                  <a:gd name="T9" fmla="*/ 11 h 393"/>
                  <a:gd name="T10" fmla="*/ 144 w 728"/>
                  <a:gd name="T11" fmla="*/ 12 h 393"/>
                  <a:gd name="T12" fmla="*/ 180 w 728"/>
                  <a:gd name="T13" fmla="*/ 12 h 393"/>
                  <a:gd name="T14" fmla="*/ 216 w 728"/>
                  <a:gd name="T15" fmla="*/ 14 h 393"/>
                  <a:gd name="T16" fmla="*/ 253 w 728"/>
                  <a:gd name="T17" fmla="*/ 14 h 393"/>
                  <a:gd name="T18" fmla="*/ 290 w 728"/>
                  <a:gd name="T19" fmla="*/ 16 h 393"/>
                  <a:gd name="T20" fmla="*/ 324 w 728"/>
                  <a:gd name="T21" fmla="*/ 16 h 393"/>
                  <a:gd name="T22" fmla="*/ 355 w 728"/>
                  <a:gd name="T23" fmla="*/ 16 h 393"/>
                  <a:gd name="T24" fmla="*/ 383 w 728"/>
                  <a:gd name="T25" fmla="*/ 16 h 393"/>
                  <a:gd name="T26" fmla="*/ 407 w 728"/>
                  <a:gd name="T27" fmla="*/ 16 h 393"/>
                  <a:gd name="T28" fmla="*/ 426 w 728"/>
                  <a:gd name="T29" fmla="*/ 16 h 393"/>
                  <a:gd name="T30" fmla="*/ 437 w 728"/>
                  <a:gd name="T31" fmla="*/ 16 h 393"/>
                  <a:gd name="T32" fmla="*/ 442 w 728"/>
                  <a:gd name="T33" fmla="*/ 16 h 393"/>
                  <a:gd name="T34" fmla="*/ 448 w 728"/>
                  <a:gd name="T35" fmla="*/ 16 h 393"/>
                  <a:gd name="T36" fmla="*/ 464 w 728"/>
                  <a:gd name="T37" fmla="*/ 17 h 393"/>
                  <a:gd name="T38" fmla="*/ 465 w 728"/>
                  <a:gd name="T39" fmla="*/ 19 h 393"/>
                  <a:gd name="T40" fmla="*/ 469 w 728"/>
                  <a:gd name="T41" fmla="*/ 22 h 393"/>
                  <a:gd name="T42" fmla="*/ 472 w 728"/>
                  <a:gd name="T43" fmla="*/ 27 h 393"/>
                  <a:gd name="T44" fmla="*/ 469 w 728"/>
                  <a:gd name="T45" fmla="*/ 36 h 393"/>
                  <a:gd name="T46" fmla="*/ 459 w 728"/>
                  <a:gd name="T47" fmla="*/ 50 h 393"/>
                  <a:gd name="T48" fmla="*/ 471 w 728"/>
                  <a:gd name="T49" fmla="*/ 62 h 393"/>
                  <a:gd name="T50" fmla="*/ 480 w 728"/>
                  <a:gd name="T51" fmla="*/ 78 h 393"/>
                  <a:gd name="T52" fmla="*/ 494 w 728"/>
                  <a:gd name="T53" fmla="*/ 254 h 393"/>
                  <a:gd name="T54" fmla="*/ 488 w 728"/>
                  <a:gd name="T55" fmla="*/ 254 h 393"/>
                  <a:gd name="T56" fmla="*/ 477 w 728"/>
                  <a:gd name="T57" fmla="*/ 254 h 393"/>
                  <a:gd name="T58" fmla="*/ 455 w 728"/>
                  <a:gd name="T59" fmla="*/ 254 h 393"/>
                  <a:gd name="T60" fmla="*/ 430 w 728"/>
                  <a:gd name="T61" fmla="*/ 254 h 393"/>
                  <a:gd name="T62" fmla="*/ 398 w 728"/>
                  <a:gd name="T63" fmla="*/ 254 h 393"/>
                  <a:gd name="T64" fmla="*/ 362 w 728"/>
                  <a:gd name="T65" fmla="*/ 254 h 393"/>
                  <a:gd name="T66" fmla="*/ 324 w 728"/>
                  <a:gd name="T67" fmla="*/ 253 h 393"/>
                  <a:gd name="T68" fmla="*/ 284 w 728"/>
                  <a:gd name="T69" fmla="*/ 253 h 393"/>
                  <a:gd name="T70" fmla="*/ 241 w 728"/>
                  <a:gd name="T71" fmla="*/ 252 h 393"/>
                  <a:gd name="T72" fmla="*/ 200 w 728"/>
                  <a:gd name="T73" fmla="*/ 252 h 393"/>
                  <a:gd name="T74" fmla="*/ 159 w 728"/>
                  <a:gd name="T75" fmla="*/ 252 h 393"/>
                  <a:gd name="T76" fmla="*/ 118 w 728"/>
                  <a:gd name="T77" fmla="*/ 251 h 393"/>
                  <a:gd name="T78" fmla="*/ 82 w 728"/>
                  <a:gd name="T79" fmla="*/ 250 h 393"/>
                  <a:gd name="T80" fmla="*/ 49 w 728"/>
                  <a:gd name="T81" fmla="*/ 248 h 393"/>
                  <a:gd name="T82" fmla="*/ 18 w 728"/>
                  <a:gd name="T83" fmla="*/ 246 h 393"/>
                  <a:gd name="T84" fmla="*/ 0 w 728"/>
                  <a:gd name="T85" fmla="*/ 245 h 393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w 728"/>
                  <a:gd name="T130" fmla="*/ 0 h 393"/>
                  <a:gd name="T131" fmla="*/ 728 w 728"/>
                  <a:gd name="T132" fmla="*/ 393 h 393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T129" t="T130" r="T131" b="T132"/>
                <a:pathLst>
                  <a:path w="728" h="393">
                    <a:moveTo>
                      <a:pt x="0" y="379"/>
                    </a:moveTo>
                    <a:lnTo>
                      <a:pt x="27" y="0"/>
                    </a:lnTo>
                    <a:lnTo>
                      <a:pt x="38" y="2"/>
                    </a:lnTo>
                    <a:lnTo>
                      <a:pt x="49" y="4"/>
                    </a:lnTo>
                    <a:lnTo>
                      <a:pt x="65" y="5"/>
                    </a:lnTo>
                    <a:lnTo>
                      <a:pt x="80" y="5"/>
                    </a:lnTo>
                    <a:lnTo>
                      <a:pt x="98" y="7"/>
                    </a:lnTo>
                    <a:lnTo>
                      <a:pt x="119" y="9"/>
                    </a:lnTo>
                    <a:lnTo>
                      <a:pt x="139" y="9"/>
                    </a:lnTo>
                    <a:lnTo>
                      <a:pt x="163" y="11"/>
                    </a:lnTo>
                    <a:lnTo>
                      <a:pt x="186" y="11"/>
                    </a:lnTo>
                    <a:lnTo>
                      <a:pt x="212" y="12"/>
                    </a:lnTo>
                    <a:lnTo>
                      <a:pt x="237" y="12"/>
                    </a:lnTo>
                    <a:lnTo>
                      <a:pt x="264" y="12"/>
                    </a:lnTo>
                    <a:lnTo>
                      <a:pt x="291" y="14"/>
                    </a:lnTo>
                    <a:lnTo>
                      <a:pt x="318" y="14"/>
                    </a:lnTo>
                    <a:lnTo>
                      <a:pt x="346" y="14"/>
                    </a:lnTo>
                    <a:lnTo>
                      <a:pt x="373" y="14"/>
                    </a:lnTo>
                    <a:lnTo>
                      <a:pt x="400" y="16"/>
                    </a:lnTo>
                    <a:lnTo>
                      <a:pt x="427" y="16"/>
                    </a:lnTo>
                    <a:lnTo>
                      <a:pt x="452" y="16"/>
                    </a:lnTo>
                    <a:lnTo>
                      <a:pt x="478" y="16"/>
                    </a:lnTo>
                    <a:lnTo>
                      <a:pt x="501" y="16"/>
                    </a:lnTo>
                    <a:lnTo>
                      <a:pt x="525" y="16"/>
                    </a:lnTo>
                    <a:lnTo>
                      <a:pt x="545" y="17"/>
                    </a:lnTo>
                    <a:lnTo>
                      <a:pt x="566" y="17"/>
                    </a:lnTo>
                    <a:lnTo>
                      <a:pt x="584" y="17"/>
                    </a:lnTo>
                    <a:lnTo>
                      <a:pt x="601" y="17"/>
                    </a:lnTo>
                    <a:lnTo>
                      <a:pt x="616" y="17"/>
                    </a:lnTo>
                    <a:lnTo>
                      <a:pt x="628" y="17"/>
                    </a:lnTo>
                    <a:lnTo>
                      <a:pt x="638" y="17"/>
                    </a:lnTo>
                    <a:lnTo>
                      <a:pt x="645" y="17"/>
                    </a:lnTo>
                    <a:lnTo>
                      <a:pt x="650" y="17"/>
                    </a:lnTo>
                    <a:lnTo>
                      <a:pt x="652" y="17"/>
                    </a:lnTo>
                    <a:lnTo>
                      <a:pt x="650" y="16"/>
                    </a:lnTo>
                    <a:lnTo>
                      <a:pt x="662" y="22"/>
                    </a:lnTo>
                    <a:lnTo>
                      <a:pt x="674" y="33"/>
                    </a:lnTo>
                    <a:lnTo>
                      <a:pt x="684" y="31"/>
                    </a:lnTo>
                    <a:lnTo>
                      <a:pt x="686" y="33"/>
                    </a:lnTo>
                    <a:lnTo>
                      <a:pt x="687" y="33"/>
                    </a:lnTo>
                    <a:lnTo>
                      <a:pt x="691" y="34"/>
                    </a:lnTo>
                    <a:lnTo>
                      <a:pt x="694" y="36"/>
                    </a:lnTo>
                    <a:lnTo>
                      <a:pt x="696" y="38"/>
                    </a:lnTo>
                    <a:lnTo>
                      <a:pt x="698" y="41"/>
                    </a:lnTo>
                    <a:lnTo>
                      <a:pt x="696" y="46"/>
                    </a:lnTo>
                    <a:lnTo>
                      <a:pt x="692" y="51"/>
                    </a:lnTo>
                    <a:lnTo>
                      <a:pt x="679" y="70"/>
                    </a:lnTo>
                    <a:lnTo>
                      <a:pt x="679" y="78"/>
                    </a:lnTo>
                    <a:lnTo>
                      <a:pt x="692" y="88"/>
                    </a:lnTo>
                    <a:lnTo>
                      <a:pt x="696" y="95"/>
                    </a:lnTo>
                    <a:lnTo>
                      <a:pt x="698" y="107"/>
                    </a:lnTo>
                    <a:lnTo>
                      <a:pt x="709" y="121"/>
                    </a:lnTo>
                    <a:lnTo>
                      <a:pt x="726" y="121"/>
                    </a:lnTo>
                    <a:lnTo>
                      <a:pt x="728" y="393"/>
                    </a:lnTo>
                    <a:lnTo>
                      <a:pt x="726" y="393"/>
                    </a:lnTo>
                    <a:lnTo>
                      <a:pt x="721" y="393"/>
                    </a:lnTo>
                    <a:lnTo>
                      <a:pt x="713" y="393"/>
                    </a:lnTo>
                    <a:lnTo>
                      <a:pt x="703" y="393"/>
                    </a:lnTo>
                    <a:lnTo>
                      <a:pt x="689" y="393"/>
                    </a:lnTo>
                    <a:lnTo>
                      <a:pt x="672" y="393"/>
                    </a:lnTo>
                    <a:lnTo>
                      <a:pt x="654" y="393"/>
                    </a:lnTo>
                    <a:lnTo>
                      <a:pt x="635" y="393"/>
                    </a:lnTo>
                    <a:lnTo>
                      <a:pt x="611" y="393"/>
                    </a:lnTo>
                    <a:lnTo>
                      <a:pt x="588" y="393"/>
                    </a:lnTo>
                    <a:lnTo>
                      <a:pt x="562" y="393"/>
                    </a:lnTo>
                    <a:lnTo>
                      <a:pt x="535" y="393"/>
                    </a:lnTo>
                    <a:lnTo>
                      <a:pt x="508" y="393"/>
                    </a:lnTo>
                    <a:lnTo>
                      <a:pt x="478" y="391"/>
                    </a:lnTo>
                    <a:lnTo>
                      <a:pt x="449" y="391"/>
                    </a:lnTo>
                    <a:lnTo>
                      <a:pt x="418" y="391"/>
                    </a:lnTo>
                    <a:lnTo>
                      <a:pt x="388" y="391"/>
                    </a:lnTo>
                    <a:lnTo>
                      <a:pt x="356" y="390"/>
                    </a:lnTo>
                    <a:lnTo>
                      <a:pt x="325" y="390"/>
                    </a:lnTo>
                    <a:lnTo>
                      <a:pt x="295" y="390"/>
                    </a:lnTo>
                    <a:lnTo>
                      <a:pt x="263" y="388"/>
                    </a:lnTo>
                    <a:lnTo>
                      <a:pt x="234" y="388"/>
                    </a:lnTo>
                    <a:lnTo>
                      <a:pt x="203" y="388"/>
                    </a:lnTo>
                    <a:lnTo>
                      <a:pt x="175" y="386"/>
                    </a:lnTo>
                    <a:lnTo>
                      <a:pt x="148" y="386"/>
                    </a:lnTo>
                    <a:lnTo>
                      <a:pt x="120" y="385"/>
                    </a:lnTo>
                    <a:lnTo>
                      <a:pt x="97" y="385"/>
                    </a:lnTo>
                    <a:lnTo>
                      <a:pt x="73" y="383"/>
                    </a:lnTo>
                    <a:lnTo>
                      <a:pt x="51" y="383"/>
                    </a:lnTo>
                    <a:lnTo>
                      <a:pt x="32" y="381"/>
                    </a:lnTo>
                    <a:lnTo>
                      <a:pt x="16" y="379"/>
                    </a:lnTo>
                    <a:lnTo>
                      <a:pt x="0" y="37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57" name="Freeform 158"/>
              <p:cNvSpPr>
                <a:spLocks/>
              </p:cNvSpPr>
              <p:nvPr/>
            </p:nvSpPr>
            <p:spPr bwMode="auto">
              <a:xfrm>
                <a:off x="2637" y="1100"/>
                <a:ext cx="623" cy="709"/>
              </a:xfrm>
              <a:custGeom>
                <a:avLst/>
                <a:gdLst>
                  <a:gd name="T0" fmla="*/ 349 w 641"/>
                  <a:gd name="T1" fmla="*/ 443 h 731"/>
                  <a:gd name="T2" fmla="*/ 322 w 641"/>
                  <a:gd name="T3" fmla="*/ 421 h 731"/>
                  <a:gd name="T4" fmla="*/ 286 w 641"/>
                  <a:gd name="T5" fmla="*/ 391 h 731"/>
                  <a:gd name="T6" fmla="*/ 283 w 641"/>
                  <a:gd name="T7" fmla="*/ 385 h 731"/>
                  <a:gd name="T8" fmla="*/ 267 w 641"/>
                  <a:gd name="T9" fmla="*/ 382 h 731"/>
                  <a:gd name="T10" fmla="*/ 259 w 641"/>
                  <a:gd name="T11" fmla="*/ 362 h 731"/>
                  <a:gd name="T12" fmla="*/ 257 w 641"/>
                  <a:gd name="T13" fmla="*/ 346 h 731"/>
                  <a:gd name="T14" fmla="*/ 258 w 641"/>
                  <a:gd name="T15" fmla="*/ 321 h 731"/>
                  <a:gd name="T16" fmla="*/ 247 w 641"/>
                  <a:gd name="T17" fmla="*/ 291 h 731"/>
                  <a:gd name="T18" fmla="*/ 251 w 641"/>
                  <a:gd name="T19" fmla="*/ 288 h 731"/>
                  <a:gd name="T20" fmla="*/ 267 w 641"/>
                  <a:gd name="T21" fmla="*/ 271 h 731"/>
                  <a:gd name="T22" fmla="*/ 279 w 641"/>
                  <a:gd name="T23" fmla="*/ 216 h 731"/>
                  <a:gd name="T24" fmla="*/ 284 w 641"/>
                  <a:gd name="T25" fmla="*/ 209 h 731"/>
                  <a:gd name="T26" fmla="*/ 307 w 641"/>
                  <a:gd name="T27" fmla="*/ 191 h 731"/>
                  <a:gd name="T28" fmla="*/ 333 w 641"/>
                  <a:gd name="T29" fmla="*/ 167 h 731"/>
                  <a:gd name="T30" fmla="*/ 347 w 641"/>
                  <a:gd name="T31" fmla="*/ 149 h 731"/>
                  <a:gd name="T32" fmla="*/ 361 w 641"/>
                  <a:gd name="T33" fmla="*/ 135 h 731"/>
                  <a:gd name="T34" fmla="*/ 379 w 641"/>
                  <a:gd name="T35" fmla="*/ 124 h 731"/>
                  <a:gd name="T36" fmla="*/ 398 w 641"/>
                  <a:gd name="T37" fmla="*/ 118 h 731"/>
                  <a:gd name="T38" fmla="*/ 418 w 641"/>
                  <a:gd name="T39" fmla="*/ 107 h 731"/>
                  <a:gd name="T40" fmla="*/ 430 w 641"/>
                  <a:gd name="T41" fmla="*/ 99 h 731"/>
                  <a:gd name="T42" fmla="*/ 429 w 641"/>
                  <a:gd name="T43" fmla="*/ 98 h 731"/>
                  <a:gd name="T44" fmla="*/ 406 w 641"/>
                  <a:gd name="T45" fmla="*/ 101 h 731"/>
                  <a:gd name="T46" fmla="*/ 355 w 641"/>
                  <a:gd name="T47" fmla="*/ 95 h 731"/>
                  <a:gd name="T48" fmla="*/ 352 w 641"/>
                  <a:gd name="T49" fmla="*/ 85 h 731"/>
                  <a:gd name="T50" fmla="*/ 332 w 641"/>
                  <a:gd name="T51" fmla="*/ 98 h 731"/>
                  <a:gd name="T52" fmla="*/ 310 w 641"/>
                  <a:gd name="T53" fmla="*/ 98 h 731"/>
                  <a:gd name="T54" fmla="*/ 302 w 641"/>
                  <a:gd name="T55" fmla="*/ 89 h 731"/>
                  <a:gd name="T56" fmla="*/ 294 w 641"/>
                  <a:gd name="T57" fmla="*/ 87 h 731"/>
                  <a:gd name="T58" fmla="*/ 287 w 641"/>
                  <a:gd name="T59" fmla="*/ 79 h 731"/>
                  <a:gd name="T60" fmla="*/ 272 w 641"/>
                  <a:gd name="T61" fmla="*/ 86 h 731"/>
                  <a:gd name="T62" fmla="*/ 263 w 641"/>
                  <a:gd name="T63" fmla="*/ 76 h 731"/>
                  <a:gd name="T64" fmla="*/ 253 w 641"/>
                  <a:gd name="T65" fmla="*/ 66 h 731"/>
                  <a:gd name="T66" fmla="*/ 255 w 641"/>
                  <a:gd name="T67" fmla="*/ 65 h 731"/>
                  <a:gd name="T68" fmla="*/ 233 w 641"/>
                  <a:gd name="T69" fmla="*/ 61 h 731"/>
                  <a:gd name="T70" fmla="*/ 212 w 641"/>
                  <a:gd name="T71" fmla="*/ 59 h 731"/>
                  <a:gd name="T72" fmla="*/ 191 w 641"/>
                  <a:gd name="T73" fmla="*/ 69 h 731"/>
                  <a:gd name="T74" fmla="*/ 160 w 641"/>
                  <a:gd name="T75" fmla="*/ 55 h 731"/>
                  <a:gd name="T76" fmla="*/ 140 w 641"/>
                  <a:gd name="T77" fmla="*/ 47 h 731"/>
                  <a:gd name="T78" fmla="*/ 114 w 641"/>
                  <a:gd name="T79" fmla="*/ 23 h 731"/>
                  <a:gd name="T80" fmla="*/ 7 w 641"/>
                  <a:gd name="T81" fmla="*/ 58 h 731"/>
                  <a:gd name="T82" fmla="*/ 5 w 641"/>
                  <a:gd name="T83" fmla="*/ 86 h 731"/>
                  <a:gd name="T84" fmla="*/ 14 w 641"/>
                  <a:gd name="T85" fmla="*/ 121 h 731"/>
                  <a:gd name="T86" fmla="*/ 17 w 641"/>
                  <a:gd name="T87" fmla="*/ 141 h 731"/>
                  <a:gd name="T88" fmla="*/ 17 w 641"/>
                  <a:gd name="T89" fmla="*/ 172 h 731"/>
                  <a:gd name="T90" fmla="*/ 17 w 641"/>
                  <a:gd name="T91" fmla="*/ 193 h 731"/>
                  <a:gd name="T92" fmla="*/ 39 w 641"/>
                  <a:gd name="T93" fmla="*/ 279 h 731"/>
                  <a:gd name="T94" fmla="*/ 17 w 641"/>
                  <a:gd name="T95" fmla="*/ 304 h 731"/>
                  <a:gd name="T96" fmla="*/ 25 w 641"/>
                  <a:gd name="T97" fmla="*/ 316 h 731"/>
                  <a:gd name="T98" fmla="*/ 44 w 641"/>
                  <a:gd name="T99" fmla="*/ 328 h 731"/>
                  <a:gd name="T100" fmla="*/ 44 w 641"/>
                  <a:gd name="T101" fmla="*/ 376 h 731"/>
                  <a:gd name="T102" fmla="*/ 43 w 641"/>
                  <a:gd name="T103" fmla="*/ 454 h 731"/>
                  <a:gd name="T104" fmla="*/ 45 w 641"/>
                  <a:gd name="T105" fmla="*/ 476 h 731"/>
                  <a:gd name="T106" fmla="*/ 85 w 641"/>
                  <a:gd name="T107" fmla="*/ 476 h 731"/>
                  <a:gd name="T108" fmla="*/ 157 w 641"/>
                  <a:gd name="T109" fmla="*/ 474 h 731"/>
                  <a:gd name="T110" fmla="*/ 240 w 641"/>
                  <a:gd name="T111" fmla="*/ 472 h 731"/>
                  <a:gd name="T112" fmla="*/ 312 w 641"/>
                  <a:gd name="T113" fmla="*/ 471 h 731"/>
                  <a:gd name="T114" fmla="*/ 353 w 641"/>
                  <a:gd name="T115" fmla="*/ 468 h 731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641"/>
                  <a:gd name="T175" fmla="*/ 0 h 731"/>
                  <a:gd name="T176" fmla="*/ 641 w 641"/>
                  <a:gd name="T177" fmla="*/ 731 h 731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641" h="731">
                    <a:moveTo>
                      <a:pt x="526" y="718"/>
                    </a:moveTo>
                    <a:lnTo>
                      <a:pt x="528" y="716"/>
                    </a:lnTo>
                    <a:lnTo>
                      <a:pt x="528" y="709"/>
                    </a:lnTo>
                    <a:lnTo>
                      <a:pt x="525" y="701"/>
                    </a:lnTo>
                    <a:lnTo>
                      <a:pt x="523" y="691"/>
                    </a:lnTo>
                    <a:lnTo>
                      <a:pt x="520" y="682"/>
                    </a:lnTo>
                    <a:lnTo>
                      <a:pt x="518" y="674"/>
                    </a:lnTo>
                    <a:lnTo>
                      <a:pt x="515" y="667"/>
                    </a:lnTo>
                    <a:lnTo>
                      <a:pt x="513" y="665"/>
                    </a:lnTo>
                    <a:lnTo>
                      <a:pt x="499" y="660"/>
                    </a:lnTo>
                    <a:lnTo>
                      <a:pt x="487" y="653"/>
                    </a:lnTo>
                    <a:lnTo>
                      <a:pt x="479" y="645"/>
                    </a:lnTo>
                    <a:lnTo>
                      <a:pt x="471" y="637"/>
                    </a:lnTo>
                    <a:lnTo>
                      <a:pt x="465" y="628"/>
                    </a:lnTo>
                    <a:lnTo>
                      <a:pt x="460" y="620"/>
                    </a:lnTo>
                    <a:lnTo>
                      <a:pt x="457" y="616"/>
                    </a:lnTo>
                    <a:lnTo>
                      <a:pt x="457" y="613"/>
                    </a:lnTo>
                    <a:lnTo>
                      <a:pt x="427" y="601"/>
                    </a:lnTo>
                    <a:lnTo>
                      <a:pt x="425" y="593"/>
                    </a:lnTo>
                    <a:lnTo>
                      <a:pt x="423" y="593"/>
                    </a:lnTo>
                    <a:lnTo>
                      <a:pt x="423" y="591"/>
                    </a:lnTo>
                    <a:lnTo>
                      <a:pt x="421" y="591"/>
                    </a:lnTo>
                    <a:lnTo>
                      <a:pt x="418" y="591"/>
                    </a:lnTo>
                    <a:lnTo>
                      <a:pt x="416" y="591"/>
                    </a:lnTo>
                    <a:lnTo>
                      <a:pt x="413" y="593"/>
                    </a:lnTo>
                    <a:lnTo>
                      <a:pt x="410" y="591"/>
                    </a:lnTo>
                    <a:lnTo>
                      <a:pt x="405" y="589"/>
                    </a:lnTo>
                    <a:lnTo>
                      <a:pt x="398" y="587"/>
                    </a:lnTo>
                    <a:lnTo>
                      <a:pt x="393" y="582"/>
                    </a:lnTo>
                    <a:lnTo>
                      <a:pt x="388" y="577"/>
                    </a:lnTo>
                    <a:lnTo>
                      <a:pt x="384" y="574"/>
                    </a:lnTo>
                    <a:lnTo>
                      <a:pt x="383" y="569"/>
                    </a:lnTo>
                    <a:lnTo>
                      <a:pt x="383" y="564"/>
                    </a:lnTo>
                    <a:lnTo>
                      <a:pt x="386" y="555"/>
                    </a:lnTo>
                    <a:lnTo>
                      <a:pt x="388" y="550"/>
                    </a:lnTo>
                    <a:lnTo>
                      <a:pt x="388" y="545"/>
                    </a:lnTo>
                    <a:lnTo>
                      <a:pt x="388" y="542"/>
                    </a:lnTo>
                    <a:lnTo>
                      <a:pt x="386" y="538"/>
                    </a:lnTo>
                    <a:lnTo>
                      <a:pt x="384" y="535"/>
                    </a:lnTo>
                    <a:lnTo>
                      <a:pt x="383" y="532"/>
                    </a:lnTo>
                    <a:lnTo>
                      <a:pt x="379" y="528"/>
                    </a:lnTo>
                    <a:lnTo>
                      <a:pt x="379" y="523"/>
                    </a:lnTo>
                    <a:lnTo>
                      <a:pt x="379" y="515"/>
                    </a:lnTo>
                    <a:lnTo>
                      <a:pt x="379" y="508"/>
                    </a:lnTo>
                    <a:lnTo>
                      <a:pt x="383" y="499"/>
                    </a:lnTo>
                    <a:lnTo>
                      <a:pt x="384" y="493"/>
                    </a:lnTo>
                    <a:lnTo>
                      <a:pt x="388" y="486"/>
                    </a:lnTo>
                    <a:lnTo>
                      <a:pt x="388" y="481"/>
                    </a:lnTo>
                    <a:lnTo>
                      <a:pt x="389" y="481"/>
                    </a:lnTo>
                    <a:lnTo>
                      <a:pt x="381" y="467"/>
                    </a:lnTo>
                    <a:lnTo>
                      <a:pt x="367" y="467"/>
                    </a:lnTo>
                    <a:lnTo>
                      <a:pt x="367" y="447"/>
                    </a:lnTo>
                    <a:lnTo>
                      <a:pt x="369" y="447"/>
                    </a:lnTo>
                    <a:lnTo>
                      <a:pt x="371" y="445"/>
                    </a:lnTo>
                    <a:lnTo>
                      <a:pt x="372" y="445"/>
                    </a:lnTo>
                    <a:lnTo>
                      <a:pt x="374" y="442"/>
                    </a:lnTo>
                    <a:lnTo>
                      <a:pt x="374" y="440"/>
                    </a:lnTo>
                    <a:lnTo>
                      <a:pt x="376" y="437"/>
                    </a:lnTo>
                    <a:lnTo>
                      <a:pt x="377" y="432"/>
                    </a:lnTo>
                    <a:lnTo>
                      <a:pt x="384" y="427"/>
                    </a:lnTo>
                    <a:lnTo>
                      <a:pt x="389" y="422"/>
                    </a:lnTo>
                    <a:lnTo>
                      <a:pt x="398" y="415"/>
                    </a:lnTo>
                    <a:lnTo>
                      <a:pt x="405" y="410"/>
                    </a:lnTo>
                    <a:lnTo>
                      <a:pt x="411" y="406"/>
                    </a:lnTo>
                    <a:lnTo>
                      <a:pt x="415" y="403"/>
                    </a:lnTo>
                    <a:lnTo>
                      <a:pt x="418" y="403"/>
                    </a:lnTo>
                    <a:lnTo>
                      <a:pt x="416" y="332"/>
                    </a:lnTo>
                    <a:lnTo>
                      <a:pt x="415" y="332"/>
                    </a:lnTo>
                    <a:lnTo>
                      <a:pt x="415" y="330"/>
                    </a:lnTo>
                    <a:lnTo>
                      <a:pt x="416" y="329"/>
                    </a:lnTo>
                    <a:lnTo>
                      <a:pt x="418" y="325"/>
                    </a:lnTo>
                    <a:lnTo>
                      <a:pt x="423" y="322"/>
                    </a:lnTo>
                    <a:lnTo>
                      <a:pt x="430" y="317"/>
                    </a:lnTo>
                    <a:lnTo>
                      <a:pt x="435" y="313"/>
                    </a:lnTo>
                    <a:lnTo>
                      <a:pt x="440" y="308"/>
                    </a:lnTo>
                    <a:lnTo>
                      <a:pt x="445" y="303"/>
                    </a:lnTo>
                    <a:lnTo>
                      <a:pt x="450" y="298"/>
                    </a:lnTo>
                    <a:lnTo>
                      <a:pt x="457" y="293"/>
                    </a:lnTo>
                    <a:lnTo>
                      <a:pt x="464" y="286"/>
                    </a:lnTo>
                    <a:lnTo>
                      <a:pt x="471" y="279"/>
                    </a:lnTo>
                    <a:lnTo>
                      <a:pt x="477" y="274"/>
                    </a:lnTo>
                    <a:lnTo>
                      <a:pt x="484" y="268"/>
                    </a:lnTo>
                    <a:lnTo>
                      <a:pt x="491" y="261"/>
                    </a:lnTo>
                    <a:lnTo>
                      <a:pt x="496" y="256"/>
                    </a:lnTo>
                    <a:lnTo>
                      <a:pt x="503" y="249"/>
                    </a:lnTo>
                    <a:lnTo>
                      <a:pt x="506" y="244"/>
                    </a:lnTo>
                    <a:lnTo>
                      <a:pt x="511" y="239"/>
                    </a:lnTo>
                    <a:lnTo>
                      <a:pt x="515" y="235"/>
                    </a:lnTo>
                    <a:lnTo>
                      <a:pt x="516" y="232"/>
                    </a:lnTo>
                    <a:lnTo>
                      <a:pt x="518" y="229"/>
                    </a:lnTo>
                    <a:lnTo>
                      <a:pt x="520" y="224"/>
                    </a:lnTo>
                    <a:lnTo>
                      <a:pt x="523" y="220"/>
                    </a:lnTo>
                    <a:lnTo>
                      <a:pt x="525" y="217"/>
                    </a:lnTo>
                    <a:lnTo>
                      <a:pt x="528" y="213"/>
                    </a:lnTo>
                    <a:lnTo>
                      <a:pt x="533" y="210"/>
                    </a:lnTo>
                    <a:lnTo>
                      <a:pt x="537" y="207"/>
                    </a:lnTo>
                    <a:lnTo>
                      <a:pt x="542" y="203"/>
                    </a:lnTo>
                    <a:lnTo>
                      <a:pt x="547" y="200"/>
                    </a:lnTo>
                    <a:lnTo>
                      <a:pt x="550" y="198"/>
                    </a:lnTo>
                    <a:lnTo>
                      <a:pt x="555" y="195"/>
                    </a:lnTo>
                    <a:lnTo>
                      <a:pt x="560" y="193"/>
                    </a:lnTo>
                    <a:lnTo>
                      <a:pt x="565" y="190"/>
                    </a:lnTo>
                    <a:lnTo>
                      <a:pt x="570" y="188"/>
                    </a:lnTo>
                    <a:lnTo>
                      <a:pt x="574" y="188"/>
                    </a:lnTo>
                    <a:lnTo>
                      <a:pt x="579" y="186"/>
                    </a:lnTo>
                    <a:lnTo>
                      <a:pt x="582" y="185"/>
                    </a:lnTo>
                    <a:lnTo>
                      <a:pt x="587" y="183"/>
                    </a:lnTo>
                    <a:lnTo>
                      <a:pt x="592" y="181"/>
                    </a:lnTo>
                    <a:lnTo>
                      <a:pt x="597" y="180"/>
                    </a:lnTo>
                    <a:lnTo>
                      <a:pt x="603" y="176"/>
                    </a:lnTo>
                    <a:lnTo>
                      <a:pt x="608" y="173"/>
                    </a:lnTo>
                    <a:lnTo>
                      <a:pt x="613" y="169"/>
                    </a:lnTo>
                    <a:lnTo>
                      <a:pt x="618" y="166"/>
                    </a:lnTo>
                    <a:lnTo>
                      <a:pt x="623" y="164"/>
                    </a:lnTo>
                    <a:lnTo>
                      <a:pt x="628" y="161"/>
                    </a:lnTo>
                    <a:lnTo>
                      <a:pt x="631" y="158"/>
                    </a:lnTo>
                    <a:lnTo>
                      <a:pt x="635" y="156"/>
                    </a:lnTo>
                    <a:lnTo>
                      <a:pt x="638" y="154"/>
                    </a:lnTo>
                    <a:lnTo>
                      <a:pt x="640" y="153"/>
                    </a:lnTo>
                    <a:lnTo>
                      <a:pt x="641" y="151"/>
                    </a:lnTo>
                    <a:lnTo>
                      <a:pt x="641" y="149"/>
                    </a:lnTo>
                    <a:lnTo>
                      <a:pt x="640" y="149"/>
                    </a:lnTo>
                    <a:lnTo>
                      <a:pt x="638" y="149"/>
                    </a:lnTo>
                    <a:lnTo>
                      <a:pt x="633" y="149"/>
                    </a:lnTo>
                    <a:lnTo>
                      <a:pt x="625" y="153"/>
                    </a:lnTo>
                    <a:lnTo>
                      <a:pt x="618" y="153"/>
                    </a:lnTo>
                    <a:lnTo>
                      <a:pt x="611" y="153"/>
                    </a:lnTo>
                    <a:lnTo>
                      <a:pt x="606" y="153"/>
                    </a:lnTo>
                    <a:lnTo>
                      <a:pt x="603" y="149"/>
                    </a:lnTo>
                    <a:lnTo>
                      <a:pt x="599" y="147"/>
                    </a:lnTo>
                    <a:lnTo>
                      <a:pt x="597" y="146"/>
                    </a:lnTo>
                    <a:lnTo>
                      <a:pt x="596" y="144"/>
                    </a:lnTo>
                    <a:lnTo>
                      <a:pt x="530" y="144"/>
                    </a:lnTo>
                    <a:lnTo>
                      <a:pt x="530" y="131"/>
                    </a:lnTo>
                    <a:lnTo>
                      <a:pt x="528" y="131"/>
                    </a:lnTo>
                    <a:lnTo>
                      <a:pt x="526" y="131"/>
                    </a:lnTo>
                    <a:lnTo>
                      <a:pt x="525" y="131"/>
                    </a:lnTo>
                    <a:lnTo>
                      <a:pt x="523" y="131"/>
                    </a:lnTo>
                    <a:lnTo>
                      <a:pt x="521" y="131"/>
                    </a:lnTo>
                    <a:lnTo>
                      <a:pt x="520" y="131"/>
                    </a:lnTo>
                    <a:lnTo>
                      <a:pt x="518" y="131"/>
                    </a:lnTo>
                    <a:lnTo>
                      <a:pt x="509" y="139"/>
                    </a:lnTo>
                    <a:lnTo>
                      <a:pt x="501" y="146"/>
                    </a:lnTo>
                    <a:lnTo>
                      <a:pt x="494" y="149"/>
                    </a:lnTo>
                    <a:lnTo>
                      <a:pt x="487" y="153"/>
                    </a:lnTo>
                    <a:lnTo>
                      <a:pt x="481" y="154"/>
                    </a:lnTo>
                    <a:lnTo>
                      <a:pt x="476" y="154"/>
                    </a:lnTo>
                    <a:lnTo>
                      <a:pt x="471" y="153"/>
                    </a:lnTo>
                    <a:lnTo>
                      <a:pt x="465" y="153"/>
                    </a:lnTo>
                    <a:lnTo>
                      <a:pt x="462" y="149"/>
                    </a:lnTo>
                    <a:lnTo>
                      <a:pt x="459" y="147"/>
                    </a:lnTo>
                    <a:lnTo>
                      <a:pt x="455" y="144"/>
                    </a:lnTo>
                    <a:lnTo>
                      <a:pt x="454" y="142"/>
                    </a:lnTo>
                    <a:lnTo>
                      <a:pt x="452" y="141"/>
                    </a:lnTo>
                    <a:lnTo>
                      <a:pt x="450" y="139"/>
                    </a:lnTo>
                    <a:lnTo>
                      <a:pt x="450" y="137"/>
                    </a:lnTo>
                    <a:lnTo>
                      <a:pt x="450" y="136"/>
                    </a:lnTo>
                    <a:lnTo>
                      <a:pt x="449" y="136"/>
                    </a:lnTo>
                    <a:lnTo>
                      <a:pt x="447" y="136"/>
                    </a:lnTo>
                    <a:lnTo>
                      <a:pt x="443" y="136"/>
                    </a:lnTo>
                    <a:lnTo>
                      <a:pt x="440" y="136"/>
                    </a:lnTo>
                    <a:lnTo>
                      <a:pt x="437" y="134"/>
                    </a:lnTo>
                    <a:lnTo>
                      <a:pt x="435" y="132"/>
                    </a:lnTo>
                    <a:lnTo>
                      <a:pt x="433" y="131"/>
                    </a:lnTo>
                    <a:lnTo>
                      <a:pt x="432" y="127"/>
                    </a:lnTo>
                    <a:lnTo>
                      <a:pt x="432" y="125"/>
                    </a:lnTo>
                    <a:lnTo>
                      <a:pt x="430" y="124"/>
                    </a:lnTo>
                    <a:lnTo>
                      <a:pt x="428" y="120"/>
                    </a:lnTo>
                    <a:lnTo>
                      <a:pt x="427" y="117"/>
                    </a:lnTo>
                    <a:lnTo>
                      <a:pt x="423" y="117"/>
                    </a:lnTo>
                    <a:lnTo>
                      <a:pt x="420" y="117"/>
                    </a:lnTo>
                    <a:lnTo>
                      <a:pt x="415" y="119"/>
                    </a:lnTo>
                    <a:lnTo>
                      <a:pt x="411" y="122"/>
                    </a:lnTo>
                    <a:lnTo>
                      <a:pt x="405" y="132"/>
                    </a:lnTo>
                    <a:lnTo>
                      <a:pt x="399" y="136"/>
                    </a:lnTo>
                    <a:lnTo>
                      <a:pt x="396" y="134"/>
                    </a:lnTo>
                    <a:lnTo>
                      <a:pt x="396" y="131"/>
                    </a:lnTo>
                    <a:lnTo>
                      <a:pt x="394" y="125"/>
                    </a:lnTo>
                    <a:lnTo>
                      <a:pt x="393" y="120"/>
                    </a:lnTo>
                    <a:lnTo>
                      <a:pt x="393" y="115"/>
                    </a:lnTo>
                    <a:lnTo>
                      <a:pt x="389" y="112"/>
                    </a:lnTo>
                    <a:lnTo>
                      <a:pt x="381" y="109"/>
                    </a:lnTo>
                    <a:lnTo>
                      <a:pt x="377" y="105"/>
                    </a:lnTo>
                    <a:lnTo>
                      <a:pt x="376" y="103"/>
                    </a:lnTo>
                    <a:lnTo>
                      <a:pt x="376" y="102"/>
                    </a:lnTo>
                    <a:lnTo>
                      <a:pt x="376" y="100"/>
                    </a:lnTo>
                    <a:lnTo>
                      <a:pt x="377" y="100"/>
                    </a:lnTo>
                    <a:lnTo>
                      <a:pt x="379" y="98"/>
                    </a:lnTo>
                    <a:lnTo>
                      <a:pt x="377" y="98"/>
                    </a:lnTo>
                    <a:lnTo>
                      <a:pt x="374" y="97"/>
                    </a:lnTo>
                    <a:lnTo>
                      <a:pt x="371" y="97"/>
                    </a:lnTo>
                    <a:lnTo>
                      <a:pt x="364" y="97"/>
                    </a:lnTo>
                    <a:lnTo>
                      <a:pt x="355" y="95"/>
                    </a:lnTo>
                    <a:lnTo>
                      <a:pt x="347" y="93"/>
                    </a:lnTo>
                    <a:lnTo>
                      <a:pt x="339" y="92"/>
                    </a:lnTo>
                    <a:lnTo>
                      <a:pt x="332" y="90"/>
                    </a:lnTo>
                    <a:lnTo>
                      <a:pt x="327" y="88"/>
                    </a:lnTo>
                    <a:lnTo>
                      <a:pt x="322" y="88"/>
                    </a:lnTo>
                    <a:lnTo>
                      <a:pt x="318" y="88"/>
                    </a:lnTo>
                    <a:lnTo>
                      <a:pt x="315" y="90"/>
                    </a:lnTo>
                    <a:lnTo>
                      <a:pt x="311" y="92"/>
                    </a:lnTo>
                    <a:lnTo>
                      <a:pt x="306" y="98"/>
                    </a:lnTo>
                    <a:lnTo>
                      <a:pt x="301" y="102"/>
                    </a:lnTo>
                    <a:lnTo>
                      <a:pt x="296" y="105"/>
                    </a:lnTo>
                    <a:lnTo>
                      <a:pt x="289" y="105"/>
                    </a:lnTo>
                    <a:lnTo>
                      <a:pt x="286" y="105"/>
                    </a:lnTo>
                    <a:lnTo>
                      <a:pt x="283" y="105"/>
                    </a:lnTo>
                    <a:lnTo>
                      <a:pt x="279" y="105"/>
                    </a:lnTo>
                    <a:lnTo>
                      <a:pt x="278" y="105"/>
                    </a:lnTo>
                    <a:lnTo>
                      <a:pt x="276" y="92"/>
                    </a:lnTo>
                    <a:lnTo>
                      <a:pt x="242" y="92"/>
                    </a:lnTo>
                    <a:lnTo>
                      <a:pt x="240" y="83"/>
                    </a:lnTo>
                    <a:lnTo>
                      <a:pt x="229" y="85"/>
                    </a:lnTo>
                    <a:lnTo>
                      <a:pt x="222" y="85"/>
                    </a:lnTo>
                    <a:lnTo>
                      <a:pt x="215" y="83"/>
                    </a:lnTo>
                    <a:lnTo>
                      <a:pt x="212" y="80"/>
                    </a:lnTo>
                    <a:lnTo>
                      <a:pt x="208" y="76"/>
                    </a:lnTo>
                    <a:lnTo>
                      <a:pt x="207" y="73"/>
                    </a:lnTo>
                    <a:lnTo>
                      <a:pt x="205" y="71"/>
                    </a:lnTo>
                    <a:lnTo>
                      <a:pt x="205" y="70"/>
                    </a:lnTo>
                    <a:lnTo>
                      <a:pt x="205" y="26"/>
                    </a:lnTo>
                    <a:lnTo>
                      <a:pt x="181" y="2"/>
                    </a:lnTo>
                    <a:lnTo>
                      <a:pt x="168" y="0"/>
                    </a:lnTo>
                    <a:lnTo>
                      <a:pt x="169" y="37"/>
                    </a:lnTo>
                    <a:lnTo>
                      <a:pt x="159" y="46"/>
                    </a:lnTo>
                    <a:lnTo>
                      <a:pt x="0" y="48"/>
                    </a:lnTo>
                    <a:lnTo>
                      <a:pt x="7" y="85"/>
                    </a:lnTo>
                    <a:lnTo>
                      <a:pt x="7" y="87"/>
                    </a:lnTo>
                    <a:lnTo>
                      <a:pt x="7" y="88"/>
                    </a:lnTo>
                    <a:lnTo>
                      <a:pt x="7" y="93"/>
                    </a:lnTo>
                    <a:lnTo>
                      <a:pt x="5" y="100"/>
                    </a:lnTo>
                    <a:lnTo>
                      <a:pt x="5" y="107"/>
                    </a:lnTo>
                    <a:lnTo>
                      <a:pt x="5" y="114"/>
                    </a:lnTo>
                    <a:lnTo>
                      <a:pt x="5" y="124"/>
                    </a:lnTo>
                    <a:lnTo>
                      <a:pt x="5" y="132"/>
                    </a:lnTo>
                    <a:lnTo>
                      <a:pt x="5" y="142"/>
                    </a:lnTo>
                    <a:lnTo>
                      <a:pt x="7" y="153"/>
                    </a:lnTo>
                    <a:lnTo>
                      <a:pt x="7" y="161"/>
                    </a:lnTo>
                    <a:lnTo>
                      <a:pt x="9" y="169"/>
                    </a:lnTo>
                    <a:lnTo>
                      <a:pt x="10" y="178"/>
                    </a:lnTo>
                    <a:lnTo>
                      <a:pt x="14" y="186"/>
                    </a:lnTo>
                    <a:lnTo>
                      <a:pt x="17" y="193"/>
                    </a:lnTo>
                    <a:lnTo>
                      <a:pt x="22" y="198"/>
                    </a:lnTo>
                    <a:lnTo>
                      <a:pt x="22" y="200"/>
                    </a:lnTo>
                    <a:lnTo>
                      <a:pt x="22" y="203"/>
                    </a:lnTo>
                    <a:lnTo>
                      <a:pt x="24" y="208"/>
                    </a:lnTo>
                    <a:lnTo>
                      <a:pt x="25" y="217"/>
                    </a:lnTo>
                    <a:lnTo>
                      <a:pt x="27" y="225"/>
                    </a:lnTo>
                    <a:lnTo>
                      <a:pt x="29" y="235"/>
                    </a:lnTo>
                    <a:lnTo>
                      <a:pt x="29" y="246"/>
                    </a:lnTo>
                    <a:lnTo>
                      <a:pt x="31" y="256"/>
                    </a:lnTo>
                    <a:lnTo>
                      <a:pt x="31" y="259"/>
                    </a:lnTo>
                    <a:lnTo>
                      <a:pt x="31" y="264"/>
                    </a:lnTo>
                    <a:lnTo>
                      <a:pt x="31" y="271"/>
                    </a:lnTo>
                    <a:lnTo>
                      <a:pt x="31" y="278"/>
                    </a:lnTo>
                    <a:lnTo>
                      <a:pt x="31" y="285"/>
                    </a:lnTo>
                    <a:lnTo>
                      <a:pt x="31" y="290"/>
                    </a:lnTo>
                    <a:lnTo>
                      <a:pt x="31" y="295"/>
                    </a:lnTo>
                    <a:lnTo>
                      <a:pt x="31" y="296"/>
                    </a:lnTo>
                    <a:lnTo>
                      <a:pt x="39" y="310"/>
                    </a:lnTo>
                    <a:lnTo>
                      <a:pt x="36" y="332"/>
                    </a:lnTo>
                    <a:lnTo>
                      <a:pt x="39" y="362"/>
                    </a:lnTo>
                    <a:lnTo>
                      <a:pt x="49" y="376"/>
                    </a:lnTo>
                    <a:lnTo>
                      <a:pt x="54" y="389"/>
                    </a:lnTo>
                    <a:lnTo>
                      <a:pt x="53" y="427"/>
                    </a:lnTo>
                    <a:lnTo>
                      <a:pt x="53" y="437"/>
                    </a:lnTo>
                    <a:lnTo>
                      <a:pt x="37" y="455"/>
                    </a:lnTo>
                    <a:lnTo>
                      <a:pt x="36" y="457"/>
                    </a:lnTo>
                    <a:lnTo>
                      <a:pt x="34" y="459"/>
                    </a:lnTo>
                    <a:lnTo>
                      <a:pt x="32" y="462"/>
                    </a:lnTo>
                    <a:lnTo>
                      <a:pt x="31" y="466"/>
                    </a:lnTo>
                    <a:lnTo>
                      <a:pt x="29" y="469"/>
                    </a:lnTo>
                    <a:lnTo>
                      <a:pt x="29" y="474"/>
                    </a:lnTo>
                    <a:lnTo>
                      <a:pt x="31" y="477"/>
                    </a:lnTo>
                    <a:lnTo>
                      <a:pt x="34" y="481"/>
                    </a:lnTo>
                    <a:lnTo>
                      <a:pt x="36" y="481"/>
                    </a:lnTo>
                    <a:lnTo>
                      <a:pt x="39" y="484"/>
                    </a:lnTo>
                    <a:lnTo>
                      <a:pt x="44" y="488"/>
                    </a:lnTo>
                    <a:lnTo>
                      <a:pt x="49" y="491"/>
                    </a:lnTo>
                    <a:lnTo>
                      <a:pt x="54" y="496"/>
                    </a:lnTo>
                    <a:lnTo>
                      <a:pt x="59" y="499"/>
                    </a:lnTo>
                    <a:lnTo>
                      <a:pt x="61" y="501"/>
                    </a:lnTo>
                    <a:lnTo>
                      <a:pt x="63" y="503"/>
                    </a:lnTo>
                    <a:lnTo>
                      <a:pt x="63" y="505"/>
                    </a:lnTo>
                    <a:lnTo>
                      <a:pt x="63" y="511"/>
                    </a:lnTo>
                    <a:lnTo>
                      <a:pt x="63" y="523"/>
                    </a:lnTo>
                    <a:lnTo>
                      <a:pt x="63" y="538"/>
                    </a:lnTo>
                    <a:lnTo>
                      <a:pt x="63" y="555"/>
                    </a:lnTo>
                    <a:lnTo>
                      <a:pt x="63" y="576"/>
                    </a:lnTo>
                    <a:lnTo>
                      <a:pt x="63" y="596"/>
                    </a:lnTo>
                    <a:lnTo>
                      <a:pt x="63" y="618"/>
                    </a:lnTo>
                    <a:lnTo>
                      <a:pt x="63" y="638"/>
                    </a:lnTo>
                    <a:lnTo>
                      <a:pt x="61" y="660"/>
                    </a:lnTo>
                    <a:lnTo>
                      <a:pt x="61" y="679"/>
                    </a:lnTo>
                    <a:lnTo>
                      <a:pt x="61" y="696"/>
                    </a:lnTo>
                    <a:lnTo>
                      <a:pt x="61" y="711"/>
                    </a:lnTo>
                    <a:lnTo>
                      <a:pt x="61" y="721"/>
                    </a:lnTo>
                    <a:lnTo>
                      <a:pt x="63" y="728"/>
                    </a:lnTo>
                    <a:lnTo>
                      <a:pt x="63" y="731"/>
                    </a:lnTo>
                    <a:lnTo>
                      <a:pt x="63" y="730"/>
                    </a:lnTo>
                    <a:lnTo>
                      <a:pt x="66" y="730"/>
                    </a:lnTo>
                    <a:lnTo>
                      <a:pt x="73" y="730"/>
                    </a:lnTo>
                    <a:lnTo>
                      <a:pt x="80" y="730"/>
                    </a:lnTo>
                    <a:lnTo>
                      <a:pt x="90" y="730"/>
                    </a:lnTo>
                    <a:lnTo>
                      <a:pt x="100" y="730"/>
                    </a:lnTo>
                    <a:lnTo>
                      <a:pt x="113" y="730"/>
                    </a:lnTo>
                    <a:lnTo>
                      <a:pt x="127" y="730"/>
                    </a:lnTo>
                    <a:lnTo>
                      <a:pt x="144" y="730"/>
                    </a:lnTo>
                    <a:lnTo>
                      <a:pt x="159" y="730"/>
                    </a:lnTo>
                    <a:lnTo>
                      <a:pt x="178" y="730"/>
                    </a:lnTo>
                    <a:lnTo>
                      <a:pt x="196" y="730"/>
                    </a:lnTo>
                    <a:lnTo>
                      <a:pt x="215" y="730"/>
                    </a:lnTo>
                    <a:lnTo>
                      <a:pt x="235" y="728"/>
                    </a:lnTo>
                    <a:lnTo>
                      <a:pt x="254" y="728"/>
                    </a:lnTo>
                    <a:lnTo>
                      <a:pt x="274" y="728"/>
                    </a:lnTo>
                    <a:lnTo>
                      <a:pt x="296" y="728"/>
                    </a:lnTo>
                    <a:lnTo>
                      <a:pt x="317" y="728"/>
                    </a:lnTo>
                    <a:lnTo>
                      <a:pt x="337" y="728"/>
                    </a:lnTo>
                    <a:lnTo>
                      <a:pt x="357" y="726"/>
                    </a:lnTo>
                    <a:lnTo>
                      <a:pt x="376" y="726"/>
                    </a:lnTo>
                    <a:lnTo>
                      <a:pt x="396" y="726"/>
                    </a:lnTo>
                    <a:lnTo>
                      <a:pt x="415" y="726"/>
                    </a:lnTo>
                    <a:lnTo>
                      <a:pt x="432" y="725"/>
                    </a:lnTo>
                    <a:lnTo>
                      <a:pt x="449" y="725"/>
                    </a:lnTo>
                    <a:lnTo>
                      <a:pt x="465" y="725"/>
                    </a:lnTo>
                    <a:lnTo>
                      <a:pt x="479" y="723"/>
                    </a:lnTo>
                    <a:lnTo>
                      <a:pt x="493" y="723"/>
                    </a:lnTo>
                    <a:lnTo>
                      <a:pt x="503" y="721"/>
                    </a:lnTo>
                    <a:lnTo>
                      <a:pt x="513" y="721"/>
                    </a:lnTo>
                    <a:lnTo>
                      <a:pt x="521" y="719"/>
                    </a:lnTo>
                    <a:lnTo>
                      <a:pt x="526" y="718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58" name="Group 159"/>
              <p:cNvGrpSpPr>
                <a:grpSpLocks/>
              </p:cNvGrpSpPr>
              <p:nvPr/>
            </p:nvGrpSpPr>
            <p:grpSpPr bwMode="auto">
              <a:xfrm>
                <a:off x="3736" y="1882"/>
                <a:ext cx="401" cy="455"/>
                <a:chOff x="3961" y="1493"/>
                <a:chExt cx="412" cy="469"/>
              </a:xfrm>
            </p:grpSpPr>
            <p:sp>
              <p:nvSpPr>
                <p:cNvPr id="89" name="Freeform 160"/>
                <p:cNvSpPr>
                  <a:spLocks/>
                </p:cNvSpPr>
                <p:nvPr/>
              </p:nvSpPr>
              <p:spPr bwMode="auto">
                <a:xfrm>
                  <a:off x="3961" y="1493"/>
                  <a:ext cx="412" cy="469"/>
                </a:xfrm>
                <a:custGeom>
                  <a:avLst/>
                  <a:gdLst>
                    <a:gd name="T0" fmla="*/ 121 w 412"/>
                    <a:gd name="T1" fmla="*/ 76 h 469"/>
                    <a:gd name="T2" fmla="*/ 130 w 412"/>
                    <a:gd name="T3" fmla="*/ 73 h 469"/>
                    <a:gd name="T4" fmla="*/ 152 w 412"/>
                    <a:gd name="T5" fmla="*/ 78 h 469"/>
                    <a:gd name="T6" fmla="*/ 181 w 412"/>
                    <a:gd name="T7" fmla="*/ 79 h 469"/>
                    <a:gd name="T8" fmla="*/ 169 w 412"/>
                    <a:gd name="T9" fmla="*/ 100 h 469"/>
                    <a:gd name="T10" fmla="*/ 182 w 412"/>
                    <a:gd name="T11" fmla="*/ 100 h 469"/>
                    <a:gd name="T12" fmla="*/ 196 w 412"/>
                    <a:gd name="T13" fmla="*/ 93 h 469"/>
                    <a:gd name="T14" fmla="*/ 209 w 412"/>
                    <a:gd name="T15" fmla="*/ 98 h 469"/>
                    <a:gd name="T16" fmla="*/ 226 w 412"/>
                    <a:gd name="T17" fmla="*/ 91 h 469"/>
                    <a:gd name="T18" fmla="*/ 240 w 412"/>
                    <a:gd name="T19" fmla="*/ 86 h 469"/>
                    <a:gd name="T20" fmla="*/ 255 w 412"/>
                    <a:gd name="T21" fmla="*/ 78 h 469"/>
                    <a:gd name="T22" fmla="*/ 270 w 412"/>
                    <a:gd name="T23" fmla="*/ 76 h 469"/>
                    <a:gd name="T24" fmla="*/ 277 w 412"/>
                    <a:gd name="T25" fmla="*/ 76 h 469"/>
                    <a:gd name="T26" fmla="*/ 291 w 412"/>
                    <a:gd name="T27" fmla="*/ 62 h 469"/>
                    <a:gd name="T28" fmla="*/ 318 w 412"/>
                    <a:gd name="T29" fmla="*/ 37 h 469"/>
                    <a:gd name="T30" fmla="*/ 353 w 412"/>
                    <a:gd name="T31" fmla="*/ 12 h 469"/>
                    <a:gd name="T32" fmla="*/ 380 w 412"/>
                    <a:gd name="T33" fmla="*/ 0 h 469"/>
                    <a:gd name="T34" fmla="*/ 404 w 412"/>
                    <a:gd name="T35" fmla="*/ 176 h 469"/>
                    <a:gd name="T36" fmla="*/ 409 w 412"/>
                    <a:gd name="T37" fmla="*/ 206 h 469"/>
                    <a:gd name="T38" fmla="*/ 404 w 412"/>
                    <a:gd name="T39" fmla="*/ 227 h 469"/>
                    <a:gd name="T40" fmla="*/ 399 w 412"/>
                    <a:gd name="T41" fmla="*/ 262 h 469"/>
                    <a:gd name="T42" fmla="*/ 399 w 412"/>
                    <a:gd name="T43" fmla="*/ 274 h 469"/>
                    <a:gd name="T44" fmla="*/ 399 w 412"/>
                    <a:gd name="T45" fmla="*/ 291 h 469"/>
                    <a:gd name="T46" fmla="*/ 387 w 412"/>
                    <a:gd name="T47" fmla="*/ 308 h 469"/>
                    <a:gd name="T48" fmla="*/ 370 w 412"/>
                    <a:gd name="T49" fmla="*/ 326 h 469"/>
                    <a:gd name="T50" fmla="*/ 365 w 412"/>
                    <a:gd name="T51" fmla="*/ 333 h 469"/>
                    <a:gd name="T52" fmla="*/ 351 w 412"/>
                    <a:gd name="T53" fmla="*/ 337 h 469"/>
                    <a:gd name="T54" fmla="*/ 326 w 412"/>
                    <a:gd name="T55" fmla="*/ 382 h 469"/>
                    <a:gd name="T56" fmla="*/ 323 w 412"/>
                    <a:gd name="T57" fmla="*/ 396 h 469"/>
                    <a:gd name="T58" fmla="*/ 311 w 412"/>
                    <a:gd name="T59" fmla="*/ 391 h 469"/>
                    <a:gd name="T60" fmla="*/ 302 w 412"/>
                    <a:gd name="T61" fmla="*/ 387 h 469"/>
                    <a:gd name="T62" fmla="*/ 296 w 412"/>
                    <a:gd name="T63" fmla="*/ 404 h 469"/>
                    <a:gd name="T64" fmla="*/ 292 w 412"/>
                    <a:gd name="T65" fmla="*/ 413 h 469"/>
                    <a:gd name="T66" fmla="*/ 289 w 412"/>
                    <a:gd name="T67" fmla="*/ 419 h 469"/>
                    <a:gd name="T68" fmla="*/ 285 w 412"/>
                    <a:gd name="T69" fmla="*/ 453 h 469"/>
                    <a:gd name="T70" fmla="*/ 263 w 412"/>
                    <a:gd name="T71" fmla="*/ 469 h 469"/>
                    <a:gd name="T72" fmla="*/ 253 w 412"/>
                    <a:gd name="T73" fmla="*/ 458 h 469"/>
                    <a:gd name="T74" fmla="*/ 236 w 412"/>
                    <a:gd name="T75" fmla="*/ 450 h 469"/>
                    <a:gd name="T76" fmla="*/ 231 w 412"/>
                    <a:gd name="T77" fmla="*/ 443 h 469"/>
                    <a:gd name="T78" fmla="*/ 214 w 412"/>
                    <a:gd name="T79" fmla="*/ 436 h 469"/>
                    <a:gd name="T80" fmla="*/ 198 w 412"/>
                    <a:gd name="T81" fmla="*/ 452 h 469"/>
                    <a:gd name="T82" fmla="*/ 177 w 412"/>
                    <a:gd name="T83" fmla="*/ 453 h 469"/>
                    <a:gd name="T84" fmla="*/ 169 w 412"/>
                    <a:gd name="T85" fmla="*/ 448 h 469"/>
                    <a:gd name="T86" fmla="*/ 157 w 412"/>
                    <a:gd name="T87" fmla="*/ 452 h 469"/>
                    <a:gd name="T88" fmla="*/ 143 w 412"/>
                    <a:gd name="T89" fmla="*/ 455 h 469"/>
                    <a:gd name="T90" fmla="*/ 98 w 412"/>
                    <a:gd name="T91" fmla="*/ 440 h 469"/>
                    <a:gd name="T92" fmla="*/ 89 w 412"/>
                    <a:gd name="T93" fmla="*/ 423 h 469"/>
                    <a:gd name="T94" fmla="*/ 59 w 412"/>
                    <a:gd name="T95" fmla="*/ 414 h 469"/>
                    <a:gd name="T96" fmla="*/ 42 w 412"/>
                    <a:gd name="T97" fmla="*/ 414 h 469"/>
                    <a:gd name="T98" fmla="*/ 0 w 412"/>
                    <a:gd name="T99" fmla="*/ 96 h 469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w 412"/>
                    <a:gd name="T151" fmla="*/ 0 h 469"/>
                    <a:gd name="T152" fmla="*/ 412 w 412"/>
                    <a:gd name="T153" fmla="*/ 469 h 469"/>
                  </a:gdLst>
                  <a:ahLst/>
                  <a:cxnLst>
                    <a:cxn ang="T100">
                      <a:pos x="T0" y="T1"/>
                    </a:cxn>
                    <a:cxn ang="T101">
                      <a:pos x="T2" y="T3"/>
                    </a:cxn>
                    <a:cxn ang="T102">
                      <a:pos x="T4" y="T5"/>
                    </a:cxn>
                    <a:cxn ang="T103">
                      <a:pos x="T6" y="T7"/>
                    </a:cxn>
                    <a:cxn ang="T104">
                      <a:pos x="T8" y="T9"/>
                    </a:cxn>
                    <a:cxn ang="T105">
                      <a:pos x="T10" y="T11"/>
                    </a:cxn>
                    <a:cxn ang="T106">
                      <a:pos x="T12" y="T13"/>
                    </a:cxn>
                    <a:cxn ang="T107">
                      <a:pos x="T14" y="T15"/>
                    </a:cxn>
                    <a:cxn ang="T108">
                      <a:pos x="T16" y="T17"/>
                    </a:cxn>
                    <a:cxn ang="T109">
                      <a:pos x="T18" y="T19"/>
                    </a:cxn>
                    <a:cxn ang="T110">
                      <a:pos x="T20" y="T21"/>
                    </a:cxn>
                    <a:cxn ang="T111">
                      <a:pos x="T22" y="T23"/>
                    </a:cxn>
                    <a:cxn ang="T112">
                      <a:pos x="T24" y="T25"/>
                    </a:cxn>
                    <a:cxn ang="T113">
                      <a:pos x="T26" y="T27"/>
                    </a:cxn>
                    <a:cxn ang="T114">
                      <a:pos x="T28" y="T29"/>
                    </a:cxn>
                    <a:cxn ang="T115">
                      <a:pos x="T30" y="T31"/>
                    </a:cxn>
                    <a:cxn ang="T116">
                      <a:pos x="T32" y="T33"/>
                    </a:cxn>
                    <a:cxn ang="T117">
                      <a:pos x="T34" y="T35"/>
                    </a:cxn>
                    <a:cxn ang="T118">
                      <a:pos x="T36" y="T37"/>
                    </a:cxn>
                    <a:cxn ang="T119">
                      <a:pos x="T38" y="T39"/>
                    </a:cxn>
                    <a:cxn ang="T120">
                      <a:pos x="T40" y="T41"/>
                    </a:cxn>
                    <a:cxn ang="T121">
                      <a:pos x="T42" y="T43"/>
                    </a:cxn>
                    <a:cxn ang="T122">
                      <a:pos x="T44" y="T45"/>
                    </a:cxn>
                    <a:cxn ang="T123">
                      <a:pos x="T46" y="T47"/>
                    </a:cxn>
                    <a:cxn ang="T124">
                      <a:pos x="T48" y="T49"/>
                    </a:cxn>
                    <a:cxn ang="T125">
                      <a:pos x="T50" y="T51"/>
                    </a:cxn>
                    <a:cxn ang="T126">
                      <a:pos x="T52" y="T53"/>
                    </a:cxn>
                    <a:cxn ang="T127">
                      <a:pos x="T54" y="T55"/>
                    </a:cxn>
                    <a:cxn ang="T128">
                      <a:pos x="T56" y="T57"/>
                    </a:cxn>
                    <a:cxn ang="T129">
                      <a:pos x="T58" y="T59"/>
                    </a:cxn>
                    <a:cxn ang="T130">
                      <a:pos x="T60" y="T61"/>
                    </a:cxn>
                    <a:cxn ang="T131">
                      <a:pos x="T62" y="T63"/>
                    </a:cxn>
                    <a:cxn ang="T132">
                      <a:pos x="T64" y="T65"/>
                    </a:cxn>
                    <a:cxn ang="T133">
                      <a:pos x="T66" y="T67"/>
                    </a:cxn>
                    <a:cxn ang="T134">
                      <a:pos x="T68" y="T69"/>
                    </a:cxn>
                    <a:cxn ang="T135">
                      <a:pos x="T70" y="T71"/>
                    </a:cxn>
                    <a:cxn ang="T136">
                      <a:pos x="T72" y="T73"/>
                    </a:cxn>
                    <a:cxn ang="T137">
                      <a:pos x="T74" y="T75"/>
                    </a:cxn>
                    <a:cxn ang="T138">
                      <a:pos x="T76" y="T77"/>
                    </a:cxn>
                    <a:cxn ang="T139">
                      <a:pos x="T78" y="T79"/>
                    </a:cxn>
                    <a:cxn ang="T140">
                      <a:pos x="T80" y="T81"/>
                    </a:cxn>
                    <a:cxn ang="T141">
                      <a:pos x="T82" y="T83"/>
                    </a:cxn>
                    <a:cxn ang="T142">
                      <a:pos x="T84" y="T85"/>
                    </a:cxn>
                    <a:cxn ang="T143">
                      <a:pos x="T86" y="T87"/>
                    </a:cxn>
                    <a:cxn ang="T144">
                      <a:pos x="T88" y="T89"/>
                    </a:cxn>
                    <a:cxn ang="T145">
                      <a:pos x="T90" y="T91"/>
                    </a:cxn>
                    <a:cxn ang="T146">
                      <a:pos x="T92" y="T93"/>
                    </a:cxn>
                    <a:cxn ang="T147">
                      <a:pos x="T94" y="T95"/>
                    </a:cxn>
                    <a:cxn ang="T148">
                      <a:pos x="T96" y="T97"/>
                    </a:cxn>
                    <a:cxn ang="T149">
                      <a:pos x="T98" y="T99"/>
                    </a:cxn>
                  </a:cxnLst>
                  <a:rect l="T150" t="T151" r="T152" b="T153"/>
                  <a:pathLst>
                    <a:path w="412" h="469">
                      <a:moveTo>
                        <a:pt x="0" y="96"/>
                      </a:moveTo>
                      <a:lnTo>
                        <a:pt x="116" y="78"/>
                      </a:lnTo>
                      <a:lnTo>
                        <a:pt x="118" y="78"/>
                      </a:lnTo>
                      <a:lnTo>
                        <a:pt x="121" y="76"/>
                      </a:lnTo>
                      <a:lnTo>
                        <a:pt x="125" y="74"/>
                      </a:lnTo>
                      <a:lnTo>
                        <a:pt x="126" y="73"/>
                      </a:lnTo>
                      <a:lnTo>
                        <a:pt x="128" y="73"/>
                      </a:lnTo>
                      <a:lnTo>
                        <a:pt x="130" y="73"/>
                      </a:lnTo>
                      <a:lnTo>
                        <a:pt x="135" y="73"/>
                      </a:lnTo>
                      <a:lnTo>
                        <a:pt x="140" y="73"/>
                      </a:lnTo>
                      <a:lnTo>
                        <a:pt x="145" y="74"/>
                      </a:lnTo>
                      <a:lnTo>
                        <a:pt x="152" y="78"/>
                      </a:lnTo>
                      <a:lnTo>
                        <a:pt x="159" y="81"/>
                      </a:lnTo>
                      <a:lnTo>
                        <a:pt x="164" y="86"/>
                      </a:lnTo>
                      <a:lnTo>
                        <a:pt x="174" y="86"/>
                      </a:lnTo>
                      <a:lnTo>
                        <a:pt x="181" y="79"/>
                      </a:lnTo>
                      <a:lnTo>
                        <a:pt x="191" y="84"/>
                      </a:lnTo>
                      <a:lnTo>
                        <a:pt x="177" y="91"/>
                      </a:lnTo>
                      <a:lnTo>
                        <a:pt x="169" y="100"/>
                      </a:lnTo>
                      <a:lnTo>
                        <a:pt x="170" y="100"/>
                      </a:lnTo>
                      <a:lnTo>
                        <a:pt x="174" y="100"/>
                      </a:lnTo>
                      <a:lnTo>
                        <a:pt x="177" y="100"/>
                      </a:lnTo>
                      <a:lnTo>
                        <a:pt x="182" y="100"/>
                      </a:lnTo>
                      <a:lnTo>
                        <a:pt x="186" y="98"/>
                      </a:lnTo>
                      <a:lnTo>
                        <a:pt x="191" y="95"/>
                      </a:lnTo>
                      <a:lnTo>
                        <a:pt x="196" y="91"/>
                      </a:lnTo>
                      <a:lnTo>
                        <a:pt x="196" y="93"/>
                      </a:lnTo>
                      <a:lnTo>
                        <a:pt x="198" y="93"/>
                      </a:lnTo>
                      <a:lnTo>
                        <a:pt x="201" y="95"/>
                      </a:lnTo>
                      <a:lnTo>
                        <a:pt x="206" y="96"/>
                      </a:lnTo>
                      <a:lnTo>
                        <a:pt x="209" y="98"/>
                      </a:lnTo>
                      <a:lnTo>
                        <a:pt x="214" y="98"/>
                      </a:lnTo>
                      <a:lnTo>
                        <a:pt x="219" y="96"/>
                      </a:lnTo>
                      <a:lnTo>
                        <a:pt x="226" y="91"/>
                      </a:lnTo>
                      <a:lnTo>
                        <a:pt x="230" y="91"/>
                      </a:lnTo>
                      <a:lnTo>
                        <a:pt x="231" y="89"/>
                      </a:lnTo>
                      <a:lnTo>
                        <a:pt x="236" y="88"/>
                      </a:lnTo>
                      <a:lnTo>
                        <a:pt x="240" y="86"/>
                      </a:lnTo>
                      <a:lnTo>
                        <a:pt x="245" y="84"/>
                      </a:lnTo>
                      <a:lnTo>
                        <a:pt x="250" y="81"/>
                      </a:lnTo>
                      <a:lnTo>
                        <a:pt x="253" y="78"/>
                      </a:lnTo>
                      <a:lnTo>
                        <a:pt x="255" y="78"/>
                      </a:lnTo>
                      <a:lnTo>
                        <a:pt x="258" y="78"/>
                      </a:lnTo>
                      <a:lnTo>
                        <a:pt x="262" y="78"/>
                      </a:lnTo>
                      <a:lnTo>
                        <a:pt x="265" y="76"/>
                      </a:lnTo>
                      <a:lnTo>
                        <a:pt x="270" y="76"/>
                      </a:lnTo>
                      <a:lnTo>
                        <a:pt x="274" y="76"/>
                      </a:lnTo>
                      <a:lnTo>
                        <a:pt x="275" y="76"/>
                      </a:lnTo>
                      <a:lnTo>
                        <a:pt x="277" y="76"/>
                      </a:lnTo>
                      <a:lnTo>
                        <a:pt x="279" y="74"/>
                      </a:lnTo>
                      <a:lnTo>
                        <a:pt x="282" y="71"/>
                      </a:lnTo>
                      <a:lnTo>
                        <a:pt x="285" y="67"/>
                      </a:lnTo>
                      <a:lnTo>
                        <a:pt x="291" y="62"/>
                      </a:lnTo>
                      <a:lnTo>
                        <a:pt x="297" y="56"/>
                      </a:lnTo>
                      <a:lnTo>
                        <a:pt x="302" y="51"/>
                      </a:lnTo>
                      <a:lnTo>
                        <a:pt x="311" y="44"/>
                      </a:lnTo>
                      <a:lnTo>
                        <a:pt x="318" y="37"/>
                      </a:lnTo>
                      <a:lnTo>
                        <a:pt x="326" y="32"/>
                      </a:lnTo>
                      <a:lnTo>
                        <a:pt x="335" y="25"/>
                      </a:lnTo>
                      <a:lnTo>
                        <a:pt x="345" y="18"/>
                      </a:lnTo>
                      <a:lnTo>
                        <a:pt x="353" y="12"/>
                      </a:lnTo>
                      <a:lnTo>
                        <a:pt x="363" y="7"/>
                      </a:lnTo>
                      <a:lnTo>
                        <a:pt x="372" y="3"/>
                      </a:lnTo>
                      <a:lnTo>
                        <a:pt x="382" y="0"/>
                      </a:lnTo>
                      <a:lnTo>
                        <a:pt x="380" y="0"/>
                      </a:lnTo>
                      <a:lnTo>
                        <a:pt x="412" y="166"/>
                      </a:lnTo>
                      <a:lnTo>
                        <a:pt x="401" y="169"/>
                      </a:lnTo>
                      <a:lnTo>
                        <a:pt x="402" y="171"/>
                      </a:lnTo>
                      <a:lnTo>
                        <a:pt x="404" y="176"/>
                      </a:lnTo>
                      <a:lnTo>
                        <a:pt x="406" y="181"/>
                      </a:lnTo>
                      <a:lnTo>
                        <a:pt x="407" y="189"/>
                      </a:lnTo>
                      <a:lnTo>
                        <a:pt x="409" y="198"/>
                      </a:lnTo>
                      <a:lnTo>
                        <a:pt x="409" y="206"/>
                      </a:lnTo>
                      <a:lnTo>
                        <a:pt x="409" y="213"/>
                      </a:lnTo>
                      <a:lnTo>
                        <a:pt x="406" y="218"/>
                      </a:lnTo>
                      <a:lnTo>
                        <a:pt x="404" y="221"/>
                      </a:lnTo>
                      <a:lnTo>
                        <a:pt x="404" y="227"/>
                      </a:lnTo>
                      <a:lnTo>
                        <a:pt x="402" y="235"/>
                      </a:lnTo>
                      <a:lnTo>
                        <a:pt x="401" y="245"/>
                      </a:lnTo>
                      <a:lnTo>
                        <a:pt x="401" y="255"/>
                      </a:lnTo>
                      <a:lnTo>
                        <a:pt x="399" y="262"/>
                      </a:lnTo>
                      <a:lnTo>
                        <a:pt x="399" y="269"/>
                      </a:lnTo>
                      <a:lnTo>
                        <a:pt x="399" y="271"/>
                      </a:lnTo>
                      <a:lnTo>
                        <a:pt x="399" y="272"/>
                      </a:lnTo>
                      <a:lnTo>
                        <a:pt x="399" y="274"/>
                      </a:lnTo>
                      <a:lnTo>
                        <a:pt x="401" y="277"/>
                      </a:lnTo>
                      <a:lnTo>
                        <a:pt x="401" y="281"/>
                      </a:lnTo>
                      <a:lnTo>
                        <a:pt x="401" y="286"/>
                      </a:lnTo>
                      <a:lnTo>
                        <a:pt x="399" y="291"/>
                      </a:lnTo>
                      <a:lnTo>
                        <a:pt x="395" y="296"/>
                      </a:lnTo>
                      <a:lnTo>
                        <a:pt x="390" y="303"/>
                      </a:lnTo>
                      <a:lnTo>
                        <a:pt x="389" y="304"/>
                      </a:lnTo>
                      <a:lnTo>
                        <a:pt x="387" y="308"/>
                      </a:lnTo>
                      <a:lnTo>
                        <a:pt x="382" y="313"/>
                      </a:lnTo>
                      <a:lnTo>
                        <a:pt x="379" y="316"/>
                      </a:lnTo>
                      <a:lnTo>
                        <a:pt x="375" y="321"/>
                      </a:lnTo>
                      <a:lnTo>
                        <a:pt x="370" y="326"/>
                      </a:lnTo>
                      <a:lnTo>
                        <a:pt x="368" y="330"/>
                      </a:lnTo>
                      <a:lnTo>
                        <a:pt x="367" y="330"/>
                      </a:lnTo>
                      <a:lnTo>
                        <a:pt x="367" y="331"/>
                      </a:lnTo>
                      <a:lnTo>
                        <a:pt x="365" y="333"/>
                      </a:lnTo>
                      <a:lnTo>
                        <a:pt x="362" y="335"/>
                      </a:lnTo>
                      <a:lnTo>
                        <a:pt x="358" y="335"/>
                      </a:lnTo>
                      <a:lnTo>
                        <a:pt x="355" y="337"/>
                      </a:lnTo>
                      <a:lnTo>
                        <a:pt x="351" y="337"/>
                      </a:lnTo>
                      <a:lnTo>
                        <a:pt x="350" y="335"/>
                      </a:lnTo>
                      <a:lnTo>
                        <a:pt x="350" y="333"/>
                      </a:lnTo>
                      <a:lnTo>
                        <a:pt x="328" y="355"/>
                      </a:lnTo>
                      <a:lnTo>
                        <a:pt x="326" y="382"/>
                      </a:lnTo>
                      <a:lnTo>
                        <a:pt x="324" y="382"/>
                      </a:lnTo>
                      <a:lnTo>
                        <a:pt x="324" y="387"/>
                      </a:lnTo>
                      <a:lnTo>
                        <a:pt x="324" y="391"/>
                      </a:lnTo>
                      <a:lnTo>
                        <a:pt x="323" y="396"/>
                      </a:lnTo>
                      <a:lnTo>
                        <a:pt x="319" y="399"/>
                      </a:lnTo>
                      <a:lnTo>
                        <a:pt x="318" y="401"/>
                      </a:lnTo>
                      <a:lnTo>
                        <a:pt x="314" y="399"/>
                      </a:lnTo>
                      <a:lnTo>
                        <a:pt x="311" y="391"/>
                      </a:lnTo>
                      <a:lnTo>
                        <a:pt x="309" y="389"/>
                      </a:lnTo>
                      <a:lnTo>
                        <a:pt x="307" y="387"/>
                      </a:lnTo>
                      <a:lnTo>
                        <a:pt x="306" y="387"/>
                      </a:lnTo>
                      <a:lnTo>
                        <a:pt x="302" y="387"/>
                      </a:lnTo>
                      <a:lnTo>
                        <a:pt x="301" y="387"/>
                      </a:lnTo>
                      <a:lnTo>
                        <a:pt x="297" y="391"/>
                      </a:lnTo>
                      <a:lnTo>
                        <a:pt x="297" y="396"/>
                      </a:lnTo>
                      <a:lnTo>
                        <a:pt x="296" y="404"/>
                      </a:lnTo>
                      <a:lnTo>
                        <a:pt x="296" y="408"/>
                      </a:lnTo>
                      <a:lnTo>
                        <a:pt x="294" y="409"/>
                      </a:lnTo>
                      <a:lnTo>
                        <a:pt x="292" y="413"/>
                      </a:lnTo>
                      <a:lnTo>
                        <a:pt x="291" y="416"/>
                      </a:lnTo>
                      <a:lnTo>
                        <a:pt x="291" y="418"/>
                      </a:lnTo>
                      <a:lnTo>
                        <a:pt x="289" y="419"/>
                      </a:lnTo>
                      <a:lnTo>
                        <a:pt x="292" y="441"/>
                      </a:lnTo>
                      <a:lnTo>
                        <a:pt x="291" y="443"/>
                      </a:lnTo>
                      <a:lnTo>
                        <a:pt x="289" y="447"/>
                      </a:lnTo>
                      <a:lnTo>
                        <a:pt x="285" y="453"/>
                      </a:lnTo>
                      <a:lnTo>
                        <a:pt x="280" y="458"/>
                      </a:lnTo>
                      <a:lnTo>
                        <a:pt x="275" y="463"/>
                      </a:lnTo>
                      <a:lnTo>
                        <a:pt x="270" y="467"/>
                      </a:lnTo>
                      <a:lnTo>
                        <a:pt x="263" y="469"/>
                      </a:lnTo>
                      <a:lnTo>
                        <a:pt x="260" y="465"/>
                      </a:lnTo>
                      <a:lnTo>
                        <a:pt x="258" y="463"/>
                      </a:lnTo>
                      <a:lnTo>
                        <a:pt x="257" y="462"/>
                      </a:lnTo>
                      <a:lnTo>
                        <a:pt x="253" y="458"/>
                      </a:lnTo>
                      <a:lnTo>
                        <a:pt x="250" y="455"/>
                      </a:lnTo>
                      <a:lnTo>
                        <a:pt x="245" y="452"/>
                      </a:lnTo>
                      <a:lnTo>
                        <a:pt x="241" y="450"/>
                      </a:lnTo>
                      <a:lnTo>
                        <a:pt x="236" y="450"/>
                      </a:lnTo>
                      <a:lnTo>
                        <a:pt x="233" y="453"/>
                      </a:lnTo>
                      <a:lnTo>
                        <a:pt x="231" y="452"/>
                      </a:lnTo>
                      <a:lnTo>
                        <a:pt x="231" y="448"/>
                      </a:lnTo>
                      <a:lnTo>
                        <a:pt x="231" y="443"/>
                      </a:lnTo>
                      <a:lnTo>
                        <a:pt x="230" y="438"/>
                      </a:lnTo>
                      <a:lnTo>
                        <a:pt x="226" y="435"/>
                      </a:lnTo>
                      <a:lnTo>
                        <a:pt x="221" y="433"/>
                      </a:lnTo>
                      <a:lnTo>
                        <a:pt x="214" y="436"/>
                      </a:lnTo>
                      <a:lnTo>
                        <a:pt x="204" y="445"/>
                      </a:lnTo>
                      <a:lnTo>
                        <a:pt x="203" y="447"/>
                      </a:lnTo>
                      <a:lnTo>
                        <a:pt x="201" y="448"/>
                      </a:lnTo>
                      <a:lnTo>
                        <a:pt x="198" y="452"/>
                      </a:lnTo>
                      <a:lnTo>
                        <a:pt x="194" y="453"/>
                      </a:lnTo>
                      <a:lnTo>
                        <a:pt x="189" y="455"/>
                      </a:lnTo>
                      <a:lnTo>
                        <a:pt x="184" y="457"/>
                      </a:lnTo>
                      <a:lnTo>
                        <a:pt x="177" y="453"/>
                      </a:lnTo>
                      <a:lnTo>
                        <a:pt x="172" y="450"/>
                      </a:lnTo>
                      <a:lnTo>
                        <a:pt x="170" y="448"/>
                      </a:lnTo>
                      <a:lnTo>
                        <a:pt x="169" y="448"/>
                      </a:lnTo>
                      <a:lnTo>
                        <a:pt x="167" y="447"/>
                      </a:lnTo>
                      <a:lnTo>
                        <a:pt x="164" y="448"/>
                      </a:lnTo>
                      <a:lnTo>
                        <a:pt x="160" y="448"/>
                      </a:lnTo>
                      <a:lnTo>
                        <a:pt x="157" y="452"/>
                      </a:lnTo>
                      <a:lnTo>
                        <a:pt x="152" y="457"/>
                      </a:lnTo>
                      <a:lnTo>
                        <a:pt x="150" y="457"/>
                      </a:lnTo>
                      <a:lnTo>
                        <a:pt x="147" y="455"/>
                      </a:lnTo>
                      <a:lnTo>
                        <a:pt x="143" y="455"/>
                      </a:lnTo>
                      <a:lnTo>
                        <a:pt x="142" y="455"/>
                      </a:lnTo>
                      <a:lnTo>
                        <a:pt x="128" y="443"/>
                      </a:lnTo>
                      <a:lnTo>
                        <a:pt x="98" y="441"/>
                      </a:lnTo>
                      <a:lnTo>
                        <a:pt x="98" y="440"/>
                      </a:lnTo>
                      <a:lnTo>
                        <a:pt x="98" y="436"/>
                      </a:lnTo>
                      <a:lnTo>
                        <a:pt x="96" y="433"/>
                      </a:lnTo>
                      <a:lnTo>
                        <a:pt x="94" y="428"/>
                      </a:lnTo>
                      <a:lnTo>
                        <a:pt x="89" y="423"/>
                      </a:lnTo>
                      <a:lnTo>
                        <a:pt x="82" y="418"/>
                      </a:lnTo>
                      <a:lnTo>
                        <a:pt x="72" y="416"/>
                      </a:lnTo>
                      <a:lnTo>
                        <a:pt x="60" y="414"/>
                      </a:lnTo>
                      <a:lnTo>
                        <a:pt x="59" y="414"/>
                      </a:lnTo>
                      <a:lnTo>
                        <a:pt x="55" y="414"/>
                      </a:lnTo>
                      <a:lnTo>
                        <a:pt x="52" y="414"/>
                      </a:lnTo>
                      <a:lnTo>
                        <a:pt x="47" y="414"/>
                      </a:lnTo>
                      <a:lnTo>
                        <a:pt x="42" y="414"/>
                      </a:lnTo>
                      <a:lnTo>
                        <a:pt x="38" y="414"/>
                      </a:lnTo>
                      <a:lnTo>
                        <a:pt x="37" y="414"/>
                      </a:lnTo>
                      <a:lnTo>
                        <a:pt x="35" y="414"/>
                      </a:lnTo>
                      <a:lnTo>
                        <a:pt x="0" y="96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90" name="Freeform 161"/>
                <p:cNvSpPr>
                  <a:spLocks/>
                </p:cNvSpPr>
                <p:nvPr/>
              </p:nvSpPr>
              <p:spPr bwMode="auto">
                <a:xfrm>
                  <a:off x="3961" y="1493"/>
                  <a:ext cx="412" cy="469"/>
                </a:xfrm>
                <a:custGeom>
                  <a:avLst/>
                  <a:gdLst>
                    <a:gd name="T0" fmla="*/ 118 w 412"/>
                    <a:gd name="T1" fmla="*/ 78 h 469"/>
                    <a:gd name="T2" fmla="*/ 126 w 412"/>
                    <a:gd name="T3" fmla="*/ 73 h 469"/>
                    <a:gd name="T4" fmla="*/ 140 w 412"/>
                    <a:gd name="T5" fmla="*/ 73 h 469"/>
                    <a:gd name="T6" fmla="*/ 164 w 412"/>
                    <a:gd name="T7" fmla="*/ 86 h 469"/>
                    <a:gd name="T8" fmla="*/ 177 w 412"/>
                    <a:gd name="T9" fmla="*/ 91 h 469"/>
                    <a:gd name="T10" fmla="*/ 170 w 412"/>
                    <a:gd name="T11" fmla="*/ 100 h 469"/>
                    <a:gd name="T12" fmla="*/ 186 w 412"/>
                    <a:gd name="T13" fmla="*/ 98 h 469"/>
                    <a:gd name="T14" fmla="*/ 196 w 412"/>
                    <a:gd name="T15" fmla="*/ 93 h 469"/>
                    <a:gd name="T16" fmla="*/ 209 w 412"/>
                    <a:gd name="T17" fmla="*/ 98 h 469"/>
                    <a:gd name="T18" fmla="*/ 226 w 412"/>
                    <a:gd name="T19" fmla="*/ 91 h 469"/>
                    <a:gd name="T20" fmla="*/ 236 w 412"/>
                    <a:gd name="T21" fmla="*/ 88 h 469"/>
                    <a:gd name="T22" fmla="*/ 253 w 412"/>
                    <a:gd name="T23" fmla="*/ 78 h 469"/>
                    <a:gd name="T24" fmla="*/ 262 w 412"/>
                    <a:gd name="T25" fmla="*/ 78 h 469"/>
                    <a:gd name="T26" fmla="*/ 275 w 412"/>
                    <a:gd name="T27" fmla="*/ 76 h 469"/>
                    <a:gd name="T28" fmla="*/ 279 w 412"/>
                    <a:gd name="T29" fmla="*/ 74 h 469"/>
                    <a:gd name="T30" fmla="*/ 297 w 412"/>
                    <a:gd name="T31" fmla="*/ 56 h 469"/>
                    <a:gd name="T32" fmla="*/ 326 w 412"/>
                    <a:gd name="T33" fmla="*/ 32 h 469"/>
                    <a:gd name="T34" fmla="*/ 363 w 412"/>
                    <a:gd name="T35" fmla="*/ 7 h 469"/>
                    <a:gd name="T36" fmla="*/ 412 w 412"/>
                    <a:gd name="T37" fmla="*/ 166 h 469"/>
                    <a:gd name="T38" fmla="*/ 404 w 412"/>
                    <a:gd name="T39" fmla="*/ 176 h 469"/>
                    <a:gd name="T40" fmla="*/ 409 w 412"/>
                    <a:gd name="T41" fmla="*/ 206 h 469"/>
                    <a:gd name="T42" fmla="*/ 404 w 412"/>
                    <a:gd name="T43" fmla="*/ 221 h 469"/>
                    <a:gd name="T44" fmla="*/ 401 w 412"/>
                    <a:gd name="T45" fmla="*/ 255 h 469"/>
                    <a:gd name="T46" fmla="*/ 399 w 412"/>
                    <a:gd name="T47" fmla="*/ 271 h 469"/>
                    <a:gd name="T48" fmla="*/ 401 w 412"/>
                    <a:gd name="T49" fmla="*/ 281 h 469"/>
                    <a:gd name="T50" fmla="*/ 390 w 412"/>
                    <a:gd name="T51" fmla="*/ 303 h 469"/>
                    <a:gd name="T52" fmla="*/ 382 w 412"/>
                    <a:gd name="T53" fmla="*/ 313 h 469"/>
                    <a:gd name="T54" fmla="*/ 368 w 412"/>
                    <a:gd name="T55" fmla="*/ 330 h 469"/>
                    <a:gd name="T56" fmla="*/ 365 w 412"/>
                    <a:gd name="T57" fmla="*/ 333 h 469"/>
                    <a:gd name="T58" fmla="*/ 351 w 412"/>
                    <a:gd name="T59" fmla="*/ 337 h 469"/>
                    <a:gd name="T60" fmla="*/ 326 w 412"/>
                    <a:gd name="T61" fmla="*/ 382 h 469"/>
                    <a:gd name="T62" fmla="*/ 324 w 412"/>
                    <a:gd name="T63" fmla="*/ 391 h 469"/>
                    <a:gd name="T64" fmla="*/ 314 w 412"/>
                    <a:gd name="T65" fmla="*/ 399 h 469"/>
                    <a:gd name="T66" fmla="*/ 307 w 412"/>
                    <a:gd name="T67" fmla="*/ 387 h 469"/>
                    <a:gd name="T68" fmla="*/ 297 w 412"/>
                    <a:gd name="T69" fmla="*/ 391 h 469"/>
                    <a:gd name="T70" fmla="*/ 296 w 412"/>
                    <a:gd name="T71" fmla="*/ 404 h 469"/>
                    <a:gd name="T72" fmla="*/ 291 w 412"/>
                    <a:gd name="T73" fmla="*/ 416 h 469"/>
                    <a:gd name="T74" fmla="*/ 292 w 412"/>
                    <a:gd name="T75" fmla="*/ 441 h 469"/>
                    <a:gd name="T76" fmla="*/ 285 w 412"/>
                    <a:gd name="T77" fmla="*/ 453 h 469"/>
                    <a:gd name="T78" fmla="*/ 263 w 412"/>
                    <a:gd name="T79" fmla="*/ 469 h 469"/>
                    <a:gd name="T80" fmla="*/ 257 w 412"/>
                    <a:gd name="T81" fmla="*/ 462 h 469"/>
                    <a:gd name="T82" fmla="*/ 241 w 412"/>
                    <a:gd name="T83" fmla="*/ 450 h 469"/>
                    <a:gd name="T84" fmla="*/ 231 w 412"/>
                    <a:gd name="T85" fmla="*/ 452 h 469"/>
                    <a:gd name="T86" fmla="*/ 226 w 412"/>
                    <a:gd name="T87" fmla="*/ 435 h 469"/>
                    <a:gd name="T88" fmla="*/ 204 w 412"/>
                    <a:gd name="T89" fmla="*/ 445 h 469"/>
                    <a:gd name="T90" fmla="*/ 194 w 412"/>
                    <a:gd name="T91" fmla="*/ 453 h 469"/>
                    <a:gd name="T92" fmla="*/ 172 w 412"/>
                    <a:gd name="T93" fmla="*/ 450 h 469"/>
                    <a:gd name="T94" fmla="*/ 169 w 412"/>
                    <a:gd name="T95" fmla="*/ 448 h 469"/>
                    <a:gd name="T96" fmla="*/ 157 w 412"/>
                    <a:gd name="T97" fmla="*/ 452 h 469"/>
                    <a:gd name="T98" fmla="*/ 147 w 412"/>
                    <a:gd name="T99" fmla="*/ 455 h 469"/>
                    <a:gd name="T100" fmla="*/ 98 w 412"/>
                    <a:gd name="T101" fmla="*/ 441 h 469"/>
                    <a:gd name="T102" fmla="*/ 96 w 412"/>
                    <a:gd name="T103" fmla="*/ 433 h 469"/>
                    <a:gd name="T104" fmla="*/ 72 w 412"/>
                    <a:gd name="T105" fmla="*/ 416 h 469"/>
                    <a:gd name="T106" fmla="*/ 55 w 412"/>
                    <a:gd name="T107" fmla="*/ 414 h 469"/>
                    <a:gd name="T108" fmla="*/ 38 w 412"/>
                    <a:gd name="T109" fmla="*/ 414 h 469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w 412"/>
                    <a:gd name="T166" fmla="*/ 0 h 469"/>
                    <a:gd name="T167" fmla="*/ 412 w 412"/>
                    <a:gd name="T168" fmla="*/ 469 h 469"/>
                  </a:gdLst>
                  <a:ahLst/>
                  <a:cxnLst>
                    <a:cxn ang="T110">
                      <a:pos x="T0" y="T1"/>
                    </a:cxn>
                    <a:cxn ang="T111">
                      <a:pos x="T2" y="T3"/>
                    </a:cxn>
                    <a:cxn ang="T112">
                      <a:pos x="T4" y="T5"/>
                    </a:cxn>
                    <a:cxn ang="T113">
                      <a:pos x="T6" y="T7"/>
                    </a:cxn>
                    <a:cxn ang="T114">
                      <a:pos x="T8" y="T9"/>
                    </a:cxn>
                    <a:cxn ang="T115">
                      <a:pos x="T10" y="T11"/>
                    </a:cxn>
                    <a:cxn ang="T116">
                      <a:pos x="T12" y="T13"/>
                    </a:cxn>
                    <a:cxn ang="T117">
                      <a:pos x="T14" y="T15"/>
                    </a:cxn>
                    <a:cxn ang="T118">
                      <a:pos x="T16" y="T17"/>
                    </a:cxn>
                    <a:cxn ang="T119">
                      <a:pos x="T18" y="T19"/>
                    </a:cxn>
                    <a:cxn ang="T120">
                      <a:pos x="T20" y="T21"/>
                    </a:cxn>
                    <a:cxn ang="T121">
                      <a:pos x="T22" y="T23"/>
                    </a:cxn>
                    <a:cxn ang="T122">
                      <a:pos x="T24" y="T25"/>
                    </a:cxn>
                    <a:cxn ang="T123">
                      <a:pos x="T26" y="T27"/>
                    </a:cxn>
                    <a:cxn ang="T124">
                      <a:pos x="T28" y="T29"/>
                    </a:cxn>
                    <a:cxn ang="T125">
                      <a:pos x="T30" y="T31"/>
                    </a:cxn>
                    <a:cxn ang="T126">
                      <a:pos x="T32" y="T33"/>
                    </a:cxn>
                    <a:cxn ang="T127">
                      <a:pos x="T34" y="T35"/>
                    </a:cxn>
                    <a:cxn ang="T128">
                      <a:pos x="T36" y="T37"/>
                    </a:cxn>
                    <a:cxn ang="T129">
                      <a:pos x="T38" y="T39"/>
                    </a:cxn>
                    <a:cxn ang="T130">
                      <a:pos x="T40" y="T41"/>
                    </a:cxn>
                    <a:cxn ang="T131">
                      <a:pos x="T42" y="T43"/>
                    </a:cxn>
                    <a:cxn ang="T132">
                      <a:pos x="T44" y="T45"/>
                    </a:cxn>
                    <a:cxn ang="T133">
                      <a:pos x="T46" y="T47"/>
                    </a:cxn>
                    <a:cxn ang="T134">
                      <a:pos x="T48" y="T49"/>
                    </a:cxn>
                    <a:cxn ang="T135">
                      <a:pos x="T50" y="T51"/>
                    </a:cxn>
                    <a:cxn ang="T136">
                      <a:pos x="T52" y="T53"/>
                    </a:cxn>
                    <a:cxn ang="T137">
                      <a:pos x="T54" y="T55"/>
                    </a:cxn>
                    <a:cxn ang="T138">
                      <a:pos x="T56" y="T57"/>
                    </a:cxn>
                    <a:cxn ang="T139">
                      <a:pos x="T58" y="T59"/>
                    </a:cxn>
                    <a:cxn ang="T140">
                      <a:pos x="T60" y="T61"/>
                    </a:cxn>
                    <a:cxn ang="T141">
                      <a:pos x="T62" y="T63"/>
                    </a:cxn>
                    <a:cxn ang="T142">
                      <a:pos x="T64" y="T65"/>
                    </a:cxn>
                    <a:cxn ang="T143">
                      <a:pos x="T66" y="T67"/>
                    </a:cxn>
                    <a:cxn ang="T144">
                      <a:pos x="T68" y="T69"/>
                    </a:cxn>
                    <a:cxn ang="T145">
                      <a:pos x="T70" y="T71"/>
                    </a:cxn>
                    <a:cxn ang="T146">
                      <a:pos x="T72" y="T73"/>
                    </a:cxn>
                    <a:cxn ang="T147">
                      <a:pos x="T74" y="T75"/>
                    </a:cxn>
                    <a:cxn ang="T148">
                      <a:pos x="T76" y="T77"/>
                    </a:cxn>
                    <a:cxn ang="T149">
                      <a:pos x="T78" y="T79"/>
                    </a:cxn>
                    <a:cxn ang="T150">
                      <a:pos x="T80" y="T81"/>
                    </a:cxn>
                    <a:cxn ang="T151">
                      <a:pos x="T82" y="T83"/>
                    </a:cxn>
                    <a:cxn ang="T152">
                      <a:pos x="T84" y="T85"/>
                    </a:cxn>
                    <a:cxn ang="T153">
                      <a:pos x="T86" y="T87"/>
                    </a:cxn>
                    <a:cxn ang="T154">
                      <a:pos x="T88" y="T89"/>
                    </a:cxn>
                    <a:cxn ang="T155">
                      <a:pos x="T90" y="T91"/>
                    </a:cxn>
                    <a:cxn ang="T156">
                      <a:pos x="T92" y="T93"/>
                    </a:cxn>
                    <a:cxn ang="T157">
                      <a:pos x="T94" y="T95"/>
                    </a:cxn>
                    <a:cxn ang="T158">
                      <a:pos x="T96" y="T97"/>
                    </a:cxn>
                    <a:cxn ang="T159">
                      <a:pos x="T98" y="T99"/>
                    </a:cxn>
                    <a:cxn ang="T160">
                      <a:pos x="T100" y="T101"/>
                    </a:cxn>
                    <a:cxn ang="T161">
                      <a:pos x="T102" y="T103"/>
                    </a:cxn>
                    <a:cxn ang="T162">
                      <a:pos x="T104" y="T105"/>
                    </a:cxn>
                    <a:cxn ang="T163">
                      <a:pos x="T106" y="T107"/>
                    </a:cxn>
                    <a:cxn ang="T164">
                      <a:pos x="T108" y="T109"/>
                    </a:cxn>
                  </a:cxnLst>
                  <a:rect l="T165" t="T166" r="T167" b="T168"/>
                  <a:pathLst>
                    <a:path w="412" h="469">
                      <a:moveTo>
                        <a:pt x="0" y="96"/>
                      </a:moveTo>
                      <a:lnTo>
                        <a:pt x="116" y="78"/>
                      </a:lnTo>
                      <a:lnTo>
                        <a:pt x="118" y="78"/>
                      </a:lnTo>
                      <a:lnTo>
                        <a:pt x="121" y="76"/>
                      </a:lnTo>
                      <a:lnTo>
                        <a:pt x="125" y="74"/>
                      </a:lnTo>
                      <a:lnTo>
                        <a:pt x="126" y="73"/>
                      </a:lnTo>
                      <a:lnTo>
                        <a:pt x="128" y="73"/>
                      </a:lnTo>
                      <a:lnTo>
                        <a:pt x="130" y="73"/>
                      </a:lnTo>
                      <a:lnTo>
                        <a:pt x="135" y="73"/>
                      </a:lnTo>
                      <a:lnTo>
                        <a:pt x="140" y="73"/>
                      </a:lnTo>
                      <a:lnTo>
                        <a:pt x="145" y="74"/>
                      </a:lnTo>
                      <a:lnTo>
                        <a:pt x="152" y="78"/>
                      </a:lnTo>
                      <a:lnTo>
                        <a:pt x="159" y="81"/>
                      </a:lnTo>
                      <a:lnTo>
                        <a:pt x="164" y="86"/>
                      </a:lnTo>
                      <a:lnTo>
                        <a:pt x="174" y="86"/>
                      </a:lnTo>
                      <a:lnTo>
                        <a:pt x="181" y="79"/>
                      </a:lnTo>
                      <a:lnTo>
                        <a:pt x="191" y="84"/>
                      </a:lnTo>
                      <a:lnTo>
                        <a:pt x="177" y="91"/>
                      </a:lnTo>
                      <a:lnTo>
                        <a:pt x="169" y="100"/>
                      </a:lnTo>
                      <a:lnTo>
                        <a:pt x="170" y="100"/>
                      </a:lnTo>
                      <a:lnTo>
                        <a:pt x="174" y="100"/>
                      </a:lnTo>
                      <a:lnTo>
                        <a:pt x="177" y="100"/>
                      </a:lnTo>
                      <a:lnTo>
                        <a:pt x="182" y="100"/>
                      </a:lnTo>
                      <a:lnTo>
                        <a:pt x="186" y="98"/>
                      </a:lnTo>
                      <a:lnTo>
                        <a:pt x="191" y="95"/>
                      </a:lnTo>
                      <a:lnTo>
                        <a:pt x="196" y="91"/>
                      </a:lnTo>
                      <a:lnTo>
                        <a:pt x="196" y="93"/>
                      </a:lnTo>
                      <a:lnTo>
                        <a:pt x="198" y="93"/>
                      </a:lnTo>
                      <a:lnTo>
                        <a:pt x="201" y="95"/>
                      </a:lnTo>
                      <a:lnTo>
                        <a:pt x="206" y="96"/>
                      </a:lnTo>
                      <a:lnTo>
                        <a:pt x="209" y="98"/>
                      </a:lnTo>
                      <a:lnTo>
                        <a:pt x="214" y="98"/>
                      </a:lnTo>
                      <a:lnTo>
                        <a:pt x="219" y="96"/>
                      </a:lnTo>
                      <a:lnTo>
                        <a:pt x="226" y="91"/>
                      </a:lnTo>
                      <a:lnTo>
                        <a:pt x="230" y="91"/>
                      </a:lnTo>
                      <a:lnTo>
                        <a:pt x="231" y="89"/>
                      </a:lnTo>
                      <a:lnTo>
                        <a:pt x="236" y="88"/>
                      </a:lnTo>
                      <a:lnTo>
                        <a:pt x="240" y="86"/>
                      </a:lnTo>
                      <a:lnTo>
                        <a:pt x="245" y="84"/>
                      </a:lnTo>
                      <a:lnTo>
                        <a:pt x="250" y="81"/>
                      </a:lnTo>
                      <a:lnTo>
                        <a:pt x="253" y="78"/>
                      </a:lnTo>
                      <a:lnTo>
                        <a:pt x="255" y="78"/>
                      </a:lnTo>
                      <a:lnTo>
                        <a:pt x="258" y="78"/>
                      </a:lnTo>
                      <a:lnTo>
                        <a:pt x="262" y="78"/>
                      </a:lnTo>
                      <a:lnTo>
                        <a:pt x="265" y="76"/>
                      </a:lnTo>
                      <a:lnTo>
                        <a:pt x="270" y="76"/>
                      </a:lnTo>
                      <a:lnTo>
                        <a:pt x="274" y="76"/>
                      </a:lnTo>
                      <a:lnTo>
                        <a:pt x="275" y="76"/>
                      </a:lnTo>
                      <a:lnTo>
                        <a:pt x="277" y="76"/>
                      </a:lnTo>
                      <a:lnTo>
                        <a:pt x="279" y="74"/>
                      </a:lnTo>
                      <a:lnTo>
                        <a:pt x="282" y="71"/>
                      </a:lnTo>
                      <a:lnTo>
                        <a:pt x="285" y="67"/>
                      </a:lnTo>
                      <a:lnTo>
                        <a:pt x="291" y="62"/>
                      </a:lnTo>
                      <a:lnTo>
                        <a:pt x="297" y="56"/>
                      </a:lnTo>
                      <a:lnTo>
                        <a:pt x="302" y="51"/>
                      </a:lnTo>
                      <a:lnTo>
                        <a:pt x="311" y="44"/>
                      </a:lnTo>
                      <a:lnTo>
                        <a:pt x="318" y="37"/>
                      </a:lnTo>
                      <a:lnTo>
                        <a:pt x="326" y="32"/>
                      </a:lnTo>
                      <a:lnTo>
                        <a:pt x="335" y="25"/>
                      </a:lnTo>
                      <a:lnTo>
                        <a:pt x="345" y="18"/>
                      </a:lnTo>
                      <a:lnTo>
                        <a:pt x="353" y="12"/>
                      </a:lnTo>
                      <a:lnTo>
                        <a:pt x="363" y="7"/>
                      </a:lnTo>
                      <a:lnTo>
                        <a:pt x="372" y="3"/>
                      </a:lnTo>
                      <a:lnTo>
                        <a:pt x="382" y="0"/>
                      </a:lnTo>
                      <a:lnTo>
                        <a:pt x="380" y="0"/>
                      </a:lnTo>
                      <a:lnTo>
                        <a:pt x="412" y="166"/>
                      </a:lnTo>
                      <a:lnTo>
                        <a:pt x="401" y="169"/>
                      </a:lnTo>
                      <a:lnTo>
                        <a:pt x="402" y="171"/>
                      </a:lnTo>
                      <a:lnTo>
                        <a:pt x="404" y="176"/>
                      </a:lnTo>
                      <a:lnTo>
                        <a:pt x="406" y="181"/>
                      </a:lnTo>
                      <a:lnTo>
                        <a:pt x="407" y="189"/>
                      </a:lnTo>
                      <a:lnTo>
                        <a:pt x="409" y="198"/>
                      </a:lnTo>
                      <a:lnTo>
                        <a:pt x="409" y="206"/>
                      </a:lnTo>
                      <a:lnTo>
                        <a:pt x="409" y="213"/>
                      </a:lnTo>
                      <a:lnTo>
                        <a:pt x="406" y="218"/>
                      </a:lnTo>
                      <a:lnTo>
                        <a:pt x="404" y="221"/>
                      </a:lnTo>
                      <a:lnTo>
                        <a:pt x="404" y="227"/>
                      </a:lnTo>
                      <a:lnTo>
                        <a:pt x="402" y="235"/>
                      </a:lnTo>
                      <a:lnTo>
                        <a:pt x="401" y="245"/>
                      </a:lnTo>
                      <a:lnTo>
                        <a:pt x="401" y="255"/>
                      </a:lnTo>
                      <a:lnTo>
                        <a:pt x="399" y="262"/>
                      </a:lnTo>
                      <a:lnTo>
                        <a:pt x="399" y="269"/>
                      </a:lnTo>
                      <a:lnTo>
                        <a:pt x="399" y="271"/>
                      </a:lnTo>
                      <a:lnTo>
                        <a:pt x="399" y="272"/>
                      </a:lnTo>
                      <a:lnTo>
                        <a:pt x="399" y="274"/>
                      </a:lnTo>
                      <a:lnTo>
                        <a:pt x="401" y="277"/>
                      </a:lnTo>
                      <a:lnTo>
                        <a:pt x="401" y="281"/>
                      </a:lnTo>
                      <a:lnTo>
                        <a:pt x="401" y="286"/>
                      </a:lnTo>
                      <a:lnTo>
                        <a:pt x="399" y="291"/>
                      </a:lnTo>
                      <a:lnTo>
                        <a:pt x="395" y="296"/>
                      </a:lnTo>
                      <a:lnTo>
                        <a:pt x="390" y="303"/>
                      </a:lnTo>
                      <a:lnTo>
                        <a:pt x="389" y="304"/>
                      </a:lnTo>
                      <a:lnTo>
                        <a:pt x="387" y="308"/>
                      </a:lnTo>
                      <a:lnTo>
                        <a:pt x="382" y="313"/>
                      </a:lnTo>
                      <a:lnTo>
                        <a:pt x="379" y="316"/>
                      </a:lnTo>
                      <a:lnTo>
                        <a:pt x="375" y="321"/>
                      </a:lnTo>
                      <a:lnTo>
                        <a:pt x="370" y="326"/>
                      </a:lnTo>
                      <a:lnTo>
                        <a:pt x="368" y="330"/>
                      </a:lnTo>
                      <a:lnTo>
                        <a:pt x="367" y="330"/>
                      </a:lnTo>
                      <a:lnTo>
                        <a:pt x="367" y="331"/>
                      </a:lnTo>
                      <a:lnTo>
                        <a:pt x="365" y="333"/>
                      </a:lnTo>
                      <a:lnTo>
                        <a:pt x="362" y="335"/>
                      </a:lnTo>
                      <a:lnTo>
                        <a:pt x="358" y="335"/>
                      </a:lnTo>
                      <a:lnTo>
                        <a:pt x="355" y="337"/>
                      </a:lnTo>
                      <a:lnTo>
                        <a:pt x="351" y="337"/>
                      </a:lnTo>
                      <a:lnTo>
                        <a:pt x="350" y="335"/>
                      </a:lnTo>
                      <a:lnTo>
                        <a:pt x="350" y="333"/>
                      </a:lnTo>
                      <a:lnTo>
                        <a:pt x="328" y="355"/>
                      </a:lnTo>
                      <a:lnTo>
                        <a:pt x="326" y="382"/>
                      </a:lnTo>
                      <a:lnTo>
                        <a:pt x="324" y="382"/>
                      </a:lnTo>
                      <a:lnTo>
                        <a:pt x="324" y="387"/>
                      </a:lnTo>
                      <a:lnTo>
                        <a:pt x="324" y="391"/>
                      </a:lnTo>
                      <a:lnTo>
                        <a:pt x="323" y="396"/>
                      </a:lnTo>
                      <a:lnTo>
                        <a:pt x="319" y="399"/>
                      </a:lnTo>
                      <a:lnTo>
                        <a:pt x="318" y="401"/>
                      </a:lnTo>
                      <a:lnTo>
                        <a:pt x="314" y="399"/>
                      </a:lnTo>
                      <a:lnTo>
                        <a:pt x="311" y="391"/>
                      </a:lnTo>
                      <a:lnTo>
                        <a:pt x="309" y="389"/>
                      </a:lnTo>
                      <a:lnTo>
                        <a:pt x="307" y="387"/>
                      </a:lnTo>
                      <a:lnTo>
                        <a:pt x="306" y="387"/>
                      </a:lnTo>
                      <a:lnTo>
                        <a:pt x="302" y="387"/>
                      </a:lnTo>
                      <a:lnTo>
                        <a:pt x="301" y="387"/>
                      </a:lnTo>
                      <a:lnTo>
                        <a:pt x="297" y="391"/>
                      </a:lnTo>
                      <a:lnTo>
                        <a:pt x="297" y="396"/>
                      </a:lnTo>
                      <a:lnTo>
                        <a:pt x="296" y="404"/>
                      </a:lnTo>
                      <a:lnTo>
                        <a:pt x="296" y="408"/>
                      </a:lnTo>
                      <a:lnTo>
                        <a:pt x="294" y="409"/>
                      </a:lnTo>
                      <a:lnTo>
                        <a:pt x="292" y="413"/>
                      </a:lnTo>
                      <a:lnTo>
                        <a:pt x="291" y="416"/>
                      </a:lnTo>
                      <a:lnTo>
                        <a:pt x="291" y="418"/>
                      </a:lnTo>
                      <a:lnTo>
                        <a:pt x="289" y="419"/>
                      </a:lnTo>
                      <a:lnTo>
                        <a:pt x="292" y="441"/>
                      </a:lnTo>
                      <a:lnTo>
                        <a:pt x="291" y="443"/>
                      </a:lnTo>
                      <a:lnTo>
                        <a:pt x="289" y="447"/>
                      </a:lnTo>
                      <a:lnTo>
                        <a:pt x="285" y="453"/>
                      </a:lnTo>
                      <a:lnTo>
                        <a:pt x="280" y="458"/>
                      </a:lnTo>
                      <a:lnTo>
                        <a:pt x="275" y="463"/>
                      </a:lnTo>
                      <a:lnTo>
                        <a:pt x="270" y="467"/>
                      </a:lnTo>
                      <a:lnTo>
                        <a:pt x="263" y="469"/>
                      </a:lnTo>
                      <a:lnTo>
                        <a:pt x="260" y="465"/>
                      </a:lnTo>
                      <a:lnTo>
                        <a:pt x="258" y="463"/>
                      </a:lnTo>
                      <a:lnTo>
                        <a:pt x="257" y="462"/>
                      </a:lnTo>
                      <a:lnTo>
                        <a:pt x="253" y="458"/>
                      </a:lnTo>
                      <a:lnTo>
                        <a:pt x="250" y="455"/>
                      </a:lnTo>
                      <a:lnTo>
                        <a:pt x="245" y="452"/>
                      </a:lnTo>
                      <a:lnTo>
                        <a:pt x="241" y="450"/>
                      </a:lnTo>
                      <a:lnTo>
                        <a:pt x="236" y="450"/>
                      </a:lnTo>
                      <a:lnTo>
                        <a:pt x="233" y="453"/>
                      </a:lnTo>
                      <a:lnTo>
                        <a:pt x="231" y="452"/>
                      </a:lnTo>
                      <a:lnTo>
                        <a:pt x="231" y="448"/>
                      </a:lnTo>
                      <a:lnTo>
                        <a:pt x="231" y="443"/>
                      </a:lnTo>
                      <a:lnTo>
                        <a:pt x="230" y="438"/>
                      </a:lnTo>
                      <a:lnTo>
                        <a:pt x="226" y="435"/>
                      </a:lnTo>
                      <a:lnTo>
                        <a:pt x="221" y="433"/>
                      </a:lnTo>
                      <a:lnTo>
                        <a:pt x="214" y="436"/>
                      </a:lnTo>
                      <a:lnTo>
                        <a:pt x="204" y="445"/>
                      </a:lnTo>
                      <a:lnTo>
                        <a:pt x="203" y="447"/>
                      </a:lnTo>
                      <a:lnTo>
                        <a:pt x="201" y="448"/>
                      </a:lnTo>
                      <a:lnTo>
                        <a:pt x="198" y="452"/>
                      </a:lnTo>
                      <a:lnTo>
                        <a:pt x="194" y="453"/>
                      </a:lnTo>
                      <a:lnTo>
                        <a:pt x="189" y="455"/>
                      </a:lnTo>
                      <a:lnTo>
                        <a:pt x="184" y="457"/>
                      </a:lnTo>
                      <a:lnTo>
                        <a:pt x="177" y="453"/>
                      </a:lnTo>
                      <a:lnTo>
                        <a:pt x="172" y="450"/>
                      </a:lnTo>
                      <a:lnTo>
                        <a:pt x="170" y="448"/>
                      </a:lnTo>
                      <a:lnTo>
                        <a:pt x="169" y="448"/>
                      </a:lnTo>
                      <a:lnTo>
                        <a:pt x="167" y="447"/>
                      </a:lnTo>
                      <a:lnTo>
                        <a:pt x="164" y="448"/>
                      </a:lnTo>
                      <a:lnTo>
                        <a:pt x="160" y="448"/>
                      </a:lnTo>
                      <a:lnTo>
                        <a:pt x="157" y="452"/>
                      </a:lnTo>
                      <a:lnTo>
                        <a:pt x="152" y="457"/>
                      </a:lnTo>
                      <a:lnTo>
                        <a:pt x="150" y="457"/>
                      </a:lnTo>
                      <a:lnTo>
                        <a:pt x="147" y="455"/>
                      </a:lnTo>
                      <a:lnTo>
                        <a:pt x="143" y="455"/>
                      </a:lnTo>
                      <a:lnTo>
                        <a:pt x="142" y="455"/>
                      </a:lnTo>
                      <a:lnTo>
                        <a:pt x="128" y="443"/>
                      </a:lnTo>
                      <a:lnTo>
                        <a:pt x="98" y="441"/>
                      </a:lnTo>
                      <a:lnTo>
                        <a:pt x="98" y="440"/>
                      </a:lnTo>
                      <a:lnTo>
                        <a:pt x="98" y="436"/>
                      </a:lnTo>
                      <a:lnTo>
                        <a:pt x="96" y="433"/>
                      </a:lnTo>
                      <a:lnTo>
                        <a:pt x="94" y="428"/>
                      </a:lnTo>
                      <a:lnTo>
                        <a:pt x="89" y="423"/>
                      </a:lnTo>
                      <a:lnTo>
                        <a:pt x="82" y="418"/>
                      </a:lnTo>
                      <a:lnTo>
                        <a:pt x="72" y="416"/>
                      </a:lnTo>
                      <a:lnTo>
                        <a:pt x="60" y="414"/>
                      </a:lnTo>
                      <a:lnTo>
                        <a:pt x="59" y="414"/>
                      </a:lnTo>
                      <a:lnTo>
                        <a:pt x="55" y="414"/>
                      </a:lnTo>
                      <a:lnTo>
                        <a:pt x="52" y="414"/>
                      </a:lnTo>
                      <a:lnTo>
                        <a:pt x="47" y="414"/>
                      </a:lnTo>
                      <a:lnTo>
                        <a:pt x="42" y="414"/>
                      </a:lnTo>
                      <a:lnTo>
                        <a:pt x="38" y="414"/>
                      </a:lnTo>
                      <a:lnTo>
                        <a:pt x="37" y="414"/>
                      </a:lnTo>
                      <a:lnTo>
                        <a:pt x="35" y="414"/>
                      </a:lnTo>
                      <a:lnTo>
                        <a:pt x="0" y="96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59" name="Group 162"/>
              <p:cNvGrpSpPr>
                <a:grpSpLocks/>
              </p:cNvGrpSpPr>
              <p:nvPr/>
            </p:nvGrpSpPr>
            <p:grpSpPr bwMode="auto">
              <a:xfrm>
                <a:off x="3877" y="2450"/>
                <a:ext cx="847" cy="372"/>
                <a:chOff x="4106" y="2078"/>
                <a:chExt cx="870" cy="383"/>
              </a:xfrm>
            </p:grpSpPr>
            <p:sp>
              <p:nvSpPr>
                <p:cNvPr id="81" name="Freeform 163"/>
                <p:cNvSpPr>
                  <a:spLocks/>
                </p:cNvSpPr>
                <p:nvPr/>
              </p:nvSpPr>
              <p:spPr bwMode="auto">
                <a:xfrm>
                  <a:off x="4106" y="2082"/>
                  <a:ext cx="834" cy="379"/>
                </a:xfrm>
                <a:custGeom>
                  <a:avLst/>
                  <a:gdLst>
                    <a:gd name="T0" fmla="*/ 650 w 834"/>
                    <a:gd name="T1" fmla="*/ 362 h 379"/>
                    <a:gd name="T2" fmla="*/ 658 w 834"/>
                    <a:gd name="T3" fmla="*/ 340 h 379"/>
                    <a:gd name="T4" fmla="*/ 663 w 834"/>
                    <a:gd name="T5" fmla="*/ 338 h 379"/>
                    <a:gd name="T6" fmla="*/ 685 w 834"/>
                    <a:gd name="T7" fmla="*/ 292 h 379"/>
                    <a:gd name="T8" fmla="*/ 701 w 834"/>
                    <a:gd name="T9" fmla="*/ 276 h 379"/>
                    <a:gd name="T10" fmla="*/ 714 w 834"/>
                    <a:gd name="T11" fmla="*/ 262 h 379"/>
                    <a:gd name="T12" fmla="*/ 758 w 834"/>
                    <a:gd name="T13" fmla="*/ 238 h 379"/>
                    <a:gd name="T14" fmla="*/ 768 w 834"/>
                    <a:gd name="T15" fmla="*/ 232 h 379"/>
                    <a:gd name="T16" fmla="*/ 780 w 834"/>
                    <a:gd name="T17" fmla="*/ 230 h 379"/>
                    <a:gd name="T18" fmla="*/ 792 w 834"/>
                    <a:gd name="T19" fmla="*/ 215 h 379"/>
                    <a:gd name="T20" fmla="*/ 794 w 834"/>
                    <a:gd name="T21" fmla="*/ 193 h 379"/>
                    <a:gd name="T22" fmla="*/ 785 w 834"/>
                    <a:gd name="T23" fmla="*/ 199 h 379"/>
                    <a:gd name="T24" fmla="*/ 780 w 834"/>
                    <a:gd name="T25" fmla="*/ 193 h 379"/>
                    <a:gd name="T26" fmla="*/ 726 w 834"/>
                    <a:gd name="T27" fmla="*/ 198 h 379"/>
                    <a:gd name="T28" fmla="*/ 758 w 834"/>
                    <a:gd name="T29" fmla="*/ 199 h 379"/>
                    <a:gd name="T30" fmla="*/ 768 w 834"/>
                    <a:gd name="T31" fmla="*/ 176 h 379"/>
                    <a:gd name="T32" fmla="*/ 740 w 834"/>
                    <a:gd name="T33" fmla="*/ 155 h 379"/>
                    <a:gd name="T34" fmla="*/ 728 w 834"/>
                    <a:gd name="T35" fmla="*/ 149 h 379"/>
                    <a:gd name="T36" fmla="*/ 748 w 834"/>
                    <a:gd name="T37" fmla="*/ 149 h 379"/>
                    <a:gd name="T38" fmla="*/ 768 w 834"/>
                    <a:gd name="T39" fmla="*/ 144 h 379"/>
                    <a:gd name="T40" fmla="*/ 784 w 834"/>
                    <a:gd name="T41" fmla="*/ 147 h 379"/>
                    <a:gd name="T42" fmla="*/ 804 w 834"/>
                    <a:gd name="T43" fmla="*/ 147 h 379"/>
                    <a:gd name="T44" fmla="*/ 828 w 834"/>
                    <a:gd name="T45" fmla="*/ 110 h 379"/>
                    <a:gd name="T46" fmla="*/ 834 w 834"/>
                    <a:gd name="T47" fmla="*/ 105 h 379"/>
                    <a:gd name="T48" fmla="*/ 824 w 834"/>
                    <a:gd name="T49" fmla="*/ 67 h 379"/>
                    <a:gd name="T50" fmla="*/ 809 w 834"/>
                    <a:gd name="T51" fmla="*/ 89 h 379"/>
                    <a:gd name="T52" fmla="*/ 806 w 834"/>
                    <a:gd name="T53" fmla="*/ 101 h 379"/>
                    <a:gd name="T54" fmla="*/ 800 w 834"/>
                    <a:gd name="T55" fmla="*/ 79 h 379"/>
                    <a:gd name="T56" fmla="*/ 778 w 834"/>
                    <a:gd name="T57" fmla="*/ 76 h 379"/>
                    <a:gd name="T58" fmla="*/ 753 w 834"/>
                    <a:gd name="T59" fmla="*/ 83 h 379"/>
                    <a:gd name="T60" fmla="*/ 724 w 834"/>
                    <a:gd name="T61" fmla="*/ 96 h 379"/>
                    <a:gd name="T62" fmla="*/ 731 w 834"/>
                    <a:gd name="T63" fmla="*/ 61 h 379"/>
                    <a:gd name="T64" fmla="*/ 762 w 834"/>
                    <a:gd name="T65" fmla="*/ 67 h 379"/>
                    <a:gd name="T66" fmla="*/ 758 w 834"/>
                    <a:gd name="T67" fmla="*/ 52 h 379"/>
                    <a:gd name="T68" fmla="*/ 789 w 834"/>
                    <a:gd name="T69" fmla="*/ 49 h 379"/>
                    <a:gd name="T70" fmla="*/ 784 w 834"/>
                    <a:gd name="T71" fmla="*/ 35 h 379"/>
                    <a:gd name="T72" fmla="*/ 802 w 834"/>
                    <a:gd name="T73" fmla="*/ 39 h 379"/>
                    <a:gd name="T74" fmla="*/ 809 w 834"/>
                    <a:gd name="T75" fmla="*/ 35 h 379"/>
                    <a:gd name="T76" fmla="*/ 692 w 834"/>
                    <a:gd name="T77" fmla="*/ 20 h 379"/>
                    <a:gd name="T78" fmla="*/ 509 w 834"/>
                    <a:gd name="T79" fmla="*/ 56 h 379"/>
                    <a:gd name="T80" fmla="*/ 366 w 834"/>
                    <a:gd name="T81" fmla="*/ 79 h 379"/>
                    <a:gd name="T82" fmla="*/ 271 w 834"/>
                    <a:gd name="T83" fmla="*/ 91 h 379"/>
                    <a:gd name="T84" fmla="*/ 230 w 834"/>
                    <a:gd name="T85" fmla="*/ 94 h 379"/>
                    <a:gd name="T86" fmla="*/ 234 w 834"/>
                    <a:gd name="T87" fmla="*/ 118 h 379"/>
                    <a:gd name="T88" fmla="*/ 212 w 834"/>
                    <a:gd name="T89" fmla="*/ 145 h 379"/>
                    <a:gd name="T90" fmla="*/ 183 w 834"/>
                    <a:gd name="T91" fmla="*/ 162 h 379"/>
                    <a:gd name="T92" fmla="*/ 149 w 834"/>
                    <a:gd name="T93" fmla="*/ 181 h 379"/>
                    <a:gd name="T94" fmla="*/ 129 w 834"/>
                    <a:gd name="T95" fmla="*/ 194 h 379"/>
                    <a:gd name="T96" fmla="*/ 117 w 834"/>
                    <a:gd name="T97" fmla="*/ 218 h 379"/>
                    <a:gd name="T98" fmla="*/ 68 w 834"/>
                    <a:gd name="T99" fmla="*/ 250 h 379"/>
                    <a:gd name="T100" fmla="*/ 27 w 834"/>
                    <a:gd name="T101" fmla="*/ 274 h 379"/>
                    <a:gd name="T102" fmla="*/ 9 w 834"/>
                    <a:gd name="T103" fmla="*/ 299 h 379"/>
                    <a:gd name="T104" fmla="*/ 125 w 834"/>
                    <a:gd name="T105" fmla="*/ 316 h 379"/>
                    <a:gd name="T106" fmla="*/ 152 w 834"/>
                    <a:gd name="T107" fmla="*/ 296 h 379"/>
                    <a:gd name="T108" fmla="*/ 210 w 834"/>
                    <a:gd name="T109" fmla="*/ 274 h 379"/>
                    <a:gd name="T110" fmla="*/ 333 w 834"/>
                    <a:gd name="T111" fmla="*/ 265 h 379"/>
                    <a:gd name="T112" fmla="*/ 597 w 834"/>
                    <a:gd name="T113" fmla="*/ 379 h 379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w 834"/>
                    <a:gd name="T172" fmla="*/ 0 h 379"/>
                    <a:gd name="T173" fmla="*/ 834 w 834"/>
                    <a:gd name="T174" fmla="*/ 379 h 379"/>
                  </a:gdLst>
                  <a:ahLst/>
                  <a:cxnLst>
                    <a:cxn ang="T114">
                      <a:pos x="T0" y="T1"/>
                    </a:cxn>
                    <a:cxn ang="T115">
                      <a:pos x="T2" y="T3"/>
                    </a:cxn>
                    <a:cxn ang="T116">
                      <a:pos x="T4" y="T5"/>
                    </a:cxn>
                    <a:cxn ang="T117">
                      <a:pos x="T6" y="T7"/>
                    </a:cxn>
                    <a:cxn ang="T118">
                      <a:pos x="T8" y="T9"/>
                    </a:cxn>
                    <a:cxn ang="T119">
                      <a:pos x="T10" y="T11"/>
                    </a:cxn>
                    <a:cxn ang="T120">
                      <a:pos x="T12" y="T13"/>
                    </a:cxn>
                    <a:cxn ang="T121">
                      <a:pos x="T14" y="T15"/>
                    </a:cxn>
                    <a:cxn ang="T122">
                      <a:pos x="T16" y="T17"/>
                    </a:cxn>
                    <a:cxn ang="T123">
                      <a:pos x="T18" y="T19"/>
                    </a:cxn>
                    <a:cxn ang="T124">
                      <a:pos x="T20" y="T21"/>
                    </a:cxn>
                    <a:cxn ang="T125">
                      <a:pos x="T22" y="T23"/>
                    </a:cxn>
                    <a:cxn ang="T126">
                      <a:pos x="T24" y="T25"/>
                    </a:cxn>
                    <a:cxn ang="T127">
                      <a:pos x="T26" y="T27"/>
                    </a:cxn>
                    <a:cxn ang="T128">
                      <a:pos x="T28" y="T29"/>
                    </a:cxn>
                    <a:cxn ang="T129">
                      <a:pos x="T30" y="T31"/>
                    </a:cxn>
                    <a:cxn ang="T130">
                      <a:pos x="T32" y="T33"/>
                    </a:cxn>
                    <a:cxn ang="T131">
                      <a:pos x="T34" y="T35"/>
                    </a:cxn>
                    <a:cxn ang="T132">
                      <a:pos x="T36" y="T37"/>
                    </a:cxn>
                    <a:cxn ang="T133">
                      <a:pos x="T38" y="T39"/>
                    </a:cxn>
                    <a:cxn ang="T134">
                      <a:pos x="T40" y="T41"/>
                    </a:cxn>
                    <a:cxn ang="T135">
                      <a:pos x="T42" y="T43"/>
                    </a:cxn>
                    <a:cxn ang="T136">
                      <a:pos x="T44" y="T45"/>
                    </a:cxn>
                    <a:cxn ang="T137">
                      <a:pos x="T46" y="T47"/>
                    </a:cxn>
                    <a:cxn ang="T138">
                      <a:pos x="T48" y="T49"/>
                    </a:cxn>
                    <a:cxn ang="T139">
                      <a:pos x="T50" y="T51"/>
                    </a:cxn>
                    <a:cxn ang="T140">
                      <a:pos x="T52" y="T53"/>
                    </a:cxn>
                    <a:cxn ang="T141">
                      <a:pos x="T54" y="T55"/>
                    </a:cxn>
                    <a:cxn ang="T142">
                      <a:pos x="T56" y="T57"/>
                    </a:cxn>
                    <a:cxn ang="T143">
                      <a:pos x="T58" y="T59"/>
                    </a:cxn>
                    <a:cxn ang="T144">
                      <a:pos x="T60" y="T61"/>
                    </a:cxn>
                    <a:cxn ang="T145">
                      <a:pos x="T62" y="T63"/>
                    </a:cxn>
                    <a:cxn ang="T146">
                      <a:pos x="T64" y="T65"/>
                    </a:cxn>
                    <a:cxn ang="T147">
                      <a:pos x="T66" y="T67"/>
                    </a:cxn>
                    <a:cxn ang="T148">
                      <a:pos x="T68" y="T69"/>
                    </a:cxn>
                    <a:cxn ang="T149">
                      <a:pos x="T70" y="T71"/>
                    </a:cxn>
                    <a:cxn ang="T150">
                      <a:pos x="T72" y="T73"/>
                    </a:cxn>
                    <a:cxn ang="T151">
                      <a:pos x="T74" y="T75"/>
                    </a:cxn>
                    <a:cxn ang="T152">
                      <a:pos x="T76" y="T77"/>
                    </a:cxn>
                    <a:cxn ang="T153">
                      <a:pos x="T78" y="T79"/>
                    </a:cxn>
                    <a:cxn ang="T154">
                      <a:pos x="T80" y="T81"/>
                    </a:cxn>
                    <a:cxn ang="T155">
                      <a:pos x="T82" y="T83"/>
                    </a:cxn>
                    <a:cxn ang="T156">
                      <a:pos x="T84" y="T85"/>
                    </a:cxn>
                    <a:cxn ang="T157">
                      <a:pos x="T86" y="T87"/>
                    </a:cxn>
                    <a:cxn ang="T158">
                      <a:pos x="T88" y="T89"/>
                    </a:cxn>
                    <a:cxn ang="T159">
                      <a:pos x="T90" y="T91"/>
                    </a:cxn>
                    <a:cxn ang="T160">
                      <a:pos x="T92" y="T93"/>
                    </a:cxn>
                    <a:cxn ang="T161">
                      <a:pos x="T94" y="T95"/>
                    </a:cxn>
                    <a:cxn ang="T162">
                      <a:pos x="T96" y="T97"/>
                    </a:cxn>
                    <a:cxn ang="T163">
                      <a:pos x="T98" y="T99"/>
                    </a:cxn>
                    <a:cxn ang="T164">
                      <a:pos x="T100" y="T101"/>
                    </a:cxn>
                    <a:cxn ang="T165">
                      <a:pos x="T102" y="T103"/>
                    </a:cxn>
                    <a:cxn ang="T166">
                      <a:pos x="T104" y="T105"/>
                    </a:cxn>
                    <a:cxn ang="T167">
                      <a:pos x="T106" y="T107"/>
                    </a:cxn>
                    <a:cxn ang="T168">
                      <a:pos x="T108" y="T109"/>
                    </a:cxn>
                    <a:cxn ang="T169">
                      <a:pos x="T110" y="T111"/>
                    </a:cxn>
                    <a:cxn ang="T170">
                      <a:pos x="T112" y="T113"/>
                    </a:cxn>
                  </a:cxnLst>
                  <a:rect l="T171" t="T172" r="T173" b="T174"/>
                  <a:pathLst>
                    <a:path w="834" h="379">
                      <a:moveTo>
                        <a:pt x="604" y="377"/>
                      </a:moveTo>
                      <a:lnTo>
                        <a:pt x="618" y="369"/>
                      </a:lnTo>
                      <a:lnTo>
                        <a:pt x="628" y="362"/>
                      </a:lnTo>
                      <a:lnTo>
                        <a:pt x="636" y="360"/>
                      </a:lnTo>
                      <a:lnTo>
                        <a:pt x="643" y="360"/>
                      </a:lnTo>
                      <a:lnTo>
                        <a:pt x="648" y="360"/>
                      </a:lnTo>
                      <a:lnTo>
                        <a:pt x="650" y="362"/>
                      </a:lnTo>
                      <a:lnTo>
                        <a:pt x="653" y="364"/>
                      </a:lnTo>
                      <a:lnTo>
                        <a:pt x="653" y="365"/>
                      </a:lnTo>
                      <a:lnTo>
                        <a:pt x="653" y="333"/>
                      </a:lnTo>
                      <a:lnTo>
                        <a:pt x="657" y="333"/>
                      </a:lnTo>
                      <a:lnTo>
                        <a:pt x="658" y="335"/>
                      </a:lnTo>
                      <a:lnTo>
                        <a:pt x="658" y="338"/>
                      </a:lnTo>
                      <a:lnTo>
                        <a:pt x="658" y="340"/>
                      </a:lnTo>
                      <a:lnTo>
                        <a:pt x="660" y="345"/>
                      </a:lnTo>
                      <a:lnTo>
                        <a:pt x="662" y="348"/>
                      </a:lnTo>
                      <a:lnTo>
                        <a:pt x="662" y="352"/>
                      </a:lnTo>
                      <a:lnTo>
                        <a:pt x="662" y="353"/>
                      </a:lnTo>
                      <a:lnTo>
                        <a:pt x="663" y="345"/>
                      </a:lnTo>
                      <a:lnTo>
                        <a:pt x="663" y="338"/>
                      </a:lnTo>
                      <a:lnTo>
                        <a:pt x="667" y="330"/>
                      </a:lnTo>
                      <a:lnTo>
                        <a:pt x="668" y="323"/>
                      </a:lnTo>
                      <a:lnTo>
                        <a:pt x="672" y="316"/>
                      </a:lnTo>
                      <a:lnTo>
                        <a:pt x="675" y="309"/>
                      </a:lnTo>
                      <a:lnTo>
                        <a:pt x="679" y="303"/>
                      </a:lnTo>
                      <a:lnTo>
                        <a:pt x="682" y="298"/>
                      </a:lnTo>
                      <a:lnTo>
                        <a:pt x="685" y="292"/>
                      </a:lnTo>
                      <a:lnTo>
                        <a:pt x="689" y="289"/>
                      </a:lnTo>
                      <a:lnTo>
                        <a:pt x="692" y="286"/>
                      </a:lnTo>
                      <a:lnTo>
                        <a:pt x="696" y="282"/>
                      </a:lnTo>
                      <a:lnTo>
                        <a:pt x="697" y="279"/>
                      </a:lnTo>
                      <a:lnTo>
                        <a:pt x="699" y="277"/>
                      </a:lnTo>
                      <a:lnTo>
                        <a:pt x="701" y="277"/>
                      </a:lnTo>
                      <a:lnTo>
                        <a:pt x="701" y="276"/>
                      </a:lnTo>
                      <a:lnTo>
                        <a:pt x="696" y="267"/>
                      </a:lnTo>
                      <a:lnTo>
                        <a:pt x="702" y="262"/>
                      </a:lnTo>
                      <a:lnTo>
                        <a:pt x="702" y="264"/>
                      </a:lnTo>
                      <a:lnTo>
                        <a:pt x="704" y="267"/>
                      </a:lnTo>
                      <a:lnTo>
                        <a:pt x="706" y="270"/>
                      </a:lnTo>
                      <a:lnTo>
                        <a:pt x="707" y="270"/>
                      </a:lnTo>
                      <a:lnTo>
                        <a:pt x="714" y="262"/>
                      </a:lnTo>
                      <a:lnTo>
                        <a:pt x="721" y="254"/>
                      </a:lnTo>
                      <a:lnTo>
                        <a:pt x="729" y="248"/>
                      </a:lnTo>
                      <a:lnTo>
                        <a:pt x="738" y="243"/>
                      </a:lnTo>
                      <a:lnTo>
                        <a:pt x="745" y="242"/>
                      </a:lnTo>
                      <a:lnTo>
                        <a:pt x="751" y="240"/>
                      </a:lnTo>
                      <a:lnTo>
                        <a:pt x="756" y="238"/>
                      </a:lnTo>
                      <a:lnTo>
                        <a:pt x="758" y="238"/>
                      </a:lnTo>
                      <a:lnTo>
                        <a:pt x="758" y="232"/>
                      </a:lnTo>
                      <a:lnTo>
                        <a:pt x="760" y="230"/>
                      </a:lnTo>
                      <a:lnTo>
                        <a:pt x="762" y="228"/>
                      </a:lnTo>
                      <a:lnTo>
                        <a:pt x="763" y="228"/>
                      </a:lnTo>
                      <a:lnTo>
                        <a:pt x="765" y="230"/>
                      </a:lnTo>
                      <a:lnTo>
                        <a:pt x="767" y="230"/>
                      </a:lnTo>
                      <a:lnTo>
                        <a:pt x="768" y="232"/>
                      </a:lnTo>
                      <a:lnTo>
                        <a:pt x="768" y="233"/>
                      </a:lnTo>
                      <a:lnTo>
                        <a:pt x="770" y="230"/>
                      </a:lnTo>
                      <a:lnTo>
                        <a:pt x="772" y="228"/>
                      </a:lnTo>
                      <a:lnTo>
                        <a:pt x="773" y="226"/>
                      </a:lnTo>
                      <a:lnTo>
                        <a:pt x="775" y="228"/>
                      </a:lnTo>
                      <a:lnTo>
                        <a:pt x="778" y="228"/>
                      </a:lnTo>
                      <a:lnTo>
                        <a:pt x="780" y="230"/>
                      </a:lnTo>
                      <a:lnTo>
                        <a:pt x="782" y="230"/>
                      </a:lnTo>
                      <a:lnTo>
                        <a:pt x="784" y="230"/>
                      </a:lnTo>
                      <a:lnTo>
                        <a:pt x="785" y="226"/>
                      </a:lnTo>
                      <a:lnTo>
                        <a:pt x="787" y="223"/>
                      </a:lnTo>
                      <a:lnTo>
                        <a:pt x="790" y="218"/>
                      </a:lnTo>
                      <a:lnTo>
                        <a:pt x="792" y="215"/>
                      </a:lnTo>
                      <a:lnTo>
                        <a:pt x="795" y="210"/>
                      </a:lnTo>
                      <a:lnTo>
                        <a:pt x="797" y="208"/>
                      </a:lnTo>
                      <a:lnTo>
                        <a:pt x="797" y="204"/>
                      </a:lnTo>
                      <a:lnTo>
                        <a:pt x="797" y="196"/>
                      </a:lnTo>
                      <a:lnTo>
                        <a:pt x="795" y="193"/>
                      </a:lnTo>
                      <a:lnTo>
                        <a:pt x="795" y="191"/>
                      </a:lnTo>
                      <a:lnTo>
                        <a:pt x="794" y="193"/>
                      </a:lnTo>
                      <a:lnTo>
                        <a:pt x="792" y="194"/>
                      </a:lnTo>
                      <a:lnTo>
                        <a:pt x="790" y="198"/>
                      </a:lnTo>
                      <a:lnTo>
                        <a:pt x="790" y="199"/>
                      </a:lnTo>
                      <a:lnTo>
                        <a:pt x="790" y="201"/>
                      </a:lnTo>
                      <a:lnTo>
                        <a:pt x="789" y="201"/>
                      </a:lnTo>
                      <a:lnTo>
                        <a:pt x="787" y="199"/>
                      </a:lnTo>
                      <a:lnTo>
                        <a:pt x="785" y="199"/>
                      </a:lnTo>
                      <a:lnTo>
                        <a:pt x="785" y="198"/>
                      </a:lnTo>
                      <a:lnTo>
                        <a:pt x="784" y="191"/>
                      </a:lnTo>
                      <a:lnTo>
                        <a:pt x="784" y="188"/>
                      </a:lnTo>
                      <a:lnTo>
                        <a:pt x="784" y="186"/>
                      </a:lnTo>
                      <a:lnTo>
                        <a:pt x="782" y="188"/>
                      </a:lnTo>
                      <a:lnTo>
                        <a:pt x="780" y="189"/>
                      </a:lnTo>
                      <a:lnTo>
                        <a:pt x="780" y="193"/>
                      </a:lnTo>
                      <a:lnTo>
                        <a:pt x="780" y="194"/>
                      </a:lnTo>
                      <a:lnTo>
                        <a:pt x="780" y="196"/>
                      </a:lnTo>
                      <a:lnTo>
                        <a:pt x="772" y="198"/>
                      </a:lnTo>
                      <a:lnTo>
                        <a:pt x="753" y="215"/>
                      </a:lnTo>
                      <a:lnTo>
                        <a:pt x="741" y="213"/>
                      </a:lnTo>
                      <a:lnTo>
                        <a:pt x="724" y="198"/>
                      </a:lnTo>
                      <a:lnTo>
                        <a:pt x="726" y="198"/>
                      </a:lnTo>
                      <a:lnTo>
                        <a:pt x="729" y="199"/>
                      </a:lnTo>
                      <a:lnTo>
                        <a:pt x="733" y="199"/>
                      </a:lnTo>
                      <a:lnTo>
                        <a:pt x="736" y="201"/>
                      </a:lnTo>
                      <a:lnTo>
                        <a:pt x="741" y="204"/>
                      </a:lnTo>
                      <a:lnTo>
                        <a:pt x="748" y="204"/>
                      </a:lnTo>
                      <a:lnTo>
                        <a:pt x="753" y="203"/>
                      </a:lnTo>
                      <a:lnTo>
                        <a:pt x="758" y="199"/>
                      </a:lnTo>
                      <a:lnTo>
                        <a:pt x="763" y="194"/>
                      </a:lnTo>
                      <a:lnTo>
                        <a:pt x="767" y="191"/>
                      </a:lnTo>
                      <a:lnTo>
                        <a:pt x="770" y="188"/>
                      </a:lnTo>
                      <a:lnTo>
                        <a:pt x="770" y="186"/>
                      </a:lnTo>
                      <a:lnTo>
                        <a:pt x="760" y="182"/>
                      </a:lnTo>
                      <a:lnTo>
                        <a:pt x="758" y="177"/>
                      </a:lnTo>
                      <a:lnTo>
                        <a:pt x="768" y="176"/>
                      </a:lnTo>
                      <a:lnTo>
                        <a:pt x="772" y="164"/>
                      </a:lnTo>
                      <a:lnTo>
                        <a:pt x="770" y="164"/>
                      </a:lnTo>
                      <a:lnTo>
                        <a:pt x="768" y="164"/>
                      </a:lnTo>
                      <a:lnTo>
                        <a:pt x="767" y="164"/>
                      </a:lnTo>
                      <a:lnTo>
                        <a:pt x="763" y="162"/>
                      </a:lnTo>
                      <a:lnTo>
                        <a:pt x="750" y="159"/>
                      </a:lnTo>
                      <a:lnTo>
                        <a:pt x="740" y="155"/>
                      </a:lnTo>
                      <a:lnTo>
                        <a:pt x="731" y="154"/>
                      </a:lnTo>
                      <a:lnTo>
                        <a:pt x="728" y="152"/>
                      </a:lnTo>
                      <a:lnTo>
                        <a:pt x="724" y="150"/>
                      </a:lnTo>
                      <a:lnTo>
                        <a:pt x="723" y="150"/>
                      </a:lnTo>
                      <a:lnTo>
                        <a:pt x="724" y="149"/>
                      </a:lnTo>
                      <a:lnTo>
                        <a:pt x="726" y="149"/>
                      </a:lnTo>
                      <a:lnTo>
                        <a:pt x="728" y="149"/>
                      </a:lnTo>
                      <a:lnTo>
                        <a:pt x="731" y="147"/>
                      </a:lnTo>
                      <a:lnTo>
                        <a:pt x="736" y="149"/>
                      </a:lnTo>
                      <a:lnTo>
                        <a:pt x="740" y="149"/>
                      </a:lnTo>
                      <a:lnTo>
                        <a:pt x="743" y="149"/>
                      </a:lnTo>
                      <a:lnTo>
                        <a:pt x="745" y="149"/>
                      </a:lnTo>
                      <a:lnTo>
                        <a:pt x="746" y="149"/>
                      </a:lnTo>
                      <a:lnTo>
                        <a:pt x="748" y="149"/>
                      </a:lnTo>
                      <a:lnTo>
                        <a:pt x="746" y="138"/>
                      </a:lnTo>
                      <a:lnTo>
                        <a:pt x="755" y="135"/>
                      </a:lnTo>
                      <a:lnTo>
                        <a:pt x="760" y="144"/>
                      </a:lnTo>
                      <a:lnTo>
                        <a:pt x="762" y="144"/>
                      </a:lnTo>
                      <a:lnTo>
                        <a:pt x="765" y="144"/>
                      </a:lnTo>
                      <a:lnTo>
                        <a:pt x="767" y="145"/>
                      </a:lnTo>
                      <a:lnTo>
                        <a:pt x="768" y="144"/>
                      </a:lnTo>
                      <a:lnTo>
                        <a:pt x="770" y="138"/>
                      </a:lnTo>
                      <a:lnTo>
                        <a:pt x="772" y="135"/>
                      </a:lnTo>
                      <a:lnTo>
                        <a:pt x="773" y="137"/>
                      </a:lnTo>
                      <a:lnTo>
                        <a:pt x="777" y="138"/>
                      </a:lnTo>
                      <a:lnTo>
                        <a:pt x="778" y="142"/>
                      </a:lnTo>
                      <a:lnTo>
                        <a:pt x="782" y="145"/>
                      </a:lnTo>
                      <a:lnTo>
                        <a:pt x="784" y="147"/>
                      </a:lnTo>
                      <a:lnTo>
                        <a:pt x="784" y="149"/>
                      </a:lnTo>
                      <a:lnTo>
                        <a:pt x="785" y="149"/>
                      </a:lnTo>
                      <a:lnTo>
                        <a:pt x="787" y="149"/>
                      </a:lnTo>
                      <a:lnTo>
                        <a:pt x="792" y="149"/>
                      </a:lnTo>
                      <a:lnTo>
                        <a:pt x="795" y="149"/>
                      </a:lnTo>
                      <a:lnTo>
                        <a:pt x="800" y="149"/>
                      </a:lnTo>
                      <a:lnTo>
                        <a:pt x="804" y="147"/>
                      </a:lnTo>
                      <a:lnTo>
                        <a:pt x="807" y="147"/>
                      </a:lnTo>
                      <a:lnTo>
                        <a:pt x="809" y="147"/>
                      </a:lnTo>
                      <a:lnTo>
                        <a:pt x="814" y="130"/>
                      </a:lnTo>
                      <a:lnTo>
                        <a:pt x="819" y="120"/>
                      </a:lnTo>
                      <a:lnTo>
                        <a:pt x="824" y="113"/>
                      </a:lnTo>
                      <a:lnTo>
                        <a:pt x="826" y="110"/>
                      </a:lnTo>
                      <a:lnTo>
                        <a:pt x="828" y="110"/>
                      </a:lnTo>
                      <a:lnTo>
                        <a:pt x="829" y="111"/>
                      </a:lnTo>
                      <a:lnTo>
                        <a:pt x="831" y="113"/>
                      </a:lnTo>
                      <a:lnTo>
                        <a:pt x="831" y="111"/>
                      </a:lnTo>
                      <a:lnTo>
                        <a:pt x="833" y="110"/>
                      </a:lnTo>
                      <a:lnTo>
                        <a:pt x="834" y="106"/>
                      </a:lnTo>
                      <a:lnTo>
                        <a:pt x="834" y="105"/>
                      </a:lnTo>
                      <a:lnTo>
                        <a:pt x="834" y="96"/>
                      </a:lnTo>
                      <a:lnTo>
                        <a:pt x="833" y="88"/>
                      </a:lnTo>
                      <a:lnTo>
                        <a:pt x="831" y="81"/>
                      </a:lnTo>
                      <a:lnTo>
                        <a:pt x="829" y="76"/>
                      </a:lnTo>
                      <a:lnTo>
                        <a:pt x="828" y="72"/>
                      </a:lnTo>
                      <a:lnTo>
                        <a:pt x="826" y="69"/>
                      </a:lnTo>
                      <a:lnTo>
                        <a:pt x="824" y="67"/>
                      </a:lnTo>
                      <a:lnTo>
                        <a:pt x="817" y="72"/>
                      </a:lnTo>
                      <a:lnTo>
                        <a:pt x="816" y="72"/>
                      </a:lnTo>
                      <a:lnTo>
                        <a:pt x="814" y="74"/>
                      </a:lnTo>
                      <a:lnTo>
                        <a:pt x="811" y="76"/>
                      </a:lnTo>
                      <a:lnTo>
                        <a:pt x="809" y="79"/>
                      </a:lnTo>
                      <a:lnTo>
                        <a:pt x="809" y="89"/>
                      </a:lnTo>
                      <a:lnTo>
                        <a:pt x="809" y="96"/>
                      </a:lnTo>
                      <a:lnTo>
                        <a:pt x="807" y="101"/>
                      </a:lnTo>
                      <a:lnTo>
                        <a:pt x="807" y="105"/>
                      </a:lnTo>
                      <a:lnTo>
                        <a:pt x="807" y="106"/>
                      </a:lnTo>
                      <a:lnTo>
                        <a:pt x="806" y="105"/>
                      </a:lnTo>
                      <a:lnTo>
                        <a:pt x="806" y="101"/>
                      </a:lnTo>
                      <a:lnTo>
                        <a:pt x="804" y="98"/>
                      </a:lnTo>
                      <a:lnTo>
                        <a:pt x="802" y="94"/>
                      </a:lnTo>
                      <a:lnTo>
                        <a:pt x="802" y="91"/>
                      </a:lnTo>
                      <a:lnTo>
                        <a:pt x="802" y="88"/>
                      </a:lnTo>
                      <a:lnTo>
                        <a:pt x="800" y="84"/>
                      </a:lnTo>
                      <a:lnTo>
                        <a:pt x="800" y="81"/>
                      </a:lnTo>
                      <a:lnTo>
                        <a:pt x="800" y="79"/>
                      </a:lnTo>
                      <a:lnTo>
                        <a:pt x="800" y="78"/>
                      </a:lnTo>
                      <a:lnTo>
                        <a:pt x="799" y="71"/>
                      </a:lnTo>
                      <a:lnTo>
                        <a:pt x="797" y="67"/>
                      </a:lnTo>
                      <a:lnTo>
                        <a:pt x="792" y="67"/>
                      </a:lnTo>
                      <a:lnTo>
                        <a:pt x="789" y="69"/>
                      </a:lnTo>
                      <a:lnTo>
                        <a:pt x="784" y="72"/>
                      </a:lnTo>
                      <a:lnTo>
                        <a:pt x="778" y="76"/>
                      </a:lnTo>
                      <a:lnTo>
                        <a:pt x="777" y="78"/>
                      </a:lnTo>
                      <a:lnTo>
                        <a:pt x="775" y="79"/>
                      </a:lnTo>
                      <a:lnTo>
                        <a:pt x="763" y="79"/>
                      </a:lnTo>
                      <a:lnTo>
                        <a:pt x="762" y="81"/>
                      </a:lnTo>
                      <a:lnTo>
                        <a:pt x="760" y="81"/>
                      </a:lnTo>
                      <a:lnTo>
                        <a:pt x="756" y="83"/>
                      </a:lnTo>
                      <a:lnTo>
                        <a:pt x="753" y="83"/>
                      </a:lnTo>
                      <a:lnTo>
                        <a:pt x="750" y="84"/>
                      </a:lnTo>
                      <a:lnTo>
                        <a:pt x="745" y="86"/>
                      </a:lnTo>
                      <a:lnTo>
                        <a:pt x="743" y="88"/>
                      </a:lnTo>
                      <a:lnTo>
                        <a:pt x="741" y="88"/>
                      </a:lnTo>
                      <a:lnTo>
                        <a:pt x="731" y="94"/>
                      </a:lnTo>
                      <a:lnTo>
                        <a:pt x="726" y="96"/>
                      </a:lnTo>
                      <a:lnTo>
                        <a:pt x="724" y="96"/>
                      </a:lnTo>
                      <a:lnTo>
                        <a:pt x="724" y="94"/>
                      </a:lnTo>
                      <a:lnTo>
                        <a:pt x="726" y="91"/>
                      </a:lnTo>
                      <a:lnTo>
                        <a:pt x="729" y="88"/>
                      </a:lnTo>
                      <a:lnTo>
                        <a:pt x="731" y="84"/>
                      </a:lnTo>
                      <a:lnTo>
                        <a:pt x="733" y="84"/>
                      </a:lnTo>
                      <a:lnTo>
                        <a:pt x="724" y="66"/>
                      </a:lnTo>
                      <a:lnTo>
                        <a:pt x="731" y="61"/>
                      </a:lnTo>
                      <a:lnTo>
                        <a:pt x="736" y="71"/>
                      </a:lnTo>
                      <a:lnTo>
                        <a:pt x="748" y="78"/>
                      </a:lnTo>
                      <a:lnTo>
                        <a:pt x="751" y="76"/>
                      </a:lnTo>
                      <a:lnTo>
                        <a:pt x="755" y="72"/>
                      </a:lnTo>
                      <a:lnTo>
                        <a:pt x="758" y="71"/>
                      </a:lnTo>
                      <a:lnTo>
                        <a:pt x="762" y="67"/>
                      </a:lnTo>
                      <a:lnTo>
                        <a:pt x="763" y="66"/>
                      </a:lnTo>
                      <a:lnTo>
                        <a:pt x="765" y="64"/>
                      </a:lnTo>
                      <a:lnTo>
                        <a:pt x="765" y="62"/>
                      </a:lnTo>
                      <a:lnTo>
                        <a:pt x="756" y="56"/>
                      </a:lnTo>
                      <a:lnTo>
                        <a:pt x="753" y="52"/>
                      </a:lnTo>
                      <a:lnTo>
                        <a:pt x="755" y="52"/>
                      </a:lnTo>
                      <a:lnTo>
                        <a:pt x="758" y="52"/>
                      </a:lnTo>
                      <a:lnTo>
                        <a:pt x="763" y="54"/>
                      </a:lnTo>
                      <a:lnTo>
                        <a:pt x="768" y="56"/>
                      </a:lnTo>
                      <a:lnTo>
                        <a:pt x="772" y="57"/>
                      </a:lnTo>
                      <a:lnTo>
                        <a:pt x="775" y="59"/>
                      </a:lnTo>
                      <a:lnTo>
                        <a:pt x="789" y="52"/>
                      </a:lnTo>
                      <a:lnTo>
                        <a:pt x="789" y="50"/>
                      </a:lnTo>
                      <a:lnTo>
                        <a:pt x="789" y="49"/>
                      </a:lnTo>
                      <a:lnTo>
                        <a:pt x="787" y="47"/>
                      </a:lnTo>
                      <a:lnTo>
                        <a:pt x="787" y="45"/>
                      </a:lnTo>
                      <a:lnTo>
                        <a:pt x="780" y="39"/>
                      </a:lnTo>
                      <a:lnTo>
                        <a:pt x="777" y="34"/>
                      </a:lnTo>
                      <a:lnTo>
                        <a:pt x="780" y="34"/>
                      </a:lnTo>
                      <a:lnTo>
                        <a:pt x="784" y="35"/>
                      </a:lnTo>
                      <a:lnTo>
                        <a:pt x="787" y="37"/>
                      </a:lnTo>
                      <a:lnTo>
                        <a:pt x="790" y="39"/>
                      </a:lnTo>
                      <a:lnTo>
                        <a:pt x="790" y="40"/>
                      </a:lnTo>
                      <a:lnTo>
                        <a:pt x="792" y="40"/>
                      </a:lnTo>
                      <a:lnTo>
                        <a:pt x="795" y="39"/>
                      </a:lnTo>
                      <a:lnTo>
                        <a:pt x="800" y="39"/>
                      </a:lnTo>
                      <a:lnTo>
                        <a:pt x="802" y="39"/>
                      </a:lnTo>
                      <a:lnTo>
                        <a:pt x="811" y="47"/>
                      </a:lnTo>
                      <a:lnTo>
                        <a:pt x="816" y="50"/>
                      </a:lnTo>
                      <a:lnTo>
                        <a:pt x="817" y="50"/>
                      </a:lnTo>
                      <a:lnTo>
                        <a:pt x="817" y="47"/>
                      </a:lnTo>
                      <a:lnTo>
                        <a:pt x="814" y="44"/>
                      </a:lnTo>
                      <a:lnTo>
                        <a:pt x="811" y="39"/>
                      </a:lnTo>
                      <a:lnTo>
                        <a:pt x="809" y="35"/>
                      </a:lnTo>
                      <a:lnTo>
                        <a:pt x="807" y="34"/>
                      </a:lnTo>
                      <a:lnTo>
                        <a:pt x="800" y="17"/>
                      </a:lnTo>
                      <a:lnTo>
                        <a:pt x="790" y="15"/>
                      </a:lnTo>
                      <a:lnTo>
                        <a:pt x="780" y="0"/>
                      </a:lnTo>
                      <a:lnTo>
                        <a:pt x="750" y="8"/>
                      </a:lnTo>
                      <a:lnTo>
                        <a:pt x="721" y="15"/>
                      </a:lnTo>
                      <a:lnTo>
                        <a:pt x="692" y="20"/>
                      </a:lnTo>
                      <a:lnTo>
                        <a:pt x="663" y="27"/>
                      </a:lnTo>
                      <a:lnTo>
                        <a:pt x="636" y="32"/>
                      </a:lnTo>
                      <a:lnTo>
                        <a:pt x="609" y="39"/>
                      </a:lnTo>
                      <a:lnTo>
                        <a:pt x="584" y="44"/>
                      </a:lnTo>
                      <a:lnTo>
                        <a:pt x="558" y="47"/>
                      </a:lnTo>
                      <a:lnTo>
                        <a:pt x="533" y="52"/>
                      </a:lnTo>
                      <a:lnTo>
                        <a:pt x="509" y="56"/>
                      </a:lnTo>
                      <a:lnTo>
                        <a:pt x="486" y="61"/>
                      </a:lnTo>
                      <a:lnTo>
                        <a:pt x="464" y="64"/>
                      </a:lnTo>
                      <a:lnTo>
                        <a:pt x="443" y="67"/>
                      </a:lnTo>
                      <a:lnTo>
                        <a:pt x="423" y="71"/>
                      </a:lnTo>
                      <a:lnTo>
                        <a:pt x="403" y="74"/>
                      </a:lnTo>
                      <a:lnTo>
                        <a:pt x="384" y="76"/>
                      </a:lnTo>
                      <a:lnTo>
                        <a:pt x="366" y="79"/>
                      </a:lnTo>
                      <a:lnTo>
                        <a:pt x="349" y="81"/>
                      </a:lnTo>
                      <a:lnTo>
                        <a:pt x="333" y="83"/>
                      </a:lnTo>
                      <a:lnTo>
                        <a:pt x="318" y="84"/>
                      </a:lnTo>
                      <a:lnTo>
                        <a:pt x="305" y="86"/>
                      </a:lnTo>
                      <a:lnTo>
                        <a:pt x="293" y="88"/>
                      </a:lnTo>
                      <a:lnTo>
                        <a:pt x="281" y="89"/>
                      </a:lnTo>
                      <a:lnTo>
                        <a:pt x="271" y="91"/>
                      </a:lnTo>
                      <a:lnTo>
                        <a:pt x="261" y="91"/>
                      </a:lnTo>
                      <a:lnTo>
                        <a:pt x="252" y="93"/>
                      </a:lnTo>
                      <a:lnTo>
                        <a:pt x="245" y="93"/>
                      </a:lnTo>
                      <a:lnTo>
                        <a:pt x="240" y="94"/>
                      </a:lnTo>
                      <a:lnTo>
                        <a:pt x="235" y="94"/>
                      </a:lnTo>
                      <a:lnTo>
                        <a:pt x="232" y="94"/>
                      </a:lnTo>
                      <a:lnTo>
                        <a:pt x="230" y="94"/>
                      </a:lnTo>
                      <a:lnTo>
                        <a:pt x="232" y="94"/>
                      </a:lnTo>
                      <a:lnTo>
                        <a:pt x="232" y="96"/>
                      </a:lnTo>
                      <a:lnTo>
                        <a:pt x="232" y="100"/>
                      </a:lnTo>
                      <a:lnTo>
                        <a:pt x="232" y="106"/>
                      </a:lnTo>
                      <a:lnTo>
                        <a:pt x="232" y="111"/>
                      </a:lnTo>
                      <a:lnTo>
                        <a:pt x="234" y="118"/>
                      </a:lnTo>
                      <a:lnTo>
                        <a:pt x="232" y="125"/>
                      </a:lnTo>
                      <a:lnTo>
                        <a:pt x="232" y="128"/>
                      </a:lnTo>
                      <a:lnTo>
                        <a:pt x="232" y="130"/>
                      </a:lnTo>
                      <a:lnTo>
                        <a:pt x="225" y="130"/>
                      </a:lnTo>
                      <a:lnTo>
                        <a:pt x="220" y="133"/>
                      </a:lnTo>
                      <a:lnTo>
                        <a:pt x="215" y="138"/>
                      </a:lnTo>
                      <a:lnTo>
                        <a:pt x="212" y="145"/>
                      </a:lnTo>
                      <a:lnTo>
                        <a:pt x="208" y="152"/>
                      </a:lnTo>
                      <a:lnTo>
                        <a:pt x="206" y="157"/>
                      </a:lnTo>
                      <a:lnTo>
                        <a:pt x="205" y="160"/>
                      </a:lnTo>
                      <a:lnTo>
                        <a:pt x="198" y="157"/>
                      </a:lnTo>
                      <a:lnTo>
                        <a:pt x="191" y="157"/>
                      </a:lnTo>
                      <a:lnTo>
                        <a:pt x="183" y="162"/>
                      </a:lnTo>
                      <a:lnTo>
                        <a:pt x="174" y="169"/>
                      </a:lnTo>
                      <a:lnTo>
                        <a:pt x="168" y="177"/>
                      </a:lnTo>
                      <a:lnTo>
                        <a:pt x="161" y="184"/>
                      </a:lnTo>
                      <a:lnTo>
                        <a:pt x="156" y="188"/>
                      </a:lnTo>
                      <a:lnTo>
                        <a:pt x="154" y="188"/>
                      </a:lnTo>
                      <a:lnTo>
                        <a:pt x="152" y="182"/>
                      </a:lnTo>
                      <a:lnTo>
                        <a:pt x="149" y="181"/>
                      </a:lnTo>
                      <a:lnTo>
                        <a:pt x="147" y="179"/>
                      </a:lnTo>
                      <a:lnTo>
                        <a:pt x="144" y="179"/>
                      </a:lnTo>
                      <a:lnTo>
                        <a:pt x="140" y="181"/>
                      </a:lnTo>
                      <a:lnTo>
                        <a:pt x="137" y="182"/>
                      </a:lnTo>
                      <a:lnTo>
                        <a:pt x="134" y="186"/>
                      </a:lnTo>
                      <a:lnTo>
                        <a:pt x="132" y="191"/>
                      </a:lnTo>
                      <a:lnTo>
                        <a:pt x="129" y="194"/>
                      </a:lnTo>
                      <a:lnTo>
                        <a:pt x="125" y="199"/>
                      </a:lnTo>
                      <a:lnTo>
                        <a:pt x="124" y="204"/>
                      </a:lnTo>
                      <a:lnTo>
                        <a:pt x="122" y="208"/>
                      </a:lnTo>
                      <a:lnTo>
                        <a:pt x="118" y="213"/>
                      </a:lnTo>
                      <a:lnTo>
                        <a:pt x="118" y="215"/>
                      </a:lnTo>
                      <a:lnTo>
                        <a:pt x="117" y="216"/>
                      </a:lnTo>
                      <a:lnTo>
                        <a:pt x="117" y="218"/>
                      </a:lnTo>
                      <a:lnTo>
                        <a:pt x="108" y="220"/>
                      </a:lnTo>
                      <a:lnTo>
                        <a:pt x="100" y="223"/>
                      </a:lnTo>
                      <a:lnTo>
                        <a:pt x="91" y="228"/>
                      </a:lnTo>
                      <a:lnTo>
                        <a:pt x="83" y="235"/>
                      </a:lnTo>
                      <a:lnTo>
                        <a:pt x="78" y="240"/>
                      </a:lnTo>
                      <a:lnTo>
                        <a:pt x="71" y="247"/>
                      </a:lnTo>
                      <a:lnTo>
                        <a:pt x="68" y="250"/>
                      </a:lnTo>
                      <a:lnTo>
                        <a:pt x="66" y="252"/>
                      </a:lnTo>
                      <a:lnTo>
                        <a:pt x="56" y="252"/>
                      </a:lnTo>
                      <a:lnTo>
                        <a:pt x="47" y="255"/>
                      </a:lnTo>
                      <a:lnTo>
                        <a:pt x="41" y="259"/>
                      </a:lnTo>
                      <a:lnTo>
                        <a:pt x="34" y="264"/>
                      </a:lnTo>
                      <a:lnTo>
                        <a:pt x="31" y="269"/>
                      </a:lnTo>
                      <a:lnTo>
                        <a:pt x="27" y="274"/>
                      </a:lnTo>
                      <a:lnTo>
                        <a:pt x="25" y="277"/>
                      </a:lnTo>
                      <a:lnTo>
                        <a:pt x="25" y="279"/>
                      </a:lnTo>
                      <a:lnTo>
                        <a:pt x="24" y="286"/>
                      </a:lnTo>
                      <a:lnTo>
                        <a:pt x="20" y="291"/>
                      </a:lnTo>
                      <a:lnTo>
                        <a:pt x="17" y="296"/>
                      </a:lnTo>
                      <a:lnTo>
                        <a:pt x="12" y="298"/>
                      </a:lnTo>
                      <a:lnTo>
                        <a:pt x="9" y="299"/>
                      </a:lnTo>
                      <a:lnTo>
                        <a:pt x="3" y="299"/>
                      </a:lnTo>
                      <a:lnTo>
                        <a:pt x="0" y="299"/>
                      </a:lnTo>
                      <a:lnTo>
                        <a:pt x="0" y="333"/>
                      </a:lnTo>
                      <a:lnTo>
                        <a:pt x="124" y="314"/>
                      </a:lnTo>
                      <a:lnTo>
                        <a:pt x="125" y="316"/>
                      </a:lnTo>
                      <a:lnTo>
                        <a:pt x="127" y="314"/>
                      </a:lnTo>
                      <a:lnTo>
                        <a:pt x="129" y="313"/>
                      </a:lnTo>
                      <a:lnTo>
                        <a:pt x="132" y="309"/>
                      </a:lnTo>
                      <a:lnTo>
                        <a:pt x="135" y="306"/>
                      </a:lnTo>
                      <a:lnTo>
                        <a:pt x="140" y="303"/>
                      </a:lnTo>
                      <a:lnTo>
                        <a:pt x="146" y="299"/>
                      </a:lnTo>
                      <a:lnTo>
                        <a:pt x="152" y="296"/>
                      </a:lnTo>
                      <a:lnTo>
                        <a:pt x="157" y="292"/>
                      </a:lnTo>
                      <a:lnTo>
                        <a:pt x="166" y="287"/>
                      </a:lnTo>
                      <a:lnTo>
                        <a:pt x="173" y="284"/>
                      </a:lnTo>
                      <a:lnTo>
                        <a:pt x="181" y="281"/>
                      </a:lnTo>
                      <a:lnTo>
                        <a:pt x="190" y="279"/>
                      </a:lnTo>
                      <a:lnTo>
                        <a:pt x="200" y="277"/>
                      </a:lnTo>
                      <a:lnTo>
                        <a:pt x="210" y="274"/>
                      </a:lnTo>
                      <a:lnTo>
                        <a:pt x="218" y="274"/>
                      </a:lnTo>
                      <a:lnTo>
                        <a:pt x="311" y="265"/>
                      </a:lnTo>
                      <a:lnTo>
                        <a:pt x="313" y="265"/>
                      </a:lnTo>
                      <a:lnTo>
                        <a:pt x="315" y="264"/>
                      </a:lnTo>
                      <a:lnTo>
                        <a:pt x="320" y="264"/>
                      </a:lnTo>
                      <a:lnTo>
                        <a:pt x="327" y="264"/>
                      </a:lnTo>
                      <a:lnTo>
                        <a:pt x="333" y="265"/>
                      </a:lnTo>
                      <a:lnTo>
                        <a:pt x="340" y="269"/>
                      </a:lnTo>
                      <a:lnTo>
                        <a:pt x="347" y="276"/>
                      </a:lnTo>
                      <a:lnTo>
                        <a:pt x="355" y="287"/>
                      </a:lnTo>
                      <a:lnTo>
                        <a:pt x="359" y="301"/>
                      </a:lnTo>
                      <a:lnTo>
                        <a:pt x="467" y="284"/>
                      </a:lnTo>
                      <a:lnTo>
                        <a:pt x="597" y="379"/>
                      </a:lnTo>
                      <a:lnTo>
                        <a:pt x="601" y="379"/>
                      </a:lnTo>
                      <a:lnTo>
                        <a:pt x="602" y="379"/>
                      </a:lnTo>
                      <a:lnTo>
                        <a:pt x="604" y="377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82" name="Freeform 164"/>
                <p:cNvSpPr>
                  <a:spLocks/>
                </p:cNvSpPr>
                <p:nvPr/>
              </p:nvSpPr>
              <p:spPr bwMode="auto">
                <a:xfrm>
                  <a:off x="4106" y="2082"/>
                  <a:ext cx="834" cy="379"/>
                </a:xfrm>
                <a:custGeom>
                  <a:avLst/>
                  <a:gdLst>
                    <a:gd name="T0" fmla="*/ 648 w 834"/>
                    <a:gd name="T1" fmla="*/ 360 h 379"/>
                    <a:gd name="T2" fmla="*/ 658 w 834"/>
                    <a:gd name="T3" fmla="*/ 335 h 379"/>
                    <a:gd name="T4" fmla="*/ 662 w 834"/>
                    <a:gd name="T5" fmla="*/ 353 h 379"/>
                    <a:gd name="T6" fmla="*/ 675 w 834"/>
                    <a:gd name="T7" fmla="*/ 309 h 379"/>
                    <a:gd name="T8" fmla="*/ 697 w 834"/>
                    <a:gd name="T9" fmla="*/ 279 h 379"/>
                    <a:gd name="T10" fmla="*/ 702 w 834"/>
                    <a:gd name="T11" fmla="*/ 264 h 379"/>
                    <a:gd name="T12" fmla="*/ 729 w 834"/>
                    <a:gd name="T13" fmla="*/ 248 h 379"/>
                    <a:gd name="T14" fmla="*/ 758 w 834"/>
                    <a:gd name="T15" fmla="*/ 232 h 379"/>
                    <a:gd name="T16" fmla="*/ 768 w 834"/>
                    <a:gd name="T17" fmla="*/ 233 h 379"/>
                    <a:gd name="T18" fmla="*/ 780 w 834"/>
                    <a:gd name="T19" fmla="*/ 230 h 379"/>
                    <a:gd name="T20" fmla="*/ 790 w 834"/>
                    <a:gd name="T21" fmla="*/ 218 h 379"/>
                    <a:gd name="T22" fmla="*/ 795 w 834"/>
                    <a:gd name="T23" fmla="*/ 193 h 379"/>
                    <a:gd name="T24" fmla="*/ 790 w 834"/>
                    <a:gd name="T25" fmla="*/ 201 h 379"/>
                    <a:gd name="T26" fmla="*/ 784 w 834"/>
                    <a:gd name="T27" fmla="*/ 188 h 379"/>
                    <a:gd name="T28" fmla="*/ 772 w 834"/>
                    <a:gd name="T29" fmla="*/ 198 h 379"/>
                    <a:gd name="T30" fmla="*/ 733 w 834"/>
                    <a:gd name="T31" fmla="*/ 199 h 379"/>
                    <a:gd name="T32" fmla="*/ 763 w 834"/>
                    <a:gd name="T33" fmla="*/ 194 h 379"/>
                    <a:gd name="T34" fmla="*/ 772 w 834"/>
                    <a:gd name="T35" fmla="*/ 164 h 379"/>
                    <a:gd name="T36" fmla="*/ 750 w 834"/>
                    <a:gd name="T37" fmla="*/ 159 h 379"/>
                    <a:gd name="T38" fmla="*/ 726 w 834"/>
                    <a:gd name="T39" fmla="*/ 149 h 379"/>
                    <a:gd name="T40" fmla="*/ 746 w 834"/>
                    <a:gd name="T41" fmla="*/ 149 h 379"/>
                    <a:gd name="T42" fmla="*/ 765 w 834"/>
                    <a:gd name="T43" fmla="*/ 144 h 379"/>
                    <a:gd name="T44" fmla="*/ 777 w 834"/>
                    <a:gd name="T45" fmla="*/ 138 h 379"/>
                    <a:gd name="T46" fmla="*/ 787 w 834"/>
                    <a:gd name="T47" fmla="*/ 149 h 379"/>
                    <a:gd name="T48" fmla="*/ 809 w 834"/>
                    <a:gd name="T49" fmla="*/ 147 h 379"/>
                    <a:gd name="T50" fmla="*/ 831 w 834"/>
                    <a:gd name="T51" fmla="*/ 113 h 379"/>
                    <a:gd name="T52" fmla="*/ 834 w 834"/>
                    <a:gd name="T53" fmla="*/ 105 h 379"/>
                    <a:gd name="T54" fmla="*/ 824 w 834"/>
                    <a:gd name="T55" fmla="*/ 67 h 379"/>
                    <a:gd name="T56" fmla="*/ 809 w 834"/>
                    <a:gd name="T57" fmla="*/ 79 h 379"/>
                    <a:gd name="T58" fmla="*/ 806 w 834"/>
                    <a:gd name="T59" fmla="*/ 105 h 379"/>
                    <a:gd name="T60" fmla="*/ 800 w 834"/>
                    <a:gd name="T61" fmla="*/ 84 h 379"/>
                    <a:gd name="T62" fmla="*/ 792 w 834"/>
                    <a:gd name="T63" fmla="*/ 67 h 379"/>
                    <a:gd name="T64" fmla="*/ 763 w 834"/>
                    <a:gd name="T65" fmla="*/ 79 h 379"/>
                    <a:gd name="T66" fmla="*/ 743 w 834"/>
                    <a:gd name="T67" fmla="*/ 88 h 379"/>
                    <a:gd name="T68" fmla="*/ 726 w 834"/>
                    <a:gd name="T69" fmla="*/ 91 h 379"/>
                    <a:gd name="T70" fmla="*/ 748 w 834"/>
                    <a:gd name="T71" fmla="*/ 78 h 379"/>
                    <a:gd name="T72" fmla="*/ 763 w 834"/>
                    <a:gd name="T73" fmla="*/ 66 h 379"/>
                    <a:gd name="T74" fmla="*/ 758 w 834"/>
                    <a:gd name="T75" fmla="*/ 52 h 379"/>
                    <a:gd name="T76" fmla="*/ 789 w 834"/>
                    <a:gd name="T77" fmla="*/ 50 h 379"/>
                    <a:gd name="T78" fmla="*/ 777 w 834"/>
                    <a:gd name="T79" fmla="*/ 34 h 379"/>
                    <a:gd name="T80" fmla="*/ 792 w 834"/>
                    <a:gd name="T81" fmla="*/ 40 h 379"/>
                    <a:gd name="T82" fmla="*/ 817 w 834"/>
                    <a:gd name="T83" fmla="*/ 50 h 379"/>
                    <a:gd name="T84" fmla="*/ 790 w 834"/>
                    <a:gd name="T85" fmla="*/ 15 h 379"/>
                    <a:gd name="T86" fmla="*/ 636 w 834"/>
                    <a:gd name="T87" fmla="*/ 32 h 379"/>
                    <a:gd name="T88" fmla="*/ 464 w 834"/>
                    <a:gd name="T89" fmla="*/ 64 h 379"/>
                    <a:gd name="T90" fmla="*/ 333 w 834"/>
                    <a:gd name="T91" fmla="*/ 83 h 379"/>
                    <a:gd name="T92" fmla="*/ 252 w 834"/>
                    <a:gd name="T93" fmla="*/ 93 h 379"/>
                    <a:gd name="T94" fmla="*/ 232 w 834"/>
                    <a:gd name="T95" fmla="*/ 94 h 379"/>
                    <a:gd name="T96" fmla="*/ 232 w 834"/>
                    <a:gd name="T97" fmla="*/ 125 h 379"/>
                    <a:gd name="T98" fmla="*/ 212 w 834"/>
                    <a:gd name="T99" fmla="*/ 145 h 379"/>
                    <a:gd name="T100" fmla="*/ 191 w 834"/>
                    <a:gd name="T101" fmla="*/ 157 h 379"/>
                    <a:gd name="T102" fmla="*/ 154 w 834"/>
                    <a:gd name="T103" fmla="*/ 188 h 379"/>
                    <a:gd name="T104" fmla="*/ 134 w 834"/>
                    <a:gd name="T105" fmla="*/ 186 h 379"/>
                    <a:gd name="T106" fmla="*/ 118 w 834"/>
                    <a:gd name="T107" fmla="*/ 215 h 379"/>
                    <a:gd name="T108" fmla="*/ 83 w 834"/>
                    <a:gd name="T109" fmla="*/ 235 h 379"/>
                    <a:gd name="T110" fmla="*/ 47 w 834"/>
                    <a:gd name="T111" fmla="*/ 255 h 379"/>
                    <a:gd name="T112" fmla="*/ 25 w 834"/>
                    <a:gd name="T113" fmla="*/ 279 h 379"/>
                    <a:gd name="T114" fmla="*/ 0 w 834"/>
                    <a:gd name="T115" fmla="*/ 299 h 379"/>
                    <a:gd name="T116" fmla="*/ 127 w 834"/>
                    <a:gd name="T117" fmla="*/ 314 h 379"/>
                    <a:gd name="T118" fmla="*/ 157 w 834"/>
                    <a:gd name="T119" fmla="*/ 292 h 379"/>
                    <a:gd name="T120" fmla="*/ 218 w 834"/>
                    <a:gd name="T121" fmla="*/ 274 h 379"/>
                    <a:gd name="T122" fmla="*/ 333 w 834"/>
                    <a:gd name="T123" fmla="*/ 265 h 379"/>
                    <a:gd name="T124" fmla="*/ 597 w 834"/>
                    <a:gd name="T125" fmla="*/ 379 h 379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60000 65536"/>
                    <a:gd name="T187" fmla="*/ 0 60000 65536"/>
                    <a:gd name="T188" fmla="*/ 0 60000 65536"/>
                    <a:gd name="T189" fmla="*/ 0 w 834"/>
                    <a:gd name="T190" fmla="*/ 0 h 379"/>
                    <a:gd name="T191" fmla="*/ 834 w 834"/>
                    <a:gd name="T192" fmla="*/ 379 h 379"/>
                  </a:gdLst>
                  <a:ahLst/>
                  <a:cxnLst>
                    <a:cxn ang="T126">
                      <a:pos x="T0" y="T1"/>
                    </a:cxn>
                    <a:cxn ang="T127">
                      <a:pos x="T2" y="T3"/>
                    </a:cxn>
                    <a:cxn ang="T128">
                      <a:pos x="T4" y="T5"/>
                    </a:cxn>
                    <a:cxn ang="T129">
                      <a:pos x="T6" y="T7"/>
                    </a:cxn>
                    <a:cxn ang="T130">
                      <a:pos x="T8" y="T9"/>
                    </a:cxn>
                    <a:cxn ang="T131">
                      <a:pos x="T10" y="T11"/>
                    </a:cxn>
                    <a:cxn ang="T132">
                      <a:pos x="T12" y="T13"/>
                    </a:cxn>
                    <a:cxn ang="T133">
                      <a:pos x="T14" y="T15"/>
                    </a:cxn>
                    <a:cxn ang="T134">
                      <a:pos x="T16" y="T17"/>
                    </a:cxn>
                    <a:cxn ang="T135">
                      <a:pos x="T18" y="T19"/>
                    </a:cxn>
                    <a:cxn ang="T136">
                      <a:pos x="T20" y="T21"/>
                    </a:cxn>
                    <a:cxn ang="T137">
                      <a:pos x="T22" y="T23"/>
                    </a:cxn>
                    <a:cxn ang="T138">
                      <a:pos x="T24" y="T25"/>
                    </a:cxn>
                    <a:cxn ang="T139">
                      <a:pos x="T26" y="T27"/>
                    </a:cxn>
                    <a:cxn ang="T140">
                      <a:pos x="T28" y="T29"/>
                    </a:cxn>
                    <a:cxn ang="T141">
                      <a:pos x="T30" y="T31"/>
                    </a:cxn>
                    <a:cxn ang="T142">
                      <a:pos x="T32" y="T33"/>
                    </a:cxn>
                    <a:cxn ang="T143">
                      <a:pos x="T34" y="T35"/>
                    </a:cxn>
                    <a:cxn ang="T144">
                      <a:pos x="T36" y="T37"/>
                    </a:cxn>
                    <a:cxn ang="T145">
                      <a:pos x="T38" y="T39"/>
                    </a:cxn>
                    <a:cxn ang="T146">
                      <a:pos x="T40" y="T41"/>
                    </a:cxn>
                    <a:cxn ang="T147">
                      <a:pos x="T42" y="T43"/>
                    </a:cxn>
                    <a:cxn ang="T148">
                      <a:pos x="T44" y="T45"/>
                    </a:cxn>
                    <a:cxn ang="T149">
                      <a:pos x="T46" y="T47"/>
                    </a:cxn>
                    <a:cxn ang="T150">
                      <a:pos x="T48" y="T49"/>
                    </a:cxn>
                    <a:cxn ang="T151">
                      <a:pos x="T50" y="T51"/>
                    </a:cxn>
                    <a:cxn ang="T152">
                      <a:pos x="T52" y="T53"/>
                    </a:cxn>
                    <a:cxn ang="T153">
                      <a:pos x="T54" y="T55"/>
                    </a:cxn>
                    <a:cxn ang="T154">
                      <a:pos x="T56" y="T57"/>
                    </a:cxn>
                    <a:cxn ang="T155">
                      <a:pos x="T58" y="T59"/>
                    </a:cxn>
                    <a:cxn ang="T156">
                      <a:pos x="T60" y="T61"/>
                    </a:cxn>
                    <a:cxn ang="T157">
                      <a:pos x="T62" y="T63"/>
                    </a:cxn>
                    <a:cxn ang="T158">
                      <a:pos x="T64" y="T65"/>
                    </a:cxn>
                    <a:cxn ang="T159">
                      <a:pos x="T66" y="T67"/>
                    </a:cxn>
                    <a:cxn ang="T160">
                      <a:pos x="T68" y="T69"/>
                    </a:cxn>
                    <a:cxn ang="T161">
                      <a:pos x="T70" y="T71"/>
                    </a:cxn>
                    <a:cxn ang="T162">
                      <a:pos x="T72" y="T73"/>
                    </a:cxn>
                    <a:cxn ang="T163">
                      <a:pos x="T74" y="T75"/>
                    </a:cxn>
                    <a:cxn ang="T164">
                      <a:pos x="T76" y="T77"/>
                    </a:cxn>
                    <a:cxn ang="T165">
                      <a:pos x="T78" y="T79"/>
                    </a:cxn>
                    <a:cxn ang="T166">
                      <a:pos x="T80" y="T81"/>
                    </a:cxn>
                    <a:cxn ang="T167">
                      <a:pos x="T82" y="T83"/>
                    </a:cxn>
                    <a:cxn ang="T168">
                      <a:pos x="T84" y="T85"/>
                    </a:cxn>
                    <a:cxn ang="T169">
                      <a:pos x="T86" y="T87"/>
                    </a:cxn>
                    <a:cxn ang="T170">
                      <a:pos x="T88" y="T89"/>
                    </a:cxn>
                    <a:cxn ang="T171">
                      <a:pos x="T90" y="T91"/>
                    </a:cxn>
                    <a:cxn ang="T172">
                      <a:pos x="T92" y="T93"/>
                    </a:cxn>
                    <a:cxn ang="T173">
                      <a:pos x="T94" y="T95"/>
                    </a:cxn>
                    <a:cxn ang="T174">
                      <a:pos x="T96" y="T97"/>
                    </a:cxn>
                    <a:cxn ang="T175">
                      <a:pos x="T98" y="T99"/>
                    </a:cxn>
                    <a:cxn ang="T176">
                      <a:pos x="T100" y="T101"/>
                    </a:cxn>
                    <a:cxn ang="T177">
                      <a:pos x="T102" y="T103"/>
                    </a:cxn>
                    <a:cxn ang="T178">
                      <a:pos x="T104" y="T105"/>
                    </a:cxn>
                    <a:cxn ang="T179">
                      <a:pos x="T106" y="T107"/>
                    </a:cxn>
                    <a:cxn ang="T180">
                      <a:pos x="T108" y="T109"/>
                    </a:cxn>
                    <a:cxn ang="T181">
                      <a:pos x="T110" y="T111"/>
                    </a:cxn>
                    <a:cxn ang="T182">
                      <a:pos x="T112" y="T113"/>
                    </a:cxn>
                    <a:cxn ang="T183">
                      <a:pos x="T114" y="T115"/>
                    </a:cxn>
                    <a:cxn ang="T184">
                      <a:pos x="T116" y="T117"/>
                    </a:cxn>
                    <a:cxn ang="T185">
                      <a:pos x="T118" y="T119"/>
                    </a:cxn>
                    <a:cxn ang="T186">
                      <a:pos x="T120" y="T121"/>
                    </a:cxn>
                    <a:cxn ang="T187">
                      <a:pos x="T122" y="T123"/>
                    </a:cxn>
                    <a:cxn ang="T188">
                      <a:pos x="T124" y="T125"/>
                    </a:cxn>
                  </a:cxnLst>
                  <a:rect l="T189" t="T190" r="T191" b="T192"/>
                  <a:pathLst>
                    <a:path w="834" h="379">
                      <a:moveTo>
                        <a:pt x="604" y="377"/>
                      </a:moveTo>
                      <a:lnTo>
                        <a:pt x="604" y="377"/>
                      </a:lnTo>
                      <a:lnTo>
                        <a:pt x="618" y="369"/>
                      </a:lnTo>
                      <a:lnTo>
                        <a:pt x="628" y="362"/>
                      </a:lnTo>
                      <a:lnTo>
                        <a:pt x="636" y="360"/>
                      </a:lnTo>
                      <a:lnTo>
                        <a:pt x="643" y="360"/>
                      </a:lnTo>
                      <a:lnTo>
                        <a:pt x="648" y="360"/>
                      </a:lnTo>
                      <a:lnTo>
                        <a:pt x="650" y="362"/>
                      </a:lnTo>
                      <a:lnTo>
                        <a:pt x="653" y="364"/>
                      </a:lnTo>
                      <a:lnTo>
                        <a:pt x="653" y="365"/>
                      </a:lnTo>
                      <a:lnTo>
                        <a:pt x="653" y="333"/>
                      </a:lnTo>
                      <a:lnTo>
                        <a:pt x="657" y="333"/>
                      </a:lnTo>
                      <a:lnTo>
                        <a:pt x="658" y="335"/>
                      </a:lnTo>
                      <a:lnTo>
                        <a:pt x="658" y="338"/>
                      </a:lnTo>
                      <a:lnTo>
                        <a:pt x="658" y="340"/>
                      </a:lnTo>
                      <a:lnTo>
                        <a:pt x="660" y="345"/>
                      </a:lnTo>
                      <a:lnTo>
                        <a:pt x="662" y="348"/>
                      </a:lnTo>
                      <a:lnTo>
                        <a:pt x="662" y="352"/>
                      </a:lnTo>
                      <a:lnTo>
                        <a:pt x="662" y="353"/>
                      </a:lnTo>
                      <a:lnTo>
                        <a:pt x="663" y="345"/>
                      </a:lnTo>
                      <a:lnTo>
                        <a:pt x="663" y="338"/>
                      </a:lnTo>
                      <a:lnTo>
                        <a:pt x="667" y="330"/>
                      </a:lnTo>
                      <a:lnTo>
                        <a:pt x="668" y="323"/>
                      </a:lnTo>
                      <a:lnTo>
                        <a:pt x="672" y="316"/>
                      </a:lnTo>
                      <a:lnTo>
                        <a:pt x="675" y="309"/>
                      </a:lnTo>
                      <a:lnTo>
                        <a:pt x="679" y="303"/>
                      </a:lnTo>
                      <a:lnTo>
                        <a:pt x="682" y="298"/>
                      </a:lnTo>
                      <a:lnTo>
                        <a:pt x="685" y="292"/>
                      </a:lnTo>
                      <a:lnTo>
                        <a:pt x="689" y="289"/>
                      </a:lnTo>
                      <a:lnTo>
                        <a:pt x="692" y="286"/>
                      </a:lnTo>
                      <a:lnTo>
                        <a:pt x="696" y="282"/>
                      </a:lnTo>
                      <a:lnTo>
                        <a:pt x="697" y="279"/>
                      </a:lnTo>
                      <a:lnTo>
                        <a:pt x="699" y="277"/>
                      </a:lnTo>
                      <a:lnTo>
                        <a:pt x="701" y="277"/>
                      </a:lnTo>
                      <a:lnTo>
                        <a:pt x="701" y="276"/>
                      </a:lnTo>
                      <a:lnTo>
                        <a:pt x="696" y="267"/>
                      </a:lnTo>
                      <a:lnTo>
                        <a:pt x="702" y="262"/>
                      </a:lnTo>
                      <a:lnTo>
                        <a:pt x="702" y="264"/>
                      </a:lnTo>
                      <a:lnTo>
                        <a:pt x="704" y="267"/>
                      </a:lnTo>
                      <a:lnTo>
                        <a:pt x="706" y="270"/>
                      </a:lnTo>
                      <a:lnTo>
                        <a:pt x="707" y="270"/>
                      </a:lnTo>
                      <a:lnTo>
                        <a:pt x="714" y="262"/>
                      </a:lnTo>
                      <a:lnTo>
                        <a:pt x="721" y="254"/>
                      </a:lnTo>
                      <a:lnTo>
                        <a:pt x="729" y="248"/>
                      </a:lnTo>
                      <a:lnTo>
                        <a:pt x="738" y="243"/>
                      </a:lnTo>
                      <a:lnTo>
                        <a:pt x="745" y="242"/>
                      </a:lnTo>
                      <a:lnTo>
                        <a:pt x="751" y="240"/>
                      </a:lnTo>
                      <a:lnTo>
                        <a:pt x="756" y="238"/>
                      </a:lnTo>
                      <a:lnTo>
                        <a:pt x="758" y="238"/>
                      </a:lnTo>
                      <a:lnTo>
                        <a:pt x="758" y="232"/>
                      </a:lnTo>
                      <a:lnTo>
                        <a:pt x="760" y="230"/>
                      </a:lnTo>
                      <a:lnTo>
                        <a:pt x="762" y="228"/>
                      </a:lnTo>
                      <a:lnTo>
                        <a:pt x="763" y="228"/>
                      </a:lnTo>
                      <a:lnTo>
                        <a:pt x="765" y="230"/>
                      </a:lnTo>
                      <a:lnTo>
                        <a:pt x="767" y="230"/>
                      </a:lnTo>
                      <a:lnTo>
                        <a:pt x="768" y="232"/>
                      </a:lnTo>
                      <a:lnTo>
                        <a:pt x="768" y="233"/>
                      </a:lnTo>
                      <a:lnTo>
                        <a:pt x="770" y="230"/>
                      </a:lnTo>
                      <a:lnTo>
                        <a:pt x="772" y="228"/>
                      </a:lnTo>
                      <a:lnTo>
                        <a:pt x="773" y="226"/>
                      </a:lnTo>
                      <a:lnTo>
                        <a:pt x="775" y="228"/>
                      </a:lnTo>
                      <a:lnTo>
                        <a:pt x="778" y="228"/>
                      </a:lnTo>
                      <a:lnTo>
                        <a:pt x="780" y="230"/>
                      </a:lnTo>
                      <a:lnTo>
                        <a:pt x="782" y="230"/>
                      </a:lnTo>
                      <a:lnTo>
                        <a:pt x="784" y="230"/>
                      </a:lnTo>
                      <a:lnTo>
                        <a:pt x="785" y="226"/>
                      </a:lnTo>
                      <a:lnTo>
                        <a:pt x="787" y="223"/>
                      </a:lnTo>
                      <a:lnTo>
                        <a:pt x="790" y="218"/>
                      </a:lnTo>
                      <a:lnTo>
                        <a:pt x="792" y="215"/>
                      </a:lnTo>
                      <a:lnTo>
                        <a:pt x="795" y="210"/>
                      </a:lnTo>
                      <a:lnTo>
                        <a:pt x="797" y="208"/>
                      </a:lnTo>
                      <a:lnTo>
                        <a:pt x="797" y="204"/>
                      </a:lnTo>
                      <a:lnTo>
                        <a:pt x="797" y="196"/>
                      </a:lnTo>
                      <a:lnTo>
                        <a:pt x="795" y="193"/>
                      </a:lnTo>
                      <a:lnTo>
                        <a:pt x="795" y="191"/>
                      </a:lnTo>
                      <a:lnTo>
                        <a:pt x="794" y="193"/>
                      </a:lnTo>
                      <a:lnTo>
                        <a:pt x="792" y="194"/>
                      </a:lnTo>
                      <a:lnTo>
                        <a:pt x="790" y="198"/>
                      </a:lnTo>
                      <a:lnTo>
                        <a:pt x="790" y="199"/>
                      </a:lnTo>
                      <a:lnTo>
                        <a:pt x="790" y="201"/>
                      </a:lnTo>
                      <a:lnTo>
                        <a:pt x="789" y="201"/>
                      </a:lnTo>
                      <a:lnTo>
                        <a:pt x="787" y="199"/>
                      </a:lnTo>
                      <a:lnTo>
                        <a:pt x="785" y="199"/>
                      </a:lnTo>
                      <a:lnTo>
                        <a:pt x="785" y="198"/>
                      </a:lnTo>
                      <a:lnTo>
                        <a:pt x="784" y="191"/>
                      </a:lnTo>
                      <a:lnTo>
                        <a:pt x="784" y="188"/>
                      </a:lnTo>
                      <a:lnTo>
                        <a:pt x="784" y="186"/>
                      </a:lnTo>
                      <a:lnTo>
                        <a:pt x="782" y="188"/>
                      </a:lnTo>
                      <a:lnTo>
                        <a:pt x="780" y="189"/>
                      </a:lnTo>
                      <a:lnTo>
                        <a:pt x="780" y="193"/>
                      </a:lnTo>
                      <a:lnTo>
                        <a:pt x="780" y="194"/>
                      </a:lnTo>
                      <a:lnTo>
                        <a:pt x="780" y="196"/>
                      </a:lnTo>
                      <a:lnTo>
                        <a:pt x="772" y="198"/>
                      </a:lnTo>
                      <a:lnTo>
                        <a:pt x="753" y="215"/>
                      </a:lnTo>
                      <a:lnTo>
                        <a:pt x="741" y="213"/>
                      </a:lnTo>
                      <a:lnTo>
                        <a:pt x="724" y="198"/>
                      </a:lnTo>
                      <a:lnTo>
                        <a:pt x="726" y="198"/>
                      </a:lnTo>
                      <a:lnTo>
                        <a:pt x="729" y="199"/>
                      </a:lnTo>
                      <a:lnTo>
                        <a:pt x="733" y="199"/>
                      </a:lnTo>
                      <a:lnTo>
                        <a:pt x="736" y="201"/>
                      </a:lnTo>
                      <a:lnTo>
                        <a:pt x="741" y="204"/>
                      </a:lnTo>
                      <a:lnTo>
                        <a:pt x="748" y="204"/>
                      </a:lnTo>
                      <a:lnTo>
                        <a:pt x="753" y="203"/>
                      </a:lnTo>
                      <a:lnTo>
                        <a:pt x="758" y="199"/>
                      </a:lnTo>
                      <a:lnTo>
                        <a:pt x="763" y="194"/>
                      </a:lnTo>
                      <a:lnTo>
                        <a:pt x="767" y="191"/>
                      </a:lnTo>
                      <a:lnTo>
                        <a:pt x="770" y="188"/>
                      </a:lnTo>
                      <a:lnTo>
                        <a:pt x="770" y="186"/>
                      </a:lnTo>
                      <a:lnTo>
                        <a:pt x="760" y="182"/>
                      </a:lnTo>
                      <a:lnTo>
                        <a:pt x="758" y="177"/>
                      </a:lnTo>
                      <a:lnTo>
                        <a:pt x="768" y="176"/>
                      </a:lnTo>
                      <a:lnTo>
                        <a:pt x="772" y="164"/>
                      </a:lnTo>
                      <a:lnTo>
                        <a:pt x="770" y="164"/>
                      </a:lnTo>
                      <a:lnTo>
                        <a:pt x="768" y="164"/>
                      </a:lnTo>
                      <a:lnTo>
                        <a:pt x="767" y="164"/>
                      </a:lnTo>
                      <a:lnTo>
                        <a:pt x="763" y="162"/>
                      </a:lnTo>
                      <a:lnTo>
                        <a:pt x="750" y="159"/>
                      </a:lnTo>
                      <a:lnTo>
                        <a:pt x="740" y="155"/>
                      </a:lnTo>
                      <a:lnTo>
                        <a:pt x="731" y="154"/>
                      </a:lnTo>
                      <a:lnTo>
                        <a:pt x="728" y="152"/>
                      </a:lnTo>
                      <a:lnTo>
                        <a:pt x="724" y="150"/>
                      </a:lnTo>
                      <a:lnTo>
                        <a:pt x="723" y="150"/>
                      </a:lnTo>
                      <a:lnTo>
                        <a:pt x="724" y="149"/>
                      </a:lnTo>
                      <a:lnTo>
                        <a:pt x="726" y="149"/>
                      </a:lnTo>
                      <a:lnTo>
                        <a:pt x="728" y="149"/>
                      </a:lnTo>
                      <a:lnTo>
                        <a:pt x="731" y="147"/>
                      </a:lnTo>
                      <a:lnTo>
                        <a:pt x="736" y="149"/>
                      </a:lnTo>
                      <a:lnTo>
                        <a:pt x="740" y="149"/>
                      </a:lnTo>
                      <a:lnTo>
                        <a:pt x="743" y="149"/>
                      </a:lnTo>
                      <a:lnTo>
                        <a:pt x="745" y="149"/>
                      </a:lnTo>
                      <a:lnTo>
                        <a:pt x="746" y="149"/>
                      </a:lnTo>
                      <a:lnTo>
                        <a:pt x="748" y="149"/>
                      </a:lnTo>
                      <a:lnTo>
                        <a:pt x="746" y="138"/>
                      </a:lnTo>
                      <a:lnTo>
                        <a:pt x="755" y="135"/>
                      </a:lnTo>
                      <a:lnTo>
                        <a:pt x="760" y="144"/>
                      </a:lnTo>
                      <a:lnTo>
                        <a:pt x="762" y="144"/>
                      </a:lnTo>
                      <a:lnTo>
                        <a:pt x="765" y="144"/>
                      </a:lnTo>
                      <a:lnTo>
                        <a:pt x="767" y="145"/>
                      </a:lnTo>
                      <a:lnTo>
                        <a:pt x="768" y="144"/>
                      </a:lnTo>
                      <a:lnTo>
                        <a:pt x="770" y="138"/>
                      </a:lnTo>
                      <a:lnTo>
                        <a:pt x="772" y="135"/>
                      </a:lnTo>
                      <a:lnTo>
                        <a:pt x="773" y="137"/>
                      </a:lnTo>
                      <a:lnTo>
                        <a:pt x="777" y="138"/>
                      </a:lnTo>
                      <a:lnTo>
                        <a:pt x="778" y="142"/>
                      </a:lnTo>
                      <a:lnTo>
                        <a:pt x="782" y="145"/>
                      </a:lnTo>
                      <a:lnTo>
                        <a:pt x="784" y="147"/>
                      </a:lnTo>
                      <a:lnTo>
                        <a:pt x="784" y="149"/>
                      </a:lnTo>
                      <a:lnTo>
                        <a:pt x="785" y="149"/>
                      </a:lnTo>
                      <a:lnTo>
                        <a:pt x="787" y="149"/>
                      </a:lnTo>
                      <a:lnTo>
                        <a:pt x="792" y="149"/>
                      </a:lnTo>
                      <a:lnTo>
                        <a:pt x="795" y="149"/>
                      </a:lnTo>
                      <a:lnTo>
                        <a:pt x="800" y="149"/>
                      </a:lnTo>
                      <a:lnTo>
                        <a:pt x="804" y="147"/>
                      </a:lnTo>
                      <a:lnTo>
                        <a:pt x="807" y="147"/>
                      </a:lnTo>
                      <a:lnTo>
                        <a:pt x="809" y="147"/>
                      </a:lnTo>
                      <a:lnTo>
                        <a:pt x="814" y="130"/>
                      </a:lnTo>
                      <a:lnTo>
                        <a:pt x="819" y="120"/>
                      </a:lnTo>
                      <a:lnTo>
                        <a:pt x="824" y="113"/>
                      </a:lnTo>
                      <a:lnTo>
                        <a:pt x="826" y="110"/>
                      </a:lnTo>
                      <a:lnTo>
                        <a:pt x="828" y="110"/>
                      </a:lnTo>
                      <a:lnTo>
                        <a:pt x="829" y="111"/>
                      </a:lnTo>
                      <a:lnTo>
                        <a:pt x="831" y="113"/>
                      </a:lnTo>
                      <a:lnTo>
                        <a:pt x="831" y="111"/>
                      </a:lnTo>
                      <a:lnTo>
                        <a:pt x="833" y="110"/>
                      </a:lnTo>
                      <a:lnTo>
                        <a:pt x="834" y="106"/>
                      </a:lnTo>
                      <a:lnTo>
                        <a:pt x="834" y="105"/>
                      </a:lnTo>
                      <a:lnTo>
                        <a:pt x="834" y="96"/>
                      </a:lnTo>
                      <a:lnTo>
                        <a:pt x="833" y="88"/>
                      </a:lnTo>
                      <a:lnTo>
                        <a:pt x="831" y="81"/>
                      </a:lnTo>
                      <a:lnTo>
                        <a:pt x="829" y="76"/>
                      </a:lnTo>
                      <a:lnTo>
                        <a:pt x="828" y="72"/>
                      </a:lnTo>
                      <a:lnTo>
                        <a:pt x="826" y="69"/>
                      </a:lnTo>
                      <a:lnTo>
                        <a:pt x="824" y="67"/>
                      </a:lnTo>
                      <a:lnTo>
                        <a:pt x="817" y="72"/>
                      </a:lnTo>
                      <a:lnTo>
                        <a:pt x="816" y="72"/>
                      </a:lnTo>
                      <a:lnTo>
                        <a:pt x="814" y="74"/>
                      </a:lnTo>
                      <a:lnTo>
                        <a:pt x="811" y="76"/>
                      </a:lnTo>
                      <a:lnTo>
                        <a:pt x="809" y="79"/>
                      </a:lnTo>
                      <a:lnTo>
                        <a:pt x="809" y="89"/>
                      </a:lnTo>
                      <a:lnTo>
                        <a:pt x="809" y="96"/>
                      </a:lnTo>
                      <a:lnTo>
                        <a:pt x="807" y="101"/>
                      </a:lnTo>
                      <a:lnTo>
                        <a:pt x="807" y="105"/>
                      </a:lnTo>
                      <a:lnTo>
                        <a:pt x="807" y="106"/>
                      </a:lnTo>
                      <a:lnTo>
                        <a:pt x="806" y="105"/>
                      </a:lnTo>
                      <a:lnTo>
                        <a:pt x="806" y="101"/>
                      </a:lnTo>
                      <a:lnTo>
                        <a:pt x="804" y="98"/>
                      </a:lnTo>
                      <a:lnTo>
                        <a:pt x="802" y="94"/>
                      </a:lnTo>
                      <a:lnTo>
                        <a:pt x="802" y="91"/>
                      </a:lnTo>
                      <a:lnTo>
                        <a:pt x="802" y="88"/>
                      </a:lnTo>
                      <a:lnTo>
                        <a:pt x="800" y="84"/>
                      </a:lnTo>
                      <a:lnTo>
                        <a:pt x="800" y="81"/>
                      </a:lnTo>
                      <a:lnTo>
                        <a:pt x="800" y="79"/>
                      </a:lnTo>
                      <a:lnTo>
                        <a:pt x="800" y="78"/>
                      </a:lnTo>
                      <a:lnTo>
                        <a:pt x="799" y="71"/>
                      </a:lnTo>
                      <a:lnTo>
                        <a:pt x="797" y="67"/>
                      </a:lnTo>
                      <a:lnTo>
                        <a:pt x="792" y="67"/>
                      </a:lnTo>
                      <a:lnTo>
                        <a:pt x="789" y="69"/>
                      </a:lnTo>
                      <a:lnTo>
                        <a:pt x="784" y="72"/>
                      </a:lnTo>
                      <a:lnTo>
                        <a:pt x="778" y="76"/>
                      </a:lnTo>
                      <a:lnTo>
                        <a:pt x="777" y="78"/>
                      </a:lnTo>
                      <a:lnTo>
                        <a:pt x="775" y="79"/>
                      </a:lnTo>
                      <a:lnTo>
                        <a:pt x="763" y="79"/>
                      </a:lnTo>
                      <a:lnTo>
                        <a:pt x="762" y="81"/>
                      </a:lnTo>
                      <a:lnTo>
                        <a:pt x="760" y="81"/>
                      </a:lnTo>
                      <a:lnTo>
                        <a:pt x="756" y="83"/>
                      </a:lnTo>
                      <a:lnTo>
                        <a:pt x="753" y="83"/>
                      </a:lnTo>
                      <a:lnTo>
                        <a:pt x="750" y="84"/>
                      </a:lnTo>
                      <a:lnTo>
                        <a:pt x="745" y="86"/>
                      </a:lnTo>
                      <a:lnTo>
                        <a:pt x="743" y="88"/>
                      </a:lnTo>
                      <a:lnTo>
                        <a:pt x="741" y="88"/>
                      </a:lnTo>
                      <a:lnTo>
                        <a:pt x="731" y="94"/>
                      </a:lnTo>
                      <a:lnTo>
                        <a:pt x="726" y="96"/>
                      </a:lnTo>
                      <a:lnTo>
                        <a:pt x="724" y="96"/>
                      </a:lnTo>
                      <a:lnTo>
                        <a:pt x="724" y="94"/>
                      </a:lnTo>
                      <a:lnTo>
                        <a:pt x="726" y="91"/>
                      </a:lnTo>
                      <a:lnTo>
                        <a:pt x="729" y="88"/>
                      </a:lnTo>
                      <a:lnTo>
                        <a:pt x="731" y="84"/>
                      </a:lnTo>
                      <a:lnTo>
                        <a:pt x="733" y="84"/>
                      </a:lnTo>
                      <a:lnTo>
                        <a:pt x="724" y="66"/>
                      </a:lnTo>
                      <a:lnTo>
                        <a:pt x="731" y="61"/>
                      </a:lnTo>
                      <a:lnTo>
                        <a:pt x="736" y="71"/>
                      </a:lnTo>
                      <a:lnTo>
                        <a:pt x="748" y="78"/>
                      </a:lnTo>
                      <a:lnTo>
                        <a:pt x="751" y="76"/>
                      </a:lnTo>
                      <a:lnTo>
                        <a:pt x="755" y="72"/>
                      </a:lnTo>
                      <a:lnTo>
                        <a:pt x="758" y="71"/>
                      </a:lnTo>
                      <a:lnTo>
                        <a:pt x="762" y="67"/>
                      </a:lnTo>
                      <a:lnTo>
                        <a:pt x="763" y="66"/>
                      </a:lnTo>
                      <a:lnTo>
                        <a:pt x="765" y="64"/>
                      </a:lnTo>
                      <a:lnTo>
                        <a:pt x="765" y="62"/>
                      </a:lnTo>
                      <a:lnTo>
                        <a:pt x="756" y="56"/>
                      </a:lnTo>
                      <a:lnTo>
                        <a:pt x="753" y="52"/>
                      </a:lnTo>
                      <a:lnTo>
                        <a:pt x="755" y="52"/>
                      </a:lnTo>
                      <a:lnTo>
                        <a:pt x="758" y="52"/>
                      </a:lnTo>
                      <a:lnTo>
                        <a:pt x="763" y="54"/>
                      </a:lnTo>
                      <a:lnTo>
                        <a:pt x="768" y="56"/>
                      </a:lnTo>
                      <a:lnTo>
                        <a:pt x="772" y="57"/>
                      </a:lnTo>
                      <a:lnTo>
                        <a:pt x="775" y="59"/>
                      </a:lnTo>
                      <a:lnTo>
                        <a:pt x="789" y="52"/>
                      </a:lnTo>
                      <a:lnTo>
                        <a:pt x="789" y="50"/>
                      </a:lnTo>
                      <a:lnTo>
                        <a:pt x="789" y="49"/>
                      </a:lnTo>
                      <a:lnTo>
                        <a:pt x="787" y="47"/>
                      </a:lnTo>
                      <a:lnTo>
                        <a:pt x="787" y="45"/>
                      </a:lnTo>
                      <a:lnTo>
                        <a:pt x="780" y="39"/>
                      </a:lnTo>
                      <a:lnTo>
                        <a:pt x="777" y="34"/>
                      </a:lnTo>
                      <a:lnTo>
                        <a:pt x="780" y="34"/>
                      </a:lnTo>
                      <a:lnTo>
                        <a:pt x="784" y="35"/>
                      </a:lnTo>
                      <a:lnTo>
                        <a:pt x="787" y="37"/>
                      </a:lnTo>
                      <a:lnTo>
                        <a:pt x="790" y="39"/>
                      </a:lnTo>
                      <a:lnTo>
                        <a:pt x="790" y="40"/>
                      </a:lnTo>
                      <a:lnTo>
                        <a:pt x="792" y="40"/>
                      </a:lnTo>
                      <a:lnTo>
                        <a:pt x="795" y="39"/>
                      </a:lnTo>
                      <a:lnTo>
                        <a:pt x="800" y="39"/>
                      </a:lnTo>
                      <a:lnTo>
                        <a:pt x="802" y="39"/>
                      </a:lnTo>
                      <a:lnTo>
                        <a:pt x="811" y="47"/>
                      </a:lnTo>
                      <a:lnTo>
                        <a:pt x="816" y="50"/>
                      </a:lnTo>
                      <a:lnTo>
                        <a:pt x="817" y="50"/>
                      </a:lnTo>
                      <a:lnTo>
                        <a:pt x="817" y="47"/>
                      </a:lnTo>
                      <a:lnTo>
                        <a:pt x="814" y="44"/>
                      </a:lnTo>
                      <a:lnTo>
                        <a:pt x="811" y="39"/>
                      </a:lnTo>
                      <a:lnTo>
                        <a:pt x="809" y="35"/>
                      </a:lnTo>
                      <a:lnTo>
                        <a:pt x="807" y="34"/>
                      </a:lnTo>
                      <a:lnTo>
                        <a:pt x="800" y="17"/>
                      </a:lnTo>
                      <a:lnTo>
                        <a:pt x="790" y="15"/>
                      </a:lnTo>
                      <a:lnTo>
                        <a:pt x="780" y="0"/>
                      </a:lnTo>
                      <a:lnTo>
                        <a:pt x="750" y="8"/>
                      </a:lnTo>
                      <a:lnTo>
                        <a:pt x="721" y="15"/>
                      </a:lnTo>
                      <a:lnTo>
                        <a:pt x="692" y="20"/>
                      </a:lnTo>
                      <a:lnTo>
                        <a:pt x="663" y="27"/>
                      </a:lnTo>
                      <a:lnTo>
                        <a:pt x="636" y="32"/>
                      </a:lnTo>
                      <a:lnTo>
                        <a:pt x="609" y="39"/>
                      </a:lnTo>
                      <a:lnTo>
                        <a:pt x="584" y="44"/>
                      </a:lnTo>
                      <a:lnTo>
                        <a:pt x="558" y="47"/>
                      </a:lnTo>
                      <a:lnTo>
                        <a:pt x="533" y="52"/>
                      </a:lnTo>
                      <a:lnTo>
                        <a:pt x="509" y="56"/>
                      </a:lnTo>
                      <a:lnTo>
                        <a:pt x="486" y="61"/>
                      </a:lnTo>
                      <a:lnTo>
                        <a:pt x="464" y="64"/>
                      </a:lnTo>
                      <a:lnTo>
                        <a:pt x="443" y="67"/>
                      </a:lnTo>
                      <a:lnTo>
                        <a:pt x="423" y="71"/>
                      </a:lnTo>
                      <a:lnTo>
                        <a:pt x="403" y="74"/>
                      </a:lnTo>
                      <a:lnTo>
                        <a:pt x="384" y="76"/>
                      </a:lnTo>
                      <a:lnTo>
                        <a:pt x="366" y="79"/>
                      </a:lnTo>
                      <a:lnTo>
                        <a:pt x="349" y="81"/>
                      </a:lnTo>
                      <a:lnTo>
                        <a:pt x="333" y="83"/>
                      </a:lnTo>
                      <a:lnTo>
                        <a:pt x="318" y="84"/>
                      </a:lnTo>
                      <a:lnTo>
                        <a:pt x="305" y="86"/>
                      </a:lnTo>
                      <a:lnTo>
                        <a:pt x="293" y="88"/>
                      </a:lnTo>
                      <a:lnTo>
                        <a:pt x="281" y="89"/>
                      </a:lnTo>
                      <a:lnTo>
                        <a:pt x="271" y="91"/>
                      </a:lnTo>
                      <a:lnTo>
                        <a:pt x="261" y="91"/>
                      </a:lnTo>
                      <a:lnTo>
                        <a:pt x="252" y="93"/>
                      </a:lnTo>
                      <a:lnTo>
                        <a:pt x="245" y="93"/>
                      </a:lnTo>
                      <a:lnTo>
                        <a:pt x="240" y="94"/>
                      </a:lnTo>
                      <a:lnTo>
                        <a:pt x="235" y="94"/>
                      </a:lnTo>
                      <a:lnTo>
                        <a:pt x="232" y="94"/>
                      </a:lnTo>
                      <a:lnTo>
                        <a:pt x="230" y="94"/>
                      </a:lnTo>
                      <a:lnTo>
                        <a:pt x="232" y="94"/>
                      </a:lnTo>
                      <a:lnTo>
                        <a:pt x="232" y="96"/>
                      </a:lnTo>
                      <a:lnTo>
                        <a:pt x="232" y="100"/>
                      </a:lnTo>
                      <a:lnTo>
                        <a:pt x="232" y="106"/>
                      </a:lnTo>
                      <a:lnTo>
                        <a:pt x="232" y="111"/>
                      </a:lnTo>
                      <a:lnTo>
                        <a:pt x="234" y="118"/>
                      </a:lnTo>
                      <a:lnTo>
                        <a:pt x="232" y="125"/>
                      </a:lnTo>
                      <a:lnTo>
                        <a:pt x="232" y="128"/>
                      </a:lnTo>
                      <a:lnTo>
                        <a:pt x="232" y="130"/>
                      </a:lnTo>
                      <a:lnTo>
                        <a:pt x="225" y="130"/>
                      </a:lnTo>
                      <a:lnTo>
                        <a:pt x="220" y="133"/>
                      </a:lnTo>
                      <a:lnTo>
                        <a:pt x="215" y="138"/>
                      </a:lnTo>
                      <a:lnTo>
                        <a:pt x="212" y="145"/>
                      </a:lnTo>
                      <a:lnTo>
                        <a:pt x="208" y="152"/>
                      </a:lnTo>
                      <a:lnTo>
                        <a:pt x="206" y="157"/>
                      </a:lnTo>
                      <a:lnTo>
                        <a:pt x="205" y="160"/>
                      </a:lnTo>
                      <a:lnTo>
                        <a:pt x="198" y="157"/>
                      </a:lnTo>
                      <a:lnTo>
                        <a:pt x="191" y="157"/>
                      </a:lnTo>
                      <a:lnTo>
                        <a:pt x="183" y="162"/>
                      </a:lnTo>
                      <a:lnTo>
                        <a:pt x="174" y="169"/>
                      </a:lnTo>
                      <a:lnTo>
                        <a:pt x="168" y="177"/>
                      </a:lnTo>
                      <a:lnTo>
                        <a:pt x="161" y="184"/>
                      </a:lnTo>
                      <a:lnTo>
                        <a:pt x="156" y="188"/>
                      </a:lnTo>
                      <a:lnTo>
                        <a:pt x="154" y="188"/>
                      </a:lnTo>
                      <a:lnTo>
                        <a:pt x="152" y="182"/>
                      </a:lnTo>
                      <a:lnTo>
                        <a:pt x="149" y="181"/>
                      </a:lnTo>
                      <a:lnTo>
                        <a:pt x="147" y="179"/>
                      </a:lnTo>
                      <a:lnTo>
                        <a:pt x="144" y="179"/>
                      </a:lnTo>
                      <a:lnTo>
                        <a:pt x="140" y="181"/>
                      </a:lnTo>
                      <a:lnTo>
                        <a:pt x="137" y="182"/>
                      </a:lnTo>
                      <a:lnTo>
                        <a:pt x="134" y="186"/>
                      </a:lnTo>
                      <a:lnTo>
                        <a:pt x="132" y="191"/>
                      </a:lnTo>
                      <a:lnTo>
                        <a:pt x="129" y="194"/>
                      </a:lnTo>
                      <a:lnTo>
                        <a:pt x="125" y="199"/>
                      </a:lnTo>
                      <a:lnTo>
                        <a:pt x="124" y="204"/>
                      </a:lnTo>
                      <a:lnTo>
                        <a:pt x="122" y="208"/>
                      </a:lnTo>
                      <a:lnTo>
                        <a:pt x="118" y="213"/>
                      </a:lnTo>
                      <a:lnTo>
                        <a:pt x="118" y="215"/>
                      </a:lnTo>
                      <a:lnTo>
                        <a:pt x="117" y="216"/>
                      </a:lnTo>
                      <a:lnTo>
                        <a:pt x="117" y="218"/>
                      </a:lnTo>
                      <a:lnTo>
                        <a:pt x="108" y="220"/>
                      </a:lnTo>
                      <a:lnTo>
                        <a:pt x="100" y="223"/>
                      </a:lnTo>
                      <a:lnTo>
                        <a:pt x="91" y="228"/>
                      </a:lnTo>
                      <a:lnTo>
                        <a:pt x="83" y="235"/>
                      </a:lnTo>
                      <a:lnTo>
                        <a:pt x="78" y="240"/>
                      </a:lnTo>
                      <a:lnTo>
                        <a:pt x="71" y="247"/>
                      </a:lnTo>
                      <a:lnTo>
                        <a:pt x="68" y="250"/>
                      </a:lnTo>
                      <a:lnTo>
                        <a:pt x="66" y="252"/>
                      </a:lnTo>
                      <a:lnTo>
                        <a:pt x="56" y="252"/>
                      </a:lnTo>
                      <a:lnTo>
                        <a:pt x="47" y="255"/>
                      </a:lnTo>
                      <a:lnTo>
                        <a:pt x="41" y="259"/>
                      </a:lnTo>
                      <a:lnTo>
                        <a:pt x="34" y="264"/>
                      </a:lnTo>
                      <a:lnTo>
                        <a:pt x="31" y="269"/>
                      </a:lnTo>
                      <a:lnTo>
                        <a:pt x="27" y="274"/>
                      </a:lnTo>
                      <a:lnTo>
                        <a:pt x="25" y="277"/>
                      </a:lnTo>
                      <a:lnTo>
                        <a:pt x="25" y="279"/>
                      </a:lnTo>
                      <a:lnTo>
                        <a:pt x="24" y="286"/>
                      </a:lnTo>
                      <a:lnTo>
                        <a:pt x="20" y="291"/>
                      </a:lnTo>
                      <a:lnTo>
                        <a:pt x="17" y="296"/>
                      </a:lnTo>
                      <a:lnTo>
                        <a:pt x="12" y="298"/>
                      </a:lnTo>
                      <a:lnTo>
                        <a:pt x="9" y="299"/>
                      </a:lnTo>
                      <a:lnTo>
                        <a:pt x="3" y="299"/>
                      </a:lnTo>
                      <a:lnTo>
                        <a:pt x="0" y="299"/>
                      </a:lnTo>
                      <a:lnTo>
                        <a:pt x="0" y="333"/>
                      </a:lnTo>
                      <a:lnTo>
                        <a:pt x="124" y="314"/>
                      </a:lnTo>
                      <a:lnTo>
                        <a:pt x="125" y="316"/>
                      </a:lnTo>
                      <a:lnTo>
                        <a:pt x="127" y="314"/>
                      </a:lnTo>
                      <a:lnTo>
                        <a:pt x="129" y="313"/>
                      </a:lnTo>
                      <a:lnTo>
                        <a:pt x="132" y="309"/>
                      </a:lnTo>
                      <a:lnTo>
                        <a:pt x="135" y="306"/>
                      </a:lnTo>
                      <a:lnTo>
                        <a:pt x="140" y="303"/>
                      </a:lnTo>
                      <a:lnTo>
                        <a:pt x="146" y="299"/>
                      </a:lnTo>
                      <a:lnTo>
                        <a:pt x="152" y="296"/>
                      </a:lnTo>
                      <a:lnTo>
                        <a:pt x="157" y="292"/>
                      </a:lnTo>
                      <a:lnTo>
                        <a:pt x="166" y="287"/>
                      </a:lnTo>
                      <a:lnTo>
                        <a:pt x="173" y="284"/>
                      </a:lnTo>
                      <a:lnTo>
                        <a:pt x="181" y="281"/>
                      </a:lnTo>
                      <a:lnTo>
                        <a:pt x="190" y="279"/>
                      </a:lnTo>
                      <a:lnTo>
                        <a:pt x="200" y="277"/>
                      </a:lnTo>
                      <a:lnTo>
                        <a:pt x="210" y="274"/>
                      </a:lnTo>
                      <a:lnTo>
                        <a:pt x="218" y="274"/>
                      </a:lnTo>
                      <a:lnTo>
                        <a:pt x="311" y="265"/>
                      </a:lnTo>
                      <a:lnTo>
                        <a:pt x="313" y="265"/>
                      </a:lnTo>
                      <a:lnTo>
                        <a:pt x="315" y="264"/>
                      </a:lnTo>
                      <a:lnTo>
                        <a:pt x="320" y="264"/>
                      </a:lnTo>
                      <a:lnTo>
                        <a:pt x="327" y="264"/>
                      </a:lnTo>
                      <a:lnTo>
                        <a:pt x="333" y="265"/>
                      </a:lnTo>
                      <a:lnTo>
                        <a:pt x="340" y="269"/>
                      </a:lnTo>
                      <a:lnTo>
                        <a:pt x="347" y="276"/>
                      </a:lnTo>
                      <a:lnTo>
                        <a:pt x="355" y="287"/>
                      </a:lnTo>
                      <a:lnTo>
                        <a:pt x="359" y="301"/>
                      </a:lnTo>
                      <a:lnTo>
                        <a:pt x="467" y="284"/>
                      </a:lnTo>
                      <a:lnTo>
                        <a:pt x="597" y="379"/>
                      </a:lnTo>
                      <a:lnTo>
                        <a:pt x="601" y="379"/>
                      </a:lnTo>
                      <a:lnTo>
                        <a:pt x="602" y="379"/>
                      </a:lnTo>
                      <a:lnTo>
                        <a:pt x="604" y="377"/>
                      </a:lnTo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83" name="Freeform 165"/>
                <p:cNvSpPr>
                  <a:spLocks/>
                </p:cNvSpPr>
                <p:nvPr/>
              </p:nvSpPr>
              <p:spPr bwMode="auto">
                <a:xfrm>
                  <a:off x="4891" y="2263"/>
                  <a:ext cx="39" cy="57"/>
                </a:xfrm>
                <a:custGeom>
                  <a:avLst/>
                  <a:gdLst>
                    <a:gd name="T0" fmla="*/ 0 w 39"/>
                    <a:gd name="T1" fmla="*/ 57 h 57"/>
                    <a:gd name="T2" fmla="*/ 2 w 39"/>
                    <a:gd name="T3" fmla="*/ 54 h 57"/>
                    <a:gd name="T4" fmla="*/ 4 w 39"/>
                    <a:gd name="T5" fmla="*/ 51 h 57"/>
                    <a:gd name="T6" fmla="*/ 7 w 39"/>
                    <a:gd name="T7" fmla="*/ 44 h 57"/>
                    <a:gd name="T8" fmla="*/ 10 w 39"/>
                    <a:gd name="T9" fmla="*/ 35 h 57"/>
                    <a:gd name="T10" fmla="*/ 15 w 39"/>
                    <a:gd name="T11" fmla="*/ 25 h 57"/>
                    <a:gd name="T12" fmla="*/ 21 w 39"/>
                    <a:gd name="T13" fmla="*/ 15 h 57"/>
                    <a:gd name="T14" fmla="*/ 27 w 39"/>
                    <a:gd name="T15" fmla="*/ 7 h 57"/>
                    <a:gd name="T16" fmla="*/ 32 w 39"/>
                    <a:gd name="T17" fmla="*/ 0 h 57"/>
                    <a:gd name="T18" fmla="*/ 39 w 39"/>
                    <a:gd name="T19" fmla="*/ 1 h 57"/>
                    <a:gd name="T20" fmla="*/ 39 w 39"/>
                    <a:gd name="T21" fmla="*/ 1 h 57"/>
                    <a:gd name="T22" fmla="*/ 36 w 39"/>
                    <a:gd name="T23" fmla="*/ 5 h 57"/>
                    <a:gd name="T24" fmla="*/ 32 w 39"/>
                    <a:gd name="T25" fmla="*/ 8 h 57"/>
                    <a:gd name="T26" fmla="*/ 29 w 39"/>
                    <a:gd name="T27" fmla="*/ 13 h 57"/>
                    <a:gd name="T28" fmla="*/ 24 w 39"/>
                    <a:gd name="T29" fmla="*/ 22 h 57"/>
                    <a:gd name="T30" fmla="*/ 19 w 39"/>
                    <a:gd name="T31" fmla="*/ 30 h 57"/>
                    <a:gd name="T32" fmla="*/ 12 w 39"/>
                    <a:gd name="T33" fmla="*/ 40 h 57"/>
                    <a:gd name="T34" fmla="*/ 7 w 39"/>
                    <a:gd name="T35" fmla="*/ 54 h 57"/>
                    <a:gd name="T36" fmla="*/ 5 w 39"/>
                    <a:gd name="T37" fmla="*/ 54 h 57"/>
                    <a:gd name="T38" fmla="*/ 4 w 39"/>
                    <a:gd name="T39" fmla="*/ 56 h 57"/>
                    <a:gd name="T40" fmla="*/ 2 w 39"/>
                    <a:gd name="T41" fmla="*/ 56 h 57"/>
                    <a:gd name="T42" fmla="*/ 0 w 39"/>
                    <a:gd name="T43" fmla="*/ 57 h 57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w 39"/>
                    <a:gd name="T67" fmla="*/ 0 h 57"/>
                    <a:gd name="T68" fmla="*/ 39 w 39"/>
                    <a:gd name="T69" fmla="*/ 57 h 57"/>
                  </a:gdLst>
                  <a:ahLst/>
                  <a:cxnLst>
                    <a:cxn ang="T44">
                      <a:pos x="T0" y="T1"/>
                    </a:cxn>
                    <a:cxn ang="T45">
                      <a:pos x="T2" y="T3"/>
                    </a:cxn>
                    <a:cxn ang="T46">
                      <a:pos x="T4" y="T5"/>
                    </a:cxn>
                    <a:cxn ang="T47">
                      <a:pos x="T6" y="T7"/>
                    </a:cxn>
                    <a:cxn ang="T48">
                      <a:pos x="T8" y="T9"/>
                    </a:cxn>
                    <a:cxn ang="T49">
                      <a:pos x="T10" y="T11"/>
                    </a:cxn>
                    <a:cxn ang="T50">
                      <a:pos x="T12" y="T13"/>
                    </a:cxn>
                    <a:cxn ang="T51">
                      <a:pos x="T14" y="T15"/>
                    </a:cxn>
                    <a:cxn ang="T52">
                      <a:pos x="T16" y="T17"/>
                    </a:cxn>
                    <a:cxn ang="T53">
                      <a:pos x="T18" y="T19"/>
                    </a:cxn>
                    <a:cxn ang="T54">
                      <a:pos x="T20" y="T21"/>
                    </a:cxn>
                    <a:cxn ang="T55">
                      <a:pos x="T22" y="T23"/>
                    </a:cxn>
                    <a:cxn ang="T56">
                      <a:pos x="T24" y="T25"/>
                    </a:cxn>
                    <a:cxn ang="T57">
                      <a:pos x="T26" y="T27"/>
                    </a:cxn>
                    <a:cxn ang="T58">
                      <a:pos x="T28" y="T29"/>
                    </a:cxn>
                    <a:cxn ang="T59">
                      <a:pos x="T30" y="T31"/>
                    </a:cxn>
                    <a:cxn ang="T60">
                      <a:pos x="T32" y="T33"/>
                    </a:cxn>
                    <a:cxn ang="T61">
                      <a:pos x="T34" y="T35"/>
                    </a:cxn>
                    <a:cxn ang="T62">
                      <a:pos x="T36" y="T37"/>
                    </a:cxn>
                    <a:cxn ang="T63">
                      <a:pos x="T38" y="T39"/>
                    </a:cxn>
                    <a:cxn ang="T64">
                      <a:pos x="T40" y="T41"/>
                    </a:cxn>
                    <a:cxn ang="T65">
                      <a:pos x="T42" y="T43"/>
                    </a:cxn>
                  </a:cxnLst>
                  <a:rect l="T66" t="T67" r="T68" b="T69"/>
                  <a:pathLst>
                    <a:path w="39" h="57">
                      <a:moveTo>
                        <a:pt x="0" y="57"/>
                      </a:moveTo>
                      <a:lnTo>
                        <a:pt x="2" y="54"/>
                      </a:lnTo>
                      <a:lnTo>
                        <a:pt x="4" y="51"/>
                      </a:lnTo>
                      <a:lnTo>
                        <a:pt x="7" y="44"/>
                      </a:lnTo>
                      <a:lnTo>
                        <a:pt x="10" y="35"/>
                      </a:lnTo>
                      <a:lnTo>
                        <a:pt x="15" y="25"/>
                      </a:lnTo>
                      <a:lnTo>
                        <a:pt x="21" y="15"/>
                      </a:lnTo>
                      <a:lnTo>
                        <a:pt x="27" y="7"/>
                      </a:lnTo>
                      <a:lnTo>
                        <a:pt x="32" y="0"/>
                      </a:lnTo>
                      <a:lnTo>
                        <a:pt x="39" y="1"/>
                      </a:lnTo>
                      <a:lnTo>
                        <a:pt x="36" y="5"/>
                      </a:lnTo>
                      <a:lnTo>
                        <a:pt x="32" y="8"/>
                      </a:lnTo>
                      <a:lnTo>
                        <a:pt x="29" y="13"/>
                      </a:lnTo>
                      <a:lnTo>
                        <a:pt x="24" y="22"/>
                      </a:lnTo>
                      <a:lnTo>
                        <a:pt x="19" y="30"/>
                      </a:lnTo>
                      <a:lnTo>
                        <a:pt x="12" y="40"/>
                      </a:lnTo>
                      <a:lnTo>
                        <a:pt x="7" y="54"/>
                      </a:lnTo>
                      <a:lnTo>
                        <a:pt x="5" y="54"/>
                      </a:lnTo>
                      <a:lnTo>
                        <a:pt x="4" y="56"/>
                      </a:lnTo>
                      <a:lnTo>
                        <a:pt x="2" y="56"/>
                      </a:lnTo>
                      <a:lnTo>
                        <a:pt x="0" y="57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84" name="Freeform 166"/>
                <p:cNvSpPr>
                  <a:spLocks/>
                </p:cNvSpPr>
                <p:nvPr/>
              </p:nvSpPr>
              <p:spPr bwMode="auto">
                <a:xfrm>
                  <a:off x="4891" y="2263"/>
                  <a:ext cx="39" cy="57"/>
                </a:xfrm>
                <a:custGeom>
                  <a:avLst/>
                  <a:gdLst>
                    <a:gd name="T0" fmla="*/ 0 w 39"/>
                    <a:gd name="T1" fmla="*/ 57 h 57"/>
                    <a:gd name="T2" fmla="*/ 0 w 39"/>
                    <a:gd name="T3" fmla="*/ 57 h 57"/>
                    <a:gd name="T4" fmla="*/ 2 w 39"/>
                    <a:gd name="T5" fmla="*/ 54 h 57"/>
                    <a:gd name="T6" fmla="*/ 4 w 39"/>
                    <a:gd name="T7" fmla="*/ 51 h 57"/>
                    <a:gd name="T8" fmla="*/ 7 w 39"/>
                    <a:gd name="T9" fmla="*/ 44 h 57"/>
                    <a:gd name="T10" fmla="*/ 10 w 39"/>
                    <a:gd name="T11" fmla="*/ 35 h 57"/>
                    <a:gd name="T12" fmla="*/ 15 w 39"/>
                    <a:gd name="T13" fmla="*/ 25 h 57"/>
                    <a:gd name="T14" fmla="*/ 21 w 39"/>
                    <a:gd name="T15" fmla="*/ 15 h 57"/>
                    <a:gd name="T16" fmla="*/ 27 w 39"/>
                    <a:gd name="T17" fmla="*/ 7 h 57"/>
                    <a:gd name="T18" fmla="*/ 32 w 39"/>
                    <a:gd name="T19" fmla="*/ 0 h 57"/>
                    <a:gd name="T20" fmla="*/ 39 w 39"/>
                    <a:gd name="T21" fmla="*/ 1 h 57"/>
                    <a:gd name="T22" fmla="*/ 39 w 39"/>
                    <a:gd name="T23" fmla="*/ 1 h 57"/>
                    <a:gd name="T24" fmla="*/ 39 w 39"/>
                    <a:gd name="T25" fmla="*/ 1 h 57"/>
                    <a:gd name="T26" fmla="*/ 36 w 39"/>
                    <a:gd name="T27" fmla="*/ 5 h 57"/>
                    <a:gd name="T28" fmla="*/ 32 w 39"/>
                    <a:gd name="T29" fmla="*/ 8 h 57"/>
                    <a:gd name="T30" fmla="*/ 29 w 39"/>
                    <a:gd name="T31" fmla="*/ 13 h 57"/>
                    <a:gd name="T32" fmla="*/ 24 w 39"/>
                    <a:gd name="T33" fmla="*/ 22 h 57"/>
                    <a:gd name="T34" fmla="*/ 19 w 39"/>
                    <a:gd name="T35" fmla="*/ 30 h 57"/>
                    <a:gd name="T36" fmla="*/ 12 w 39"/>
                    <a:gd name="T37" fmla="*/ 40 h 57"/>
                    <a:gd name="T38" fmla="*/ 7 w 39"/>
                    <a:gd name="T39" fmla="*/ 54 h 57"/>
                    <a:gd name="T40" fmla="*/ 7 w 39"/>
                    <a:gd name="T41" fmla="*/ 54 h 57"/>
                    <a:gd name="T42" fmla="*/ 5 w 39"/>
                    <a:gd name="T43" fmla="*/ 54 h 57"/>
                    <a:gd name="T44" fmla="*/ 4 w 39"/>
                    <a:gd name="T45" fmla="*/ 56 h 57"/>
                    <a:gd name="T46" fmla="*/ 2 w 39"/>
                    <a:gd name="T47" fmla="*/ 56 h 57"/>
                    <a:gd name="T48" fmla="*/ 0 w 39"/>
                    <a:gd name="T49" fmla="*/ 57 h 57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w 39"/>
                    <a:gd name="T76" fmla="*/ 0 h 57"/>
                    <a:gd name="T77" fmla="*/ 39 w 39"/>
                    <a:gd name="T78" fmla="*/ 57 h 57"/>
                  </a:gdLst>
                  <a:ahLst/>
                  <a:cxnLst>
                    <a:cxn ang="T50">
                      <a:pos x="T0" y="T1"/>
                    </a:cxn>
                    <a:cxn ang="T51">
                      <a:pos x="T2" y="T3"/>
                    </a:cxn>
                    <a:cxn ang="T52">
                      <a:pos x="T4" y="T5"/>
                    </a:cxn>
                    <a:cxn ang="T53">
                      <a:pos x="T6" y="T7"/>
                    </a:cxn>
                    <a:cxn ang="T54">
                      <a:pos x="T8" y="T9"/>
                    </a:cxn>
                    <a:cxn ang="T55">
                      <a:pos x="T10" y="T11"/>
                    </a:cxn>
                    <a:cxn ang="T56">
                      <a:pos x="T12" y="T13"/>
                    </a:cxn>
                    <a:cxn ang="T57">
                      <a:pos x="T14" y="T15"/>
                    </a:cxn>
                    <a:cxn ang="T58">
                      <a:pos x="T16" y="T17"/>
                    </a:cxn>
                    <a:cxn ang="T59">
                      <a:pos x="T18" y="T19"/>
                    </a:cxn>
                    <a:cxn ang="T60">
                      <a:pos x="T20" y="T21"/>
                    </a:cxn>
                    <a:cxn ang="T61">
                      <a:pos x="T22" y="T23"/>
                    </a:cxn>
                    <a:cxn ang="T62">
                      <a:pos x="T24" y="T25"/>
                    </a:cxn>
                    <a:cxn ang="T63">
                      <a:pos x="T26" y="T27"/>
                    </a:cxn>
                    <a:cxn ang="T64">
                      <a:pos x="T28" y="T29"/>
                    </a:cxn>
                    <a:cxn ang="T65">
                      <a:pos x="T30" y="T31"/>
                    </a:cxn>
                    <a:cxn ang="T66">
                      <a:pos x="T32" y="T33"/>
                    </a:cxn>
                    <a:cxn ang="T67">
                      <a:pos x="T34" y="T35"/>
                    </a:cxn>
                    <a:cxn ang="T68">
                      <a:pos x="T36" y="T37"/>
                    </a:cxn>
                    <a:cxn ang="T69">
                      <a:pos x="T38" y="T39"/>
                    </a:cxn>
                    <a:cxn ang="T70">
                      <a:pos x="T40" y="T41"/>
                    </a:cxn>
                    <a:cxn ang="T71">
                      <a:pos x="T42" y="T43"/>
                    </a:cxn>
                    <a:cxn ang="T72">
                      <a:pos x="T44" y="T45"/>
                    </a:cxn>
                    <a:cxn ang="T73">
                      <a:pos x="T46" y="T47"/>
                    </a:cxn>
                    <a:cxn ang="T74">
                      <a:pos x="T48" y="T49"/>
                    </a:cxn>
                  </a:cxnLst>
                  <a:rect l="T75" t="T76" r="T77" b="T78"/>
                  <a:pathLst>
                    <a:path w="39" h="57">
                      <a:moveTo>
                        <a:pt x="0" y="57"/>
                      </a:moveTo>
                      <a:lnTo>
                        <a:pt x="0" y="57"/>
                      </a:lnTo>
                      <a:lnTo>
                        <a:pt x="2" y="54"/>
                      </a:lnTo>
                      <a:lnTo>
                        <a:pt x="4" y="51"/>
                      </a:lnTo>
                      <a:lnTo>
                        <a:pt x="7" y="44"/>
                      </a:lnTo>
                      <a:lnTo>
                        <a:pt x="10" y="35"/>
                      </a:lnTo>
                      <a:lnTo>
                        <a:pt x="15" y="25"/>
                      </a:lnTo>
                      <a:lnTo>
                        <a:pt x="21" y="15"/>
                      </a:lnTo>
                      <a:lnTo>
                        <a:pt x="27" y="7"/>
                      </a:lnTo>
                      <a:lnTo>
                        <a:pt x="32" y="0"/>
                      </a:lnTo>
                      <a:lnTo>
                        <a:pt x="39" y="1"/>
                      </a:lnTo>
                      <a:lnTo>
                        <a:pt x="36" y="5"/>
                      </a:lnTo>
                      <a:lnTo>
                        <a:pt x="32" y="8"/>
                      </a:lnTo>
                      <a:lnTo>
                        <a:pt x="29" y="13"/>
                      </a:lnTo>
                      <a:lnTo>
                        <a:pt x="24" y="22"/>
                      </a:lnTo>
                      <a:lnTo>
                        <a:pt x="19" y="30"/>
                      </a:lnTo>
                      <a:lnTo>
                        <a:pt x="12" y="40"/>
                      </a:lnTo>
                      <a:lnTo>
                        <a:pt x="7" y="54"/>
                      </a:lnTo>
                      <a:lnTo>
                        <a:pt x="5" y="54"/>
                      </a:lnTo>
                      <a:lnTo>
                        <a:pt x="4" y="56"/>
                      </a:lnTo>
                      <a:lnTo>
                        <a:pt x="2" y="56"/>
                      </a:lnTo>
                      <a:lnTo>
                        <a:pt x="0" y="57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85" name="Freeform 167"/>
                <p:cNvSpPr>
                  <a:spLocks/>
                </p:cNvSpPr>
                <p:nvPr/>
              </p:nvSpPr>
              <p:spPr bwMode="auto">
                <a:xfrm>
                  <a:off x="4905" y="2078"/>
                  <a:ext cx="54" cy="82"/>
                </a:xfrm>
                <a:custGeom>
                  <a:avLst/>
                  <a:gdLst>
                    <a:gd name="T0" fmla="*/ 5 w 54"/>
                    <a:gd name="T1" fmla="*/ 0 h 82"/>
                    <a:gd name="T2" fmla="*/ 5 w 54"/>
                    <a:gd name="T3" fmla="*/ 0 h 82"/>
                    <a:gd name="T4" fmla="*/ 5 w 54"/>
                    <a:gd name="T5" fmla="*/ 2 h 82"/>
                    <a:gd name="T6" fmla="*/ 7 w 54"/>
                    <a:gd name="T7" fmla="*/ 4 h 82"/>
                    <a:gd name="T8" fmla="*/ 7 w 54"/>
                    <a:gd name="T9" fmla="*/ 7 h 82"/>
                    <a:gd name="T10" fmla="*/ 8 w 54"/>
                    <a:gd name="T11" fmla="*/ 10 h 82"/>
                    <a:gd name="T12" fmla="*/ 10 w 54"/>
                    <a:gd name="T13" fmla="*/ 14 h 82"/>
                    <a:gd name="T14" fmla="*/ 13 w 54"/>
                    <a:gd name="T15" fmla="*/ 19 h 82"/>
                    <a:gd name="T16" fmla="*/ 15 w 54"/>
                    <a:gd name="T17" fmla="*/ 22 h 82"/>
                    <a:gd name="T18" fmla="*/ 17 w 54"/>
                    <a:gd name="T19" fmla="*/ 27 h 82"/>
                    <a:gd name="T20" fmla="*/ 20 w 54"/>
                    <a:gd name="T21" fmla="*/ 32 h 82"/>
                    <a:gd name="T22" fmla="*/ 23 w 54"/>
                    <a:gd name="T23" fmla="*/ 38 h 82"/>
                    <a:gd name="T24" fmla="*/ 25 w 54"/>
                    <a:gd name="T25" fmla="*/ 43 h 82"/>
                    <a:gd name="T26" fmla="*/ 29 w 54"/>
                    <a:gd name="T27" fmla="*/ 48 h 82"/>
                    <a:gd name="T28" fmla="*/ 32 w 54"/>
                    <a:gd name="T29" fmla="*/ 51 h 82"/>
                    <a:gd name="T30" fmla="*/ 35 w 54"/>
                    <a:gd name="T31" fmla="*/ 56 h 82"/>
                    <a:gd name="T32" fmla="*/ 39 w 54"/>
                    <a:gd name="T33" fmla="*/ 60 h 82"/>
                    <a:gd name="T34" fmla="*/ 40 w 54"/>
                    <a:gd name="T35" fmla="*/ 63 h 82"/>
                    <a:gd name="T36" fmla="*/ 44 w 54"/>
                    <a:gd name="T37" fmla="*/ 66 h 82"/>
                    <a:gd name="T38" fmla="*/ 47 w 54"/>
                    <a:gd name="T39" fmla="*/ 73 h 82"/>
                    <a:gd name="T40" fmla="*/ 52 w 54"/>
                    <a:gd name="T41" fmla="*/ 78 h 82"/>
                    <a:gd name="T42" fmla="*/ 54 w 54"/>
                    <a:gd name="T43" fmla="*/ 82 h 82"/>
                    <a:gd name="T44" fmla="*/ 52 w 54"/>
                    <a:gd name="T45" fmla="*/ 82 h 82"/>
                    <a:gd name="T46" fmla="*/ 45 w 54"/>
                    <a:gd name="T47" fmla="*/ 76 h 82"/>
                    <a:gd name="T48" fmla="*/ 34 w 54"/>
                    <a:gd name="T49" fmla="*/ 65 h 82"/>
                    <a:gd name="T50" fmla="*/ 34 w 54"/>
                    <a:gd name="T51" fmla="*/ 65 h 82"/>
                    <a:gd name="T52" fmla="*/ 32 w 54"/>
                    <a:gd name="T53" fmla="*/ 63 h 82"/>
                    <a:gd name="T54" fmla="*/ 30 w 54"/>
                    <a:gd name="T55" fmla="*/ 60 h 82"/>
                    <a:gd name="T56" fmla="*/ 27 w 54"/>
                    <a:gd name="T57" fmla="*/ 56 h 82"/>
                    <a:gd name="T58" fmla="*/ 25 w 54"/>
                    <a:gd name="T59" fmla="*/ 53 h 82"/>
                    <a:gd name="T60" fmla="*/ 22 w 54"/>
                    <a:gd name="T61" fmla="*/ 48 h 82"/>
                    <a:gd name="T62" fmla="*/ 18 w 54"/>
                    <a:gd name="T63" fmla="*/ 43 h 82"/>
                    <a:gd name="T64" fmla="*/ 15 w 54"/>
                    <a:gd name="T65" fmla="*/ 38 h 82"/>
                    <a:gd name="T66" fmla="*/ 12 w 54"/>
                    <a:gd name="T67" fmla="*/ 32 h 82"/>
                    <a:gd name="T68" fmla="*/ 10 w 54"/>
                    <a:gd name="T69" fmla="*/ 27 h 82"/>
                    <a:gd name="T70" fmla="*/ 7 w 54"/>
                    <a:gd name="T71" fmla="*/ 22 h 82"/>
                    <a:gd name="T72" fmla="*/ 5 w 54"/>
                    <a:gd name="T73" fmla="*/ 19 h 82"/>
                    <a:gd name="T74" fmla="*/ 1 w 54"/>
                    <a:gd name="T75" fmla="*/ 14 h 82"/>
                    <a:gd name="T76" fmla="*/ 1 w 54"/>
                    <a:gd name="T77" fmla="*/ 10 h 82"/>
                    <a:gd name="T78" fmla="*/ 0 w 54"/>
                    <a:gd name="T79" fmla="*/ 7 h 82"/>
                    <a:gd name="T80" fmla="*/ 0 w 54"/>
                    <a:gd name="T81" fmla="*/ 4 h 82"/>
                    <a:gd name="T82" fmla="*/ 0 w 54"/>
                    <a:gd name="T83" fmla="*/ 2 h 82"/>
                    <a:gd name="T84" fmla="*/ 1 w 54"/>
                    <a:gd name="T85" fmla="*/ 0 h 82"/>
                    <a:gd name="T86" fmla="*/ 3 w 54"/>
                    <a:gd name="T87" fmla="*/ 0 h 82"/>
                    <a:gd name="T88" fmla="*/ 5 w 54"/>
                    <a:gd name="T89" fmla="*/ 0 h 82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w 54"/>
                    <a:gd name="T136" fmla="*/ 0 h 82"/>
                    <a:gd name="T137" fmla="*/ 54 w 54"/>
                    <a:gd name="T138" fmla="*/ 82 h 82"/>
                  </a:gdLst>
                  <a:ahLst/>
                  <a:cxnLst>
                    <a:cxn ang="T90">
                      <a:pos x="T0" y="T1"/>
                    </a:cxn>
                    <a:cxn ang="T91">
                      <a:pos x="T2" y="T3"/>
                    </a:cxn>
                    <a:cxn ang="T92">
                      <a:pos x="T4" y="T5"/>
                    </a:cxn>
                    <a:cxn ang="T93">
                      <a:pos x="T6" y="T7"/>
                    </a:cxn>
                    <a:cxn ang="T94">
                      <a:pos x="T8" y="T9"/>
                    </a:cxn>
                    <a:cxn ang="T95">
                      <a:pos x="T10" y="T11"/>
                    </a:cxn>
                    <a:cxn ang="T96">
                      <a:pos x="T12" y="T13"/>
                    </a:cxn>
                    <a:cxn ang="T97">
                      <a:pos x="T14" y="T15"/>
                    </a:cxn>
                    <a:cxn ang="T98">
                      <a:pos x="T16" y="T17"/>
                    </a:cxn>
                    <a:cxn ang="T99">
                      <a:pos x="T18" y="T19"/>
                    </a:cxn>
                    <a:cxn ang="T100">
                      <a:pos x="T20" y="T21"/>
                    </a:cxn>
                    <a:cxn ang="T101">
                      <a:pos x="T22" y="T23"/>
                    </a:cxn>
                    <a:cxn ang="T102">
                      <a:pos x="T24" y="T25"/>
                    </a:cxn>
                    <a:cxn ang="T103">
                      <a:pos x="T26" y="T27"/>
                    </a:cxn>
                    <a:cxn ang="T104">
                      <a:pos x="T28" y="T29"/>
                    </a:cxn>
                    <a:cxn ang="T105">
                      <a:pos x="T30" y="T31"/>
                    </a:cxn>
                    <a:cxn ang="T106">
                      <a:pos x="T32" y="T33"/>
                    </a:cxn>
                    <a:cxn ang="T107">
                      <a:pos x="T34" y="T35"/>
                    </a:cxn>
                    <a:cxn ang="T108">
                      <a:pos x="T36" y="T37"/>
                    </a:cxn>
                    <a:cxn ang="T109">
                      <a:pos x="T38" y="T39"/>
                    </a:cxn>
                    <a:cxn ang="T110">
                      <a:pos x="T40" y="T41"/>
                    </a:cxn>
                    <a:cxn ang="T111">
                      <a:pos x="T42" y="T43"/>
                    </a:cxn>
                    <a:cxn ang="T112">
                      <a:pos x="T44" y="T45"/>
                    </a:cxn>
                    <a:cxn ang="T113">
                      <a:pos x="T46" y="T47"/>
                    </a:cxn>
                    <a:cxn ang="T114">
                      <a:pos x="T48" y="T49"/>
                    </a:cxn>
                    <a:cxn ang="T115">
                      <a:pos x="T50" y="T51"/>
                    </a:cxn>
                    <a:cxn ang="T116">
                      <a:pos x="T52" y="T53"/>
                    </a:cxn>
                    <a:cxn ang="T117">
                      <a:pos x="T54" y="T55"/>
                    </a:cxn>
                    <a:cxn ang="T118">
                      <a:pos x="T56" y="T57"/>
                    </a:cxn>
                    <a:cxn ang="T119">
                      <a:pos x="T58" y="T59"/>
                    </a:cxn>
                    <a:cxn ang="T120">
                      <a:pos x="T60" y="T61"/>
                    </a:cxn>
                    <a:cxn ang="T121">
                      <a:pos x="T62" y="T63"/>
                    </a:cxn>
                    <a:cxn ang="T122">
                      <a:pos x="T64" y="T65"/>
                    </a:cxn>
                    <a:cxn ang="T123">
                      <a:pos x="T66" y="T67"/>
                    </a:cxn>
                    <a:cxn ang="T124">
                      <a:pos x="T68" y="T69"/>
                    </a:cxn>
                    <a:cxn ang="T125">
                      <a:pos x="T70" y="T71"/>
                    </a:cxn>
                    <a:cxn ang="T126">
                      <a:pos x="T72" y="T73"/>
                    </a:cxn>
                    <a:cxn ang="T127">
                      <a:pos x="T74" y="T75"/>
                    </a:cxn>
                    <a:cxn ang="T128">
                      <a:pos x="T76" y="T77"/>
                    </a:cxn>
                    <a:cxn ang="T129">
                      <a:pos x="T78" y="T79"/>
                    </a:cxn>
                    <a:cxn ang="T130">
                      <a:pos x="T80" y="T81"/>
                    </a:cxn>
                    <a:cxn ang="T131">
                      <a:pos x="T82" y="T83"/>
                    </a:cxn>
                    <a:cxn ang="T132">
                      <a:pos x="T84" y="T85"/>
                    </a:cxn>
                    <a:cxn ang="T133">
                      <a:pos x="T86" y="T87"/>
                    </a:cxn>
                    <a:cxn ang="T134">
                      <a:pos x="T88" y="T89"/>
                    </a:cxn>
                  </a:cxnLst>
                  <a:rect l="T135" t="T136" r="T137" b="T138"/>
                  <a:pathLst>
                    <a:path w="54" h="82">
                      <a:moveTo>
                        <a:pt x="5" y="0"/>
                      </a:moveTo>
                      <a:lnTo>
                        <a:pt x="5" y="0"/>
                      </a:lnTo>
                      <a:lnTo>
                        <a:pt x="5" y="2"/>
                      </a:lnTo>
                      <a:lnTo>
                        <a:pt x="7" y="4"/>
                      </a:lnTo>
                      <a:lnTo>
                        <a:pt x="7" y="7"/>
                      </a:lnTo>
                      <a:lnTo>
                        <a:pt x="8" y="10"/>
                      </a:lnTo>
                      <a:lnTo>
                        <a:pt x="10" y="14"/>
                      </a:lnTo>
                      <a:lnTo>
                        <a:pt x="13" y="19"/>
                      </a:lnTo>
                      <a:lnTo>
                        <a:pt x="15" y="22"/>
                      </a:lnTo>
                      <a:lnTo>
                        <a:pt x="17" y="27"/>
                      </a:lnTo>
                      <a:lnTo>
                        <a:pt x="20" y="32"/>
                      </a:lnTo>
                      <a:lnTo>
                        <a:pt x="23" y="38"/>
                      </a:lnTo>
                      <a:lnTo>
                        <a:pt x="25" y="43"/>
                      </a:lnTo>
                      <a:lnTo>
                        <a:pt x="29" y="48"/>
                      </a:lnTo>
                      <a:lnTo>
                        <a:pt x="32" y="51"/>
                      </a:lnTo>
                      <a:lnTo>
                        <a:pt x="35" y="56"/>
                      </a:lnTo>
                      <a:lnTo>
                        <a:pt x="39" y="60"/>
                      </a:lnTo>
                      <a:lnTo>
                        <a:pt x="40" y="63"/>
                      </a:lnTo>
                      <a:lnTo>
                        <a:pt x="44" y="66"/>
                      </a:lnTo>
                      <a:lnTo>
                        <a:pt x="47" y="73"/>
                      </a:lnTo>
                      <a:lnTo>
                        <a:pt x="52" y="78"/>
                      </a:lnTo>
                      <a:lnTo>
                        <a:pt x="54" y="82"/>
                      </a:lnTo>
                      <a:lnTo>
                        <a:pt x="52" y="82"/>
                      </a:lnTo>
                      <a:lnTo>
                        <a:pt x="45" y="76"/>
                      </a:lnTo>
                      <a:lnTo>
                        <a:pt x="34" y="65"/>
                      </a:lnTo>
                      <a:lnTo>
                        <a:pt x="32" y="63"/>
                      </a:lnTo>
                      <a:lnTo>
                        <a:pt x="30" y="60"/>
                      </a:lnTo>
                      <a:lnTo>
                        <a:pt x="27" y="56"/>
                      </a:lnTo>
                      <a:lnTo>
                        <a:pt x="25" y="53"/>
                      </a:lnTo>
                      <a:lnTo>
                        <a:pt x="22" y="48"/>
                      </a:lnTo>
                      <a:lnTo>
                        <a:pt x="18" y="43"/>
                      </a:lnTo>
                      <a:lnTo>
                        <a:pt x="15" y="38"/>
                      </a:lnTo>
                      <a:lnTo>
                        <a:pt x="12" y="32"/>
                      </a:lnTo>
                      <a:lnTo>
                        <a:pt x="10" y="27"/>
                      </a:lnTo>
                      <a:lnTo>
                        <a:pt x="7" y="22"/>
                      </a:lnTo>
                      <a:lnTo>
                        <a:pt x="5" y="19"/>
                      </a:lnTo>
                      <a:lnTo>
                        <a:pt x="1" y="14"/>
                      </a:lnTo>
                      <a:lnTo>
                        <a:pt x="1" y="10"/>
                      </a:lnTo>
                      <a:lnTo>
                        <a:pt x="0" y="7"/>
                      </a:lnTo>
                      <a:lnTo>
                        <a:pt x="0" y="4"/>
                      </a:lnTo>
                      <a:lnTo>
                        <a:pt x="0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86" name="Freeform 168"/>
                <p:cNvSpPr>
                  <a:spLocks/>
                </p:cNvSpPr>
                <p:nvPr/>
              </p:nvSpPr>
              <p:spPr bwMode="auto">
                <a:xfrm>
                  <a:off x="4905" y="2078"/>
                  <a:ext cx="54" cy="82"/>
                </a:xfrm>
                <a:custGeom>
                  <a:avLst/>
                  <a:gdLst>
                    <a:gd name="T0" fmla="*/ 5 w 54"/>
                    <a:gd name="T1" fmla="*/ 0 h 82"/>
                    <a:gd name="T2" fmla="*/ 5 w 54"/>
                    <a:gd name="T3" fmla="*/ 0 h 82"/>
                    <a:gd name="T4" fmla="*/ 5 w 54"/>
                    <a:gd name="T5" fmla="*/ 0 h 82"/>
                    <a:gd name="T6" fmla="*/ 5 w 54"/>
                    <a:gd name="T7" fmla="*/ 2 h 82"/>
                    <a:gd name="T8" fmla="*/ 7 w 54"/>
                    <a:gd name="T9" fmla="*/ 4 h 82"/>
                    <a:gd name="T10" fmla="*/ 7 w 54"/>
                    <a:gd name="T11" fmla="*/ 7 h 82"/>
                    <a:gd name="T12" fmla="*/ 8 w 54"/>
                    <a:gd name="T13" fmla="*/ 10 h 82"/>
                    <a:gd name="T14" fmla="*/ 10 w 54"/>
                    <a:gd name="T15" fmla="*/ 14 h 82"/>
                    <a:gd name="T16" fmla="*/ 13 w 54"/>
                    <a:gd name="T17" fmla="*/ 19 h 82"/>
                    <a:gd name="T18" fmla="*/ 15 w 54"/>
                    <a:gd name="T19" fmla="*/ 22 h 82"/>
                    <a:gd name="T20" fmla="*/ 17 w 54"/>
                    <a:gd name="T21" fmla="*/ 27 h 82"/>
                    <a:gd name="T22" fmla="*/ 20 w 54"/>
                    <a:gd name="T23" fmla="*/ 32 h 82"/>
                    <a:gd name="T24" fmla="*/ 23 w 54"/>
                    <a:gd name="T25" fmla="*/ 38 h 82"/>
                    <a:gd name="T26" fmla="*/ 25 w 54"/>
                    <a:gd name="T27" fmla="*/ 43 h 82"/>
                    <a:gd name="T28" fmla="*/ 29 w 54"/>
                    <a:gd name="T29" fmla="*/ 48 h 82"/>
                    <a:gd name="T30" fmla="*/ 32 w 54"/>
                    <a:gd name="T31" fmla="*/ 51 h 82"/>
                    <a:gd name="T32" fmla="*/ 35 w 54"/>
                    <a:gd name="T33" fmla="*/ 56 h 82"/>
                    <a:gd name="T34" fmla="*/ 39 w 54"/>
                    <a:gd name="T35" fmla="*/ 60 h 82"/>
                    <a:gd name="T36" fmla="*/ 39 w 54"/>
                    <a:gd name="T37" fmla="*/ 60 h 82"/>
                    <a:gd name="T38" fmla="*/ 40 w 54"/>
                    <a:gd name="T39" fmla="*/ 63 h 82"/>
                    <a:gd name="T40" fmla="*/ 44 w 54"/>
                    <a:gd name="T41" fmla="*/ 66 h 82"/>
                    <a:gd name="T42" fmla="*/ 47 w 54"/>
                    <a:gd name="T43" fmla="*/ 73 h 82"/>
                    <a:gd name="T44" fmla="*/ 52 w 54"/>
                    <a:gd name="T45" fmla="*/ 78 h 82"/>
                    <a:gd name="T46" fmla="*/ 54 w 54"/>
                    <a:gd name="T47" fmla="*/ 82 h 82"/>
                    <a:gd name="T48" fmla="*/ 52 w 54"/>
                    <a:gd name="T49" fmla="*/ 82 h 82"/>
                    <a:gd name="T50" fmla="*/ 45 w 54"/>
                    <a:gd name="T51" fmla="*/ 76 h 82"/>
                    <a:gd name="T52" fmla="*/ 34 w 54"/>
                    <a:gd name="T53" fmla="*/ 65 h 82"/>
                    <a:gd name="T54" fmla="*/ 34 w 54"/>
                    <a:gd name="T55" fmla="*/ 65 h 82"/>
                    <a:gd name="T56" fmla="*/ 34 w 54"/>
                    <a:gd name="T57" fmla="*/ 65 h 82"/>
                    <a:gd name="T58" fmla="*/ 32 w 54"/>
                    <a:gd name="T59" fmla="*/ 63 h 82"/>
                    <a:gd name="T60" fmla="*/ 30 w 54"/>
                    <a:gd name="T61" fmla="*/ 60 h 82"/>
                    <a:gd name="T62" fmla="*/ 27 w 54"/>
                    <a:gd name="T63" fmla="*/ 56 h 82"/>
                    <a:gd name="T64" fmla="*/ 25 w 54"/>
                    <a:gd name="T65" fmla="*/ 53 h 82"/>
                    <a:gd name="T66" fmla="*/ 22 w 54"/>
                    <a:gd name="T67" fmla="*/ 48 h 82"/>
                    <a:gd name="T68" fmla="*/ 18 w 54"/>
                    <a:gd name="T69" fmla="*/ 43 h 82"/>
                    <a:gd name="T70" fmla="*/ 15 w 54"/>
                    <a:gd name="T71" fmla="*/ 38 h 82"/>
                    <a:gd name="T72" fmla="*/ 12 w 54"/>
                    <a:gd name="T73" fmla="*/ 32 h 82"/>
                    <a:gd name="T74" fmla="*/ 10 w 54"/>
                    <a:gd name="T75" fmla="*/ 27 h 82"/>
                    <a:gd name="T76" fmla="*/ 7 w 54"/>
                    <a:gd name="T77" fmla="*/ 22 h 82"/>
                    <a:gd name="T78" fmla="*/ 5 w 54"/>
                    <a:gd name="T79" fmla="*/ 19 h 82"/>
                    <a:gd name="T80" fmla="*/ 1 w 54"/>
                    <a:gd name="T81" fmla="*/ 14 h 82"/>
                    <a:gd name="T82" fmla="*/ 1 w 54"/>
                    <a:gd name="T83" fmla="*/ 10 h 82"/>
                    <a:gd name="T84" fmla="*/ 0 w 54"/>
                    <a:gd name="T85" fmla="*/ 7 h 82"/>
                    <a:gd name="T86" fmla="*/ 0 w 54"/>
                    <a:gd name="T87" fmla="*/ 4 h 82"/>
                    <a:gd name="T88" fmla="*/ 0 w 54"/>
                    <a:gd name="T89" fmla="*/ 4 h 82"/>
                    <a:gd name="T90" fmla="*/ 0 w 54"/>
                    <a:gd name="T91" fmla="*/ 2 h 82"/>
                    <a:gd name="T92" fmla="*/ 1 w 54"/>
                    <a:gd name="T93" fmla="*/ 0 h 82"/>
                    <a:gd name="T94" fmla="*/ 3 w 54"/>
                    <a:gd name="T95" fmla="*/ 0 h 82"/>
                    <a:gd name="T96" fmla="*/ 5 w 54"/>
                    <a:gd name="T97" fmla="*/ 0 h 82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w 54"/>
                    <a:gd name="T148" fmla="*/ 0 h 82"/>
                    <a:gd name="T149" fmla="*/ 54 w 54"/>
                    <a:gd name="T150" fmla="*/ 82 h 82"/>
                  </a:gdLst>
                  <a:ahLst/>
                  <a:cxnLst>
                    <a:cxn ang="T98">
                      <a:pos x="T0" y="T1"/>
                    </a:cxn>
                    <a:cxn ang="T99">
                      <a:pos x="T2" y="T3"/>
                    </a:cxn>
                    <a:cxn ang="T100">
                      <a:pos x="T4" y="T5"/>
                    </a:cxn>
                    <a:cxn ang="T101">
                      <a:pos x="T6" y="T7"/>
                    </a:cxn>
                    <a:cxn ang="T102">
                      <a:pos x="T8" y="T9"/>
                    </a:cxn>
                    <a:cxn ang="T103">
                      <a:pos x="T10" y="T11"/>
                    </a:cxn>
                    <a:cxn ang="T104">
                      <a:pos x="T12" y="T13"/>
                    </a:cxn>
                    <a:cxn ang="T105">
                      <a:pos x="T14" y="T15"/>
                    </a:cxn>
                    <a:cxn ang="T106">
                      <a:pos x="T16" y="T17"/>
                    </a:cxn>
                    <a:cxn ang="T107">
                      <a:pos x="T18" y="T19"/>
                    </a:cxn>
                    <a:cxn ang="T108">
                      <a:pos x="T20" y="T21"/>
                    </a:cxn>
                    <a:cxn ang="T109">
                      <a:pos x="T22" y="T23"/>
                    </a:cxn>
                    <a:cxn ang="T110">
                      <a:pos x="T24" y="T25"/>
                    </a:cxn>
                    <a:cxn ang="T111">
                      <a:pos x="T26" y="T27"/>
                    </a:cxn>
                    <a:cxn ang="T112">
                      <a:pos x="T28" y="T29"/>
                    </a:cxn>
                    <a:cxn ang="T113">
                      <a:pos x="T30" y="T31"/>
                    </a:cxn>
                    <a:cxn ang="T114">
                      <a:pos x="T32" y="T33"/>
                    </a:cxn>
                    <a:cxn ang="T115">
                      <a:pos x="T34" y="T35"/>
                    </a:cxn>
                    <a:cxn ang="T116">
                      <a:pos x="T36" y="T37"/>
                    </a:cxn>
                    <a:cxn ang="T117">
                      <a:pos x="T38" y="T39"/>
                    </a:cxn>
                    <a:cxn ang="T118">
                      <a:pos x="T40" y="T41"/>
                    </a:cxn>
                    <a:cxn ang="T119">
                      <a:pos x="T42" y="T43"/>
                    </a:cxn>
                    <a:cxn ang="T120">
                      <a:pos x="T44" y="T45"/>
                    </a:cxn>
                    <a:cxn ang="T121">
                      <a:pos x="T46" y="T47"/>
                    </a:cxn>
                    <a:cxn ang="T122">
                      <a:pos x="T48" y="T49"/>
                    </a:cxn>
                    <a:cxn ang="T123">
                      <a:pos x="T50" y="T51"/>
                    </a:cxn>
                    <a:cxn ang="T124">
                      <a:pos x="T52" y="T53"/>
                    </a:cxn>
                    <a:cxn ang="T125">
                      <a:pos x="T54" y="T55"/>
                    </a:cxn>
                    <a:cxn ang="T126">
                      <a:pos x="T56" y="T57"/>
                    </a:cxn>
                    <a:cxn ang="T127">
                      <a:pos x="T58" y="T59"/>
                    </a:cxn>
                    <a:cxn ang="T128">
                      <a:pos x="T60" y="T61"/>
                    </a:cxn>
                    <a:cxn ang="T129">
                      <a:pos x="T62" y="T63"/>
                    </a:cxn>
                    <a:cxn ang="T130">
                      <a:pos x="T64" y="T65"/>
                    </a:cxn>
                    <a:cxn ang="T131">
                      <a:pos x="T66" y="T67"/>
                    </a:cxn>
                    <a:cxn ang="T132">
                      <a:pos x="T68" y="T69"/>
                    </a:cxn>
                    <a:cxn ang="T133">
                      <a:pos x="T70" y="T71"/>
                    </a:cxn>
                    <a:cxn ang="T134">
                      <a:pos x="T72" y="T73"/>
                    </a:cxn>
                    <a:cxn ang="T135">
                      <a:pos x="T74" y="T75"/>
                    </a:cxn>
                    <a:cxn ang="T136">
                      <a:pos x="T76" y="T77"/>
                    </a:cxn>
                    <a:cxn ang="T137">
                      <a:pos x="T78" y="T79"/>
                    </a:cxn>
                    <a:cxn ang="T138">
                      <a:pos x="T80" y="T81"/>
                    </a:cxn>
                    <a:cxn ang="T139">
                      <a:pos x="T82" y="T83"/>
                    </a:cxn>
                    <a:cxn ang="T140">
                      <a:pos x="T84" y="T85"/>
                    </a:cxn>
                    <a:cxn ang="T141">
                      <a:pos x="T86" y="T87"/>
                    </a:cxn>
                    <a:cxn ang="T142">
                      <a:pos x="T88" y="T89"/>
                    </a:cxn>
                    <a:cxn ang="T143">
                      <a:pos x="T90" y="T91"/>
                    </a:cxn>
                    <a:cxn ang="T144">
                      <a:pos x="T92" y="T93"/>
                    </a:cxn>
                    <a:cxn ang="T145">
                      <a:pos x="T94" y="T95"/>
                    </a:cxn>
                    <a:cxn ang="T146">
                      <a:pos x="T96" y="T97"/>
                    </a:cxn>
                  </a:cxnLst>
                  <a:rect l="T147" t="T148" r="T149" b="T150"/>
                  <a:pathLst>
                    <a:path w="54" h="82">
                      <a:moveTo>
                        <a:pt x="5" y="0"/>
                      </a:moveTo>
                      <a:lnTo>
                        <a:pt x="5" y="0"/>
                      </a:lnTo>
                      <a:lnTo>
                        <a:pt x="5" y="2"/>
                      </a:lnTo>
                      <a:lnTo>
                        <a:pt x="7" y="4"/>
                      </a:lnTo>
                      <a:lnTo>
                        <a:pt x="7" y="7"/>
                      </a:lnTo>
                      <a:lnTo>
                        <a:pt x="8" y="10"/>
                      </a:lnTo>
                      <a:lnTo>
                        <a:pt x="10" y="14"/>
                      </a:lnTo>
                      <a:lnTo>
                        <a:pt x="13" y="19"/>
                      </a:lnTo>
                      <a:lnTo>
                        <a:pt x="15" y="22"/>
                      </a:lnTo>
                      <a:lnTo>
                        <a:pt x="17" y="27"/>
                      </a:lnTo>
                      <a:lnTo>
                        <a:pt x="20" y="32"/>
                      </a:lnTo>
                      <a:lnTo>
                        <a:pt x="23" y="38"/>
                      </a:lnTo>
                      <a:lnTo>
                        <a:pt x="25" y="43"/>
                      </a:lnTo>
                      <a:lnTo>
                        <a:pt x="29" y="48"/>
                      </a:lnTo>
                      <a:lnTo>
                        <a:pt x="32" y="51"/>
                      </a:lnTo>
                      <a:lnTo>
                        <a:pt x="35" y="56"/>
                      </a:lnTo>
                      <a:lnTo>
                        <a:pt x="39" y="60"/>
                      </a:lnTo>
                      <a:lnTo>
                        <a:pt x="40" y="63"/>
                      </a:lnTo>
                      <a:lnTo>
                        <a:pt x="44" y="66"/>
                      </a:lnTo>
                      <a:lnTo>
                        <a:pt x="47" y="73"/>
                      </a:lnTo>
                      <a:lnTo>
                        <a:pt x="52" y="78"/>
                      </a:lnTo>
                      <a:lnTo>
                        <a:pt x="54" y="82"/>
                      </a:lnTo>
                      <a:lnTo>
                        <a:pt x="52" y="82"/>
                      </a:lnTo>
                      <a:lnTo>
                        <a:pt x="45" y="76"/>
                      </a:lnTo>
                      <a:lnTo>
                        <a:pt x="34" y="65"/>
                      </a:lnTo>
                      <a:lnTo>
                        <a:pt x="32" y="63"/>
                      </a:lnTo>
                      <a:lnTo>
                        <a:pt x="30" y="60"/>
                      </a:lnTo>
                      <a:lnTo>
                        <a:pt x="27" y="56"/>
                      </a:lnTo>
                      <a:lnTo>
                        <a:pt x="25" y="53"/>
                      </a:lnTo>
                      <a:lnTo>
                        <a:pt x="22" y="48"/>
                      </a:lnTo>
                      <a:lnTo>
                        <a:pt x="18" y="43"/>
                      </a:lnTo>
                      <a:lnTo>
                        <a:pt x="15" y="38"/>
                      </a:lnTo>
                      <a:lnTo>
                        <a:pt x="12" y="32"/>
                      </a:lnTo>
                      <a:lnTo>
                        <a:pt x="10" y="27"/>
                      </a:lnTo>
                      <a:lnTo>
                        <a:pt x="7" y="22"/>
                      </a:lnTo>
                      <a:lnTo>
                        <a:pt x="5" y="19"/>
                      </a:lnTo>
                      <a:lnTo>
                        <a:pt x="1" y="14"/>
                      </a:lnTo>
                      <a:lnTo>
                        <a:pt x="1" y="10"/>
                      </a:lnTo>
                      <a:lnTo>
                        <a:pt x="0" y="7"/>
                      </a:lnTo>
                      <a:lnTo>
                        <a:pt x="0" y="4"/>
                      </a:lnTo>
                      <a:lnTo>
                        <a:pt x="0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87" name="Freeform 169"/>
                <p:cNvSpPr>
                  <a:spLocks/>
                </p:cNvSpPr>
                <p:nvPr/>
              </p:nvSpPr>
              <p:spPr bwMode="auto">
                <a:xfrm>
                  <a:off x="4956" y="2165"/>
                  <a:ext cx="20" cy="72"/>
                </a:xfrm>
                <a:custGeom>
                  <a:avLst/>
                  <a:gdLst>
                    <a:gd name="T0" fmla="*/ 8 w 20"/>
                    <a:gd name="T1" fmla="*/ 0 h 72"/>
                    <a:gd name="T2" fmla="*/ 18 w 20"/>
                    <a:gd name="T3" fmla="*/ 18 h 72"/>
                    <a:gd name="T4" fmla="*/ 20 w 20"/>
                    <a:gd name="T5" fmla="*/ 67 h 72"/>
                    <a:gd name="T6" fmla="*/ 3 w 20"/>
                    <a:gd name="T7" fmla="*/ 72 h 72"/>
                    <a:gd name="T8" fmla="*/ 0 w 20"/>
                    <a:gd name="T9" fmla="*/ 71 h 72"/>
                    <a:gd name="T10" fmla="*/ 15 w 20"/>
                    <a:gd name="T11" fmla="*/ 55 h 72"/>
                    <a:gd name="T12" fmla="*/ 13 w 20"/>
                    <a:gd name="T13" fmla="*/ 22 h 72"/>
                    <a:gd name="T14" fmla="*/ 3 w 20"/>
                    <a:gd name="T15" fmla="*/ 3 h 72"/>
                    <a:gd name="T16" fmla="*/ 8 w 20"/>
                    <a:gd name="T17" fmla="*/ 0 h 72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60000 65536"/>
                    <a:gd name="T25" fmla="*/ 0 60000 65536"/>
                    <a:gd name="T26" fmla="*/ 0 60000 65536"/>
                    <a:gd name="T27" fmla="*/ 0 w 20"/>
                    <a:gd name="T28" fmla="*/ 0 h 72"/>
                    <a:gd name="T29" fmla="*/ 20 w 20"/>
                    <a:gd name="T30" fmla="*/ 72 h 72"/>
                  </a:gdLst>
                  <a:ahLst/>
                  <a:cxnLst>
                    <a:cxn ang="T18">
                      <a:pos x="T0" y="T1"/>
                    </a:cxn>
                    <a:cxn ang="T19">
                      <a:pos x="T2" y="T3"/>
                    </a:cxn>
                    <a:cxn ang="T20">
                      <a:pos x="T4" y="T5"/>
                    </a:cxn>
                    <a:cxn ang="T21">
                      <a:pos x="T6" y="T7"/>
                    </a:cxn>
                    <a:cxn ang="T22">
                      <a:pos x="T8" y="T9"/>
                    </a:cxn>
                    <a:cxn ang="T23">
                      <a:pos x="T10" y="T11"/>
                    </a:cxn>
                    <a:cxn ang="T24">
                      <a:pos x="T12" y="T13"/>
                    </a:cxn>
                    <a:cxn ang="T25">
                      <a:pos x="T14" y="T15"/>
                    </a:cxn>
                    <a:cxn ang="T26">
                      <a:pos x="T16" y="T17"/>
                    </a:cxn>
                  </a:cxnLst>
                  <a:rect l="T27" t="T28" r="T29" b="T30"/>
                  <a:pathLst>
                    <a:path w="20" h="72">
                      <a:moveTo>
                        <a:pt x="8" y="0"/>
                      </a:moveTo>
                      <a:lnTo>
                        <a:pt x="18" y="18"/>
                      </a:lnTo>
                      <a:lnTo>
                        <a:pt x="20" y="67"/>
                      </a:lnTo>
                      <a:lnTo>
                        <a:pt x="3" y="72"/>
                      </a:lnTo>
                      <a:lnTo>
                        <a:pt x="0" y="71"/>
                      </a:lnTo>
                      <a:lnTo>
                        <a:pt x="15" y="55"/>
                      </a:lnTo>
                      <a:lnTo>
                        <a:pt x="13" y="22"/>
                      </a:lnTo>
                      <a:lnTo>
                        <a:pt x="3" y="3"/>
                      </a:lnTo>
                      <a:lnTo>
                        <a:pt x="8" y="0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88" name="Freeform 170"/>
                <p:cNvSpPr>
                  <a:spLocks/>
                </p:cNvSpPr>
                <p:nvPr/>
              </p:nvSpPr>
              <p:spPr bwMode="auto">
                <a:xfrm>
                  <a:off x="4956" y="2165"/>
                  <a:ext cx="20" cy="72"/>
                </a:xfrm>
                <a:custGeom>
                  <a:avLst/>
                  <a:gdLst>
                    <a:gd name="T0" fmla="*/ 8 w 20"/>
                    <a:gd name="T1" fmla="*/ 0 h 72"/>
                    <a:gd name="T2" fmla="*/ 18 w 20"/>
                    <a:gd name="T3" fmla="*/ 18 h 72"/>
                    <a:gd name="T4" fmla="*/ 20 w 20"/>
                    <a:gd name="T5" fmla="*/ 67 h 72"/>
                    <a:gd name="T6" fmla="*/ 3 w 20"/>
                    <a:gd name="T7" fmla="*/ 72 h 72"/>
                    <a:gd name="T8" fmla="*/ 0 w 20"/>
                    <a:gd name="T9" fmla="*/ 71 h 72"/>
                    <a:gd name="T10" fmla="*/ 15 w 20"/>
                    <a:gd name="T11" fmla="*/ 55 h 72"/>
                    <a:gd name="T12" fmla="*/ 13 w 20"/>
                    <a:gd name="T13" fmla="*/ 22 h 72"/>
                    <a:gd name="T14" fmla="*/ 3 w 20"/>
                    <a:gd name="T15" fmla="*/ 3 h 72"/>
                    <a:gd name="T16" fmla="*/ 8 w 20"/>
                    <a:gd name="T17" fmla="*/ 0 h 72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60000 65536"/>
                    <a:gd name="T25" fmla="*/ 0 60000 65536"/>
                    <a:gd name="T26" fmla="*/ 0 60000 65536"/>
                    <a:gd name="T27" fmla="*/ 0 w 20"/>
                    <a:gd name="T28" fmla="*/ 0 h 72"/>
                    <a:gd name="T29" fmla="*/ 20 w 20"/>
                    <a:gd name="T30" fmla="*/ 72 h 72"/>
                  </a:gdLst>
                  <a:ahLst/>
                  <a:cxnLst>
                    <a:cxn ang="T18">
                      <a:pos x="T0" y="T1"/>
                    </a:cxn>
                    <a:cxn ang="T19">
                      <a:pos x="T2" y="T3"/>
                    </a:cxn>
                    <a:cxn ang="T20">
                      <a:pos x="T4" y="T5"/>
                    </a:cxn>
                    <a:cxn ang="T21">
                      <a:pos x="T6" y="T7"/>
                    </a:cxn>
                    <a:cxn ang="T22">
                      <a:pos x="T8" y="T9"/>
                    </a:cxn>
                    <a:cxn ang="T23">
                      <a:pos x="T10" y="T11"/>
                    </a:cxn>
                    <a:cxn ang="T24">
                      <a:pos x="T12" y="T13"/>
                    </a:cxn>
                    <a:cxn ang="T25">
                      <a:pos x="T14" y="T15"/>
                    </a:cxn>
                    <a:cxn ang="T26">
                      <a:pos x="T16" y="T17"/>
                    </a:cxn>
                  </a:cxnLst>
                  <a:rect l="T27" t="T28" r="T29" b="T30"/>
                  <a:pathLst>
                    <a:path w="20" h="72">
                      <a:moveTo>
                        <a:pt x="8" y="0"/>
                      </a:moveTo>
                      <a:lnTo>
                        <a:pt x="18" y="18"/>
                      </a:lnTo>
                      <a:lnTo>
                        <a:pt x="20" y="67"/>
                      </a:lnTo>
                      <a:lnTo>
                        <a:pt x="3" y="72"/>
                      </a:lnTo>
                      <a:lnTo>
                        <a:pt x="0" y="71"/>
                      </a:lnTo>
                      <a:lnTo>
                        <a:pt x="15" y="55"/>
                      </a:lnTo>
                      <a:lnTo>
                        <a:pt x="13" y="22"/>
                      </a:lnTo>
                      <a:lnTo>
                        <a:pt x="3" y="3"/>
                      </a:lnTo>
                      <a:lnTo>
                        <a:pt x="8" y="0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60" name="Freeform 171"/>
              <p:cNvSpPr>
                <a:spLocks/>
              </p:cNvSpPr>
              <p:nvPr/>
            </p:nvSpPr>
            <p:spPr bwMode="auto">
              <a:xfrm>
                <a:off x="420" y="850"/>
                <a:ext cx="638" cy="473"/>
              </a:xfrm>
              <a:custGeom>
                <a:avLst/>
                <a:gdLst>
                  <a:gd name="T0" fmla="*/ 18 w 656"/>
                  <a:gd name="T1" fmla="*/ 20 h 487"/>
                  <a:gd name="T2" fmla="*/ 44 w 656"/>
                  <a:gd name="T3" fmla="*/ 44 h 487"/>
                  <a:gd name="T4" fmla="*/ 65 w 656"/>
                  <a:gd name="T5" fmla="*/ 51 h 487"/>
                  <a:gd name="T6" fmla="*/ 79 w 656"/>
                  <a:gd name="T7" fmla="*/ 58 h 487"/>
                  <a:gd name="T8" fmla="*/ 109 w 656"/>
                  <a:gd name="T9" fmla="*/ 70 h 487"/>
                  <a:gd name="T10" fmla="*/ 117 w 656"/>
                  <a:gd name="T11" fmla="*/ 81 h 487"/>
                  <a:gd name="T12" fmla="*/ 112 w 656"/>
                  <a:gd name="T13" fmla="*/ 94 h 487"/>
                  <a:gd name="T14" fmla="*/ 109 w 656"/>
                  <a:gd name="T15" fmla="*/ 94 h 487"/>
                  <a:gd name="T16" fmla="*/ 85 w 656"/>
                  <a:gd name="T17" fmla="*/ 127 h 487"/>
                  <a:gd name="T18" fmla="*/ 98 w 656"/>
                  <a:gd name="T19" fmla="*/ 108 h 487"/>
                  <a:gd name="T20" fmla="*/ 112 w 656"/>
                  <a:gd name="T21" fmla="*/ 112 h 487"/>
                  <a:gd name="T22" fmla="*/ 101 w 656"/>
                  <a:gd name="T23" fmla="*/ 144 h 487"/>
                  <a:gd name="T24" fmla="*/ 101 w 656"/>
                  <a:gd name="T25" fmla="*/ 137 h 487"/>
                  <a:gd name="T26" fmla="*/ 93 w 656"/>
                  <a:gd name="T27" fmla="*/ 139 h 487"/>
                  <a:gd name="T28" fmla="*/ 91 w 656"/>
                  <a:gd name="T29" fmla="*/ 130 h 487"/>
                  <a:gd name="T30" fmla="*/ 77 w 656"/>
                  <a:gd name="T31" fmla="*/ 145 h 487"/>
                  <a:gd name="T32" fmla="*/ 89 w 656"/>
                  <a:gd name="T33" fmla="*/ 148 h 487"/>
                  <a:gd name="T34" fmla="*/ 97 w 656"/>
                  <a:gd name="T35" fmla="*/ 152 h 487"/>
                  <a:gd name="T36" fmla="*/ 114 w 656"/>
                  <a:gd name="T37" fmla="*/ 144 h 487"/>
                  <a:gd name="T38" fmla="*/ 144 w 656"/>
                  <a:gd name="T39" fmla="*/ 84 h 487"/>
                  <a:gd name="T40" fmla="*/ 129 w 656"/>
                  <a:gd name="T41" fmla="*/ 68 h 487"/>
                  <a:gd name="T42" fmla="*/ 133 w 656"/>
                  <a:gd name="T43" fmla="*/ 39 h 487"/>
                  <a:gd name="T44" fmla="*/ 144 w 656"/>
                  <a:gd name="T45" fmla="*/ 25 h 487"/>
                  <a:gd name="T46" fmla="*/ 141 w 656"/>
                  <a:gd name="T47" fmla="*/ 3 h 487"/>
                  <a:gd name="T48" fmla="*/ 181 w 656"/>
                  <a:gd name="T49" fmla="*/ 17 h 487"/>
                  <a:gd name="T50" fmla="*/ 252 w 656"/>
                  <a:gd name="T51" fmla="*/ 37 h 487"/>
                  <a:gd name="T52" fmla="*/ 342 w 656"/>
                  <a:gd name="T53" fmla="*/ 57 h 487"/>
                  <a:gd name="T54" fmla="*/ 443 w 656"/>
                  <a:gd name="T55" fmla="*/ 79 h 487"/>
                  <a:gd name="T56" fmla="*/ 440 w 656"/>
                  <a:gd name="T57" fmla="*/ 105 h 487"/>
                  <a:gd name="T58" fmla="*/ 427 w 656"/>
                  <a:gd name="T59" fmla="*/ 160 h 487"/>
                  <a:gd name="T60" fmla="*/ 412 w 656"/>
                  <a:gd name="T61" fmla="*/ 225 h 487"/>
                  <a:gd name="T62" fmla="*/ 403 w 656"/>
                  <a:gd name="T63" fmla="*/ 271 h 487"/>
                  <a:gd name="T64" fmla="*/ 400 w 656"/>
                  <a:gd name="T65" fmla="*/ 307 h 487"/>
                  <a:gd name="T66" fmla="*/ 281 w 656"/>
                  <a:gd name="T67" fmla="*/ 296 h 487"/>
                  <a:gd name="T68" fmla="*/ 260 w 656"/>
                  <a:gd name="T69" fmla="*/ 298 h 487"/>
                  <a:gd name="T70" fmla="*/ 241 w 656"/>
                  <a:gd name="T71" fmla="*/ 292 h 487"/>
                  <a:gd name="T72" fmla="*/ 219 w 656"/>
                  <a:gd name="T73" fmla="*/ 296 h 487"/>
                  <a:gd name="T74" fmla="*/ 185 w 656"/>
                  <a:gd name="T75" fmla="*/ 296 h 487"/>
                  <a:gd name="T76" fmla="*/ 165 w 656"/>
                  <a:gd name="T77" fmla="*/ 294 h 487"/>
                  <a:gd name="T78" fmla="*/ 142 w 656"/>
                  <a:gd name="T79" fmla="*/ 289 h 487"/>
                  <a:gd name="T80" fmla="*/ 114 w 656"/>
                  <a:gd name="T81" fmla="*/ 278 h 487"/>
                  <a:gd name="T82" fmla="*/ 91 w 656"/>
                  <a:gd name="T83" fmla="*/ 281 h 487"/>
                  <a:gd name="T84" fmla="*/ 71 w 656"/>
                  <a:gd name="T85" fmla="*/ 276 h 487"/>
                  <a:gd name="T86" fmla="*/ 61 w 656"/>
                  <a:gd name="T87" fmla="*/ 269 h 487"/>
                  <a:gd name="T88" fmla="*/ 60 w 656"/>
                  <a:gd name="T89" fmla="*/ 252 h 487"/>
                  <a:gd name="T90" fmla="*/ 55 w 656"/>
                  <a:gd name="T91" fmla="*/ 227 h 487"/>
                  <a:gd name="T92" fmla="*/ 43 w 656"/>
                  <a:gd name="T93" fmla="*/ 219 h 487"/>
                  <a:gd name="T94" fmla="*/ 40 w 656"/>
                  <a:gd name="T95" fmla="*/ 214 h 487"/>
                  <a:gd name="T96" fmla="*/ 25 w 656"/>
                  <a:gd name="T97" fmla="*/ 203 h 487"/>
                  <a:gd name="T98" fmla="*/ 11 w 656"/>
                  <a:gd name="T99" fmla="*/ 200 h 487"/>
                  <a:gd name="T100" fmla="*/ 0 w 656"/>
                  <a:gd name="T101" fmla="*/ 195 h 487"/>
                  <a:gd name="T102" fmla="*/ 5 w 656"/>
                  <a:gd name="T103" fmla="*/ 180 h 487"/>
                  <a:gd name="T104" fmla="*/ 15 w 656"/>
                  <a:gd name="T105" fmla="*/ 171 h 487"/>
                  <a:gd name="T106" fmla="*/ 11 w 656"/>
                  <a:gd name="T107" fmla="*/ 184 h 487"/>
                  <a:gd name="T108" fmla="*/ 15 w 656"/>
                  <a:gd name="T109" fmla="*/ 188 h 487"/>
                  <a:gd name="T110" fmla="*/ 18 w 656"/>
                  <a:gd name="T111" fmla="*/ 166 h 487"/>
                  <a:gd name="T112" fmla="*/ 18 w 656"/>
                  <a:gd name="T113" fmla="*/ 148 h 487"/>
                  <a:gd name="T114" fmla="*/ 18 w 656"/>
                  <a:gd name="T115" fmla="*/ 142 h 487"/>
                  <a:gd name="T116" fmla="*/ 18 w 656"/>
                  <a:gd name="T117" fmla="*/ 118 h 487"/>
                  <a:gd name="T118" fmla="*/ 18 w 656"/>
                  <a:gd name="T119" fmla="*/ 89 h 487"/>
                  <a:gd name="T120" fmla="*/ 17 w 656"/>
                  <a:gd name="T121" fmla="*/ 64 h 487"/>
                  <a:gd name="T122" fmla="*/ 15 w 656"/>
                  <a:gd name="T123" fmla="*/ 38 h 487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w 656"/>
                  <a:gd name="T187" fmla="*/ 0 h 487"/>
                  <a:gd name="T188" fmla="*/ 656 w 656"/>
                  <a:gd name="T189" fmla="*/ 487 h 487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T186" t="T187" r="T188" b="T189"/>
                <a:pathLst>
                  <a:path w="656" h="487">
                    <a:moveTo>
                      <a:pt x="22" y="41"/>
                    </a:moveTo>
                    <a:lnTo>
                      <a:pt x="23" y="36"/>
                    </a:lnTo>
                    <a:lnTo>
                      <a:pt x="22" y="27"/>
                    </a:lnTo>
                    <a:lnTo>
                      <a:pt x="22" y="29"/>
                    </a:lnTo>
                    <a:lnTo>
                      <a:pt x="23" y="29"/>
                    </a:lnTo>
                    <a:lnTo>
                      <a:pt x="25" y="32"/>
                    </a:lnTo>
                    <a:lnTo>
                      <a:pt x="28" y="34"/>
                    </a:lnTo>
                    <a:lnTo>
                      <a:pt x="32" y="39"/>
                    </a:lnTo>
                    <a:lnTo>
                      <a:pt x="37" y="42"/>
                    </a:lnTo>
                    <a:lnTo>
                      <a:pt x="40" y="46"/>
                    </a:lnTo>
                    <a:lnTo>
                      <a:pt x="45" y="51"/>
                    </a:lnTo>
                    <a:lnTo>
                      <a:pt x="50" y="56"/>
                    </a:lnTo>
                    <a:lnTo>
                      <a:pt x="57" y="59"/>
                    </a:lnTo>
                    <a:lnTo>
                      <a:pt x="62" y="64"/>
                    </a:lnTo>
                    <a:lnTo>
                      <a:pt x="67" y="68"/>
                    </a:lnTo>
                    <a:lnTo>
                      <a:pt x="74" y="71"/>
                    </a:lnTo>
                    <a:lnTo>
                      <a:pt x="79" y="74"/>
                    </a:lnTo>
                    <a:lnTo>
                      <a:pt x="86" y="76"/>
                    </a:lnTo>
                    <a:lnTo>
                      <a:pt x="91" y="78"/>
                    </a:lnTo>
                    <a:lnTo>
                      <a:pt x="94" y="78"/>
                    </a:lnTo>
                    <a:lnTo>
                      <a:pt x="96" y="80"/>
                    </a:lnTo>
                    <a:lnTo>
                      <a:pt x="98" y="80"/>
                    </a:lnTo>
                    <a:lnTo>
                      <a:pt x="101" y="80"/>
                    </a:lnTo>
                    <a:lnTo>
                      <a:pt x="103" y="81"/>
                    </a:lnTo>
                    <a:lnTo>
                      <a:pt x="105" y="81"/>
                    </a:lnTo>
                    <a:lnTo>
                      <a:pt x="115" y="86"/>
                    </a:lnTo>
                    <a:lnTo>
                      <a:pt x="123" y="95"/>
                    </a:lnTo>
                    <a:lnTo>
                      <a:pt x="142" y="95"/>
                    </a:lnTo>
                    <a:lnTo>
                      <a:pt x="143" y="105"/>
                    </a:lnTo>
                    <a:lnTo>
                      <a:pt x="154" y="105"/>
                    </a:lnTo>
                    <a:lnTo>
                      <a:pt x="154" y="117"/>
                    </a:lnTo>
                    <a:lnTo>
                      <a:pt x="160" y="117"/>
                    </a:lnTo>
                    <a:lnTo>
                      <a:pt x="159" y="105"/>
                    </a:lnTo>
                    <a:lnTo>
                      <a:pt x="162" y="103"/>
                    </a:lnTo>
                    <a:lnTo>
                      <a:pt x="172" y="103"/>
                    </a:lnTo>
                    <a:lnTo>
                      <a:pt x="167" y="113"/>
                    </a:lnTo>
                    <a:lnTo>
                      <a:pt x="169" y="115"/>
                    </a:lnTo>
                    <a:lnTo>
                      <a:pt x="169" y="117"/>
                    </a:lnTo>
                    <a:lnTo>
                      <a:pt x="171" y="118"/>
                    </a:lnTo>
                    <a:lnTo>
                      <a:pt x="172" y="122"/>
                    </a:lnTo>
                    <a:lnTo>
                      <a:pt x="174" y="125"/>
                    </a:lnTo>
                    <a:lnTo>
                      <a:pt x="174" y="130"/>
                    </a:lnTo>
                    <a:lnTo>
                      <a:pt x="172" y="134"/>
                    </a:lnTo>
                    <a:lnTo>
                      <a:pt x="171" y="135"/>
                    </a:lnTo>
                    <a:lnTo>
                      <a:pt x="169" y="137"/>
                    </a:lnTo>
                    <a:lnTo>
                      <a:pt x="167" y="139"/>
                    </a:lnTo>
                    <a:lnTo>
                      <a:pt x="164" y="142"/>
                    </a:lnTo>
                    <a:lnTo>
                      <a:pt x="160" y="146"/>
                    </a:lnTo>
                    <a:lnTo>
                      <a:pt x="159" y="149"/>
                    </a:lnTo>
                    <a:lnTo>
                      <a:pt x="155" y="152"/>
                    </a:lnTo>
                    <a:lnTo>
                      <a:pt x="154" y="154"/>
                    </a:lnTo>
                    <a:lnTo>
                      <a:pt x="154" y="156"/>
                    </a:lnTo>
                    <a:lnTo>
                      <a:pt x="149" y="151"/>
                    </a:lnTo>
                    <a:lnTo>
                      <a:pt x="159" y="142"/>
                    </a:lnTo>
                    <a:lnTo>
                      <a:pt x="157" y="137"/>
                    </a:lnTo>
                    <a:lnTo>
                      <a:pt x="130" y="169"/>
                    </a:lnTo>
                    <a:lnTo>
                      <a:pt x="113" y="179"/>
                    </a:lnTo>
                    <a:lnTo>
                      <a:pt x="113" y="191"/>
                    </a:lnTo>
                    <a:lnTo>
                      <a:pt x="121" y="193"/>
                    </a:lnTo>
                    <a:lnTo>
                      <a:pt x="123" y="191"/>
                    </a:lnTo>
                    <a:lnTo>
                      <a:pt x="125" y="190"/>
                    </a:lnTo>
                    <a:lnTo>
                      <a:pt x="127" y="186"/>
                    </a:lnTo>
                    <a:lnTo>
                      <a:pt x="127" y="188"/>
                    </a:lnTo>
                    <a:lnTo>
                      <a:pt x="123" y="186"/>
                    </a:lnTo>
                    <a:lnTo>
                      <a:pt x="121" y="183"/>
                    </a:lnTo>
                    <a:lnTo>
                      <a:pt x="120" y="183"/>
                    </a:lnTo>
                    <a:lnTo>
                      <a:pt x="145" y="162"/>
                    </a:lnTo>
                    <a:lnTo>
                      <a:pt x="152" y="162"/>
                    </a:lnTo>
                    <a:lnTo>
                      <a:pt x="179" y="135"/>
                    </a:lnTo>
                    <a:lnTo>
                      <a:pt x="182" y="144"/>
                    </a:lnTo>
                    <a:lnTo>
                      <a:pt x="181" y="154"/>
                    </a:lnTo>
                    <a:lnTo>
                      <a:pt x="172" y="161"/>
                    </a:lnTo>
                    <a:lnTo>
                      <a:pt x="169" y="159"/>
                    </a:lnTo>
                    <a:lnTo>
                      <a:pt x="165" y="168"/>
                    </a:lnTo>
                    <a:lnTo>
                      <a:pt x="162" y="178"/>
                    </a:lnTo>
                    <a:lnTo>
                      <a:pt x="165" y="179"/>
                    </a:lnTo>
                    <a:lnTo>
                      <a:pt x="157" y="210"/>
                    </a:lnTo>
                    <a:lnTo>
                      <a:pt x="155" y="210"/>
                    </a:lnTo>
                    <a:lnTo>
                      <a:pt x="154" y="212"/>
                    </a:lnTo>
                    <a:lnTo>
                      <a:pt x="150" y="215"/>
                    </a:lnTo>
                    <a:lnTo>
                      <a:pt x="149" y="217"/>
                    </a:lnTo>
                    <a:lnTo>
                      <a:pt x="147" y="217"/>
                    </a:lnTo>
                    <a:lnTo>
                      <a:pt x="147" y="215"/>
                    </a:lnTo>
                    <a:lnTo>
                      <a:pt x="149" y="212"/>
                    </a:lnTo>
                    <a:lnTo>
                      <a:pt x="149" y="210"/>
                    </a:lnTo>
                    <a:lnTo>
                      <a:pt x="149" y="208"/>
                    </a:lnTo>
                    <a:lnTo>
                      <a:pt x="149" y="206"/>
                    </a:lnTo>
                    <a:lnTo>
                      <a:pt x="149" y="205"/>
                    </a:lnTo>
                    <a:lnTo>
                      <a:pt x="157" y="195"/>
                    </a:lnTo>
                    <a:lnTo>
                      <a:pt x="143" y="206"/>
                    </a:lnTo>
                    <a:lnTo>
                      <a:pt x="138" y="215"/>
                    </a:lnTo>
                    <a:lnTo>
                      <a:pt x="137" y="212"/>
                    </a:lnTo>
                    <a:lnTo>
                      <a:pt x="137" y="210"/>
                    </a:lnTo>
                    <a:lnTo>
                      <a:pt x="138" y="208"/>
                    </a:lnTo>
                    <a:lnTo>
                      <a:pt x="138" y="205"/>
                    </a:lnTo>
                    <a:lnTo>
                      <a:pt x="140" y="201"/>
                    </a:lnTo>
                    <a:lnTo>
                      <a:pt x="142" y="200"/>
                    </a:lnTo>
                    <a:lnTo>
                      <a:pt x="142" y="196"/>
                    </a:lnTo>
                    <a:lnTo>
                      <a:pt x="140" y="195"/>
                    </a:lnTo>
                    <a:lnTo>
                      <a:pt x="138" y="193"/>
                    </a:lnTo>
                    <a:lnTo>
                      <a:pt x="135" y="195"/>
                    </a:lnTo>
                    <a:lnTo>
                      <a:pt x="130" y="196"/>
                    </a:lnTo>
                    <a:lnTo>
                      <a:pt x="125" y="201"/>
                    </a:lnTo>
                    <a:lnTo>
                      <a:pt x="120" y="205"/>
                    </a:lnTo>
                    <a:lnTo>
                      <a:pt x="115" y="210"/>
                    </a:lnTo>
                    <a:lnTo>
                      <a:pt x="111" y="215"/>
                    </a:lnTo>
                    <a:lnTo>
                      <a:pt x="111" y="217"/>
                    </a:lnTo>
                    <a:lnTo>
                      <a:pt x="113" y="218"/>
                    </a:lnTo>
                    <a:lnTo>
                      <a:pt x="120" y="220"/>
                    </a:lnTo>
                    <a:lnTo>
                      <a:pt x="123" y="220"/>
                    </a:lnTo>
                    <a:lnTo>
                      <a:pt x="127" y="222"/>
                    </a:lnTo>
                    <a:lnTo>
                      <a:pt x="130" y="222"/>
                    </a:lnTo>
                    <a:lnTo>
                      <a:pt x="132" y="222"/>
                    </a:lnTo>
                    <a:lnTo>
                      <a:pt x="132" y="225"/>
                    </a:lnTo>
                    <a:lnTo>
                      <a:pt x="133" y="227"/>
                    </a:lnTo>
                    <a:lnTo>
                      <a:pt x="138" y="230"/>
                    </a:lnTo>
                    <a:lnTo>
                      <a:pt x="140" y="230"/>
                    </a:lnTo>
                    <a:lnTo>
                      <a:pt x="143" y="228"/>
                    </a:lnTo>
                    <a:lnTo>
                      <a:pt x="149" y="225"/>
                    </a:lnTo>
                    <a:lnTo>
                      <a:pt x="152" y="223"/>
                    </a:lnTo>
                    <a:lnTo>
                      <a:pt x="155" y="220"/>
                    </a:lnTo>
                    <a:lnTo>
                      <a:pt x="159" y="217"/>
                    </a:lnTo>
                    <a:lnTo>
                      <a:pt x="162" y="215"/>
                    </a:lnTo>
                    <a:lnTo>
                      <a:pt x="162" y="213"/>
                    </a:lnTo>
                    <a:lnTo>
                      <a:pt x="167" y="215"/>
                    </a:lnTo>
                    <a:lnTo>
                      <a:pt x="176" y="208"/>
                    </a:lnTo>
                    <a:lnTo>
                      <a:pt x="181" y="206"/>
                    </a:lnTo>
                    <a:lnTo>
                      <a:pt x="179" y="183"/>
                    </a:lnTo>
                    <a:lnTo>
                      <a:pt x="186" y="178"/>
                    </a:lnTo>
                    <a:lnTo>
                      <a:pt x="181" y="171"/>
                    </a:lnTo>
                    <a:lnTo>
                      <a:pt x="191" y="151"/>
                    </a:lnTo>
                    <a:lnTo>
                      <a:pt x="211" y="127"/>
                    </a:lnTo>
                    <a:lnTo>
                      <a:pt x="203" y="103"/>
                    </a:lnTo>
                    <a:lnTo>
                      <a:pt x="198" y="103"/>
                    </a:lnTo>
                    <a:lnTo>
                      <a:pt x="196" y="112"/>
                    </a:lnTo>
                    <a:lnTo>
                      <a:pt x="201" y="117"/>
                    </a:lnTo>
                    <a:lnTo>
                      <a:pt x="199" y="122"/>
                    </a:lnTo>
                    <a:lnTo>
                      <a:pt x="189" y="110"/>
                    </a:lnTo>
                    <a:lnTo>
                      <a:pt x="191" y="102"/>
                    </a:lnTo>
                    <a:lnTo>
                      <a:pt x="196" y="96"/>
                    </a:lnTo>
                    <a:lnTo>
                      <a:pt x="206" y="96"/>
                    </a:lnTo>
                    <a:lnTo>
                      <a:pt x="199" y="83"/>
                    </a:lnTo>
                    <a:lnTo>
                      <a:pt x="194" y="73"/>
                    </a:lnTo>
                    <a:lnTo>
                      <a:pt x="189" y="68"/>
                    </a:lnTo>
                    <a:lnTo>
                      <a:pt x="193" y="63"/>
                    </a:lnTo>
                    <a:lnTo>
                      <a:pt x="196" y="54"/>
                    </a:lnTo>
                    <a:lnTo>
                      <a:pt x="199" y="59"/>
                    </a:lnTo>
                    <a:lnTo>
                      <a:pt x="199" y="71"/>
                    </a:lnTo>
                    <a:lnTo>
                      <a:pt x="206" y="66"/>
                    </a:lnTo>
                    <a:lnTo>
                      <a:pt x="204" y="64"/>
                    </a:lnTo>
                    <a:lnTo>
                      <a:pt x="215" y="56"/>
                    </a:lnTo>
                    <a:lnTo>
                      <a:pt x="208" y="47"/>
                    </a:lnTo>
                    <a:lnTo>
                      <a:pt x="211" y="39"/>
                    </a:lnTo>
                    <a:lnTo>
                      <a:pt x="206" y="32"/>
                    </a:lnTo>
                    <a:lnTo>
                      <a:pt x="198" y="32"/>
                    </a:lnTo>
                    <a:lnTo>
                      <a:pt x="198" y="0"/>
                    </a:lnTo>
                    <a:lnTo>
                      <a:pt x="199" y="0"/>
                    </a:lnTo>
                    <a:lnTo>
                      <a:pt x="203" y="2"/>
                    </a:lnTo>
                    <a:lnTo>
                      <a:pt x="208" y="3"/>
                    </a:lnTo>
                    <a:lnTo>
                      <a:pt x="213" y="5"/>
                    </a:lnTo>
                    <a:lnTo>
                      <a:pt x="220" y="7"/>
                    </a:lnTo>
                    <a:lnTo>
                      <a:pt x="226" y="8"/>
                    </a:lnTo>
                    <a:lnTo>
                      <a:pt x="235" y="12"/>
                    </a:lnTo>
                    <a:lnTo>
                      <a:pt x="245" y="15"/>
                    </a:lnTo>
                    <a:lnTo>
                      <a:pt x="255" y="17"/>
                    </a:lnTo>
                    <a:lnTo>
                      <a:pt x="267" y="22"/>
                    </a:lnTo>
                    <a:lnTo>
                      <a:pt x="281" y="25"/>
                    </a:lnTo>
                    <a:lnTo>
                      <a:pt x="294" y="29"/>
                    </a:lnTo>
                    <a:lnTo>
                      <a:pt x="308" y="32"/>
                    </a:lnTo>
                    <a:lnTo>
                      <a:pt x="323" y="37"/>
                    </a:lnTo>
                    <a:lnTo>
                      <a:pt x="338" y="41"/>
                    </a:lnTo>
                    <a:lnTo>
                      <a:pt x="355" y="46"/>
                    </a:lnTo>
                    <a:lnTo>
                      <a:pt x="372" y="51"/>
                    </a:lnTo>
                    <a:lnTo>
                      <a:pt x="389" y="54"/>
                    </a:lnTo>
                    <a:lnTo>
                      <a:pt x="407" y="59"/>
                    </a:lnTo>
                    <a:lnTo>
                      <a:pt x="426" y="64"/>
                    </a:lnTo>
                    <a:lnTo>
                      <a:pt x="445" y="69"/>
                    </a:lnTo>
                    <a:lnTo>
                      <a:pt x="465" y="74"/>
                    </a:lnTo>
                    <a:lnTo>
                      <a:pt x="485" y="80"/>
                    </a:lnTo>
                    <a:lnTo>
                      <a:pt x="506" y="85"/>
                    </a:lnTo>
                    <a:lnTo>
                      <a:pt x="526" y="90"/>
                    </a:lnTo>
                    <a:lnTo>
                      <a:pt x="548" y="95"/>
                    </a:lnTo>
                    <a:lnTo>
                      <a:pt x="568" y="100"/>
                    </a:lnTo>
                    <a:lnTo>
                      <a:pt x="590" y="105"/>
                    </a:lnTo>
                    <a:lnTo>
                      <a:pt x="612" y="108"/>
                    </a:lnTo>
                    <a:lnTo>
                      <a:pt x="634" y="113"/>
                    </a:lnTo>
                    <a:lnTo>
                      <a:pt x="656" y="118"/>
                    </a:lnTo>
                    <a:lnTo>
                      <a:pt x="656" y="122"/>
                    </a:lnTo>
                    <a:lnTo>
                      <a:pt x="656" y="125"/>
                    </a:lnTo>
                    <a:lnTo>
                      <a:pt x="655" y="130"/>
                    </a:lnTo>
                    <a:lnTo>
                      <a:pt x="653" y="137"/>
                    </a:lnTo>
                    <a:lnTo>
                      <a:pt x="651" y="146"/>
                    </a:lnTo>
                    <a:lnTo>
                      <a:pt x="649" y="156"/>
                    </a:lnTo>
                    <a:lnTo>
                      <a:pt x="646" y="166"/>
                    </a:lnTo>
                    <a:lnTo>
                      <a:pt x="644" y="176"/>
                    </a:lnTo>
                    <a:lnTo>
                      <a:pt x="641" y="188"/>
                    </a:lnTo>
                    <a:lnTo>
                      <a:pt x="639" y="200"/>
                    </a:lnTo>
                    <a:lnTo>
                      <a:pt x="636" y="213"/>
                    </a:lnTo>
                    <a:lnTo>
                      <a:pt x="633" y="227"/>
                    </a:lnTo>
                    <a:lnTo>
                      <a:pt x="629" y="240"/>
                    </a:lnTo>
                    <a:lnTo>
                      <a:pt x="627" y="256"/>
                    </a:lnTo>
                    <a:lnTo>
                      <a:pt x="624" y="269"/>
                    </a:lnTo>
                    <a:lnTo>
                      <a:pt x="621" y="284"/>
                    </a:lnTo>
                    <a:lnTo>
                      <a:pt x="617" y="298"/>
                    </a:lnTo>
                    <a:lnTo>
                      <a:pt x="614" y="311"/>
                    </a:lnTo>
                    <a:lnTo>
                      <a:pt x="612" y="325"/>
                    </a:lnTo>
                    <a:lnTo>
                      <a:pt x="609" y="338"/>
                    </a:lnTo>
                    <a:lnTo>
                      <a:pt x="605" y="350"/>
                    </a:lnTo>
                    <a:lnTo>
                      <a:pt x="604" y="362"/>
                    </a:lnTo>
                    <a:lnTo>
                      <a:pt x="600" y="374"/>
                    </a:lnTo>
                    <a:lnTo>
                      <a:pt x="599" y="384"/>
                    </a:lnTo>
                    <a:lnTo>
                      <a:pt x="597" y="393"/>
                    </a:lnTo>
                    <a:lnTo>
                      <a:pt x="595" y="401"/>
                    </a:lnTo>
                    <a:lnTo>
                      <a:pt x="594" y="408"/>
                    </a:lnTo>
                    <a:lnTo>
                      <a:pt x="592" y="415"/>
                    </a:lnTo>
                    <a:lnTo>
                      <a:pt x="590" y="418"/>
                    </a:lnTo>
                    <a:lnTo>
                      <a:pt x="590" y="420"/>
                    </a:lnTo>
                    <a:lnTo>
                      <a:pt x="590" y="421"/>
                    </a:lnTo>
                    <a:lnTo>
                      <a:pt x="585" y="438"/>
                    </a:lnTo>
                    <a:lnTo>
                      <a:pt x="590" y="450"/>
                    </a:lnTo>
                    <a:lnTo>
                      <a:pt x="590" y="462"/>
                    </a:lnTo>
                    <a:lnTo>
                      <a:pt x="587" y="476"/>
                    </a:lnTo>
                    <a:lnTo>
                      <a:pt x="589" y="487"/>
                    </a:lnTo>
                    <a:lnTo>
                      <a:pt x="421" y="445"/>
                    </a:lnTo>
                    <a:lnTo>
                      <a:pt x="419" y="445"/>
                    </a:lnTo>
                    <a:lnTo>
                      <a:pt x="418" y="445"/>
                    </a:lnTo>
                    <a:lnTo>
                      <a:pt x="414" y="445"/>
                    </a:lnTo>
                    <a:lnTo>
                      <a:pt x="411" y="445"/>
                    </a:lnTo>
                    <a:lnTo>
                      <a:pt x="407" y="447"/>
                    </a:lnTo>
                    <a:lnTo>
                      <a:pt x="402" y="447"/>
                    </a:lnTo>
                    <a:lnTo>
                      <a:pt x="399" y="447"/>
                    </a:lnTo>
                    <a:lnTo>
                      <a:pt x="394" y="447"/>
                    </a:lnTo>
                    <a:lnTo>
                      <a:pt x="389" y="447"/>
                    </a:lnTo>
                    <a:lnTo>
                      <a:pt x="384" y="447"/>
                    </a:lnTo>
                    <a:lnTo>
                      <a:pt x="379" y="445"/>
                    </a:lnTo>
                    <a:lnTo>
                      <a:pt x="374" y="445"/>
                    </a:lnTo>
                    <a:lnTo>
                      <a:pt x="369" y="443"/>
                    </a:lnTo>
                    <a:lnTo>
                      <a:pt x="363" y="442"/>
                    </a:lnTo>
                    <a:lnTo>
                      <a:pt x="358" y="440"/>
                    </a:lnTo>
                    <a:lnTo>
                      <a:pt x="357" y="440"/>
                    </a:lnTo>
                    <a:lnTo>
                      <a:pt x="355" y="440"/>
                    </a:lnTo>
                    <a:lnTo>
                      <a:pt x="353" y="440"/>
                    </a:lnTo>
                    <a:lnTo>
                      <a:pt x="352" y="442"/>
                    </a:lnTo>
                    <a:lnTo>
                      <a:pt x="348" y="443"/>
                    </a:lnTo>
                    <a:lnTo>
                      <a:pt x="347" y="445"/>
                    </a:lnTo>
                    <a:lnTo>
                      <a:pt x="345" y="445"/>
                    </a:lnTo>
                    <a:lnTo>
                      <a:pt x="323" y="445"/>
                    </a:lnTo>
                    <a:lnTo>
                      <a:pt x="321" y="445"/>
                    </a:lnTo>
                    <a:lnTo>
                      <a:pt x="316" y="445"/>
                    </a:lnTo>
                    <a:lnTo>
                      <a:pt x="308" y="447"/>
                    </a:lnTo>
                    <a:lnTo>
                      <a:pt x="297" y="448"/>
                    </a:lnTo>
                    <a:lnTo>
                      <a:pt x="289" y="448"/>
                    </a:lnTo>
                    <a:lnTo>
                      <a:pt x="279" y="448"/>
                    </a:lnTo>
                    <a:lnTo>
                      <a:pt x="272" y="445"/>
                    </a:lnTo>
                    <a:lnTo>
                      <a:pt x="265" y="442"/>
                    </a:lnTo>
                    <a:lnTo>
                      <a:pt x="262" y="442"/>
                    </a:lnTo>
                    <a:lnTo>
                      <a:pt x="259" y="442"/>
                    </a:lnTo>
                    <a:lnTo>
                      <a:pt x="253" y="442"/>
                    </a:lnTo>
                    <a:lnTo>
                      <a:pt x="248" y="442"/>
                    </a:lnTo>
                    <a:lnTo>
                      <a:pt x="245" y="443"/>
                    </a:lnTo>
                    <a:lnTo>
                      <a:pt x="242" y="443"/>
                    </a:lnTo>
                    <a:lnTo>
                      <a:pt x="233" y="442"/>
                    </a:lnTo>
                    <a:lnTo>
                      <a:pt x="220" y="445"/>
                    </a:lnTo>
                    <a:lnTo>
                      <a:pt x="220" y="443"/>
                    </a:lnTo>
                    <a:lnTo>
                      <a:pt x="215" y="440"/>
                    </a:lnTo>
                    <a:lnTo>
                      <a:pt x="209" y="435"/>
                    </a:lnTo>
                    <a:lnTo>
                      <a:pt x="201" y="430"/>
                    </a:lnTo>
                    <a:lnTo>
                      <a:pt x="194" y="425"/>
                    </a:lnTo>
                    <a:lnTo>
                      <a:pt x="186" y="421"/>
                    </a:lnTo>
                    <a:lnTo>
                      <a:pt x="177" y="418"/>
                    </a:lnTo>
                    <a:lnTo>
                      <a:pt x="171" y="418"/>
                    </a:lnTo>
                    <a:lnTo>
                      <a:pt x="169" y="418"/>
                    </a:lnTo>
                    <a:lnTo>
                      <a:pt x="167" y="418"/>
                    </a:lnTo>
                    <a:lnTo>
                      <a:pt x="164" y="420"/>
                    </a:lnTo>
                    <a:lnTo>
                      <a:pt x="160" y="420"/>
                    </a:lnTo>
                    <a:lnTo>
                      <a:pt x="157" y="421"/>
                    </a:lnTo>
                    <a:lnTo>
                      <a:pt x="152" y="421"/>
                    </a:lnTo>
                    <a:lnTo>
                      <a:pt x="145" y="423"/>
                    </a:lnTo>
                    <a:lnTo>
                      <a:pt x="140" y="423"/>
                    </a:lnTo>
                    <a:lnTo>
                      <a:pt x="135" y="423"/>
                    </a:lnTo>
                    <a:lnTo>
                      <a:pt x="128" y="423"/>
                    </a:lnTo>
                    <a:lnTo>
                      <a:pt x="123" y="423"/>
                    </a:lnTo>
                    <a:lnTo>
                      <a:pt x="118" y="423"/>
                    </a:lnTo>
                    <a:lnTo>
                      <a:pt x="113" y="421"/>
                    </a:lnTo>
                    <a:lnTo>
                      <a:pt x="108" y="420"/>
                    </a:lnTo>
                    <a:lnTo>
                      <a:pt x="105" y="418"/>
                    </a:lnTo>
                    <a:lnTo>
                      <a:pt x="103" y="415"/>
                    </a:lnTo>
                    <a:lnTo>
                      <a:pt x="101" y="413"/>
                    </a:lnTo>
                    <a:lnTo>
                      <a:pt x="99" y="413"/>
                    </a:lnTo>
                    <a:lnTo>
                      <a:pt x="98" y="411"/>
                    </a:lnTo>
                    <a:lnTo>
                      <a:pt x="94" y="408"/>
                    </a:lnTo>
                    <a:lnTo>
                      <a:pt x="93" y="406"/>
                    </a:lnTo>
                    <a:lnTo>
                      <a:pt x="91" y="404"/>
                    </a:lnTo>
                    <a:lnTo>
                      <a:pt x="89" y="404"/>
                    </a:lnTo>
                    <a:lnTo>
                      <a:pt x="84" y="393"/>
                    </a:lnTo>
                    <a:lnTo>
                      <a:pt x="84" y="391"/>
                    </a:lnTo>
                    <a:lnTo>
                      <a:pt x="86" y="388"/>
                    </a:lnTo>
                    <a:lnTo>
                      <a:pt x="86" y="384"/>
                    </a:lnTo>
                    <a:lnTo>
                      <a:pt x="88" y="379"/>
                    </a:lnTo>
                    <a:lnTo>
                      <a:pt x="88" y="374"/>
                    </a:lnTo>
                    <a:lnTo>
                      <a:pt x="88" y="369"/>
                    </a:lnTo>
                    <a:lnTo>
                      <a:pt x="88" y="364"/>
                    </a:lnTo>
                    <a:lnTo>
                      <a:pt x="88" y="357"/>
                    </a:lnTo>
                    <a:lnTo>
                      <a:pt x="86" y="352"/>
                    </a:lnTo>
                    <a:lnTo>
                      <a:pt x="86" y="347"/>
                    </a:lnTo>
                    <a:lnTo>
                      <a:pt x="83" y="342"/>
                    </a:lnTo>
                    <a:lnTo>
                      <a:pt x="79" y="337"/>
                    </a:lnTo>
                    <a:lnTo>
                      <a:pt x="76" y="333"/>
                    </a:lnTo>
                    <a:lnTo>
                      <a:pt x="71" y="330"/>
                    </a:lnTo>
                    <a:lnTo>
                      <a:pt x="64" y="328"/>
                    </a:lnTo>
                    <a:lnTo>
                      <a:pt x="62" y="328"/>
                    </a:lnTo>
                    <a:lnTo>
                      <a:pt x="61" y="328"/>
                    </a:lnTo>
                    <a:lnTo>
                      <a:pt x="57" y="327"/>
                    </a:lnTo>
                    <a:lnTo>
                      <a:pt x="55" y="327"/>
                    </a:lnTo>
                    <a:lnTo>
                      <a:pt x="54" y="327"/>
                    </a:lnTo>
                    <a:lnTo>
                      <a:pt x="52" y="327"/>
                    </a:lnTo>
                    <a:lnTo>
                      <a:pt x="52" y="325"/>
                    </a:lnTo>
                    <a:lnTo>
                      <a:pt x="54" y="323"/>
                    </a:lnTo>
                    <a:lnTo>
                      <a:pt x="54" y="322"/>
                    </a:lnTo>
                    <a:lnTo>
                      <a:pt x="52" y="318"/>
                    </a:lnTo>
                    <a:lnTo>
                      <a:pt x="52" y="315"/>
                    </a:lnTo>
                    <a:lnTo>
                      <a:pt x="49" y="311"/>
                    </a:lnTo>
                    <a:lnTo>
                      <a:pt x="45" y="310"/>
                    </a:lnTo>
                    <a:lnTo>
                      <a:pt x="40" y="308"/>
                    </a:lnTo>
                    <a:lnTo>
                      <a:pt x="39" y="306"/>
                    </a:lnTo>
                    <a:lnTo>
                      <a:pt x="37" y="305"/>
                    </a:lnTo>
                    <a:lnTo>
                      <a:pt x="33" y="303"/>
                    </a:lnTo>
                    <a:lnTo>
                      <a:pt x="32" y="301"/>
                    </a:lnTo>
                    <a:lnTo>
                      <a:pt x="23" y="303"/>
                    </a:lnTo>
                    <a:lnTo>
                      <a:pt x="22" y="300"/>
                    </a:lnTo>
                    <a:lnTo>
                      <a:pt x="18" y="303"/>
                    </a:lnTo>
                    <a:lnTo>
                      <a:pt x="11" y="300"/>
                    </a:lnTo>
                    <a:lnTo>
                      <a:pt x="6" y="291"/>
                    </a:lnTo>
                    <a:lnTo>
                      <a:pt x="6" y="293"/>
                    </a:lnTo>
                    <a:lnTo>
                      <a:pt x="3" y="293"/>
                    </a:lnTo>
                    <a:lnTo>
                      <a:pt x="0" y="294"/>
                    </a:lnTo>
                    <a:lnTo>
                      <a:pt x="0" y="293"/>
                    </a:lnTo>
                    <a:lnTo>
                      <a:pt x="0" y="291"/>
                    </a:lnTo>
                    <a:lnTo>
                      <a:pt x="0" y="289"/>
                    </a:lnTo>
                    <a:lnTo>
                      <a:pt x="1" y="288"/>
                    </a:lnTo>
                    <a:lnTo>
                      <a:pt x="1" y="284"/>
                    </a:lnTo>
                    <a:lnTo>
                      <a:pt x="3" y="281"/>
                    </a:lnTo>
                    <a:lnTo>
                      <a:pt x="3" y="278"/>
                    </a:lnTo>
                    <a:lnTo>
                      <a:pt x="5" y="271"/>
                    </a:lnTo>
                    <a:lnTo>
                      <a:pt x="6" y="266"/>
                    </a:lnTo>
                    <a:lnTo>
                      <a:pt x="8" y="261"/>
                    </a:lnTo>
                    <a:lnTo>
                      <a:pt x="10" y="256"/>
                    </a:lnTo>
                    <a:lnTo>
                      <a:pt x="11" y="252"/>
                    </a:lnTo>
                    <a:lnTo>
                      <a:pt x="15" y="252"/>
                    </a:lnTo>
                    <a:lnTo>
                      <a:pt x="15" y="256"/>
                    </a:lnTo>
                    <a:lnTo>
                      <a:pt x="15" y="257"/>
                    </a:lnTo>
                    <a:lnTo>
                      <a:pt x="13" y="261"/>
                    </a:lnTo>
                    <a:lnTo>
                      <a:pt x="13" y="264"/>
                    </a:lnTo>
                    <a:lnTo>
                      <a:pt x="11" y="267"/>
                    </a:lnTo>
                    <a:lnTo>
                      <a:pt x="11" y="271"/>
                    </a:lnTo>
                    <a:lnTo>
                      <a:pt x="11" y="276"/>
                    </a:lnTo>
                    <a:lnTo>
                      <a:pt x="10" y="279"/>
                    </a:lnTo>
                    <a:lnTo>
                      <a:pt x="8" y="281"/>
                    </a:lnTo>
                    <a:lnTo>
                      <a:pt x="8" y="284"/>
                    </a:lnTo>
                    <a:lnTo>
                      <a:pt x="10" y="284"/>
                    </a:lnTo>
                    <a:lnTo>
                      <a:pt x="13" y="284"/>
                    </a:lnTo>
                    <a:lnTo>
                      <a:pt x="15" y="283"/>
                    </a:lnTo>
                    <a:lnTo>
                      <a:pt x="17" y="283"/>
                    </a:lnTo>
                    <a:lnTo>
                      <a:pt x="17" y="278"/>
                    </a:lnTo>
                    <a:lnTo>
                      <a:pt x="22" y="271"/>
                    </a:lnTo>
                    <a:lnTo>
                      <a:pt x="25" y="266"/>
                    </a:lnTo>
                    <a:lnTo>
                      <a:pt x="25" y="254"/>
                    </a:lnTo>
                    <a:lnTo>
                      <a:pt x="27" y="250"/>
                    </a:lnTo>
                    <a:lnTo>
                      <a:pt x="33" y="249"/>
                    </a:lnTo>
                    <a:lnTo>
                      <a:pt x="30" y="240"/>
                    </a:lnTo>
                    <a:lnTo>
                      <a:pt x="25" y="244"/>
                    </a:lnTo>
                    <a:lnTo>
                      <a:pt x="15" y="244"/>
                    </a:lnTo>
                    <a:lnTo>
                      <a:pt x="17" y="218"/>
                    </a:lnTo>
                    <a:lnTo>
                      <a:pt x="18" y="218"/>
                    </a:lnTo>
                    <a:lnTo>
                      <a:pt x="20" y="223"/>
                    </a:lnTo>
                    <a:lnTo>
                      <a:pt x="27" y="220"/>
                    </a:lnTo>
                    <a:lnTo>
                      <a:pt x="42" y="222"/>
                    </a:lnTo>
                    <a:lnTo>
                      <a:pt x="42" y="217"/>
                    </a:lnTo>
                    <a:lnTo>
                      <a:pt x="30" y="212"/>
                    </a:lnTo>
                    <a:lnTo>
                      <a:pt x="30" y="205"/>
                    </a:lnTo>
                    <a:lnTo>
                      <a:pt x="22" y="203"/>
                    </a:lnTo>
                    <a:lnTo>
                      <a:pt x="18" y="213"/>
                    </a:lnTo>
                    <a:lnTo>
                      <a:pt x="17" y="212"/>
                    </a:lnTo>
                    <a:lnTo>
                      <a:pt x="17" y="200"/>
                    </a:lnTo>
                    <a:lnTo>
                      <a:pt x="18" y="198"/>
                    </a:lnTo>
                    <a:lnTo>
                      <a:pt x="18" y="195"/>
                    </a:lnTo>
                    <a:lnTo>
                      <a:pt x="20" y="190"/>
                    </a:lnTo>
                    <a:lnTo>
                      <a:pt x="20" y="184"/>
                    </a:lnTo>
                    <a:lnTo>
                      <a:pt x="22" y="179"/>
                    </a:lnTo>
                    <a:lnTo>
                      <a:pt x="22" y="173"/>
                    </a:lnTo>
                    <a:lnTo>
                      <a:pt x="22" y="168"/>
                    </a:lnTo>
                    <a:lnTo>
                      <a:pt x="20" y="164"/>
                    </a:lnTo>
                    <a:lnTo>
                      <a:pt x="20" y="161"/>
                    </a:lnTo>
                    <a:lnTo>
                      <a:pt x="20" y="154"/>
                    </a:lnTo>
                    <a:lnTo>
                      <a:pt x="20" y="146"/>
                    </a:lnTo>
                    <a:lnTo>
                      <a:pt x="20" y="135"/>
                    </a:lnTo>
                    <a:lnTo>
                      <a:pt x="22" y="125"/>
                    </a:lnTo>
                    <a:lnTo>
                      <a:pt x="22" y="115"/>
                    </a:lnTo>
                    <a:lnTo>
                      <a:pt x="22" y="108"/>
                    </a:lnTo>
                    <a:lnTo>
                      <a:pt x="22" y="107"/>
                    </a:lnTo>
                    <a:lnTo>
                      <a:pt x="22" y="105"/>
                    </a:lnTo>
                    <a:lnTo>
                      <a:pt x="20" y="102"/>
                    </a:lnTo>
                    <a:lnTo>
                      <a:pt x="17" y="96"/>
                    </a:lnTo>
                    <a:lnTo>
                      <a:pt x="13" y="91"/>
                    </a:lnTo>
                    <a:lnTo>
                      <a:pt x="11" y="83"/>
                    </a:lnTo>
                    <a:lnTo>
                      <a:pt x="10" y="74"/>
                    </a:lnTo>
                    <a:lnTo>
                      <a:pt x="11" y="64"/>
                    </a:lnTo>
                    <a:lnTo>
                      <a:pt x="15" y="54"/>
                    </a:lnTo>
                    <a:lnTo>
                      <a:pt x="15" y="52"/>
                    </a:lnTo>
                    <a:lnTo>
                      <a:pt x="17" y="51"/>
                    </a:lnTo>
                    <a:lnTo>
                      <a:pt x="18" y="47"/>
                    </a:lnTo>
                    <a:lnTo>
                      <a:pt x="20" y="46"/>
                    </a:lnTo>
                    <a:lnTo>
                      <a:pt x="20" y="42"/>
                    </a:lnTo>
                    <a:lnTo>
                      <a:pt x="22" y="42"/>
                    </a:lnTo>
                    <a:lnTo>
                      <a:pt x="22" y="41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61" name="Freeform 172"/>
              <p:cNvSpPr>
                <a:spLocks/>
              </p:cNvSpPr>
              <p:nvPr/>
            </p:nvSpPr>
            <p:spPr bwMode="auto">
              <a:xfrm>
                <a:off x="2993" y="1379"/>
                <a:ext cx="508" cy="539"/>
              </a:xfrm>
              <a:custGeom>
                <a:avLst/>
                <a:gdLst>
                  <a:gd name="T0" fmla="*/ 144 w 522"/>
                  <a:gd name="T1" fmla="*/ 355 h 555"/>
                  <a:gd name="T2" fmla="*/ 124 w 522"/>
                  <a:gd name="T3" fmla="*/ 351 h 555"/>
                  <a:gd name="T4" fmla="*/ 121 w 522"/>
                  <a:gd name="T5" fmla="*/ 340 h 555"/>
                  <a:gd name="T6" fmla="*/ 115 w 522"/>
                  <a:gd name="T7" fmla="*/ 323 h 555"/>
                  <a:gd name="T8" fmla="*/ 118 w 522"/>
                  <a:gd name="T9" fmla="*/ 302 h 555"/>
                  <a:gd name="T10" fmla="*/ 109 w 522"/>
                  <a:gd name="T11" fmla="*/ 286 h 555"/>
                  <a:gd name="T12" fmla="*/ 103 w 522"/>
                  <a:gd name="T13" fmla="*/ 256 h 555"/>
                  <a:gd name="T14" fmla="*/ 72 w 522"/>
                  <a:gd name="T15" fmla="*/ 232 h 555"/>
                  <a:gd name="T16" fmla="*/ 42 w 522"/>
                  <a:gd name="T17" fmla="*/ 202 h 555"/>
                  <a:gd name="T18" fmla="*/ 37 w 522"/>
                  <a:gd name="T19" fmla="*/ 201 h 555"/>
                  <a:gd name="T20" fmla="*/ 18 w 522"/>
                  <a:gd name="T21" fmla="*/ 195 h 555"/>
                  <a:gd name="T22" fmla="*/ 18 w 522"/>
                  <a:gd name="T23" fmla="*/ 174 h 555"/>
                  <a:gd name="T24" fmla="*/ 12 w 522"/>
                  <a:gd name="T25" fmla="*/ 159 h 555"/>
                  <a:gd name="T26" fmla="*/ 18 w 522"/>
                  <a:gd name="T27" fmla="*/ 132 h 555"/>
                  <a:gd name="T28" fmla="*/ 2 w 522"/>
                  <a:gd name="T29" fmla="*/ 106 h 555"/>
                  <a:gd name="T30" fmla="*/ 7 w 522"/>
                  <a:gd name="T31" fmla="*/ 102 h 555"/>
                  <a:gd name="T32" fmla="*/ 24 w 522"/>
                  <a:gd name="T33" fmla="*/ 81 h 555"/>
                  <a:gd name="T34" fmla="*/ 34 w 522"/>
                  <a:gd name="T35" fmla="*/ 30 h 555"/>
                  <a:gd name="T36" fmla="*/ 45 w 522"/>
                  <a:gd name="T37" fmla="*/ 17 h 555"/>
                  <a:gd name="T38" fmla="*/ 55 w 522"/>
                  <a:gd name="T39" fmla="*/ 23 h 555"/>
                  <a:gd name="T40" fmla="*/ 73 w 522"/>
                  <a:gd name="T41" fmla="*/ 17 h 555"/>
                  <a:gd name="T42" fmla="*/ 87 w 522"/>
                  <a:gd name="T43" fmla="*/ 17 h 555"/>
                  <a:gd name="T44" fmla="*/ 96 w 522"/>
                  <a:gd name="T45" fmla="*/ 13 h 555"/>
                  <a:gd name="T46" fmla="*/ 112 w 522"/>
                  <a:gd name="T47" fmla="*/ 7 h 555"/>
                  <a:gd name="T48" fmla="*/ 124 w 522"/>
                  <a:gd name="T49" fmla="*/ 7 h 555"/>
                  <a:gd name="T50" fmla="*/ 118 w 522"/>
                  <a:gd name="T51" fmla="*/ 25 h 555"/>
                  <a:gd name="T52" fmla="*/ 121 w 522"/>
                  <a:gd name="T53" fmla="*/ 28 h 555"/>
                  <a:gd name="T54" fmla="*/ 129 w 522"/>
                  <a:gd name="T55" fmla="*/ 20 h 555"/>
                  <a:gd name="T56" fmla="*/ 149 w 522"/>
                  <a:gd name="T57" fmla="*/ 32 h 555"/>
                  <a:gd name="T58" fmla="*/ 163 w 522"/>
                  <a:gd name="T59" fmla="*/ 46 h 555"/>
                  <a:gd name="T60" fmla="*/ 170 w 522"/>
                  <a:gd name="T61" fmla="*/ 50 h 555"/>
                  <a:gd name="T62" fmla="*/ 184 w 522"/>
                  <a:gd name="T63" fmla="*/ 51 h 555"/>
                  <a:gd name="T64" fmla="*/ 217 w 522"/>
                  <a:gd name="T65" fmla="*/ 59 h 555"/>
                  <a:gd name="T66" fmla="*/ 243 w 522"/>
                  <a:gd name="T67" fmla="*/ 69 h 555"/>
                  <a:gd name="T68" fmla="*/ 278 w 522"/>
                  <a:gd name="T69" fmla="*/ 74 h 555"/>
                  <a:gd name="T70" fmla="*/ 292 w 522"/>
                  <a:gd name="T71" fmla="*/ 84 h 555"/>
                  <a:gd name="T72" fmla="*/ 303 w 522"/>
                  <a:gd name="T73" fmla="*/ 108 h 555"/>
                  <a:gd name="T74" fmla="*/ 300 w 522"/>
                  <a:gd name="T75" fmla="*/ 121 h 555"/>
                  <a:gd name="T76" fmla="*/ 312 w 522"/>
                  <a:gd name="T77" fmla="*/ 131 h 555"/>
                  <a:gd name="T78" fmla="*/ 320 w 522"/>
                  <a:gd name="T79" fmla="*/ 142 h 555"/>
                  <a:gd name="T80" fmla="*/ 307 w 522"/>
                  <a:gd name="T81" fmla="*/ 163 h 555"/>
                  <a:gd name="T82" fmla="*/ 299 w 522"/>
                  <a:gd name="T83" fmla="*/ 182 h 555"/>
                  <a:gd name="T84" fmla="*/ 308 w 522"/>
                  <a:gd name="T85" fmla="*/ 184 h 555"/>
                  <a:gd name="T86" fmla="*/ 318 w 522"/>
                  <a:gd name="T87" fmla="*/ 168 h 555"/>
                  <a:gd name="T88" fmla="*/ 336 w 522"/>
                  <a:gd name="T89" fmla="*/ 155 h 555"/>
                  <a:gd name="T90" fmla="*/ 337 w 522"/>
                  <a:gd name="T91" fmla="*/ 139 h 555"/>
                  <a:gd name="T92" fmla="*/ 349 w 522"/>
                  <a:gd name="T93" fmla="*/ 124 h 555"/>
                  <a:gd name="T94" fmla="*/ 354 w 522"/>
                  <a:gd name="T95" fmla="*/ 128 h 555"/>
                  <a:gd name="T96" fmla="*/ 346 w 522"/>
                  <a:gd name="T97" fmla="*/ 148 h 555"/>
                  <a:gd name="T98" fmla="*/ 345 w 522"/>
                  <a:gd name="T99" fmla="*/ 159 h 555"/>
                  <a:gd name="T100" fmla="*/ 336 w 522"/>
                  <a:gd name="T101" fmla="*/ 174 h 555"/>
                  <a:gd name="T102" fmla="*/ 333 w 522"/>
                  <a:gd name="T103" fmla="*/ 207 h 555"/>
                  <a:gd name="T104" fmla="*/ 328 w 522"/>
                  <a:gd name="T105" fmla="*/ 219 h 555"/>
                  <a:gd name="T106" fmla="*/ 323 w 522"/>
                  <a:gd name="T107" fmla="*/ 236 h 555"/>
                  <a:gd name="T108" fmla="*/ 326 w 522"/>
                  <a:gd name="T109" fmla="*/ 260 h 555"/>
                  <a:gd name="T110" fmla="*/ 318 w 522"/>
                  <a:gd name="T111" fmla="*/ 276 h 555"/>
                  <a:gd name="T112" fmla="*/ 318 w 522"/>
                  <a:gd name="T113" fmla="*/ 306 h 555"/>
                  <a:gd name="T114" fmla="*/ 324 w 522"/>
                  <a:gd name="T115" fmla="*/ 325 h 555"/>
                  <a:gd name="T116" fmla="*/ 327 w 522"/>
                  <a:gd name="T117" fmla="*/ 335 h 555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522"/>
                  <a:gd name="T178" fmla="*/ 0 h 555"/>
                  <a:gd name="T179" fmla="*/ 522 w 522"/>
                  <a:gd name="T180" fmla="*/ 555 h 555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522" h="555">
                    <a:moveTo>
                      <a:pt x="220" y="555"/>
                    </a:moveTo>
                    <a:lnTo>
                      <a:pt x="219" y="550"/>
                    </a:lnTo>
                    <a:lnTo>
                      <a:pt x="217" y="545"/>
                    </a:lnTo>
                    <a:lnTo>
                      <a:pt x="215" y="541"/>
                    </a:lnTo>
                    <a:lnTo>
                      <a:pt x="212" y="538"/>
                    </a:lnTo>
                    <a:lnTo>
                      <a:pt x="210" y="536"/>
                    </a:lnTo>
                    <a:lnTo>
                      <a:pt x="207" y="536"/>
                    </a:lnTo>
                    <a:lnTo>
                      <a:pt x="205" y="535"/>
                    </a:lnTo>
                    <a:lnTo>
                      <a:pt x="181" y="528"/>
                    </a:lnTo>
                    <a:lnTo>
                      <a:pt x="181" y="526"/>
                    </a:lnTo>
                    <a:lnTo>
                      <a:pt x="181" y="525"/>
                    </a:lnTo>
                    <a:lnTo>
                      <a:pt x="181" y="521"/>
                    </a:lnTo>
                    <a:lnTo>
                      <a:pt x="181" y="519"/>
                    </a:lnTo>
                    <a:lnTo>
                      <a:pt x="180" y="514"/>
                    </a:lnTo>
                    <a:lnTo>
                      <a:pt x="176" y="511"/>
                    </a:lnTo>
                    <a:lnTo>
                      <a:pt x="175" y="506"/>
                    </a:lnTo>
                    <a:lnTo>
                      <a:pt x="171" y="503"/>
                    </a:lnTo>
                    <a:lnTo>
                      <a:pt x="170" y="499"/>
                    </a:lnTo>
                    <a:lnTo>
                      <a:pt x="168" y="494"/>
                    </a:lnTo>
                    <a:lnTo>
                      <a:pt x="168" y="491"/>
                    </a:lnTo>
                    <a:lnTo>
                      <a:pt x="166" y="486"/>
                    </a:lnTo>
                    <a:lnTo>
                      <a:pt x="168" y="482"/>
                    </a:lnTo>
                    <a:lnTo>
                      <a:pt x="170" y="477"/>
                    </a:lnTo>
                    <a:lnTo>
                      <a:pt x="173" y="469"/>
                    </a:lnTo>
                    <a:lnTo>
                      <a:pt x="175" y="464"/>
                    </a:lnTo>
                    <a:lnTo>
                      <a:pt x="175" y="459"/>
                    </a:lnTo>
                    <a:lnTo>
                      <a:pt x="173" y="455"/>
                    </a:lnTo>
                    <a:lnTo>
                      <a:pt x="171" y="453"/>
                    </a:lnTo>
                    <a:lnTo>
                      <a:pt x="170" y="453"/>
                    </a:lnTo>
                    <a:lnTo>
                      <a:pt x="170" y="452"/>
                    </a:lnTo>
                    <a:lnTo>
                      <a:pt x="168" y="452"/>
                    </a:lnTo>
                    <a:lnTo>
                      <a:pt x="159" y="431"/>
                    </a:lnTo>
                    <a:lnTo>
                      <a:pt x="159" y="430"/>
                    </a:lnTo>
                    <a:lnTo>
                      <a:pt x="161" y="428"/>
                    </a:lnTo>
                    <a:lnTo>
                      <a:pt x="161" y="421"/>
                    </a:lnTo>
                    <a:lnTo>
                      <a:pt x="158" y="413"/>
                    </a:lnTo>
                    <a:lnTo>
                      <a:pt x="156" y="403"/>
                    </a:lnTo>
                    <a:lnTo>
                      <a:pt x="153" y="394"/>
                    </a:lnTo>
                    <a:lnTo>
                      <a:pt x="151" y="386"/>
                    </a:lnTo>
                    <a:lnTo>
                      <a:pt x="148" y="379"/>
                    </a:lnTo>
                    <a:lnTo>
                      <a:pt x="146" y="377"/>
                    </a:lnTo>
                    <a:lnTo>
                      <a:pt x="132" y="372"/>
                    </a:lnTo>
                    <a:lnTo>
                      <a:pt x="120" y="365"/>
                    </a:lnTo>
                    <a:lnTo>
                      <a:pt x="112" y="357"/>
                    </a:lnTo>
                    <a:lnTo>
                      <a:pt x="104" y="349"/>
                    </a:lnTo>
                    <a:lnTo>
                      <a:pt x="98" y="340"/>
                    </a:lnTo>
                    <a:lnTo>
                      <a:pt x="93" y="332"/>
                    </a:lnTo>
                    <a:lnTo>
                      <a:pt x="90" y="328"/>
                    </a:lnTo>
                    <a:lnTo>
                      <a:pt x="90" y="325"/>
                    </a:lnTo>
                    <a:lnTo>
                      <a:pt x="60" y="313"/>
                    </a:lnTo>
                    <a:lnTo>
                      <a:pt x="58" y="305"/>
                    </a:lnTo>
                    <a:lnTo>
                      <a:pt x="56" y="305"/>
                    </a:lnTo>
                    <a:lnTo>
                      <a:pt x="56" y="303"/>
                    </a:lnTo>
                    <a:lnTo>
                      <a:pt x="54" y="303"/>
                    </a:lnTo>
                    <a:lnTo>
                      <a:pt x="51" y="303"/>
                    </a:lnTo>
                    <a:lnTo>
                      <a:pt x="49" y="303"/>
                    </a:lnTo>
                    <a:lnTo>
                      <a:pt x="46" y="305"/>
                    </a:lnTo>
                    <a:lnTo>
                      <a:pt x="43" y="303"/>
                    </a:lnTo>
                    <a:lnTo>
                      <a:pt x="38" y="301"/>
                    </a:lnTo>
                    <a:lnTo>
                      <a:pt x="31" y="299"/>
                    </a:lnTo>
                    <a:lnTo>
                      <a:pt x="26" y="294"/>
                    </a:lnTo>
                    <a:lnTo>
                      <a:pt x="21" y="289"/>
                    </a:lnTo>
                    <a:lnTo>
                      <a:pt x="17" y="286"/>
                    </a:lnTo>
                    <a:lnTo>
                      <a:pt x="16" y="281"/>
                    </a:lnTo>
                    <a:lnTo>
                      <a:pt x="16" y="276"/>
                    </a:lnTo>
                    <a:lnTo>
                      <a:pt x="19" y="267"/>
                    </a:lnTo>
                    <a:lnTo>
                      <a:pt x="21" y="262"/>
                    </a:lnTo>
                    <a:lnTo>
                      <a:pt x="21" y="257"/>
                    </a:lnTo>
                    <a:lnTo>
                      <a:pt x="21" y="254"/>
                    </a:lnTo>
                    <a:lnTo>
                      <a:pt x="19" y="250"/>
                    </a:lnTo>
                    <a:lnTo>
                      <a:pt x="17" y="247"/>
                    </a:lnTo>
                    <a:lnTo>
                      <a:pt x="16" y="244"/>
                    </a:lnTo>
                    <a:lnTo>
                      <a:pt x="12" y="240"/>
                    </a:lnTo>
                    <a:lnTo>
                      <a:pt x="12" y="235"/>
                    </a:lnTo>
                    <a:lnTo>
                      <a:pt x="12" y="227"/>
                    </a:lnTo>
                    <a:lnTo>
                      <a:pt x="12" y="220"/>
                    </a:lnTo>
                    <a:lnTo>
                      <a:pt x="16" y="211"/>
                    </a:lnTo>
                    <a:lnTo>
                      <a:pt x="17" y="205"/>
                    </a:lnTo>
                    <a:lnTo>
                      <a:pt x="21" y="198"/>
                    </a:lnTo>
                    <a:lnTo>
                      <a:pt x="21" y="193"/>
                    </a:lnTo>
                    <a:lnTo>
                      <a:pt x="22" y="193"/>
                    </a:lnTo>
                    <a:lnTo>
                      <a:pt x="14" y="179"/>
                    </a:lnTo>
                    <a:lnTo>
                      <a:pt x="0" y="179"/>
                    </a:lnTo>
                    <a:lnTo>
                      <a:pt x="0" y="159"/>
                    </a:lnTo>
                    <a:lnTo>
                      <a:pt x="2" y="159"/>
                    </a:lnTo>
                    <a:lnTo>
                      <a:pt x="4" y="157"/>
                    </a:lnTo>
                    <a:lnTo>
                      <a:pt x="5" y="157"/>
                    </a:lnTo>
                    <a:lnTo>
                      <a:pt x="7" y="154"/>
                    </a:lnTo>
                    <a:lnTo>
                      <a:pt x="7" y="152"/>
                    </a:lnTo>
                    <a:lnTo>
                      <a:pt x="9" y="149"/>
                    </a:lnTo>
                    <a:lnTo>
                      <a:pt x="10" y="144"/>
                    </a:lnTo>
                    <a:lnTo>
                      <a:pt x="17" y="139"/>
                    </a:lnTo>
                    <a:lnTo>
                      <a:pt x="22" y="134"/>
                    </a:lnTo>
                    <a:lnTo>
                      <a:pt x="31" y="127"/>
                    </a:lnTo>
                    <a:lnTo>
                      <a:pt x="38" y="122"/>
                    </a:lnTo>
                    <a:lnTo>
                      <a:pt x="44" y="118"/>
                    </a:lnTo>
                    <a:lnTo>
                      <a:pt x="48" y="115"/>
                    </a:lnTo>
                    <a:lnTo>
                      <a:pt x="51" y="115"/>
                    </a:lnTo>
                    <a:lnTo>
                      <a:pt x="49" y="44"/>
                    </a:lnTo>
                    <a:lnTo>
                      <a:pt x="48" y="44"/>
                    </a:lnTo>
                    <a:lnTo>
                      <a:pt x="48" y="42"/>
                    </a:lnTo>
                    <a:lnTo>
                      <a:pt x="49" y="41"/>
                    </a:lnTo>
                    <a:lnTo>
                      <a:pt x="51" y="37"/>
                    </a:lnTo>
                    <a:lnTo>
                      <a:pt x="56" y="34"/>
                    </a:lnTo>
                    <a:lnTo>
                      <a:pt x="63" y="29"/>
                    </a:lnTo>
                    <a:lnTo>
                      <a:pt x="65" y="27"/>
                    </a:lnTo>
                    <a:lnTo>
                      <a:pt x="68" y="30"/>
                    </a:lnTo>
                    <a:lnTo>
                      <a:pt x="73" y="32"/>
                    </a:lnTo>
                    <a:lnTo>
                      <a:pt x="78" y="35"/>
                    </a:lnTo>
                    <a:lnTo>
                      <a:pt x="83" y="37"/>
                    </a:lnTo>
                    <a:lnTo>
                      <a:pt x="90" y="39"/>
                    </a:lnTo>
                    <a:lnTo>
                      <a:pt x="97" y="37"/>
                    </a:lnTo>
                    <a:lnTo>
                      <a:pt x="102" y="34"/>
                    </a:lnTo>
                    <a:lnTo>
                      <a:pt x="102" y="32"/>
                    </a:lnTo>
                    <a:lnTo>
                      <a:pt x="104" y="30"/>
                    </a:lnTo>
                    <a:lnTo>
                      <a:pt x="105" y="30"/>
                    </a:lnTo>
                    <a:lnTo>
                      <a:pt x="109" y="27"/>
                    </a:lnTo>
                    <a:lnTo>
                      <a:pt x="112" y="27"/>
                    </a:lnTo>
                    <a:lnTo>
                      <a:pt x="115" y="25"/>
                    </a:lnTo>
                    <a:lnTo>
                      <a:pt x="119" y="25"/>
                    </a:lnTo>
                    <a:lnTo>
                      <a:pt x="124" y="25"/>
                    </a:lnTo>
                    <a:lnTo>
                      <a:pt x="126" y="25"/>
                    </a:lnTo>
                    <a:lnTo>
                      <a:pt x="127" y="24"/>
                    </a:lnTo>
                    <a:lnTo>
                      <a:pt x="129" y="22"/>
                    </a:lnTo>
                    <a:lnTo>
                      <a:pt x="131" y="20"/>
                    </a:lnTo>
                    <a:lnTo>
                      <a:pt x="132" y="19"/>
                    </a:lnTo>
                    <a:lnTo>
                      <a:pt x="136" y="17"/>
                    </a:lnTo>
                    <a:lnTo>
                      <a:pt x="141" y="13"/>
                    </a:lnTo>
                    <a:lnTo>
                      <a:pt x="148" y="12"/>
                    </a:lnTo>
                    <a:lnTo>
                      <a:pt x="154" y="10"/>
                    </a:lnTo>
                    <a:lnTo>
                      <a:pt x="158" y="8"/>
                    </a:lnTo>
                    <a:lnTo>
                      <a:pt x="161" y="8"/>
                    </a:lnTo>
                    <a:lnTo>
                      <a:pt x="163" y="7"/>
                    </a:lnTo>
                    <a:lnTo>
                      <a:pt x="164" y="5"/>
                    </a:lnTo>
                    <a:lnTo>
                      <a:pt x="168" y="3"/>
                    </a:lnTo>
                    <a:lnTo>
                      <a:pt x="173" y="0"/>
                    </a:lnTo>
                    <a:lnTo>
                      <a:pt x="176" y="0"/>
                    </a:lnTo>
                    <a:lnTo>
                      <a:pt x="180" y="3"/>
                    </a:lnTo>
                    <a:lnTo>
                      <a:pt x="181" y="7"/>
                    </a:lnTo>
                    <a:lnTo>
                      <a:pt x="183" y="8"/>
                    </a:lnTo>
                    <a:lnTo>
                      <a:pt x="176" y="20"/>
                    </a:lnTo>
                    <a:lnTo>
                      <a:pt x="175" y="29"/>
                    </a:lnTo>
                    <a:lnTo>
                      <a:pt x="173" y="37"/>
                    </a:lnTo>
                    <a:lnTo>
                      <a:pt x="173" y="39"/>
                    </a:lnTo>
                    <a:lnTo>
                      <a:pt x="171" y="41"/>
                    </a:lnTo>
                    <a:lnTo>
                      <a:pt x="171" y="44"/>
                    </a:lnTo>
                    <a:lnTo>
                      <a:pt x="171" y="46"/>
                    </a:lnTo>
                    <a:lnTo>
                      <a:pt x="175" y="44"/>
                    </a:lnTo>
                    <a:lnTo>
                      <a:pt x="178" y="42"/>
                    </a:lnTo>
                    <a:lnTo>
                      <a:pt x="180" y="41"/>
                    </a:lnTo>
                    <a:lnTo>
                      <a:pt x="181" y="39"/>
                    </a:lnTo>
                    <a:lnTo>
                      <a:pt x="185" y="39"/>
                    </a:lnTo>
                    <a:lnTo>
                      <a:pt x="186" y="37"/>
                    </a:lnTo>
                    <a:lnTo>
                      <a:pt x="188" y="35"/>
                    </a:lnTo>
                    <a:lnTo>
                      <a:pt x="190" y="34"/>
                    </a:lnTo>
                    <a:lnTo>
                      <a:pt x="192" y="34"/>
                    </a:lnTo>
                    <a:lnTo>
                      <a:pt x="210" y="46"/>
                    </a:lnTo>
                    <a:lnTo>
                      <a:pt x="212" y="46"/>
                    </a:lnTo>
                    <a:lnTo>
                      <a:pt x="214" y="46"/>
                    </a:lnTo>
                    <a:lnTo>
                      <a:pt x="217" y="46"/>
                    </a:lnTo>
                    <a:lnTo>
                      <a:pt x="220" y="46"/>
                    </a:lnTo>
                    <a:lnTo>
                      <a:pt x="225" y="47"/>
                    </a:lnTo>
                    <a:lnTo>
                      <a:pt x="229" y="52"/>
                    </a:lnTo>
                    <a:lnTo>
                      <a:pt x="234" y="57"/>
                    </a:lnTo>
                    <a:lnTo>
                      <a:pt x="237" y="66"/>
                    </a:lnTo>
                    <a:lnTo>
                      <a:pt x="239" y="68"/>
                    </a:lnTo>
                    <a:lnTo>
                      <a:pt x="239" y="69"/>
                    </a:lnTo>
                    <a:lnTo>
                      <a:pt x="242" y="71"/>
                    </a:lnTo>
                    <a:lnTo>
                      <a:pt x="244" y="73"/>
                    </a:lnTo>
                    <a:lnTo>
                      <a:pt x="246" y="74"/>
                    </a:lnTo>
                    <a:lnTo>
                      <a:pt x="247" y="76"/>
                    </a:lnTo>
                    <a:lnTo>
                      <a:pt x="249" y="76"/>
                    </a:lnTo>
                    <a:lnTo>
                      <a:pt x="249" y="78"/>
                    </a:lnTo>
                    <a:lnTo>
                      <a:pt x="252" y="78"/>
                    </a:lnTo>
                    <a:lnTo>
                      <a:pt x="256" y="78"/>
                    </a:lnTo>
                    <a:lnTo>
                      <a:pt x="261" y="78"/>
                    </a:lnTo>
                    <a:lnTo>
                      <a:pt x="268" y="79"/>
                    </a:lnTo>
                    <a:lnTo>
                      <a:pt x="274" y="79"/>
                    </a:lnTo>
                    <a:lnTo>
                      <a:pt x="283" y="81"/>
                    </a:lnTo>
                    <a:lnTo>
                      <a:pt x="291" y="83"/>
                    </a:lnTo>
                    <a:lnTo>
                      <a:pt x="300" y="85"/>
                    </a:lnTo>
                    <a:lnTo>
                      <a:pt x="308" y="86"/>
                    </a:lnTo>
                    <a:lnTo>
                      <a:pt x="317" y="88"/>
                    </a:lnTo>
                    <a:lnTo>
                      <a:pt x="325" y="91"/>
                    </a:lnTo>
                    <a:lnTo>
                      <a:pt x="334" y="93"/>
                    </a:lnTo>
                    <a:lnTo>
                      <a:pt x="340" y="96"/>
                    </a:lnTo>
                    <a:lnTo>
                      <a:pt x="347" y="100"/>
                    </a:lnTo>
                    <a:lnTo>
                      <a:pt x="354" y="103"/>
                    </a:lnTo>
                    <a:lnTo>
                      <a:pt x="356" y="103"/>
                    </a:lnTo>
                    <a:lnTo>
                      <a:pt x="362" y="105"/>
                    </a:lnTo>
                    <a:lnTo>
                      <a:pt x="373" y="107"/>
                    </a:lnTo>
                    <a:lnTo>
                      <a:pt x="383" y="107"/>
                    </a:lnTo>
                    <a:lnTo>
                      <a:pt x="393" y="108"/>
                    </a:lnTo>
                    <a:lnTo>
                      <a:pt x="401" y="110"/>
                    </a:lnTo>
                    <a:lnTo>
                      <a:pt x="408" y="110"/>
                    </a:lnTo>
                    <a:lnTo>
                      <a:pt x="412" y="110"/>
                    </a:lnTo>
                    <a:lnTo>
                      <a:pt x="415" y="115"/>
                    </a:lnTo>
                    <a:lnTo>
                      <a:pt x="418" y="127"/>
                    </a:lnTo>
                    <a:lnTo>
                      <a:pt x="420" y="127"/>
                    </a:lnTo>
                    <a:lnTo>
                      <a:pt x="422" y="127"/>
                    </a:lnTo>
                    <a:lnTo>
                      <a:pt x="427" y="127"/>
                    </a:lnTo>
                    <a:lnTo>
                      <a:pt x="430" y="129"/>
                    </a:lnTo>
                    <a:lnTo>
                      <a:pt x="435" y="132"/>
                    </a:lnTo>
                    <a:lnTo>
                      <a:pt x="439" y="139"/>
                    </a:lnTo>
                    <a:lnTo>
                      <a:pt x="442" y="147"/>
                    </a:lnTo>
                    <a:lnTo>
                      <a:pt x="444" y="159"/>
                    </a:lnTo>
                    <a:lnTo>
                      <a:pt x="444" y="161"/>
                    </a:lnTo>
                    <a:lnTo>
                      <a:pt x="442" y="164"/>
                    </a:lnTo>
                    <a:lnTo>
                      <a:pt x="442" y="167"/>
                    </a:lnTo>
                    <a:lnTo>
                      <a:pt x="442" y="173"/>
                    </a:lnTo>
                    <a:lnTo>
                      <a:pt x="440" y="176"/>
                    </a:lnTo>
                    <a:lnTo>
                      <a:pt x="440" y="179"/>
                    </a:lnTo>
                    <a:lnTo>
                      <a:pt x="439" y="183"/>
                    </a:lnTo>
                    <a:lnTo>
                      <a:pt x="461" y="183"/>
                    </a:lnTo>
                    <a:lnTo>
                      <a:pt x="461" y="184"/>
                    </a:lnTo>
                    <a:lnTo>
                      <a:pt x="459" y="188"/>
                    </a:lnTo>
                    <a:lnTo>
                      <a:pt x="459" y="191"/>
                    </a:lnTo>
                    <a:lnTo>
                      <a:pt x="457" y="196"/>
                    </a:lnTo>
                    <a:lnTo>
                      <a:pt x="459" y="201"/>
                    </a:lnTo>
                    <a:lnTo>
                      <a:pt x="461" y="205"/>
                    </a:lnTo>
                    <a:lnTo>
                      <a:pt x="464" y="208"/>
                    </a:lnTo>
                    <a:lnTo>
                      <a:pt x="469" y="210"/>
                    </a:lnTo>
                    <a:lnTo>
                      <a:pt x="469" y="211"/>
                    </a:lnTo>
                    <a:lnTo>
                      <a:pt x="469" y="213"/>
                    </a:lnTo>
                    <a:lnTo>
                      <a:pt x="471" y="217"/>
                    </a:lnTo>
                    <a:lnTo>
                      <a:pt x="471" y="218"/>
                    </a:lnTo>
                    <a:lnTo>
                      <a:pt x="457" y="228"/>
                    </a:lnTo>
                    <a:lnTo>
                      <a:pt x="450" y="239"/>
                    </a:lnTo>
                    <a:lnTo>
                      <a:pt x="449" y="244"/>
                    </a:lnTo>
                    <a:lnTo>
                      <a:pt x="449" y="245"/>
                    </a:lnTo>
                    <a:lnTo>
                      <a:pt x="447" y="247"/>
                    </a:lnTo>
                    <a:lnTo>
                      <a:pt x="444" y="250"/>
                    </a:lnTo>
                    <a:lnTo>
                      <a:pt x="442" y="255"/>
                    </a:lnTo>
                    <a:lnTo>
                      <a:pt x="439" y="261"/>
                    </a:lnTo>
                    <a:lnTo>
                      <a:pt x="437" y="267"/>
                    </a:lnTo>
                    <a:lnTo>
                      <a:pt x="437" y="274"/>
                    </a:lnTo>
                    <a:lnTo>
                      <a:pt x="439" y="283"/>
                    </a:lnTo>
                    <a:lnTo>
                      <a:pt x="440" y="284"/>
                    </a:lnTo>
                    <a:lnTo>
                      <a:pt x="442" y="284"/>
                    </a:lnTo>
                    <a:lnTo>
                      <a:pt x="444" y="283"/>
                    </a:lnTo>
                    <a:lnTo>
                      <a:pt x="447" y="279"/>
                    </a:lnTo>
                    <a:lnTo>
                      <a:pt x="450" y="276"/>
                    </a:lnTo>
                    <a:lnTo>
                      <a:pt x="454" y="271"/>
                    </a:lnTo>
                    <a:lnTo>
                      <a:pt x="459" y="266"/>
                    </a:lnTo>
                    <a:lnTo>
                      <a:pt x="462" y="261"/>
                    </a:lnTo>
                    <a:lnTo>
                      <a:pt x="464" y="259"/>
                    </a:lnTo>
                    <a:lnTo>
                      <a:pt x="464" y="255"/>
                    </a:lnTo>
                    <a:lnTo>
                      <a:pt x="464" y="252"/>
                    </a:lnTo>
                    <a:lnTo>
                      <a:pt x="466" y="247"/>
                    </a:lnTo>
                    <a:lnTo>
                      <a:pt x="469" y="244"/>
                    </a:lnTo>
                    <a:lnTo>
                      <a:pt x="474" y="240"/>
                    </a:lnTo>
                    <a:lnTo>
                      <a:pt x="481" y="237"/>
                    </a:lnTo>
                    <a:lnTo>
                      <a:pt x="491" y="235"/>
                    </a:lnTo>
                    <a:lnTo>
                      <a:pt x="491" y="232"/>
                    </a:lnTo>
                    <a:lnTo>
                      <a:pt x="491" y="228"/>
                    </a:lnTo>
                    <a:lnTo>
                      <a:pt x="491" y="223"/>
                    </a:lnTo>
                    <a:lnTo>
                      <a:pt x="491" y="217"/>
                    </a:lnTo>
                    <a:lnTo>
                      <a:pt x="494" y="208"/>
                    </a:lnTo>
                    <a:lnTo>
                      <a:pt x="500" y="198"/>
                    </a:lnTo>
                    <a:lnTo>
                      <a:pt x="501" y="198"/>
                    </a:lnTo>
                    <a:lnTo>
                      <a:pt x="503" y="196"/>
                    </a:lnTo>
                    <a:lnTo>
                      <a:pt x="506" y="193"/>
                    </a:lnTo>
                    <a:lnTo>
                      <a:pt x="508" y="189"/>
                    </a:lnTo>
                    <a:lnTo>
                      <a:pt x="511" y="186"/>
                    </a:lnTo>
                    <a:lnTo>
                      <a:pt x="513" y="183"/>
                    </a:lnTo>
                    <a:lnTo>
                      <a:pt x="515" y="181"/>
                    </a:lnTo>
                    <a:lnTo>
                      <a:pt x="516" y="181"/>
                    </a:lnTo>
                    <a:lnTo>
                      <a:pt x="522" y="181"/>
                    </a:lnTo>
                    <a:lnTo>
                      <a:pt x="522" y="191"/>
                    </a:lnTo>
                    <a:lnTo>
                      <a:pt x="518" y="193"/>
                    </a:lnTo>
                    <a:lnTo>
                      <a:pt x="518" y="206"/>
                    </a:lnTo>
                    <a:lnTo>
                      <a:pt x="516" y="206"/>
                    </a:lnTo>
                    <a:lnTo>
                      <a:pt x="515" y="210"/>
                    </a:lnTo>
                    <a:lnTo>
                      <a:pt x="513" y="213"/>
                    </a:lnTo>
                    <a:lnTo>
                      <a:pt x="510" y="217"/>
                    </a:lnTo>
                    <a:lnTo>
                      <a:pt x="508" y="222"/>
                    </a:lnTo>
                    <a:lnTo>
                      <a:pt x="506" y="227"/>
                    </a:lnTo>
                    <a:lnTo>
                      <a:pt x="506" y="232"/>
                    </a:lnTo>
                    <a:lnTo>
                      <a:pt x="508" y="235"/>
                    </a:lnTo>
                    <a:lnTo>
                      <a:pt x="506" y="235"/>
                    </a:lnTo>
                    <a:lnTo>
                      <a:pt x="506" y="237"/>
                    </a:lnTo>
                    <a:lnTo>
                      <a:pt x="505" y="239"/>
                    </a:lnTo>
                    <a:lnTo>
                      <a:pt x="503" y="240"/>
                    </a:lnTo>
                    <a:lnTo>
                      <a:pt x="501" y="244"/>
                    </a:lnTo>
                    <a:lnTo>
                      <a:pt x="500" y="247"/>
                    </a:lnTo>
                    <a:lnTo>
                      <a:pt x="498" y="252"/>
                    </a:lnTo>
                    <a:lnTo>
                      <a:pt x="494" y="257"/>
                    </a:lnTo>
                    <a:lnTo>
                      <a:pt x="493" y="262"/>
                    </a:lnTo>
                    <a:lnTo>
                      <a:pt x="491" y="269"/>
                    </a:lnTo>
                    <a:lnTo>
                      <a:pt x="489" y="276"/>
                    </a:lnTo>
                    <a:lnTo>
                      <a:pt x="488" y="284"/>
                    </a:lnTo>
                    <a:lnTo>
                      <a:pt x="486" y="293"/>
                    </a:lnTo>
                    <a:lnTo>
                      <a:pt x="486" y="303"/>
                    </a:lnTo>
                    <a:lnTo>
                      <a:pt x="486" y="311"/>
                    </a:lnTo>
                    <a:lnTo>
                      <a:pt x="486" y="323"/>
                    </a:lnTo>
                    <a:lnTo>
                      <a:pt x="486" y="325"/>
                    </a:lnTo>
                    <a:lnTo>
                      <a:pt x="484" y="325"/>
                    </a:lnTo>
                    <a:lnTo>
                      <a:pt x="483" y="328"/>
                    </a:lnTo>
                    <a:lnTo>
                      <a:pt x="481" y="330"/>
                    </a:lnTo>
                    <a:lnTo>
                      <a:pt x="479" y="333"/>
                    </a:lnTo>
                    <a:lnTo>
                      <a:pt x="478" y="337"/>
                    </a:lnTo>
                    <a:lnTo>
                      <a:pt x="476" y="340"/>
                    </a:lnTo>
                    <a:lnTo>
                      <a:pt x="474" y="345"/>
                    </a:lnTo>
                    <a:lnTo>
                      <a:pt x="472" y="349"/>
                    </a:lnTo>
                    <a:lnTo>
                      <a:pt x="472" y="355"/>
                    </a:lnTo>
                    <a:lnTo>
                      <a:pt x="471" y="360"/>
                    </a:lnTo>
                    <a:lnTo>
                      <a:pt x="471" y="367"/>
                    </a:lnTo>
                    <a:lnTo>
                      <a:pt x="472" y="374"/>
                    </a:lnTo>
                    <a:lnTo>
                      <a:pt x="474" y="381"/>
                    </a:lnTo>
                    <a:lnTo>
                      <a:pt x="476" y="389"/>
                    </a:lnTo>
                    <a:lnTo>
                      <a:pt x="476" y="391"/>
                    </a:lnTo>
                    <a:lnTo>
                      <a:pt x="474" y="393"/>
                    </a:lnTo>
                    <a:lnTo>
                      <a:pt x="474" y="396"/>
                    </a:lnTo>
                    <a:lnTo>
                      <a:pt x="472" y="399"/>
                    </a:lnTo>
                    <a:lnTo>
                      <a:pt x="471" y="404"/>
                    </a:lnTo>
                    <a:lnTo>
                      <a:pt x="469" y="409"/>
                    </a:lnTo>
                    <a:lnTo>
                      <a:pt x="467" y="415"/>
                    </a:lnTo>
                    <a:lnTo>
                      <a:pt x="466" y="421"/>
                    </a:lnTo>
                    <a:lnTo>
                      <a:pt x="464" y="428"/>
                    </a:lnTo>
                    <a:lnTo>
                      <a:pt x="464" y="437"/>
                    </a:lnTo>
                    <a:lnTo>
                      <a:pt x="462" y="443"/>
                    </a:lnTo>
                    <a:lnTo>
                      <a:pt x="462" y="452"/>
                    </a:lnTo>
                    <a:lnTo>
                      <a:pt x="464" y="460"/>
                    </a:lnTo>
                    <a:lnTo>
                      <a:pt x="466" y="469"/>
                    </a:lnTo>
                    <a:lnTo>
                      <a:pt x="467" y="477"/>
                    </a:lnTo>
                    <a:lnTo>
                      <a:pt x="471" y="484"/>
                    </a:lnTo>
                    <a:lnTo>
                      <a:pt x="472" y="486"/>
                    </a:lnTo>
                    <a:lnTo>
                      <a:pt x="472" y="487"/>
                    </a:lnTo>
                    <a:lnTo>
                      <a:pt x="474" y="491"/>
                    </a:lnTo>
                    <a:lnTo>
                      <a:pt x="476" y="492"/>
                    </a:lnTo>
                    <a:lnTo>
                      <a:pt x="478" y="496"/>
                    </a:lnTo>
                    <a:lnTo>
                      <a:pt x="478" y="497"/>
                    </a:lnTo>
                    <a:lnTo>
                      <a:pt x="479" y="499"/>
                    </a:lnTo>
                    <a:lnTo>
                      <a:pt x="479" y="506"/>
                    </a:lnTo>
                    <a:lnTo>
                      <a:pt x="478" y="525"/>
                    </a:lnTo>
                    <a:lnTo>
                      <a:pt x="479" y="536"/>
                    </a:lnTo>
                    <a:lnTo>
                      <a:pt x="220" y="555"/>
                    </a:lnTo>
                    <a:close/>
                  </a:path>
                </a:pathLst>
              </a:custGeom>
              <a:solidFill>
                <a:srgbClr val="00206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62" name="Group 173"/>
              <p:cNvGrpSpPr>
                <a:grpSpLocks/>
              </p:cNvGrpSpPr>
              <p:nvPr/>
            </p:nvGrpSpPr>
            <p:grpSpPr bwMode="auto">
              <a:xfrm>
                <a:off x="4170" y="1392"/>
                <a:ext cx="723" cy="540"/>
                <a:chOff x="4407" y="988"/>
                <a:chExt cx="743" cy="556"/>
              </a:xfrm>
            </p:grpSpPr>
            <p:sp>
              <p:nvSpPr>
                <p:cNvPr id="79" name="Freeform 174"/>
                <p:cNvSpPr>
                  <a:spLocks/>
                </p:cNvSpPr>
                <p:nvPr/>
              </p:nvSpPr>
              <p:spPr bwMode="auto">
                <a:xfrm>
                  <a:off x="4972" y="1435"/>
                  <a:ext cx="178" cy="109"/>
                </a:xfrm>
                <a:custGeom>
                  <a:avLst/>
                  <a:gdLst>
                    <a:gd name="T0" fmla="*/ 2 w 178"/>
                    <a:gd name="T1" fmla="*/ 109 h 109"/>
                    <a:gd name="T2" fmla="*/ 0 w 178"/>
                    <a:gd name="T3" fmla="*/ 107 h 109"/>
                    <a:gd name="T4" fmla="*/ 0 w 178"/>
                    <a:gd name="T5" fmla="*/ 102 h 109"/>
                    <a:gd name="T6" fmla="*/ 0 w 178"/>
                    <a:gd name="T7" fmla="*/ 95 h 109"/>
                    <a:gd name="T8" fmla="*/ 4 w 178"/>
                    <a:gd name="T9" fmla="*/ 88 h 109"/>
                    <a:gd name="T10" fmla="*/ 9 w 178"/>
                    <a:gd name="T11" fmla="*/ 81 h 109"/>
                    <a:gd name="T12" fmla="*/ 12 w 178"/>
                    <a:gd name="T13" fmla="*/ 80 h 109"/>
                    <a:gd name="T14" fmla="*/ 21 w 178"/>
                    <a:gd name="T15" fmla="*/ 73 h 109"/>
                    <a:gd name="T16" fmla="*/ 24 w 178"/>
                    <a:gd name="T17" fmla="*/ 65 h 109"/>
                    <a:gd name="T18" fmla="*/ 26 w 178"/>
                    <a:gd name="T19" fmla="*/ 61 h 109"/>
                    <a:gd name="T20" fmla="*/ 28 w 178"/>
                    <a:gd name="T21" fmla="*/ 59 h 109"/>
                    <a:gd name="T22" fmla="*/ 38 w 178"/>
                    <a:gd name="T23" fmla="*/ 56 h 109"/>
                    <a:gd name="T24" fmla="*/ 41 w 178"/>
                    <a:gd name="T25" fmla="*/ 53 h 109"/>
                    <a:gd name="T26" fmla="*/ 63 w 178"/>
                    <a:gd name="T27" fmla="*/ 53 h 109"/>
                    <a:gd name="T28" fmla="*/ 65 w 178"/>
                    <a:gd name="T29" fmla="*/ 49 h 109"/>
                    <a:gd name="T30" fmla="*/ 68 w 178"/>
                    <a:gd name="T31" fmla="*/ 43 h 109"/>
                    <a:gd name="T32" fmla="*/ 77 w 178"/>
                    <a:gd name="T33" fmla="*/ 39 h 109"/>
                    <a:gd name="T34" fmla="*/ 83 w 178"/>
                    <a:gd name="T35" fmla="*/ 37 h 109"/>
                    <a:gd name="T36" fmla="*/ 105 w 178"/>
                    <a:gd name="T37" fmla="*/ 31 h 109"/>
                    <a:gd name="T38" fmla="*/ 116 w 178"/>
                    <a:gd name="T39" fmla="*/ 24 h 109"/>
                    <a:gd name="T40" fmla="*/ 132 w 178"/>
                    <a:gd name="T41" fmla="*/ 4 h 109"/>
                    <a:gd name="T42" fmla="*/ 138 w 178"/>
                    <a:gd name="T43" fmla="*/ 2 h 109"/>
                    <a:gd name="T44" fmla="*/ 131 w 178"/>
                    <a:gd name="T45" fmla="*/ 14 h 109"/>
                    <a:gd name="T46" fmla="*/ 127 w 178"/>
                    <a:gd name="T47" fmla="*/ 19 h 109"/>
                    <a:gd name="T48" fmla="*/ 122 w 178"/>
                    <a:gd name="T49" fmla="*/ 26 h 109"/>
                    <a:gd name="T50" fmla="*/ 116 w 178"/>
                    <a:gd name="T51" fmla="*/ 34 h 109"/>
                    <a:gd name="T52" fmla="*/ 116 w 178"/>
                    <a:gd name="T53" fmla="*/ 37 h 109"/>
                    <a:gd name="T54" fmla="*/ 122 w 178"/>
                    <a:gd name="T55" fmla="*/ 36 h 109"/>
                    <a:gd name="T56" fmla="*/ 122 w 178"/>
                    <a:gd name="T57" fmla="*/ 39 h 109"/>
                    <a:gd name="T58" fmla="*/ 122 w 178"/>
                    <a:gd name="T59" fmla="*/ 43 h 109"/>
                    <a:gd name="T60" fmla="*/ 122 w 178"/>
                    <a:gd name="T61" fmla="*/ 48 h 109"/>
                    <a:gd name="T62" fmla="*/ 129 w 178"/>
                    <a:gd name="T63" fmla="*/ 43 h 109"/>
                    <a:gd name="T64" fmla="*/ 129 w 178"/>
                    <a:gd name="T65" fmla="*/ 34 h 109"/>
                    <a:gd name="T66" fmla="*/ 136 w 178"/>
                    <a:gd name="T67" fmla="*/ 22 h 109"/>
                    <a:gd name="T68" fmla="*/ 148 w 178"/>
                    <a:gd name="T69" fmla="*/ 14 h 109"/>
                    <a:gd name="T70" fmla="*/ 160 w 178"/>
                    <a:gd name="T71" fmla="*/ 14 h 109"/>
                    <a:gd name="T72" fmla="*/ 165 w 178"/>
                    <a:gd name="T73" fmla="*/ 9 h 109"/>
                    <a:gd name="T74" fmla="*/ 175 w 178"/>
                    <a:gd name="T75" fmla="*/ 0 h 109"/>
                    <a:gd name="T76" fmla="*/ 178 w 178"/>
                    <a:gd name="T77" fmla="*/ 4 h 109"/>
                    <a:gd name="T78" fmla="*/ 175 w 178"/>
                    <a:gd name="T79" fmla="*/ 9 h 109"/>
                    <a:gd name="T80" fmla="*/ 160 w 178"/>
                    <a:gd name="T81" fmla="*/ 22 h 109"/>
                    <a:gd name="T82" fmla="*/ 143 w 178"/>
                    <a:gd name="T83" fmla="*/ 36 h 109"/>
                    <a:gd name="T84" fmla="*/ 127 w 178"/>
                    <a:gd name="T85" fmla="*/ 48 h 109"/>
                    <a:gd name="T86" fmla="*/ 116 w 178"/>
                    <a:gd name="T87" fmla="*/ 58 h 109"/>
                    <a:gd name="T88" fmla="*/ 109 w 178"/>
                    <a:gd name="T89" fmla="*/ 63 h 109"/>
                    <a:gd name="T90" fmla="*/ 88 w 178"/>
                    <a:gd name="T91" fmla="*/ 76 h 109"/>
                    <a:gd name="T92" fmla="*/ 85 w 178"/>
                    <a:gd name="T93" fmla="*/ 76 h 109"/>
                    <a:gd name="T94" fmla="*/ 90 w 178"/>
                    <a:gd name="T95" fmla="*/ 70 h 109"/>
                    <a:gd name="T96" fmla="*/ 97 w 178"/>
                    <a:gd name="T97" fmla="*/ 58 h 109"/>
                    <a:gd name="T98" fmla="*/ 80 w 178"/>
                    <a:gd name="T99" fmla="*/ 68 h 109"/>
                    <a:gd name="T100" fmla="*/ 61 w 178"/>
                    <a:gd name="T101" fmla="*/ 76 h 109"/>
                    <a:gd name="T102" fmla="*/ 55 w 178"/>
                    <a:gd name="T103" fmla="*/ 81 h 109"/>
                    <a:gd name="T104" fmla="*/ 44 w 178"/>
                    <a:gd name="T105" fmla="*/ 90 h 109"/>
                    <a:gd name="T106" fmla="*/ 29 w 178"/>
                    <a:gd name="T107" fmla="*/ 100 h 109"/>
                    <a:gd name="T108" fmla="*/ 14 w 178"/>
                    <a:gd name="T109" fmla="*/ 109 h 109"/>
                    <a:gd name="T110" fmla="*/ 14 w 178"/>
                    <a:gd name="T111" fmla="*/ 105 h 109"/>
                    <a:gd name="T112" fmla="*/ 17 w 178"/>
                    <a:gd name="T113" fmla="*/ 102 h 109"/>
                    <a:gd name="T114" fmla="*/ 19 w 178"/>
                    <a:gd name="T115" fmla="*/ 95 h 109"/>
                    <a:gd name="T116" fmla="*/ 7 w 178"/>
                    <a:gd name="T117" fmla="*/ 105 h 109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w 178"/>
                    <a:gd name="T178" fmla="*/ 0 h 109"/>
                    <a:gd name="T179" fmla="*/ 178 w 178"/>
                    <a:gd name="T180" fmla="*/ 109 h 109"/>
                  </a:gdLst>
                  <a:ahLst/>
                  <a:cxnLst>
                    <a:cxn ang="T118">
                      <a:pos x="T0" y="T1"/>
                    </a:cxn>
                    <a:cxn ang="T119">
                      <a:pos x="T2" y="T3"/>
                    </a:cxn>
                    <a:cxn ang="T120">
                      <a:pos x="T4" y="T5"/>
                    </a:cxn>
                    <a:cxn ang="T121">
                      <a:pos x="T6" y="T7"/>
                    </a:cxn>
                    <a:cxn ang="T122">
                      <a:pos x="T8" y="T9"/>
                    </a:cxn>
                    <a:cxn ang="T123">
                      <a:pos x="T10" y="T11"/>
                    </a:cxn>
                    <a:cxn ang="T124">
                      <a:pos x="T12" y="T13"/>
                    </a:cxn>
                    <a:cxn ang="T125">
                      <a:pos x="T14" y="T15"/>
                    </a:cxn>
                    <a:cxn ang="T126">
                      <a:pos x="T16" y="T17"/>
                    </a:cxn>
                    <a:cxn ang="T127">
                      <a:pos x="T18" y="T19"/>
                    </a:cxn>
                    <a:cxn ang="T128">
                      <a:pos x="T20" y="T21"/>
                    </a:cxn>
                    <a:cxn ang="T129">
                      <a:pos x="T22" y="T23"/>
                    </a:cxn>
                    <a:cxn ang="T130">
                      <a:pos x="T24" y="T25"/>
                    </a:cxn>
                    <a:cxn ang="T131">
                      <a:pos x="T26" y="T27"/>
                    </a:cxn>
                    <a:cxn ang="T132">
                      <a:pos x="T28" y="T29"/>
                    </a:cxn>
                    <a:cxn ang="T133">
                      <a:pos x="T30" y="T31"/>
                    </a:cxn>
                    <a:cxn ang="T134">
                      <a:pos x="T32" y="T33"/>
                    </a:cxn>
                    <a:cxn ang="T135">
                      <a:pos x="T34" y="T35"/>
                    </a:cxn>
                    <a:cxn ang="T136">
                      <a:pos x="T36" y="T37"/>
                    </a:cxn>
                    <a:cxn ang="T137">
                      <a:pos x="T38" y="T39"/>
                    </a:cxn>
                    <a:cxn ang="T138">
                      <a:pos x="T40" y="T41"/>
                    </a:cxn>
                    <a:cxn ang="T139">
                      <a:pos x="T42" y="T43"/>
                    </a:cxn>
                    <a:cxn ang="T140">
                      <a:pos x="T44" y="T45"/>
                    </a:cxn>
                    <a:cxn ang="T141">
                      <a:pos x="T46" y="T47"/>
                    </a:cxn>
                    <a:cxn ang="T142">
                      <a:pos x="T48" y="T49"/>
                    </a:cxn>
                    <a:cxn ang="T143">
                      <a:pos x="T50" y="T51"/>
                    </a:cxn>
                    <a:cxn ang="T144">
                      <a:pos x="T52" y="T53"/>
                    </a:cxn>
                    <a:cxn ang="T145">
                      <a:pos x="T54" y="T55"/>
                    </a:cxn>
                    <a:cxn ang="T146">
                      <a:pos x="T56" y="T57"/>
                    </a:cxn>
                    <a:cxn ang="T147">
                      <a:pos x="T58" y="T59"/>
                    </a:cxn>
                    <a:cxn ang="T148">
                      <a:pos x="T60" y="T61"/>
                    </a:cxn>
                    <a:cxn ang="T149">
                      <a:pos x="T62" y="T63"/>
                    </a:cxn>
                    <a:cxn ang="T150">
                      <a:pos x="T64" y="T65"/>
                    </a:cxn>
                    <a:cxn ang="T151">
                      <a:pos x="T66" y="T67"/>
                    </a:cxn>
                    <a:cxn ang="T152">
                      <a:pos x="T68" y="T69"/>
                    </a:cxn>
                    <a:cxn ang="T153">
                      <a:pos x="T70" y="T71"/>
                    </a:cxn>
                    <a:cxn ang="T154">
                      <a:pos x="T72" y="T73"/>
                    </a:cxn>
                    <a:cxn ang="T155">
                      <a:pos x="T74" y="T75"/>
                    </a:cxn>
                    <a:cxn ang="T156">
                      <a:pos x="T76" y="T77"/>
                    </a:cxn>
                    <a:cxn ang="T157">
                      <a:pos x="T78" y="T79"/>
                    </a:cxn>
                    <a:cxn ang="T158">
                      <a:pos x="T80" y="T81"/>
                    </a:cxn>
                    <a:cxn ang="T159">
                      <a:pos x="T82" y="T83"/>
                    </a:cxn>
                    <a:cxn ang="T160">
                      <a:pos x="T84" y="T85"/>
                    </a:cxn>
                    <a:cxn ang="T161">
                      <a:pos x="T86" y="T87"/>
                    </a:cxn>
                    <a:cxn ang="T162">
                      <a:pos x="T88" y="T89"/>
                    </a:cxn>
                    <a:cxn ang="T163">
                      <a:pos x="T90" y="T91"/>
                    </a:cxn>
                    <a:cxn ang="T164">
                      <a:pos x="T92" y="T93"/>
                    </a:cxn>
                    <a:cxn ang="T165">
                      <a:pos x="T94" y="T95"/>
                    </a:cxn>
                    <a:cxn ang="T166">
                      <a:pos x="T96" y="T97"/>
                    </a:cxn>
                    <a:cxn ang="T167">
                      <a:pos x="T98" y="T99"/>
                    </a:cxn>
                    <a:cxn ang="T168">
                      <a:pos x="T100" y="T101"/>
                    </a:cxn>
                    <a:cxn ang="T169">
                      <a:pos x="T102" y="T103"/>
                    </a:cxn>
                    <a:cxn ang="T170">
                      <a:pos x="T104" y="T105"/>
                    </a:cxn>
                    <a:cxn ang="T171">
                      <a:pos x="T106" y="T107"/>
                    </a:cxn>
                    <a:cxn ang="T172">
                      <a:pos x="T108" y="T109"/>
                    </a:cxn>
                    <a:cxn ang="T173">
                      <a:pos x="T110" y="T111"/>
                    </a:cxn>
                    <a:cxn ang="T174">
                      <a:pos x="T112" y="T113"/>
                    </a:cxn>
                    <a:cxn ang="T175">
                      <a:pos x="T114" y="T115"/>
                    </a:cxn>
                    <a:cxn ang="T176">
                      <a:pos x="T116" y="T117"/>
                    </a:cxn>
                  </a:cxnLst>
                  <a:rect l="T177" t="T178" r="T179" b="T180"/>
                  <a:pathLst>
                    <a:path w="178" h="109">
                      <a:moveTo>
                        <a:pt x="7" y="105"/>
                      </a:moveTo>
                      <a:lnTo>
                        <a:pt x="4" y="107"/>
                      </a:lnTo>
                      <a:lnTo>
                        <a:pt x="2" y="109"/>
                      </a:lnTo>
                      <a:lnTo>
                        <a:pt x="0" y="107"/>
                      </a:lnTo>
                      <a:lnTo>
                        <a:pt x="0" y="105"/>
                      </a:lnTo>
                      <a:lnTo>
                        <a:pt x="0" y="103"/>
                      </a:lnTo>
                      <a:lnTo>
                        <a:pt x="0" y="102"/>
                      </a:lnTo>
                      <a:lnTo>
                        <a:pt x="0" y="98"/>
                      </a:lnTo>
                      <a:lnTo>
                        <a:pt x="0" y="97"/>
                      </a:lnTo>
                      <a:lnTo>
                        <a:pt x="0" y="95"/>
                      </a:lnTo>
                      <a:lnTo>
                        <a:pt x="2" y="92"/>
                      </a:lnTo>
                      <a:lnTo>
                        <a:pt x="4" y="88"/>
                      </a:lnTo>
                      <a:lnTo>
                        <a:pt x="6" y="85"/>
                      </a:lnTo>
                      <a:lnTo>
                        <a:pt x="7" y="83"/>
                      </a:lnTo>
                      <a:lnTo>
                        <a:pt x="9" y="81"/>
                      </a:lnTo>
                      <a:lnTo>
                        <a:pt x="11" y="80"/>
                      </a:lnTo>
                      <a:lnTo>
                        <a:pt x="12" y="80"/>
                      </a:lnTo>
                      <a:lnTo>
                        <a:pt x="16" y="78"/>
                      </a:lnTo>
                      <a:lnTo>
                        <a:pt x="19" y="76"/>
                      </a:lnTo>
                      <a:lnTo>
                        <a:pt x="21" y="73"/>
                      </a:lnTo>
                      <a:lnTo>
                        <a:pt x="22" y="70"/>
                      </a:lnTo>
                      <a:lnTo>
                        <a:pt x="22" y="68"/>
                      </a:lnTo>
                      <a:lnTo>
                        <a:pt x="24" y="65"/>
                      </a:lnTo>
                      <a:lnTo>
                        <a:pt x="24" y="61"/>
                      </a:lnTo>
                      <a:lnTo>
                        <a:pt x="26" y="61"/>
                      </a:lnTo>
                      <a:lnTo>
                        <a:pt x="26" y="59"/>
                      </a:lnTo>
                      <a:lnTo>
                        <a:pt x="28" y="59"/>
                      </a:lnTo>
                      <a:lnTo>
                        <a:pt x="31" y="58"/>
                      </a:lnTo>
                      <a:lnTo>
                        <a:pt x="34" y="58"/>
                      </a:lnTo>
                      <a:lnTo>
                        <a:pt x="38" y="56"/>
                      </a:lnTo>
                      <a:lnTo>
                        <a:pt x="39" y="54"/>
                      </a:lnTo>
                      <a:lnTo>
                        <a:pt x="41" y="53"/>
                      </a:lnTo>
                      <a:lnTo>
                        <a:pt x="43" y="51"/>
                      </a:lnTo>
                      <a:lnTo>
                        <a:pt x="63" y="53"/>
                      </a:lnTo>
                      <a:lnTo>
                        <a:pt x="63" y="51"/>
                      </a:lnTo>
                      <a:lnTo>
                        <a:pt x="65" y="49"/>
                      </a:lnTo>
                      <a:lnTo>
                        <a:pt x="65" y="48"/>
                      </a:lnTo>
                      <a:lnTo>
                        <a:pt x="66" y="46"/>
                      </a:lnTo>
                      <a:lnTo>
                        <a:pt x="68" y="43"/>
                      </a:lnTo>
                      <a:lnTo>
                        <a:pt x="70" y="41"/>
                      </a:lnTo>
                      <a:lnTo>
                        <a:pt x="73" y="39"/>
                      </a:lnTo>
                      <a:lnTo>
                        <a:pt x="77" y="39"/>
                      </a:lnTo>
                      <a:lnTo>
                        <a:pt x="80" y="39"/>
                      </a:lnTo>
                      <a:lnTo>
                        <a:pt x="82" y="37"/>
                      </a:lnTo>
                      <a:lnTo>
                        <a:pt x="83" y="37"/>
                      </a:lnTo>
                      <a:lnTo>
                        <a:pt x="94" y="36"/>
                      </a:lnTo>
                      <a:lnTo>
                        <a:pt x="100" y="34"/>
                      </a:lnTo>
                      <a:lnTo>
                        <a:pt x="105" y="31"/>
                      </a:lnTo>
                      <a:lnTo>
                        <a:pt x="109" y="29"/>
                      </a:lnTo>
                      <a:lnTo>
                        <a:pt x="112" y="27"/>
                      </a:lnTo>
                      <a:lnTo>
                        <a:pt x="116" y="24"/>
                      </a:lnTo>
                      <a:lnTo>
                        <a:pt x="119" y="19"/>
                      </a:lnTo>
                      <a:lnTo>
                        <a:pt x="124" y="12"/>
                      </a:lnTo>
                      <a:lnTo>
                        <a:pt x="132" y="4"/>
                      </a:lnTo>
                      <a:lnTo>
                        <a:pt x="138" y="0"/>
                      </a:lnTo>
                      <a:lnTo>
                        <a:pt x="138" y="2"/>
                      </a:lnTo>
                      <a:lnTo>
                        <a:pt x="136" y="7"/>
                      </a:lnTo>
                      <a:lnTo>
                        <a:pt x="132" y="10"/>
                      </a:lnTo>
                      <a:lnTo>
                        <a:pt x="131" y="14"/>
                      </a:lnTo>
                      <a:lnTo>
                        <a:pt x="129" y="15"/>
                      </a:lnTo>
                      <a:lnTo>
                        <a:pt x="129" y="17"/>
                      </a:lnTo>
                      <a:lnTo>
                        <a:pt x="127" y="19"/>
                      </a:lnTo>
                      <a:lnTo>
                        <a:pt x="127" y="21"/>
                      </a:lnTo>
                      <a:lnTo>
                        <a:pt x="126" y="21"/>
                      </a:lnTo>
                      <a:lnTo>
                        <a:pt x="122" y="26"/>
                      </a:lnTo>
                      <a:lnTo>
                        <a:pt x="119" y="29"/>
                      </a:lnTo>
                      <a:lnTo>
                        <a:pt x="117" y="32"/>
                      </a:lnTo>
                      <a:lnTo>
                        <a:pt x="116" y="34"/>
                      </a:lnTo>
                      <a:lnTo>
                        <a:pt x="116" y="36"/>
                      </a:lnTo>
                      <a:lnTo>
                        <a:pt x="116" y="37"/>
                      </a:lnTo>
                      <a:lnTo>
                        <a:pt x="119" y="36"/>
                      </a:lnTo>
                      <a:lnTo>
                        <a:pt x="122" y="36"/>
                      </a:lnTo>
                      <a:lnTo>
                        <a:pt x="124" y="37"/>
                      </a:lnTo>
                      <a:lnTo>
                        <a:pt x="122" y="39"/>
                      </a:lnTo>
                      <a:lnTo>
                        <a:pt x="122" y="41"/>
                      </a:lnTo>
                      <a:lnTo>
                        <a:pt x="122" y="43"/>
                      </a:lnTo>
                      <a:lnTo>
                        <a:pt x="121" y="48"/>
                      </a:lnTo>
                      <a:lnTo>
                        <a:pt x="122" y="48"/>
                      </a:lnTo>
                      <a:lnTo>
                        <a:pt x="124" y="46"/>
                      </a:lnTo>
                      <a:lnTo>
                        <a:pt x="126" y="46"/>
                      </a:lnTo>
                      <a:lnTo>
                        <a:pt x="129" y="43"/>
                      </a:lnTo>
                      <a:lnTo>
                        <a:pt x="132" y="41"/>
                      </a:lnTo>
                      <a:lnTo>
                        <a:pt x="132" y="39"/>
                      </a:lnTo>
                      <a:lnTo>
                        <a:pt x="129" y="34"/>
                      </a:lnTo>
                      <a:lnTo>
                        <a:pt x="129" y="31"/>
                      </a:lnTo>
                      <a:lnTo>
                        <a:pt x="131" y="26"/>
                      </a:lnTo>
                      <a:lnTo>
                        <a:pt x="136" y="22"/>
                      </a:lnTo>
                      <a:lnTo>
                        <a:pt x="139" y="19"/>
                      </a:lnTo>
                      <a:lnTo>
                        <a:pt x="144" y="15"/>
                      </a:lnTo>
                      <a:lnTo>
                        <a:pt x="148" y="14"/>
                      </a:lnTo>
                      <a:lnTo>
                        <a:pt x="149" y="12"/>
                      </a:lnTo>
                      <a:lnTo>
                        <a:pt x="154" y="12"/>
                      </a:lnTo>
                      <a:lnTo>
                        <a:pt x="160" y="14"/>
                      </a:lnTo>
                      <a:lnTo>
                        <a:pt x="161" y="14"/>
                      </a:lnTo>
                      <a:lnTo>
                        <a:pt x="163" y="12"/>
                      </a:lnTo>
                      <a:lnTo>
                        <a:pt x="165" y="9"/>
                      </a:lnTo>
                      <a:lnTo>
                        <a:pt x="166" y="9"/>
                      </a:lnTo>
                      <a:lnTo>
                        <a:pt x="171" y="4"/>
                      </a:lnTo>
                      <a:lnTo>
                        <a:pt x="175" y="0"/>
                      </a:lnTo>
                      <a:lnTo>
                        <a:pt x="176" y="0"/>
                      </a:lnTo>
                      <a:lnTo>
                        <a:pt x="178" y="2"/>
                      </a:lnTo>
                      <a:lnTo>
                        <a:pt x="178" y="4"/>
                      </a:lnTo>
                      <a:lnTo>
                        <a:pt x="176" y="7"/>
                      </a:lnTo>
                      <a:lnTo>
                        <a:pt x="175" y="9"/>
                      </a:lnTo>
                      <a:lnTo>
                        <a:pt x="170" y="14"/>
                      </a:lnTo>
                      <a:lnTo>
                        <a:pt x="165" y="17"/>
                      </a:lnTo>
                      <a:lnTo>
                        <a:pt x="160" y="22"/>
                      </a:lnTo>
                      <a:lnTo>
                        <a:pt x="154" y="27"/>
                      </a:lnTo>
                      <a:lnTo>
                        <a:pt x="148" y="31"/>
                      </a:lnTo>
                      <a:lnTo>
                        <a:pt x="143" y="36"/>
                      </a:lnTo>
                      <a:lnTo>
                        <a:pt x="138" y="39"/>
                      </a:lnTo>
                      <a:lnTo>
                        <a:pt x="132" y="44"/>
                      </a:lnTo>
                      <a:lnTo>
                        <a:pt x="127" y="48"/>
                      </a:lnTo>
                      <a:lnTo>
                        <a:pt x="122" y="51"/>
                      </a:lnTo>
                      <a:lnTo>
                        <a:pt x="119" y="54"/>
                      </a:lnTo>
                      <a:lnTo>
                        <a:pt x="116" y="58"/>
                      </a:lnTo>
                      <a:lnTo>
                        <a:pt x="112" y="59"/>
                      </a:lnTo>
                      <a:lnTo>
                        <a:pt x="110" y="61"/>
                      </a:lnTo>
                      <a:lnTo>
                        <a:pt x="109" y="63"/>
                      </a:lnTo>
                      <a:lnTo>
                        <a:pt x="97" y="71"/>
                      </a:lnTo>
                      <a:lnTo>
                        <a:pt x="88" y="76"/>
                      </a:lnTo>
                      <a:lnTo>
                        <a:pt x="85" y="78"/>
                      </a:lnTo>
                      <a:lnTo>
                        <a:pt x="85" y="76"/>
                      </a:lnTo>
                      <a:lnTo>
                        <a:pt x="87" y="73"/>
                      </a:lnTo>
                      <a:lnTo>
                        <a:pt x="88" y="71"/>
                      </a:lnTo>
                      <a:lnTo>
                        <a:pt x="90" y="70"/>
                      </a:lnTo>
                      <a:lnTo>
                        <a:pt x="97" y="61"/>
                      </a:lnTo>
                      <a:lnTo>
                        <a:pt x="100" y="58"/>
                      </a:lnTo>
                      <a:lnTo>
                        <a:pt x="97" y="58"/>
                      </a:lnTo>
                      <a:lnTo>
                        <a:pt x="94" y="59"/>
                      </a:lnTo>
                      <a:lnTo>
                        <a:pt x="87" y="65"/>
                      </a:lnTo>
                      <a:lnTo>
                        <a:pt x="80" y="68"/>
                      </a:lnTo>
                      <a:lnTo>
                        <a:pt x="75" y="71"/>
                      </a:lnTo>
                      <a:lnTo>
                        <a:pt x="73" y="73"/>
                      </a:lnTo>
                      <a:lnTo>
                        <a:pt x="61" y="76"/>
                      </a:lnTo>
                      <a:lnTo>
                        <a:pt x="61" y="78"/>
                      </a:lnTo>
                      <a:lnTo>
                        <a:pt x="58" y="80"/>
                      </a:lnTo>
                      <a:lnTo>
                        <a:pt x="55" y="81"/>
                      </a:lnTo>
                      <a:lnTo>
                        <a:pt x="51" y="85"/>
                      </a:lnTo>
                      <a:lnTo>
                        <a:pt x="48" y="87"/>
                      </a:lnTo>
                      <a:lnTo>
                        <a:pt x="44" y="90"/>
                      </a:lnTo>
                      <a:lnTo>
                        <a:pt x="41" y="92"/>
                      </a:lnTo>
                      <a:lnTo>
                        <a:pt x="39" y="92"/>
                      </a:lnTo>
                      <a:lnTo>
                        <a:pt x="29" y="100"/>
                      </a:lnTo>
                      <a:lnTo>
                        <a:pt x="21" y="105"/>
                      </a:lnTo>
                      <a:lnTo>
                        <a:pt x="16" y="109"/>
                      </a:lnTo>
                      <a:lnTo>
                        <a:pt x="14" y="109"/>
                      </a:lnTo>
                      <a:lnTo>
                        <a:pt x="12" y="109"/>
                      </a:lnTo>
                      <a:lnTo>
                        <a:pt x="12" y="107"/>
                      </a:lnTo>
                      <a:lnTo>
                        <a:pt x="14" y="105"/>
                      </a:lnTo>
                      <a:lnTo>
                        <a:pt x="16" y="103"/>
                      </a:lnTo>
                      <a:lnTo>
                        <a:pt x="17" y="102"/>
                      </a:lnTo>
                      <a:lnTo>
                        <a:pt x="19" y="98"/>
                      </a:lnTo>
                      <a:lnTo>
                        <a:pt x="19" y="97"/>
                      </a:lnTo>
                      <a:lnTo>
                        <a:pt x="19" y="95"/>
                      </a:lnTo>
                      <a:lnTo>
                        <a:pt x="16" y="97"/>
                      </a:lnTo>
                      <a:lnTo>
                        <a:pt x="12" y="98"/>
                      </a:lnTo>
                      <a:lnTo>
                        <a:pt x="7" y="105"/>
                      </a:lnTo>
                      <a:close/>
                    </a:path>
                  </a:pathLst>
                </a:custGeom>
                <a:solidFill>
                  <a:srgbClr val="8B3102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80" name="Freeform 175"/>
                <p:cNvSpPr>
                  <a:spLocks/>
                </p:cNvSpPr>
                <p:nvPr/>
              </p:nvSpPr>
              <p:spPr bwMode="auto">
                <a:xfrm>
                  <a:off x="4407" y="988"/>
                  <a:ext cx="591" cy="534"/>
                </a:xfrm>
                <a:custGeom>
                  <a:avLst/>
                  <a:gdLst>
                    <a:gd name="T0" fmla="*/ 17 w 591"/>
                    <a:gd name="T1" fmla="*/ 486 h 534"/>
                    <a:gd name="T2" fmla="*/ 54 w 591"/>
                    <a:gd name="T3" fmla="*/ 478 h 534"/>
                    <a:gd name="T4" fmla="*/ 112 w 591"/>
                    <a:gd name="T5" fmla="*/ 468 h 534"/>
                    <a:gd name="T6" fmla="*/ 181 w 591"/>
                    <a:gd name="T7" fmla="*/ 454 h 534"/>
                    <a:gd name="T8" fmla="*/ 252 w 591"/>
                    <a:gd name="T9" fmla="*/ 440 h 534"/>
                    <a:gd name="T10" fmla="*/ 317 w 591"/>
                    <a:gd name="T11" fmla="*/ 427 h 534"/>
                    <a:gd name="T12" fmla="*/ 366 w 591"/>
                    <a:gd name="T13" fmla="*/ 417 h 534"/>
                    <a:gd name="T14" fmla="*/ 391 w 591"/>
                    <a:gd name="T15" fmla="*/ 412 h 534"/>
                    <a:gd name="T16" fmla="*/ 410 w 591"/>
                    <a:gd name="T17" fmla="*/ 413 h 534"/>
                    <a:gd name="T18" fmla="*/ 418 w 591"/>
                    <a:gd name="T19" fmla="*/ 425 h 534"/>
                    <a:gd name="T20" fmla="*/ 433 w 591"/>
                    <a:gd name="T21" fmla="*/ 432 h 534"/>
                    <a:gd name="T22" fmla="*/ 437 w 591"/>
                    <a:gd name="T23" fmla="*/ 442 h 534"/>
                    <a:gd name="T24" fmla="*/ 449 w 591"/>
                    <a:gd name="T25" fmla="*/ 459 h 534"/>
                    <a:gd name="T26" fmla="*/ 459 w 591"/>
                    <a:gd name="T27" fmla="*/ 468 h 534"/>
                    <a:gd name="T28" fmla="*/ 564 w 591"/>
                    <a:gd name="T29" fmla="*/ 534 h 534"/>
                    <a:gd name="T30" fmla="*/ 591 w 591"/>
                    <a:gd name="T31" fmla="*/ 468 h 534"/>
                    <a:gd name="T32" fmla="*/ 567 w 591"/>
                    <a:gd name="T33" fmla="*/ 278 h 534"/>
                    <a:gd name="T34" fmla="*/ 564 w 591"/>
                    <a:gd name="T35" fmla="*/ 263 h 534"/>
                    <a:gd name="T36" fmla="*/ 557 w 591"/>
                    <a:gd name="T37" fmla="*/ 232 h 534"/>
                    <a:gd name="T38" fmla="*/ 552 w 591"/>
                    <a:gd name="T39" fmla="*/ 202 h 534"/>
                    <a:gd name="T40" fmla="*/ 547 w 591"/>
                    <a:gd name="T41" fmla="*/ 185 h 534"/>
                    <a:gd name="T42" fmla="*/ 537 w 591"/>
                    <a:gd name="T43" fmla="*/ 170 h 534"/>
                    <a:gd name="T44" fmla="*/ 532 w 591"/>
                    <a:gd name="T45" fmla="*/ 176 h 534"/>
                    <a:gd name="T46" fmla="*/ 510 w 591"/>
                    <a:gd name="T47" fmla="*/ 73 h 534"/>
                    <a:gd name="T48" fmla="*/ 484 w 591"/>
                    <a:gd name="T49" fmla="*/ 4 h 534"/>
                    <a:gd name="T50" fmla="*/ 452 w 591"/>
                    <a:gd name="T51" fmla="*/ 12 h 534"/>
                    <a:gd name="T52" fmla="*/ 413 w 591"/>
                    <a:gd name="T53" fmla="*/ 21 h 534"/>
                    <a:gd name="T54" fmla="*/ 389 w 591"/>
                    <a:gd name="T55" fmla="*/ 28 h 534"/>
                    <a:gd name="T56" fmla="*/ 364 w 591"/>
                    <a:gd name="T57" fmla="*/ 38 h 534"/>
                    <a:gd name="T58" fmla="*/ 335 w 591"/>
                    <a:gd name="T59" fmla="*/ 66 h 534"/>
                    <a:gd name="T60" fmla="*/ 313 w 591"/>
                    <a:gd name="T61" fmla="*/ 99 h 534"/>
                    <a:gd name="T62" fmla="*/ 305 w 591"/>
                    <a:gd name="T63" fmla="*/ 117 h 534"/>
                    <a:gd name="T64" fmla="*/ 261 w 591"/>
                    <a:gd name="T65" fmla="*/ 173 h 534"/>
                    <a:gd name="T66" fmla="*/ 278 w 591"/>
                    <a:gd name="T67" fmla="*/ 198 h 534"/>
                    <a:gd name="T68" fmla="*/ 278 w 591"/>
                    <a:gd name="T69" fmla="*/ 209 h 534"/>
                    <a:gd name="T70" fmla="*/ 285 w 591"/>
                    <a:gd name="T71" fmla="*/ 231 h 534"/>
                    <a:gd name="T72" fmla="*/ 276 w 591"/>
                    <a:gd name="T73" fmla="*/ 241 h 534"/>
                    <a:gd name="T74" fmla="*/ 252 w 591"/>
                    <a:gd name="T75" fmla="*/ 263 h 534"/>
                    <a:gd name="T76" fmla="*/ 244 w 591"/>
                    <a:gd name="T77" fmla="*/ 275 h 534"/>
                    <a:gd name="T78" fmla="*/ 230 w 591"/>
                    <a:gd name="T79" fmla="*/ 283 h 534"/>
                    <a:gd name="T80" fmla="*/ 215 w 591"/>
                    <a:gd name="T81" fmla="*/ 285 h 534"/>
                    <a:gd name="T82" fmla="*/ 191 w 591"/>
                    <a:gd name="T83" fmla="*/ 292 h 534"/>
                    <a:gd name="T84" fmla="*/ 181 w 591"/>
                    <a:gd name="T85" fmla="*/ 298 h 534"/>
                    <a:gd name="T86" fmla="*/ 158 w 591"/>
                    <a:gd name="T87" fmla="*/ 293 h 534"/>
                    <a:gd name="T88" fmla="*/ 109 w 591"/>
                    <a:gd name="T89" fmla="*/ 297 h 534"/>
                    <a:gd name="T90" fmla="*/ 70 w 591"/>
                    <a:gd name="T91" fmla="*/ 307 h 534"/>
                    <a:gd name="T92" fmla="*/ 51 w 591"/>
                    <a:gd name="T93" fmla="*/ 319 h 534"/>
                    <a:gd name="T94" fmla="*/ 44 w 591"/>
                    <a:gd name="T95" fmla="*/ 327 h 534"/>
                    <a:gd name="T96" fmla="*/ 49 w 591"/>
                    <a:gd name="T97" fmla="*/ 342 h 534"/>
                    <a:gd name="T98" fmla="*/ 59 w 591"/>
                    <a:gd name="T99" fmla="*/ 354 h 534"/>
                    <a:gd name="T100" fmla="*/ 66 w 591"/>
                    <a:gd name="T101" fmla="*/ 363 h 534"/>
                    <a:gd name="T102" fmla="*/ 66 w 591"/>
                    <a:gd name="T103" fmla="*/ 380 h 534"/>
                    <a:gd name="T104" fmla="*/ 59 w 591"/>
                    <a:gd name="T105" fmla="*/ 388 h 534"/>
                    <a:gd name="T106" fmla="*/ 31 w 591"/>
                    <a:gd name="T107" fmla="*/ 427 h 534"/>
                    <a:gd name="T108" fmla="*/ 31 w 591"/>
                    <a:gd name="T109" fmla="*/ 425 h 534"/>
                    <a:gd name="T110" fmla="*/ 9 w 591"/>
                    <a:gd name="T111" fmla="*/ 451 h 534"/>
                    <a:gd name="T112" fmla="*/ 0 w 591"/>
                    <a:gd name="T113" fmla="*/ 456 h 534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w 591"/>
                    <a:gd name="T172" fmla="*/ 0 h 534"/>
                    <a:gd name="T173" fmla="*/ 591 w 591"/>
                    <a:gd name="T174" fmla="*/ 534 h 534"/>
                  </a:gdLst>
                  <a:ahLst/>
                  <a:cxnLst>
                    <a:cxn ang="T114">
                      <a:pos x="T0" y="T1"/>
                    </a:cxn>
                    <a:cxn ang="T115">
                      <a:pos x="T2" y="T3"/>
                    </a:cxn>
                    <a:cxn ang="T116">
                      <a:pos x="T4" y="T5"/>
                    </a:cxn>
                    <a:cxn ang="T117">
                      <a:pos x="T6" y="T7"/>
                    </a:cxn>
                    <a:cxn ang="T118">
                      <a:pos x="T8" y="T9"/>
                    </a:cxn>
                    <a:cxn ang="T119">
                      <a:pos x="T10" y="T11"/>
                    </a:cxn>
                    <a:cxn ang="T120">
                      <a:pos x="T12" y="T13"/>
                    </a:cxn>
                    <a:cxn ang="T121">
                      <a:pos x="T14" y="T15"/>
                    </a:cxn>
                    <a:cxn ang="T122">
                      <a:pos x="T16" y="T17"/>
                    </a:cxn>
                    <a:cxn ang="T123">
                      <a:pos x="T18" y="T19"/>
                    </a:cxn>
                    <a:cxn ang="T124">
                      <a:pos x="T20" y="T21"/>
                    </a:cxn>
                    <a:cxn ang="T125">
                      <a:pos x="T22" y="T23"/>
                    </a:cxn>
                    <a:cxn ang="T126">
                      <a:pos x="T24" y="T25"/>
                    </a:cxn>
                    <a:cxn ang="T127">
                      <a:pos x="T26" y="T27"/>
                    </a:cxn>
                    <a:cxn ang="T128">
                      <a:pos x="T28" y="T29"/>
                    </a:cxn>
                    <a:cxn ang="T129">
                      <a:pos x="T30" y="T31"/>
                    </a:cxn>
                    <a:cxn ang="T130">
                      <a:pos x="T32" y="T33"/>
                    </a:cxn>
                    <a:cxn ang="T131">
                      <a:pos x="T34" y="T35"/>
                    </a:cxn>
                    <a:cxn ang="T132">
                      <a:pos x="T36" y="T37"/>
                    </a:cxn>
                    <a:cxn ang="T133">
                      <a:pos x="T38" y="T39"/>
                    </a:cxn>
                    <a:cxn ang="T134">
                      <a:pos x="T40" y="T41"/>
                    </a:cxn>
                    <a:cxn ang="T135">
                      <a:pos x="T42" y="T43"/>
                    </a:cxn>
                    <a:cxn ang="T136">
                      <a:pos x="T44" y="T45"/>
                    </a:cxn>
                    <a:cxn ang="T137">
                      <a:pos x="T46" y="T47"/>
                    </a:cxn>
                    <a:cxn ang="T138">
                      <a:pos x="T48" y="T49"/>
                    </a:cxn>
                    <a:cxn ang="T139">
                      <a:pos x="T50" y="T51"/>
                    </a:cxn>
                    <a:cxn ang="T140">
                      <a:pos x="T52" y="T53"/>
                    </a:cxn>
                    <a:cxn ang="T141">
                      <a:pos x="T54" y="T55"/>
                    </a:cxn>
                    <a:cxn ang="T142">
                      <a:pos x="T56" y="T57"/>
                    </a:cxn>
                    <a:cxn ang="T143">
                      <a:pos x="T58" y="T59"/>
                    </a:cxn>
                    <a:cxn ang="T144">
                      <a:pos x="T60" y="T61"/>
                    </a:cxn>
                    <a:cxn ang="T145">
                      <a:pos x="T62" y="T63"/>
                    </a:cxn>
                    <a:cxn ang="T146">
                      <a:pos x="T64" y="T65"/>
                    </a:cxn>
                    <a:cxn ang="T147">
                      <a:pos x="T66" y="T67"/>
                    </a:cxn>
                    <a:cxn ang="T148">
                      <a:pos x="T68" y="T69"/>
                    </a:cxn>
                    <a:cxn ang="T149">
                      <a:pos x="T70" y="T71"/>
                    </a:cxn>
                    <a:cxn ang="T150">
                      <a:pos x="T72" y="T73"/>
                    </a:cxn>
                    <a:cxn ang="T151">
                      <a:pos x="T74" y="T75"/>
                    </a:cxn>
                    <a:cxn ang="T152">
                      <a:pos x="T76" y="T77"/>
                    </a:cxn>
                    <a:cxn ang="T153">
                      <a:pos x="T78" y="T79"/>
                    </a:cxn>
                    <a:cxn ang="T154">
                      <a:pos x="T80" y="T81"/>
                    </a:cxn>
                    <a:cxn ang="T155">
                      <a:pos x="T82" y="T83"/>
                    </a:cxn>
                    <a:cxn ang="T156">
                      <a:pos x="T84" y="T85"/>
                    </a:cxn>
                    <a:cxn ang="T157">
                      <a:pos x="T86" y="T87"/>
                    </a:cxn>
                    <a:cxn ang="T158">
                      <a:pos x="T88" y="T89"/>
                    </a:cxn>
                    <a:cxn ang="T159">
                      <a:pos x="T90" y="T91"/>
                    </a:cxn>
                    <a:cxn ang="T160">
                      <a:pos x="T92" y="T93"/>
                    </a:cxn>
                    <a:cxn ang="T161">
                      <a:pos x="T94" y="T95"/>
                    </a:cxn>
                    <a:cxn ang="T162">
                      <a:pos x="T96" y="T97"/>
                    </a:cxn>
                    <a:cxn ang="T163">
                      <a:pos x="T98" y="T99"/>
                    </a:cxn>
                    <a:cxn ang="T164">
                      <a:pos x="T100" y="T101"/>
                    </a:cxn>
                    <a:cxn ang="T165">
                      <a:pos x="T102" y="T103"/>
                    </a:cxn>
                    <a:cxn ang="T166">
                      <a:pos x="T104" y="T105"/>
                    </a:cxn>
                    <a:cxn ang="T167">
                      <a:pos x="T106" y="T107"/>
                    </a:cxn>
                    <a:cxn ang="T168">
                      <a:pos x="T108" y="T109"/>
                    </a:cxn>
                    <a:cxn ang="T169">
                      <a:pos x="T110" y="T111"/>
                    </a:cxn>
                    <a:cxn ang="T170">
                      <a:pos x="T112" y="T113"/>
                    </a:cxn>
                  </a:cxnLst>
                  <a:rect l="T171" t="T172" r="T173" b="T174"/>
                  <a:pathLst>
                    <a:path w="591" h="534">
                      <a:moveTo>
                        <a:pt x="9" y="488"/>
                      </a:moveTo>
                      <a:lnTo>
                        <a:pt x="9" y="486"/>
                      </a:lnTo>
                      <a:lnTo>
                        <a:pt x="12" y="486"/>
                      </a:lnTo>
                      <a:lnTo>
                        <a:pt x="17" y="486"/>
                      </a:lnTo>
                      <a:lnTo>
                        <a:pt x="24" y="484"/>
                      </a:lnTo>
                      <a:lnTo>
                        <a:pt x="32" y="483"/>
                      </a:lnTo>
                      <a:lnTo>
                        <a:pt x="43" y="481"/>
                      </a:lnTo>
                      <a:lnTo>
                        <a:pt x="54" y="478"/>
                      </a:lnTo>
                      <a:lnTo>
                        <a:pt x="68" y="476"/>
                      </a:lnTo>
                      <a:lnTo>
                        <a:pt x="81" y="473"/>
                      </a:lnTo>
                      <a:lnTo>
                        <a:pt x="97" y="471"/>
                      </a:lnTo>
                      <a:lnTo>
                        <a:pt x="112" y="468"/>
                      </a:lnTo>
                      <a:lnTo>
                        <a:pt x="129" y="464"/>
                      </a:lnTo>
                      <a:lnTo>
                        <a:pt x="146" y="461"/>
                      </a:lnTo>
                      <a:lnTo>
                        <a:pt x="164" y="457"/>
                      </a:lnTo>
                      <a:lnTo>
                        <a:pt x="181" y="454"/>
                      </a:lnTo>
                      <a:lnTo>
                        <a:pt x="200" y="451"/>
                      </a:lnTo>
                      <a:lnTo>
                        <a:pt x="217" y="447"/>
                      </a:lnTo>
                      <a:lnTo>
                        <a:pt x="235" y="444"/>
                      </a:lnTo>
                      <a:lnTo>
                        <a:pt x="252" y="440"/>
                      </a:lnTo>
                      <a:lnTo>
                        <a:pt x="269" y="437"/>
                      </a:lnTo>
                      <a:lnTo>
                        <a:pt x="286" y="434"/>
                      </a:lnTo>
                      <a:lnTo>
                        <a:pt x="301" y="430"/>
                      </a:lnTo>
                      <a:lnTo>
                        <a:pt x="317" y="427"/>
                      </a:lnTo>
                      <a:lnTo>
                        <a:pt x="332" y="424"/>
                      </a:lnTo>
                      <a:lnTo>
                        <a:pt x="344" y="422"/>
                      </a:lnTo>
                      <a:lnTo>
                        <a:pt x="356" y="420"/>
                      </a:lnTo>
                      <a:lnTo>
                        <a:pt x="366" y="417"/>
                      </a:lnTo>
                      <a:lnTo>
                        <a:pt x="376" y="415"/>
                      </a:lnTo>
                      <a:lnTo>
                        <a:pt x="383" y="415"/>
                      </a:lnTo>
                      <a:lnTo>
                        <a:pt x="388" y="413"/>
                      </a:lnTo>
                      <a:lnTo>
                        <a:pt x="391" y="412"/>
                      </a:lnTo>
                      <a:lnTo>
                        <a:pt x="393" y="412"/>
                      </a:lnTo>
                      <a:lnTo>
                        <a:pt x="400" y="412"/>
                      </a:lnTo>
                      <a:lnTo>
                        <a:pt x="405" y="412"/>
                      </a:lnTo>
                      <a:lnTo>
                        <a:pt x="410" y="413"/>
                      </a:lnTo>
                      <a:lnTo>
                        <a:pt x="413" y="417"/>
                      </a:lnTo>
                      <a:lnTo>
                        <a:pt x="415" y="420"/>
                      </a:lnTo>
                      <a:lnTo>
                        <a:pt x="417" y="424"/>
                      </a:lnTo>
                      <a:lnTo>
                        <a:pt x="418" y="425"/>
                      </a:lnTo>
                      <a:lnTo>
                        <a:pt x="420" y="427"/>
                      </a:lnTo>
                      <a:lnTo>
                        <a:pt x="427" y="427"/>
                      </a:lnTo>
                      <a:lnTo>
                        <a:pt x="430" y="429"/>
                      </a:lnTo>
                      <a:lnTo>
                        <a:pt x="433" y="432"/>
                      </a:lnTo>
                      <a:lnTo>
                        <a:pt x="435" y="434"/>
                      </a:lnTo>
                      <a:lnTo>
                        <a:pt x="437" y="437"/>
                      </a:lnTo>
                      <a:lnTo>
                        <a:pt x="437" y="440"/>
                      </a:lnTo>
                      <a:lnTo>
                        <a:pt x="437" y="442"/>
                      </a:lnTo>
                      <a:lnTo>
                        <a:pt x="439" y="444"/>
                      </a:lnTo>
                      <a:lnTo>
                        <a:pt x="442" y="451"/>
                      </a:lnTo>
                      <a:lnTo>
                        <a:pt x="445" y="456"/>
                      </a:lnTo>
                      <a:lnTo>
                        <a:pt x="449" y="459"/>
                      </a:lnTo>
                      <a:lnTo>
                        <a:pt x="452" y="462"/>
                      </a:lnTo>
                      <a:lnTo>
                        <a:pt x="454" y="466"/>
                      </a:lnTo>
                      <a:lnTo>
                        <a:pt x="457" y="468"/>
                      </a:lnTo>
                      <a:lnTo>
                        <a:pt x="459" y="468"/>
                      </a:lnTo>
                      <a:lnTo>
                        <a:pt x="477" y="474"/>
                      </a:lnTo>
                      <a:lnTo>
                        <a:pt x="562" y="501"/>
                      </a:lnTo>
                      <a:lnTo>
                        <a:pt x="564" y="534"/>
                      </a:lnTo>
                      <a:lnTo>
                        <a:pt x="574" y="520"/>
                      </a:lnTo>
                      <a:lnTo>
                        <a:pt x="584" y="496"/>
                      </a:lnTo>
                      <a:lnTo>
                        <a:pt x="577" y="484"/>
                      </a:lnTo>
                      <a:lnTo>
                        <a:pt x="591" y="468"/>
                      </a:lnTo>
                      <a:lnTo>
                        <a:pt x="584" y="459"/>
                      </a:lnTo>
                      <a:lnTo>
                        <a:pt x="571" y="364"/>
                      </a:lnTo>
                      <a:lnTo>
                        <a:pt x="565" y="364"/>
                      </a:lnTo>
                      <a:lnTo>
                        <a:pt x="567" y="278"/>
                      </a:lnTo>
                      <a:lnTo>
                        <a:pt x="567" y="276"/>
                      </a:lnTo>
                      <a:lnTo>
                        <a:pt x="567" y="275"/>
                      </a:lnTo>
                      <a:lnTo>
                        <a:pt x="565" y="270"/>
                      </a:lnTo>
                      <a:lnTo>
                        <a:pt x="564" y="263"/>
                      </a:lnTo>
                      <a:lnTo>
                        <a:pt x="562" y="256"/>
                      </a:lnTo>
                      <a:lnTo>
                        <a:pt x="562" y="249"/>
                      </a:lnTo>
                      <a:lnTo>
                        <a:pt x="560" y="241"/>
                      </a:lnTo>
                      <a:lnTo>
                        <a:pt x="557" y="232"/>
                      </a:lnTo>
                      <a:lnTo>
                        <a:pt x="555" y="224"/>
                      </a:lnTo>
                      <a:lnTo>
                        <a:pt x="554" y="215"/>
                      </a:lnTo>
                      <a:lnTo>
                        <a:pt x="552" y="209"/>
                      </a:lnTo>
                      <a:lnTo>
                        <a:pt x="552" y="202"/>
                      </a:lnTo>
                      <a:lnTo>
                        <a:pt x="550" y="195"/>
                      </a:lnTo>
                      <a:lnTo>
                        <a:pt x="549" y="190"/>
                      </a:lnTo>
                      <a:lnTo>
                        <a:pt x="549" y="187"/>
                      </a:lnTo>
                      <a:lnTo>
                        <a:pt x="547" y="185"/>
                      </a:lnTo>
                      <a:lnTo>
                        <a:pt x="543" y="176"/>
                      </a:lnTo>
                      <a:lnTo>
                        <a:pt x="540" y="171"/>
                      </a:lnTo>
                      <a:lnTo>
                        <a:pt x="538" y="170"/>
                      </a:lnTo>
                      <a:lnTo>
                        <a:pt x="537" y="170"/>
                      </a:lnTo>
                      <a:lnTo>
                        <a:pt x="535" y="171"/>
                      </a:lnTo>
                      <a:lnTo>
                        <a:pt x="533" y="175"/>
                      </a:lnTo>
                      <a:lnTo>
                        <a:pt x="532" y="176"/>
                      </a:lnTo>
                      <a:lnTo>
                        <a:pt x="528" y="173"/>
                      </a:lnTo>
                      <a:lnTo>
                        <a:pt x="520" y="124"/>
                      </a:lnTo>
                      <a:lnTo>
                        <a:pt x="516" y="88"/>
                      </a:lnTo>
                      <a:lnTo>
                        <a:pt x="510" y="73"/>
                      </a:lnTo>
                      <a:lnTo>
                        <a:pt x="494" y="0"/>
                      </a:lnTo>
                      <a:lnTo>
                        <a:pt x="493" y="2"/>
                      </a:lnTo>
                      <a:lnTo>
                        <a:pt x="489" y="2"/>
                      </a:lnTo>
                      <a:lnTo>
                        <a:pt x="484" y="4"/>
                      </a:lnTo>
                      <a:lnTo>
                        <a:pt x="477" y="6"/>
                      </a:lnTo>
                      <a:lnTo>
                        <a:pt x="471" y="7"/>
                      </a:lnTo>
                      <a:lnTo>
                        <a:pt x="461" y="9"/>
                      </a:lnTo>
                      <a:lnTo>
                        <a:pt x="452" y="12"/>
                      </a:lnTo>
                      <a:lnTo>
                        <a:pt x="442" y="14"/>
                      </a:lnTo>
                      <a:lnTo>
                        <a:pt x="432" y="17"/>
                      </a:lnTo>
                      <a:lnTo>
                        <a:pt x="423" y="19"/>
                      </a:lnTo>
                      <a:lnTo>
                        <a:pt x="413" y="21"/>
                      </a:lnTo>
                      <a:lnTo>
                        <a:pt x="406" y="22"/>
                      </a:lnTo>
                      <a:lnTo>
                        <a:pt x="400" y="26"/>
                      </a:lnTo>
                      <a:lnTo>
                        <a:pt x="393" y="26"/>
                      </a:lnTo>
                      <a:lnTo>
                        <a:pt x="389" y="28"/>
                      </a:lnTo>
                      <a:lnTo>
                        <a:pt x="388" y="28"/>
                      </a:lnTo>
                      <a:lnTo>
                        <a:pt x="379" y="29"/>
                      </a:lnTo>
                      <a:lnTo>
                        <a:pt x="371" y="33"/>
                      </a:lnTo>
                      <a:lnTo>
                        <a:pt x="364" y="38"/>
                      </a:lnTo>
                      <a:lnTo>
                        <a:pt x="356" y="43"/>
                      </a:lnTo>
                      <a:lnTo>
                        <a:pt x="349" y="50"/>
                      </a:lnTo>
                      <a:lnTo>
                        <a:pt x="342" y="58"/>
                      </a:lnTo>
                      <a:lnTo>
                        <a:pt x="335" y="66"/>
                      </a:lnTo>
                      <a:lnTo>
                        <a:pt x="329" y="75"/>
                      </a:lnTo>
                      <a:lnTo>
                        <a:pt x="323" y="83"/>
                      </a:lnTo>
                      <a:lnTo>
                        <a:pt x="318" y="90"/>
                      </a:lnTo>
                      <a:lnTo>
                        <a:pt x="313" y="99"/>
                      </a:lnTo>
                      <a:lnTo>
                        <a:pt x="310" y="105"/>
                      </a:lnTo>
                      <a:lnTo>
                        <a:pt x="308" y="110"/>
                      </a:lnTo>
                      <a:lnTo>
                        <a:pt x="305" y="116"/>
                      </a:lnTo>
                      <a:lnTo>
                        <a:pt x="305" y="117"/>
                      </a:lnTo>
                      <a:lnTo>
                        <a:pt x="303" y="119"/>
                      </a:lnTo>
                      <a:lnTo>
                        <a:pt x="288" y="139"/>
                      </a:lnTo>
                      <a:lnTo>
                        <a:pt x="290" y="139"/>
                      </a:lnTo>
                      <a:lnTo>
                        <a:pt x="261" y="173"/>
                      </a:lnTo>
                      <a:lnTo>
                        <a:pt x="274" y="173"/>
                      </a:lnTo>
                      <a:lnTo>
                        <a:pt x="285" y="182"/>
                      </a:lnTo>
                      <a:lnTo>
                        <a:pt x="279" y="197"/>
                      </a:lnTo>
                      <a:lnTo>
                        <a:pt x="278" y="198"/>
                      </a:lnTo>
                      <a:lnTo>
                        <a:pt x="274" y="200"/>
                      </a:lnTo>
                      <a:lnTo>
                        <a:pt x="271" y="202"/>
                      </a:lnTo>
                      <a:lnTo>
                        <a:pt x="271" y="204"/>
                      </a:lnTo>
                      <a:lnTo>
                        <a:pt x="278" y="209"/>
                      </a:lnTo>
                      <a:lnTo>
                        <a:pt x="281" y="214"/>
                      </a:lnTo>
                      <a:lnTo>
                        <a:pt x="285" y="219"/>
                      </a:lnTo>
                      <a:lnTo>
                        <a:pt x="285" y="226"/>
                      </a:lnTo>
                      <a:lnTo>
                        <a:pt x="285" y="231"/>
                      </a:lnTo>
                      <a:lnTo>
                        <a:pt x="285" y="236"/>
                      </a:lnTo>
                      <a:lnTo>
                        <a:pt x="285" y="239"/>
                      </a:lnTo>
                      <a:lnTo>
                        <a:pt x="276" y="241"/>
                      </a:lnTo>
                      <a:lnTo>
                        <a:pt x="269" y="244"/>
                      </a:lnTo>
                      <a:lnTo>
                        <a:pt x="263" y="251"/>
                      </a:lnTo>
                      <a:lnTo>
                        <a:pt x="257" y="256"/>
                      </a:lnTo>
                      <a:lnTo>
                        <a:pt x="252" y="263"/>
                      </a:lnTo>
                      <a:lnTo>
                        <a:pt x="249" y="268"/>
                      </a:lnTo>
                      <a:lnTo>
                        <a:pt x="246" y="271"/>
                      </a:lnTo>
                      <a:lnTo>
                        <a:pt x="246" y="273"/>
                      </a:lnTo>
                      <a:lnTo>
                        <a:pt x="244" y="275"/>
                      </a:lnTo>
                      <a:lnTo>
                        <a:pt x="242" y="276"/>
                      </a:lnTo>
                      <a:lnTo>
                        <a:pt x="239" y="278"/>
                      </a:lnTo>
                      <a:lnTo>
                        <a:pt x="235" y="281"/>
                      </a:lnTo>
                      <a:lnTo>
                        <a:pt x="230" y="283"/>
                      </a:lnTo>
                      <a:lnTo>
                        <a:pt x="227" y="286"/>
                      </a:lnTo>
                      <a:lnTo>
                        <a:pt x="224" y="288"/>
                      </a:lnTo>
                      <a:lnTo>
                        <a:pt x="222" y="288"/>
                      </a:lnTo>
                      <a:lnTo>
                        <a:pt x="215" y="285"/>
                      </a:lnTo>
                      <a:lnTo>
                        <a:pt x="208" y="285"/>
                      </a:lnTo>
                      <a:lnTo>
                        <a:pt x="202" y="286"/>
                      </a:lnTo>
                      <a:lnTo>
                        <a:pt x="197" y="288"/>
                      </a:lnTo>
                      <a:lnTo>
                        <a:pt x="191" y="292"/>
                      </a:lnTo>
                      <a:lnTo>
                        <a:pt x="186" y="293"/>
                      </a:lnTo>
                      <a:lnTo>
                        <a:pt x="183" y="295"/>
                      </a:lnTo>
                      <a:lnTo>
                        <a:pt x="183" y="297"/>
                      </a:lnTo>
                      <a:lnTo>
                        <a:pt x="181" y="298"/>
                      </a:lnTo>
                      <a:lnTo>
                        <a:pt x="163" y="297"/>
                      </a:lnTo>
                      <a:lnTo>
                        <a:pt x="161" y="295"/>
                      </a:lnTo>
                      <a:lnTo>
                        <a:pt x="158" y="293"/>
                      </a:lnTo>
                      <a:lnTo>
                        <a:pt x="156" y="293"/>
                      </a:lnTo>
                      <a:lnTo>
                        <a:pt x="139" y="293"/>
                      </a:lnTo>
                      <a:lnTo>
                        <a:pt x="122" y="295"/>
                      </a:lnTo>
                      <a:lnTo>
                        <a:pt x="109" y="297"/>
                      </a:lnTo>
                      <a:lnTo>
                        <a:pt x="97" y="298"/>
                      </a:lnTo>
                      <a:lnTo>
                        <a:pt x="87" y="300"/>
                      </a:lnTo>
                      <a:lnTo>
                        <a:pt x="76" y="303"/>
                      </a:lnTo>
                      <a:lnTo>
                        <a:pt x="70" y="307"/>
                      </a:lnTo>
                      <a:lnTo>
                        <a:pt x="63" y="310"/>
                      </a:lnTo>
                      <a:lnTo>
                        <a:pt x="58" y="312"/>
                      </a:lnTo>
                      <a:lnTo>
                        <a:pt x="54" y="315"/>
                      </a:lnTo>
                      <a:lnTo>
                        <a:pt x="51" y="319"/>
                      </a:lnTo>
                      <a:lnTo>
                        <a:pt x="48" y="320"/>
                      </a:lnTo>
                      <a:lnTo>
                        <a:pt x="48" y="324"/>
                      </a:lnTo>
                      <a:lnTo>
                        <a:pt x="46" y="325"/>
                      </a:lnTo>
                      <a:lnTo>
                        <a:pt x="44" y="327"/>
                      </a:lnTo>
                      <a:lnTo>
                        <a:pt x="46" y="332"/>
                      </a:lnTo>
                      <a:lnTo>
                        <a:pt x="48" y="337"/>
                      </a:lnTo>
                      <a:lnTo>
                        <a:pt x="49" y="342"/>
                      </a:lnTo>
                      <a:lnTo>
                        <a:pt x="53" y="347"/>
                      </a:lnTo>
                      <a:lnTo>
                        <a:pt x="54" y="351"/>
                      </a:lnTo>
                      <a:lnTo>
                        <a:pt x="58" y="354"/>
                      </a:lnTo>
                      <a:lnTo>
                        <a:pt x="59" y="354"/>
                      </a:lnTo>
                      <a:lnTo>
                        <a:pt x="59" y="356"/>
                      </a:lnTo>
                      <a:lnTo>
                        <a:pt x="61" y="358"/>
                      </a:lnTo>
                      <a:lnTo>
                        <a:pt x="65" y="359"/>
                      </a:lnTo>
                      <a:lnTo>
                        <a:pt x="66" y="363"/>
                      </a:lnTo>
                      <a:lnTo>
                        <a:pt x="68" y="364"/>
                      </a:lnTo>
                      <a:lnTo>
                        <a:pt x="68" y="371"/>
                      </a:lnTo>
                      <a:lnTo>
                        <a:pt x="66" y="376"/>
                      </a:lnTo>
                      <a:lnTo>
                        <a:pt x="66" y="380"/>
                      </a:lnTo>
                      <a:lnTo>
                        <a:pt x="65" y="383"/>
                      </a:lnTo>
                      <a:lnTo>
                        <a:pt x="63" y="385"/>
                      </a:lnTo>
                      <a:lnTo>
                        <a:pt x="61" y="386"/>
                      </a:lnTo>
                      <a:lnTo>
                        <a:pt x="59" y="388"/>
                      </a:lnTo>
                      <a:lnTo>
                        <a:pt x="54" y="395"/>
                      </a:lnTo>
                      <a:lnTo>
                        <a:pt x="46" y="412"/>
                      </a:lnTo>
                      <a:lnTo>
                        <a:pt x="31" y="427"/>
                      </a:lnTo>
                      <a:lnTo>
                        <a:pt x="32" y="425"/>
                      </a:lnTo>
                      <a:lnTo>
                        <a:pt x="31" y="425"/>
                      </a:lnTo>
                      <a:lnTo>
                        <a:pt x="24" y="435"/>
                      </a:lnTo>
                      <a:lnTo>
                        <a:pt x="17" y="442"/>
                      </a:lnTo>
                      <a:lnTo>
                        <a:pt x="12" y="447"/>
                      </a:lnTo>
                      <a:lnTo>
                        <a:pt x="9" y="451"/>
                      </a:lnTo>
                      <a:lnTo>
                        <a:pt x="5" y="452"/>
                      </a:lnTo>
                      <a:lnTo>
                        <a:pt x="2" y="454"/>
                      </a:lnTo>
                      <a:lnTo>
                        <a:pt x="0" y="456"/>
                      </a:lnTo>
                      <a:lnTo>
                        <a:pt x="9" y="488"/>
                      </a:lnTo>
                      <a:close/>
                    </a:path>
                  </a:pathLst>
                </a:custGeom>
                <a:solidFill>
                  <a:srgbClr val="2D73FF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63" name="Freeform 176"/>
              <p:cNvSpPr>
                <a:spLocks/>
              </p:cNvSpPr>
              <p:nvPr/>
            </p:nvSpPr>
            <p:spPr bwMode="auto">
              <a:xfrm>
                <a:off x="4773" y="1315"/>
                <a:ext cx="156" cy="330"/>
              </a:xfrm>
              <a:custGeom>
                <a:avLst/>
                <a:gdLst>
                  <a:gd name="T0" fmla="*/ 88 w 160"/>
                  <a:gd name="T1" fmla="*/ 205 h 340"/>
                  <a:gd name="T2" fmla="*/ 90 w 160"/>
                  <a:gd name="T3" fmla="*/ 201 h 340"/>
                  <a:gd name="T4" fmla="*/ 99 w 160"/>
                  <a:gd name="T5" fmla="*/ 190 h 340"/>
                  <a:gd name="T6" fmla="*/ 108 w 160"/>
                  <a:gd name="T7" fmla="*/ 189 h 340"/>
                  <a:gd name="T8" fmla="*/ 109 w 160"/>
                  <a:gd name="T9" fmla="*/ 186 h 340"/>
                  <a:gd name="T10" fmla="*/ 110 w 160"/>
                  <a:gd name="T11" fmla="*/ 178 h 340"/>
                  <a:gd name="T12" fmla="*/ 113 w 160"/>
                  <a:gd name="T13" fmla="*/ 174 h 340"/>
                  <a:gd name="T14" fmla="*/ 109 w 160"/>
                  <a:gd name="T15" fmla="*/ 171 h 340"/>
                  <a:gd name="T16" fmla="*/ 104 w 160"/>
                  <a:gd name="T17" fmla="*/ 168 h 340"/>
                  <a:gd name="T18" fmla="*/ 100 w 160"/>
                  <a:gd name="T19" fmla="*/ 157 h 340"/>
                  <a:gd name="T20" fmla="*/ 96 w 160"/>
                  <a:gd name="T21" fmla="*/ 153 h 340"/>
                  <a:gd name="T22" fmla="*/ 89 w 160"/>
                  <a:gd name="T23" fmla="*/ 147 h 340"/>
                  <a:gd name="T24" fmla="*/ 33 w 160"/>
                  <a:gd name="T25" fmla="*/ 0 h 340"/>
                  <a:gd name="T26" fmla="*/ 20 w 160"/>
                  <a:gd name="T27" fmla="*/ 8 h 340"/>
                  <a:gd name="T28" fmla="*/ 20 w 160"/>
                  <a:gd name="T29" fmla="*/ 13 h 340"/>
                  <a:gd name="T30" fmla="*/ 20 w 160"/>
                  <a:gd name="T31" fmla="*/ 17 h 340"/>
                  <a:gd name="T32" fmla="*/ 20 w 160"/>
                  <a:gd name="T33" fmla="*/ 25 h 340"/>
                  <a:gd name="T34" fmla="*/ 20 w 160"/>
                  <a:gd name="T35" fmla="*/ 35 h 340"/>
                  <a:gd name="T36" fmla="*/ 20 w 160"/>
                  <a:gd name="T37" fmla="*/ 39 h 340"/>
                  <a:gd name="T38" fmla="*/ 20 w 160"/>
                  <a:gd name="T39" fmla="*/ 45 h 340"/>
                  <a:gd name="T40" fmla="*/ 20 w 160"/>
                  <a:gd name="T41" fmla="*/ 48 h 340"/>
                  <a:gd name="T42" fmla="*/ 20 w 160"/>
                  <a:gd name="T43" fmla="*/ 55 h 340"/>
                  <a:gd name="T44" fmla="*/ 25 w 160"/>
                  <a:gd name="T45" fmla="*/ 62 h 340"/>
                  <a:gd name="T46" fmla="*/ 25 w 160"/>
                  <a:gd name="T47" fmla="*/ 71 h 340"/>
                  <a:gd name="T48" fmla="*/ 20 w 160"/>
                  <a:gd name="T49" fmla="*/ 81 h 340"/>
                  <a:gd name="T50" fmla="*/ 17 w 160"/>
                  <a:gd name="T51" fmla="*/ 88 h 340"/>
                  <a:gd name="T52" fmla="*/ 17 w 160"/>
                  <a:gd name="T53" fmla="*/ 86 h 340"/>
                  <a:gd name="T54" fmla="*/ 10 w 160"/>
                  <a:gd name="T55" fmla="*/ 92 h 340"/>
                  <a:gd name="T56" fmla="*/ 11 w 160"/>
                  <a:gd name="T57" fmla="*/ 101 h 340"/>
                  <a:gd name="T58" fmla="*/ 11 w 160"/>
                  <a:gd name="T59" fmla="*/ 110 h 340"/>
                  <a:gd name="T60" fmla="*/ 11 w 160"/>
                  <a:gd name="T61" fmla="*/ 123 h 340"/>
                  <a:gd name="T62" fmla="*/ 8 w 160"/>
                  <a:gd name="T63" fmla="*/ 134 h 340"/>
                  <a:gd name="T64" fmla="*/ 6 w 160"/>
                  <a:gd name="T65" fmla="*/ 142 h 340"/>
                  <a:gd name="T66" fmla="*/ 5 w 160"/>
                  <a:gd name="T67" fmla="*/ 147 h 340"/>
                  <a:gd name="T68" fmla="*/ 1 w 160"/>
                  <a:gd name="T69" fmla="*/ 153 h 340"/>
                  <a:gd name="T70" fmla="*/ 0 w 160"/>
                  <a:gd name="T71" fmla="*/ 168 h 340"/>
                  <a:gd name="T72" fmla="*/ 6 w 160"/>
                  <a:gd name="T73" fmla="*/ 176 h 340"/>
                  <a:gd name="T74" fmla="*/ 6 w 160"/>
                  <a:gd name="T75" fmla="*/ 182 h 340"/>
                  <a:gd name="T76" fmla="*/ 6 w 160"/>
                  <a:gd name="T77" fmla="*/ 189 h 340"/>
                  <a:gd name="T78" fmla="*/ 8 w 160"/>
                  <a:gd name="T79" fmla="*/ 190 h 340"/>
                  <a:gd name="T80" fmla="*/ 10 w 160"/>
                  <a:gd name="T81" fmla="*/ 196 h 340"/>
                  <a:gd name="T82" fmla="*/ 6 w 160"/>
                  <a:gd name="T83" fmla="*/ 205 h 340"/>
                  <a:gd name="T84" fmla="*/ 6 w 160"/>
                  <a:gd name="T85" fmla="*/ 211 h 340"/>
                  <a:gd name="T86" fmla="*/ 8 w 160"/>
                  <a:gd name="T87" fmla="*/ 219 h 340"/>
                  <a:gd name="T88" fmla="*/ 82 w 160"/>
                  <a:gd name="T89" fmla="*/ 209 h 340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w 160"/>
                  <a:gd name="T136" fmla="*/ 0 h 340"/>
                  <a:gd name="T137" fmla="*/ 160 w 160"/>
                  <a:gd name="T138" fmla="*/ 340 h 340"/>
                </a:gdLst>
                <a:ahLst/>
                <a:cxnLst>
                  <a:cxn ang="T90">
                    <a:pos x="T0" y="T1"/>
                  </a:cxn>
                  <a:cxn ang="T91">
                    <a:pos x="T2" y="T3"/>
                  </a:cxn>
                  <a:cxn ang="T92">
                    <a:pos x="T4" y="T5"/>
                  </a:cxn>
                  <a:cxn ang="T93">
                    <a:pos x="T6" y="T7"/>
                  </a:cxn>
                  <a:cxn ang="T94">
                    <a:pos x="T8" y="T9"/>
                  </a:cxn>
                  <a:cxn ang="T95">
                    <a:pos x="T10" y="T11"/>
                  </a:cxn>
                  <a:cxn ang="T96">
                    <a:pos x="T12" y="T13"/>
                  </a:cxn>
                  <a:cxn ang="T97">
                    <a:pos x="T14" y="T15"/>
                  </a:cxn>
                  <a:cxn ang="T98">
                    <a:pos x="T16" y="T17"/>
                  </a:cxn>
                  <a:cxn ang="T99">
                    <a:pos x="T18" y="T19"/>
                  </a:cxn>
                  <a:cxn ang="T100">
                    <a:pos x="T20" y="T21"/>
                  </a:cxn>
                  <a:cxn ang="T101">
                    <a:pos x="T22" y="T23"/>
                  </a:cxn>
                  <a:cxn ang="T102">
                    <a:pos x="T24" y="T25"/>
                  </a:cxn>
                  <a:cxn ang="T103">
                    <a:pos x="T26" y="T27"/>
                  </a:cxn>
                  <a:cxn ang="T104">
                    <a:pos x="T28" y="T29"/>
                  </a:cxn>
                  <a:cxn ang="T105">
                    <a:pos x="T30" y="T31"/>
                  </a:cxn>
                  <a:cxn ang="T106">
                    <a:pos x="T32" y="T33"/>
                  </a:cxn>
                  <a:cxn ang="T107">
                    <a:pos x="T34" y="T35"/>
                  </a:cxn>
                  <a:cxn ang="T108">
                    <a:pos x="T36" y="T37"/>
                  </a:cxn>
                  <a:cxn ang="T109">
                    <a:pos x="T38" y="T39"/>
                  </a:cxn>
                  <a:cxn ang="T110">
                    <a:pos x="T40" y="T41"/>
                  </a:cxn>
                  <a:cxn ang="T111">
                    <a:pos x="T42" y="T43"/>
                  </a:cxn>
                  <a:cxn ang="T112">
                    <a:pos x="T44" y="T45"/>
                  </a:cxn>
                  <a:cxn ang="T113">
                    <a:pos x="T46" y="T47"/>
                  </a:cxn>
                  <a:cxn ang="T114">
                    <a:pos x="T48" y="T49"/>
                  </a:cxn>
                  <a:cxn ang="T115">
                    <a:pos x="T50" y="T51"/>
                  </a:cxn>
                  <a:cxn ang="T116">
                    <a:pos x="T52" y="T53"/>
                  </a:cxn>
                  <a:cxn ang="T117">
                    <a:pos x="T54" y="T55"/>
                  </a:cxn>
                  <a:cxn ang="T118">
                    <a:pos x="T56" y="T57"/>
                  </a:cxn>
                  <a:cxn ang="T119">
                    <a:pos x="T58" y="T59"/>
                  </a:cxn>
                  <a:cxn ang="T120">
                    <a:pos x="T60" y="T61"/>
                  </a:cxn>
                  <a:cxn ang="T121">
                    <a:pos x="T62" y="T63"/>
                  </a:cxn>
                  <a:cxn ang="T122">
                    <a:pos x="T64" y="T65"/>
                  </a:cxn>
                  <a:cxn ang="T123">
                    <a:pos x="T66" y="T67"/>
                  </a:cxn>
                  <a:cxn ang="T124">
                    <a:pos x="T68" y="T69"/>
                  </a:cxn>
                  <a:cxn ang="T125">
                    <a:pos x="T70" y="T71"/>
                  </a:cxn>
                  <a:cxn ang="T126">
                    <a:pos x="T72" y="T73"/>
                  </a:cxn>
                  <a:cxn ang="T127">
                    <a:pos x="T74" y="T75"/>
                  </a:cxn>
                  <a:cxn ang="T128">
                    <a:pos x="T76" y="T77"/>
                  </a:cxn>
                  <a:cxn ang="T129">
                    <a:pos x="T78" y="T79"/>
                  </a:cxn>
                  <a:cxn ang="T130">
                    <a:pos x="T80" y="T81"/>
                  </a:cxn>
                  <a:cxn ang="T131">
                    <a:pos x="T82" y="T83"/>
                  </a:cxn>
                  <a:cxn ang="T132">
                    <a:pos x="T84" y="T85"/>
                  </a:cxn>
                  <a:cxn ang="T133">
                    <a:pos x="T86" y="T87"/>
                  </a:cxn>
                  <a:cxn ang="T134">
                    <a:pos x="T88" y="T89"/>
                  </a:cxn>
                </a:cxnLst>
                <a:rect l="T135" t="T136" r="T137" b="T138"/>
                <a:pathLst>
                  <a:path w="160" h="340">
                    <a:moveTo>
                      <a:pt x="116" y="318"/>
                    </a:moveTo>
                    <a:lnTo>
                      <a:pt x="123" y="311"/>
                    </a:lnTo>
                    <a:lnTo>
                      <a:pt x="125" y="311"/>
                    </a:lnTo>
                    <a:lnTo>
                      <a:pt x="125" y="308"/>
                    </a:lnTo>
                    <a:lnTo>
                      <a:pt x="127" y="306"/>
                    </a:lnTo>
                    <a:lnTo>
                      <a:pt x="128" y="305"/>
                    </a:lnTo>
                    <a:lnTo>
                      <a:pt x="132" y="298"/>
                    </a:lnTo>
                    <a:lnTo>
                      <a:pt x="137" y="293"/>
                    </a:lnTo>
                    <a:lnTo>
                      <a:pt x="142" y="289"/>
                    </a:lnTo>
                    <a:lnTo>
                      <a:pt x="147" y="286"/>
                    </a:lnTo>
                    <a:lnTo>
                      <a:pt x="150" y="286"/>
                    </a:lnTo>
                    <a:lnTo>
                      <a:pt x="154" y="286"/>
                    </a:lnTo>
                    <a:lnTo>
                      <a:pt x="155" y="286"/>
                    </a:lnTo>
                    <a:lnTo>
                      <a:pt x="157" y="286"/>
                    </a:lnTo>
                    <a:lnTo>
                      <a:pt x="155" y="283"/>
                    </a:lnTo>
                    <a:lnTo>
                      <a:pt x="155" y="279"/>
                    </a:lnTo>
                    <a:lnTo>
                      <a:pt x="157" y="274"/>
                    </a:lnTo>
                    <a:lnTo>
                      <a:pt x="157" y="271"/>
                    </a:lnTo>
                    <a:lnTo>
                      <a:pt x="159" y="269"/>
                    </a:lnTo>
                    <a:lnTo>
                      <a:pt x="159" y="266"/>
                    </a:lnTo>
                    <a:lnTo>
                      <a:pt x="160" y="264"/>
                    </a:lnTo>
                    <a:lnTo>
                      <a:pt x="157" y="261"/>
                    </a:lnTo>
                    <a:lnTo>
                      <a:pt x="155" y="259"/>
                    </a:lnTo>
                    <a:lnTo>
                      <a:pt x="154" y="257"/>
                    </a:lnTo>
                    <a:lnTo>
                      <a:pt x="150" y="255"/>
                    </a:lnTo>
                    <a:lnTo>
                      <a:pt x="149" y="254"/>
                    </a:lnTo>
                    <a:lnTo>
                      <a:pt x="149" y="247"/>
                    </a:lnTo>
                    <a:lnTo>
                      <a:pt x="147" y="242"/>
                    </a:lnTo>
                    <a:lnTo>
                      <a:pt x="143" y="239"/>
                    </a:lnTo>
                    <a:lnTo>
                      <a:pt x="142" y="235"/>
                    </a:lnTo>
                    <a:lnTo>
                      <a:pt x="138" y="233"/>
                    </a:lnTo>
                    <a:lnTo>
                      <a:pt x="137" y="233"/>
                    </a:lnTo>
                    <a:lnTo>
                      <a:pt x="133" y="232"/>
                    </a:lnTo>
                    <a:lnTo>
                      <a:pt x="127" y="223"/>
                    </a:lnTo>
                    <a:lnTo>
                      <a:pt x="61" y="5"/>
                    </a:lnTo>
                    <a:lnTo>
                      <a:pt x="54" y="2"/>
                    </a:lnTo>
                    <a:lnTo>
                      <a:pt x="47" y="0"/>
                    </a:lnTo>
                    <a:lnTo>
                      <a:pt x="42" y="2"/>
                    </a:lnTo>
                    <a:lnTo>
                      <a:pt x="37" y="5"/>
                    </a:lnTo>
                    <a:lnTo>
                      <a:pt x="33" y="8"/>
                    </a:lnTo>
                    <a:lnTo>
                      <a:pt x="32" y="10"/>
                    </a:lnTo>
                    <a:lnTo>
                      <a:pt x="30" y="13"/>
                    </a:lnTo>
                    <a:lnTo>
                      <a:pt x="33" y="15"/>
                    </a:lnTo>
                    <a:lnTo>
                      <a:pt x="37" y="24"/>
                    </a:lnTo>
                    <a:lnTo>
                      <a:pt x="32" y="25"/>
                    </a:lnTo>
                    <a:lnTo>
                      <a:pt x="33" y="32"/>
                    </a:lnTo>
                    <a:lnTo>
                      <a:pt x="28" y="34"/>
                    </a:lnTo>
                    <a:lnTo>
                      <a:pt x="28" y="39"/>
                    </a:lnTo>
                    <a:lnTo>
                      <a:pt x="30" y="39"/>
                    </a:lnTo>
                    <a:lnTo>
                      <a:pt x="32" y="49"/>
                    </a:lnTo>
                    <a:lnTo>
                      <a:pt x="32" y="51"/>
                    </a:lnTo>
                    <a:lnTo>
                      <a:pt x="33" y="54"/>
                    </a:lnTo>
                    <a:lnTo>
                      <a:pt x="33" y="56"/>
                    </a:lnTo>
                    <a:lnTo>
                      <a:pt x="33" y="61"/>
                    </a:lnTo>
                    <a:lnTo>
                      <a:pt x="33" y="64"/>
                    </a:lnTo>
                    <a:lnTo>
                      <a:pt x="32" y="68"/>
                    </a:lnTo>
                    <a:lnTo>
                      <a:pt x="28" y="73"/>
                    </a:lnTo>
                    <a:lnTo>
                      <a:pt x="28" y="74"/>
                    </a:lnTo>
                    <a:lnTo>
                      <a:pt x="30" y="74"/>
                    </a:lnTo>
                    <a:lnTo>
                      <a:pt x="32" y="76"/>
                    </a:lnTo>
                    <a:lnTo>
                      <a:pt x="32" y="79"/>
                    </a:lnTo>
                    <a:lnTo>
                      <a:pt x="33" y="83"/>
                    </a:lnTo>
                    <a:lnTo>
                      <a:pt x="35" y="85"/>
                    </a:lnTo>
                    <a:lnTo>
                      <a:pt x="37" y="90"/>
                    </a:lnTo>
                    <a:lnTo>
                      <a:pt x="39" y="93"/>
                    </a:lnTo>
                    <a:lnTo>
                      <a:pt x="39" y="98"/>
                    </a:lnTo>
                    <a:lnTo>
                      <a:pt x="39" y="101"/>
                    </a:lnTo>
                    <a:lnTo>
                      <a:pt x="39" y="107"/>
                    </a:lnTo>
                    <a:lnTo>
                      <a:pt x="37" y="112"/>
                    </a:lnTo>
                    <a:lnTo>
                      <a:pt x="33" y="117"/>
                    </a:lnTo>
                    <a:lnTo>
                      <a:pt x="30" y="122"/>
                    </a:lnTo>
                    <a:lnTo>
                      <a:pt x="23" y="127"/>
                    </a:lnTo>
                    <a:lnTo>
                      <a:pt x="17" y="132"/>
                    </a:lnTo>
                    <a:lnTo>
                      <a:pt x="17" y="134"/>
                    </a:lnTo>
                    <a:lnTo>
                      <a:pt x="17" y="132"/>
                    </a:lnTo>
                    <a:lnTo>
                      <a:pt x="10" y="139"/>
                    </a:lnTo>
                    <a:lnTo>
                      <a:pt x="10" y="140"/>
                    </a:lnTo>
                    <a:lnTo>
                      <a:pt x="10" y="144"/>
                    </a:lnTo>
                    <a:lnTo>
                      <a:pt x="11" y="147"/>
                    </a:lnTo>
                    <a:lnTo>
                      <a:pt x="11" y="152"/>
                    </a:lnTo>
                    <a:lnTo>
                      <a:pt x="11" y="157"/>
                    </a:lnTo>
                    <a:lnTo>
                      <a:pt x="11" y="162"/>
                    </a:lnTo>
                    <a:lnTo>
                      <a:pt x="11" y="167"/>
                    </a:lnTo>
                    <a:lnTo>
                      <a:pt x="11" y="174"/>
                    </a:lnTo>
                    <a:lnTo>
                      <a:pt x="11" y="179"/>
                    </a:lnTo>
                    <a:lnTo>
                      <a:pt x="11" y="186"/>
                    </a:lnTo>
                    <a:lnTo>
                      <a:pt x="10" y="193"/>
                    </a:lnTo>
                    <a:lnTo>
                      <a:pt x="10" y="198"/>
                    </a:lnTo>
                    <a:lnTo>
                      <a:pt x="8" y="203"/>
                    </a:lnTo>
                    <a:lnTo>
                      <a:pt x="8" y="208"/>
                    </a:lnTo>
                    <a:lnTo>
                      <a:pt x="6" y="211"/>
                    </a:lnTo>
                    <a:lnTo>
                      <a:pt x="6" y="215"/>
                    </a:lnTo>
                    <a:lnTo>
                      <a:pt x="5" y="218"/>
                    </a:lnTo>
                    <a:lnTo>
                      <a:pt x="5" y="222"/>
                    </a:lnTo>
                    <a:lnTo>
                      <a:pt x="5" y="223"/>
                    </a:lnTo>
                    <a:lnTo>
                      <a:pt x="3" y="228"/>
                    </a:lnTo>
                    <a:lnTo>
                      <a:pt x="1" y="233"/>
                    </a:lnTo>
                    <a:lnTo>
                      <a:pt x="0" y="240"/>
                    </a:lnTo>
                    <a:lnTo>
                      <a:pt x="0" y="247"/>
                    </a:lnTo>
                    <a:lnTo>
                      <a:pt x="0" y="254"/>
                    </a:lnTo>
                    <a:lnTo>
                      <a:pt x="1" y="261"/>
                    </a:lnTo>
                    <a:lnTo>
                      <a:pt x="5" y="267"/>
                    </a:lnTo>
                    <a:lnTo>
                      <a:pt x="6" y="267"/>
                    </a:lnTo>
                    <a:lnTo>
                      <a:pt x="6" y="271"/>
                    </a:lnTo>
                    <a:lnTo>
                      <a:pt x="6" y="274"/>
                    </a:lnTo>
                    <a:lnTo>
                      <a:pt x="6" y="277"/>
                    </a:lnTo>
                    <a:lnTo>
                      <a:pt x="6" y="281"/>
                    </a:lnTo>
                    <a:lnTo>
                      <a:pt x="6" y="284"/>
                    </a:lnTo>
                    <a:lnTo>
                      <a:pt x="6" y="286"/>
                    </a:lnTo>
                    <a:lnTo>
                      <a:pt x="6" y="288"/>
                    </a:lnTo>
                    <a:lnTo>
                      <a:pt x="8" y="289"/>
                    </a:lnTo>
                    <a:lnTo>
                      <a:pt x="8" y="293"/>
                    </a:lnTo>
                    <a:lnTo>
                      <a:pt x="10" y="296"/>
                    </a:lnTo>
                    <a:lnTo>
                      <a:pt x="10" y="299"/>
                    </a:lnTo>
                    <a:lnTo>
                      <a:pt x="10" y="305"/>
                    </a:lnTo>
                    <a:lnTo>
                      <a:pt x="10" y="308"/>
                    </a:lnTo>
                    <a:lnTo>
                      <a:pt x="6" y="311"/>
                    </a:lnTo>
                    <a:lnTo>
                      <a:pt x="6" y="313"/>
                    </a:lnTo>
                    <a:lnTo>
                      <a:pt x="6" y="315"/>
                    </a:lnTo>
                    <a:lnTo>
                      <a:pt x="6" y="320"/>
                    </a:lnTo>
                    <a:lnTo>
                      <a:pt x="6" y="323"/>
                    </a:lnTo>
                    <a:lnTo>
                      <a:pt x="6" y="328"/>
                    </a:lnTo>
                    <a:lnTo>
                      <a:pt x="8" y="333"/>
                    </a:lnTo>
                    <a:lnTo>
                      <a:pt x="10" y="337"/>
                    </a:lnTo>
                    <a:lnTo>
                      <a:pt x="15" y="340"/>
                    </a:lnTo>
                    <a:lnTo>
                      <a:pt x="116" y="31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64" name="Group 177"/>
              <p:cNvGrpSpPr>
                <a:grpSpLocks/>
              </p:cNvGrpSpPr>
              <p:nvPr/>
            </p:nvGrpSpPr>
            <p:grpSpPr bwMode="auto">
              <a:xfrm>
                <a:off x="3502" y="2791"/>
                <a:ext cx="368" cy="598"/>
                <a:chOff x="3720" y="2429"/>
                <a:chExt cx="378" cy="616"/>
              </a:xfrm>
            </p:grpSpPr>
            <p:sp>
              <p:nvSpPr>
                <p:cNvPr id="77" name="Freeform 178"/>
                <p:cNvSpPr>
                  <a:spLocks/>
                </p:cNvSpPr>
                <p:nvPr/>
              </p:nvSpPr>
              <p:spPr bwMode="auto">
                <a:xfrm>
                  <a:off x="3720" y="2429"/>
                  <a:ext cx="378" cy="616"/>
                </a:xfrm>
                <a:custGeom>
                  <a:avLst/>
                  <a:gdLst>
                    <a:gd name="T0" fmla="*/ 51 w 378"/>
                    <a:gd name="T1" fmla="*/ 607 h 616"/>
                    <a:gd name="T2" fmla="*/ 54 w 378"/>
                    <a:gd name="T3" fmla="*/ 592 h 616"/>
                    <a:gd name="T4" fmla="*/ 75 w 378"/>
                    <a:gd name="T5" fmla="*/ 548 h 616"/>
                    <a:gd name="T6" fmla="*/ 97 w 378"/>
                    <a:gd name="T7" fmla="*/ 605 h 616"/>
                    <a:gd name="T8" fmla="*/ 92 w 378"/>
                    <a:gd name="T9" fmla="*/ 607 h 616"/>
                    <a:gd name="T10" fmla="*/ 81 w 378"/>
                    <a:gd name="T11" fmla="*/ 611 h 616"/>
                    <a:gd name="T12" fmla="*/ 73 w 378"/>
                    <a:gd name="T13" fmla="*/ 614 h 616"/>
                    <a:gd name="T14" fmla="*/ 70 w 378"/>
                    <a:gd name="T15" fmla="*/ 616 h 616"/>
                    <a:gd name="T16" fmla="*/ 83 w 378"/>
                    <a:gd name="T17" fmla="*/ 614 h 616"/>
                    <a:gd name="T18" fmla="*/ 98 w 378"/>
                    <a:gd name="T19" fmla="*/ 611 h 616"/>
                    <a:gd name="T20" fmla="*/ 110 w 378"/>
                    <a:gd name="T21" fmla="*/ 607 h 616"/>
                    <a:gd name="T22" fmla="*/ 115 w 378"/>
                    <a:gd name="T23" fmla="*/ 607 h 616"/>
                    <a:gd name="T24" fmla="*/ 114 w 378"/>
                    <a:gd name="T25" fmla="*/ 604 h 616"/>
                    <a:gd name="T26" fmla="*/ 112 w 378"/>
                    <a:gd name="T27" fmla="*/ 600 h 616"/>
                    <a:gd name="T28" fmla="*/ 122 w 378"/>
                    <a:gd name="T29" fmla="*/ 590 h 616"/>
                    <a:gd name="T30" fmla="*/ 125 w 378"/>
                    <a:gd name="T31" fmla="*/ 585 h 616"/>
                    <a:gd name="T32" fmla="*/ 125 w 378"/>
                    <a:gd name="T33" fmla="*/ 582 h 616"/>
                    <a:gd name="T34" fmla="*/ 125 w 378"/>
                    <a:gd name="T35" fmla="*/ 582 h 616"/>
                    <a:gd name="T36" fmla="*/ 125 w 378"/>
                    <a:gd name="T37" fmla="*/ 580 h 616"/>
                    <a:gd name="T38" fmla="*/ 125 w 378"/>
                    <a:gd name="T39" fmla="*/ 577 h 616"/>
                    <a:gd name="T40" fmla="*/ 124 w 378"/>
                    <a:gd name="T41" fmla="*/ 572 h 616"/>
                    <a:gd name="T42" fmla="*/ 124 w 378"/>
                    <a:gd name="T43" fmla="*/ 570 h 616"/>
                    <a:gd name="T44" fmla="*/ 127 w 378"/>
                    <a:gd name="T45" fmla="*/ 558 h 616"/>
                    <a:gd name="T46" fmla="*/ 119 w 378"/>
                    <a:gd name="T47" fmla="*/ 548 h 616"/>
                    <a:gd name="T48" fmla="*/ 109 w 378"/>
                    <a:gd name="T49" fmla="*/ 539 h 616"/>
                    <a:gd name="T50" fmla="*/ 103 w 378"/>
                    <a:gd name="T51" fmla="*/ 538 h 616"/>
                    <a:gd name="T52" fmla="*/ 378 w 378"/>
                    <a:gd name="T53" fmla="*/ 489 h 616"/>
                    <a:gd name="T54" fmla="*/ 361 w 378"/>
                    <a:gd name="T55" fmla="*/ 455 h 616"/>
                    <a:gd name="T56" fmla="*/ 361 w 378"/>
                    <a:gd name="T57" fmla="*/ 445 h 616"/>
                    <a:gd name="T58" fmla="*/ 361 w 378"/>
                    <a:gd name="T59" fmla="*/ 431 h 616"/>
                    <a:gd name="T60" fmla="*/ 359 w 378"/>
                    <a:gd name="T61" fmla="*/ 421 h 616"/>
                    <a:gd name="T62" fmla="*/ 354 w 378"/>
                    <a:gd name="T63" fmla="*/ 413 h 616"/>
                    <a:gd name="T64" fmla="*/ 349 w 378"/>
                    <a:gd name="T65" fmla="*/ 399 h 616"/>
                    <a:gd name="T66" fmla="*/ 349 w 378"/>
                    <a:gd name="T67" fmla="*/ 385 h 616"/>
                    <a:gd name="T68" fmla="*/ 351 w 378"/>
                    <a:gd name="T69" fmla="*/ 377 h 616"/>
                    <a:gd name="T70" fmla="*/ 351 w 378"/>
                    <a:gd name="T71" fmla="*/ 367 h 616"/>
                    <a:gd name="T72" fmla="*/ 351 w 378"/>
                    <a:gd name="T73" fmla="*/ 355 h 616"/>
                    <a:gd name="T74" fmla="*/ 352 w 378"/>
                    <a:gd name="T75" fmla="*/ 348 h 616"/>
                    <a:gd name="T76" fmla="*/ 354 w 378"/>
                    <a:gd name="T77" fmla="*/ 345 h 616"/>
                    <a:gd name="T78" fmla="*/ 361 w 378"/>
                    <a:gd name="T79" fmla="*/ 336 h 616"/>
                    <a:gd name="T80" fmla="*/ 364 w 378"/>
                    <a:gd name="T81" fmla="*/ 328 h 616"/>
                    <a:gd name="T82" fmla="*/ 361 w 378"/>
                    <a:gd name="T83" fmla="*/ 323 h 616"/>
                    <a:gd name="T84" fmla="*/ 357 w 378"/>
                    <a:gd name="T85" fmla="*/ 321 h 616"/>
                    <a:gd name="T86" fmla="*/ 356 w 378"/>
                    <a:gd name="T87" fmla="*/ 314 h 616"/>
                    <a:gd name="T88" fmla="*/ 352 w 378"/>
                    <a:gd name="T89" fmla="*/ 304 h 616"/>
                    <a:gd name="T90" fmla="*/ 349 w 378"/>
                    <a:gd name="T91" fmla="*/ 297 h 616"/>
                    <a:gd name="T92" fmla="*/ 347 w 378"/>
                    <a:gd name="T93" fmla="*/ 296 h 616"/>
                    <a:gd name="T94" fmla="*/ 329 w 378"/>
                    <a:gd name="T95" fmla="*/ 257 h 616"/>
                    <a:gd name="T96" fmla="*/ 257 w 378"/>
                    <a:gd name="T97" fmla="*/ 0 h 616"/>
                    <a:gd name="T98" fmla="*/ 0 w 378"/>
                    <a:gd name="T99" fmla="*/ 414 h 616"/>
                    <a:gd name="T100" fmla="*/ 44 w 378"/>
                    <a:gd name="T101" fmla="*/ 599 h 61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w 378"/>
                    <a:gd name="T154" fmla="*/ 0 h 616"/>
                    <a:gd name="T155" fmla="*/ 378 w 378"/>
                    <a:gd name="T156" fmla="*/ 616 h 616"/>
                  </a:gdLst>
                  <a:ahLst/>
                  <a:cxnLst>
                    <a:cxn ang="T102">
                      <a:pos x="T0" y="T1"/>
                    </a:cxn>
                    <a:cxn ang="T103">
                      <a:pos x="T2" y="T3"/>
                    </a:cxn>
                    <a:cxn ang="T104">
                      <a:pos x="T4" y="T5"/>
                    </a:cxn>
                    <a:cxn ang="T105">
                      <a:pos x="T6" y="T7"/>
                    </a:cxn>
                    <a:cxn ang="T106">
                      <a:pos x="T8" y="T9"/>
                    </a:cxn>
                    <a:cxn ang="T107">
                      <a:pos x="T10" y="T11"/>
                    </a:cxn>
                    <a:cxn ang="T108">
                      <a:pos x="T12" y="T13"/>
                    </a:cxn>
                    <a:cxn ang="T109">
                      <a:pos x="T14" y="T15"/>
                    </a:cxn>
                    <a:cxn ang="T110">
                      <a:pos x="T16" y="T17"/>
                    </a:cxn>
                    <a:cxn ang="T111">
                      <a:pos x="T18" y="T19"/>
                    </a:cxn>
                    <a:cxn ang="T112">
                      <a:pos x="T20" y="T21"/>
                    </a:cxn>
                    <a:cxn ang="T113">
                      <a:pos x="T22" y="T23"/>
                    </a:cxn>
                    <a:cxn ang="T114">
                      <a:pos x="T24" y="T25"/>
                    </a:cxn>
                    <a:cxn ang="T115">
                      <a:pos x="T26" y="T27"/>
                    </a:cxn>
                    <a:cxn ang="T116">
                      <a:pos x="T28" y="T29"/>
                    </a:cxn>
                    <a:cxn ang="T117">
                      <a:pos x="T30" y="T31"/>
                    </a:cxn>
                    <a:cxn ang="T118">
                      <a:pos x="T32" y="T33"/>
                    </a:cxn>
                    <a:cxn ang="T119">
                      <a:pos x="T34" y="T35"/>
                    </a:cxn>
                    <a:cxn ang="T120">
                      <a:pos x="T36" y="T37"/>
                    </a:cxn>
                    <a:cxn ang="T121">
                      <a:pos x="T38" y="T39"/>
                    </a:cxn>
                    <a:cxn ang="T122">
                      <a:pos x="T40" y="T41"/>
                    </a:cxn>
                    <a:cxn ang="T123">
                      <a:pos x="T42" y="T43"/>
                    </a:cxn>
                    <a:cxn ang="T124">
                      <a:pos x="T44" y="T45"/>
                    </a:cxn>
                    <a:cxn ang="T125">
                      <a:pos x="T46" y="T47"/>
                    </a:cxn>
                    <a:cxn ang="T126">
                      <a:pos x="T48" y="T49"/>
                    </a:cxn>
                    <a:cxn ang="T127">
                      <a:pos x="T50" y="T51"/>
                    </a:cxn>
                    <a:cxn ang="T128">
                      <a:pos x="T52" y="T53"/>
                    </a:cxn>
                    <a:cxn ang="T129">
                      <a:pos x="T54" y="T55"/>
                    </a:cxn>
                    <a:cxn ang="T130">
                      <a:pos x="T56" y="T57"/>
                    </a:cxn>
                    <a:cxn ang="T131">
                      <a:pos x="T58" y="T59"/>
                    </a:cxn>
                    <a:cxn ang="T132">
                      <a:pos x="T60" y="T61"/>
                    </a:cxn>
                    <a:cxn ang="T133">
                      <a:pos x="T62" y="T63"/>
                    </a:cxn>
                    <a:cxn ang="T134">
                      <a:pos x="T64" y="T65"/>
                    </a:cxn>
                    <a:cxn ang="T135">
                      <a:pos x="T66" y="T67"/>
                    </a:cxn>
                    <a:cxn ang="T136">
                      <a:pos x="T68" y="T69"/>
                    </a:cxn>
                    <a:cxn ang="T137">
                      <a:pos x="T70" y="T71"/>
                    </a:cxn>
                    <a:cxn ang="T138">
                      <a:pos x="T72" y="T73"/>
                    </a:cxn>
                    <a:cxn ang="T139">
                      <a:pos x="T74" y="T75"/>
                    </a:cxn>
                    <a:cxn ang="T140">
                      <a:pos x="T76" y="T77"/>
                    </a:cxn>
                    <a:cxn ang="T141">
                      <a:pos x="T78" y="T79"/>
                    </a:cxn>
                    <a:cxn ang="T142">
                      <a:pos x="T80" y="T81"/>
                    </a:cxn>
                    <a:cxn ang="T143">
                      <a:pos x="T82" y="T83"/>
                    </a:cxn>
                    <a:cxn ang="T144">
                      <a:pos x="T84" y="T85"/>
                    </a:cxn>
                    <a:cxn ang="T145">
                      <a:pos x="T86" y="T87"/>
                    </a:cxn>
                    <a:cxn ang="T146">
                      <a:pos x="T88" y="T89"/>
                    </a:cxn>
                    <a:cxn ang="T147">
                      <a:pos x="T90" y="T91"/>
                    </a:cxn>
                    <a:cxn ang="T148">
                      <a:pos x="T92" y="T93"/>
                    </a:cxn>
                    <a:cxn ang="T149">
                      <a:pos x="T94" y="T95"/>
                    </a:cxn>
                    <a:cxn ang="T150">
                      <a:pos x="T96" y="T97"/>
                    </a:cxn>
                    <a:cxn ang="T151">
                      <a:pos x="T98" y="T99"/>
                    </a:cxn>
                    <a:cxn ang="T152">
                      <a:pos x="T100" y="T101"/>
                    </a:cxn>
                  </a:cxnLst>
                  <a:rect l="T153" t="T154" r="T155" b="T156"/>
                  <a:pathLst>
                    <a:path w="378" h="616">
                      <a:moveTo>
                        <a:pt x="44" y="599"/>
                      </a:moveTo>
                      <a:lnTo>
                        <a:pt x="51" y="607"/>
                      </a:lnTo>
                      <a:lnTo>
                        <a:pt x="58" y="600"/>
                      </a:lnTo>
                      <a:lnTo>
                        <a:pt x="54" y="592"/>
                      </a:lnTo>
                      <a:lnTo>
                        <a:pt x="61" y="550"/>
                      </a:lnTo>
                      <a:lnTo>
                        <a:pt x="75" y="548"/>
                      </a:lnTo>
                      <a:lnTo>
                        <a:pt x="73" y="587"/>
                      </a:lnTo>
                      <a:lnTo>
                        <a:pt x="97" y="605"/>
                      </a:lnTo>
                      <a:lnTo>
                        <a:pt x="95" y="605"/>
                      </a:lnTo>
                      <a:lnTo>
                        <a:pt x="92" y="607"/>
                      </a:lnTo>
                      <a:lnTo>
                        <a:pt x="87" y="609"/>
                      </a:lnTo>
                      <a:lnTo>
                        <a:pt x="81" y="611"/>
                      </a:lnTo>
                      <a:lnTo>
                        <a:pt x="76" y="612"/>
                      </a:lnTo>
                      <a:lnTo>
                        <a:pt x="73" y="614"/>
                      </a:lnTo>
                      <a:lnTo>
                        <a:pt x="70" y="616"/>
                      </a:lnTo>
                      <a:lnTo>
                        <a:pt x="76" y="616"/>
                      </a:lnTo>
                      <a:lnTo>
                        <a:pt x="83" y="614"/>
                      </a:lnTo>
                      <a:lnTo>
                        <a:pt x="92" y="612"/>
                      </a:lnTo>
                      <a:lnTo>
                        <a:pt x="98" y="611"/>
                      </a:lnTo>
                      <a:lnTo>
                        <a:pt x="105" y="609"/>
                      </a:lnTo>
                      <a:lnTo>
                        <a:pt x="110" y="607"/>
                      </a:lnTo>
                      <a:lnTo>
                        <a:pt x="114" y="607"/>
                      </a:lnTo>
                      <a:lnTo>
                        <a:pt x="115" y="607"/>
                      </a:lnTo>
                      <a:lnTo>
                        <a:pt x="115" y="605"/>
                      </a:lnTo>
                      <a:lnTo>
                        <a:pt x="114" y="604"/>
                      </a:lnTo>
                      <a:lnTo>
                        <a:pt x="112" y="602"/>
                      </a:lnTo>
                      <a:lnTo>
                        <a:pt x="112" y="600"/>
                      </a:lnTo>
                      <a:lnTo>
                        <a:pt x="117" y="595"/>
                      </a:lnTo>
                      <a:lnTo>
                        <a:pt x="122" y="590"/>
                      </a:lnTo>
                      <a:lnTo>
                        <a:pt x="124" y="587"/>
                      </a:lnTo>
                      <a:lnTo>
                        <a:pt x="125" y="585"/>
                      </a:lnTo>
                      <a:lnTo>
                        <a:pt x="125" y="583"/>
                      </a:lnTo>
                      <a:lnTo>
                        <a:pt x="125" y="582"/>
                      </a:lnTo>
                      <a:lnTo>
                        <a:pt x="125" y="580"/>
                      </a:lnTo>
                      <a:lnTo>
                        <a:pt x="125" y="578"/>
                      </a:lnTo>
                      <a:lnTo>
                        <a:pt x="125" y="577"/>
                      </a:lnTo>
                      <a:lnTo>
                        <a:pt x="124" y="573"/>
                      </a:lnTo>
                      <a:lnTo>
                        <a:pt x="124" y="572"/>
                      </a:lnTo>
                      <a:lnTo>
                        <a:pt x="124" y="570"/>
                      </a:lnTo>
                      <a:lnTo>
                        <a:pt x="127" y="565"/>
                      </a:lnTo>
                      <a:lnTo>
                        <a:pt x="127" y="558"/>
                      </a:lnTo>
                      <a:lnTo>
                        <a:pt x="124" y="553"/>
                      </a:lnTo>
                      <a:lnTo>
                        <a:pt x="119" y="548"/>
                      </a:lnTo>
                      <a:lnTo>
                        <a:pt x="114" y="545"/>
                      </a:lnTo>
                      <a:lnTo>
                        <a:pt x="109" y="539"/>
                      </a:lnTo>
                      <a:lnTo>
                        <a:pt x="105" y="538"/>
                      </a:lnTo>
                      <a:lnTo>
                        <a:pt x="103" y="538"/>
                      </a:lnTo>
                      <a:lnTo>
                        <a:pt x="102" y="516"/>
                      </a:lnTo>
                      <a:lnTo>
                        <a:pt x="378" y="489"/>
                      </a:lnTo>
                      <a:lnTo>
                        <a:pt x="361" y="457"/>
                      </a:lnTo>
                      <a:lnTo>
                        <a:pt x="361" y="455"/>
                      </a:lnTo>
                      <a:lnTo>
                        <a:pt x="361" y="450"/>
                      </a:lnTo>
                      <a:lnTo>
                        <a:pt x="361" y="445"/>
                      </a:lnTo>
                      <a:lnTo>
                        <a:pt x="361" y="438"/>
                      </a:lnTo>
                      <a:lnTo>
                        <a:pt x="361" y="431"/>
                      </a:lnTo>
                      <a:lnTo>
                        <a:pt x="359" y="424"/>
                      </a:lnTo>
                      <a:lnTo>
                        <a:pt x="359" y="421"/>
                      </a:lnTo>
                      <a:lnTo>
                        <a:pt x="359" y="418"/>
                      </a:lnTo>
                      <a:lnTo>
                        <a:pt x="354" y="413"/>
                      </a:lnTo>
                      <a:lnTo>
                        <a:pt x="351" y="406"/>
                      </a:lnTo>
                      <a:lnTo>
                        <a:pt x="349" y="399"/>
                      </a:lnTo>
                      <a:lnTo>
                        <a:pt x="349" y="391"/>
                      </a:lnTo>
                      <a:lnTo>
                        <a:pt x="349" y="385"/>
                      </a:lnTo>
                      <a:lnTo>
                        <a:pt x="349" y="380"/>
                      </a:lnTo>
                      <a:lnTo>
                        <a:pt x="351" y="377"/>
                      </a:lnTo>
                      <a:lnTo>
                        <a:pt x="351" y="374"/>
                      </a:lnTo>
                      <a:lnTo>
                        <a:pt x="351" y="367"/>
                      </a:lnTo>
                      <a:lnTo>
                        <a:pt x="351" y="360"/>
                      </a:lnTo>
                      <a:lnTo>
                        <a:pt x="351" y="355"/>
                      </a:lnTo>
                      <a:lnTo>
                        <a:pt x="352" y="350"/>
                      </a:lnTo>
                      <a:lnTo>
                        <a:pt x="352" y="348"/>
                      </a:lnTo>
                      <a:lnTo>
                        <a:pt x="352" y="345"/>
                      </a:lnTo>
                      <a:lnTo>
                        <a:pt x="354" y="345"/>
                      </a:lnTo>
                      <a:lnTo>
                        <a:pt x="354" y="343"/>
                      </a:lnTo>
                      <a:lnTo>
                        <a:pt x="361" y="336"/>
                      </a:lnTo>
                      <a:lnTo>
                        <a:pt x="364" y="331"/>
                      </a:lnTo>
                      <a:lnTo>
                        <a:pt x="364" y="328"/>
                      </a:lnTo>
                      <a:lnTo>
                        <a:pt x="364" y="325"/>
                      </a:lnTo>
                      <a:lnTo>
                        <a:pt x="361" y="323"/>
                      </a:lnTo>
                      <a:lnTo>
                        <a:pt x="359" y="323"/>
                      </a:lnTo>
                      <a:lnTo>
                        <a:pt x="357" y="321"/>
                      </a:lnTo>
                      <a:lnTo>
                        <a:pt x="356" y="319"/>
                      </a:lnTo>
                      <a:lnTo>
                        <a:pt x="356" y="314"/>
                      </a:lnTo>
                      <a:lnTo>
                        <a:pt x="356" y="308"/>
                      </a:lnTo>
                      <a:lnTo>
                        <a:pt x="352" y="304"/>
                      </a:lnTo>
                      <a:lnTo>
                        <a:pt x="351" y="301"/>
                      </a:lnTo>
                      <a:lnTo>
                        <a:pt x="349" y="297"/>
                      </a:lnTo>
                      <a:lnTo>
                        <a:pt x="347" y="296"/>
                      </a:lnTo>
                      <a:lnTo>
                        <a:pt x="345" y="294"/>
                      </a:lnTo>
                      <a:lnTo>
                        <a:pt x="329" y="257"/>
                      </a:lnTo>
                      <a:lnTo>
                        <a:pt x="256" y="0"/>
                      </a:lnTo>
                      <a:lnTo>
                        <a:pt x="257" y="0"/>
                      </a:lnTo>
                      <a:lnTo>
                        <a:pt x="5" y="22"/>
                      </a:lnTo>
                      <a:lnTo>
                        <a:pt x="0" y="414"/>
                      </a:lnTo>
                      <a:lnTo>
                        <a:pt x="24" y="599"/>
                      </a:lnTo>
                      <a:lnTo>
                        <a:pt x="44" y="599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8" name="Freeform 179"/>
                <p:cNvSpPr>
                  <a:spLocks/>
                </p:cNvSpPr>
                <p:nvPr/>
              </p:nvSpPr>
              <p:spPr bwMode="auto">
                <a:xfrm>
                  <a:off x="3720" y="2429"/>
                  <a:ext cx="378" cy="616"/>
                </a:xfrm>
                <a:custGeom>
                  <a:avLst/>
                  <a:gdLst>
                    <a:gd name="T0" fmla="*/ 51 w 378"/>
                    <a:gd name="T1" fmla="*/ 607 h 616"/>
                    <a:gd name="T2" fmla="*/ 54 w 378"/>
                    <a:gd name="T3" fmla="*/ 592 h 616"/>
                    <a:gd name="T4" fmla="*/ 75 w 378"/>
                    <a:gd name="T5" fmla="*/ 548 h 616"/>
                    <a:gd name="T6" fmla="*/ 97 w 378"/>
                    <a:gd name="T7" fmla="*/ 605 h 616"/>
                    <a:gd name="T8" fmla="*/ 95 w 378"/>
                    <a:gd name="T9" fmla="*/ 605 h 616"/>
                    <a:gd name="T10" fmla="*/ 87 w 378"/>
                    <a:gd name="T11" fmla="*/ 609 h 616"/>
                    <a:gd name="T12" fmla="*/ 76 w 378"/>
                    <a:gd name="T13" fmla="*/ 612 h 616"/>
                    <a:gd name="T14" fmla="*/ 70 w 378"/>
                    <a:gd name="T15" fmla="*/ 616 h 616"/>
                    <a:gd name="T16" fmla="*/ 70 w 378"/>
                    <a:gd name="T17" fmla="*/ 616 h 616"/>
                    <a:gd name="T18" fmla="*/ 83 w 378"/>
                    <a:gd name="T19" fmla="*/ 614 h 616"/>
                    <a:gd name="T20" fmla="*/ 98 w 378"/>
                    <a:gd name="T21" fmla="*/ 611 h 616"/>
                    <a:gd name="T22" fmla="*/ 110 w 378"/>
                    <a:gd name="T23" fmla="*/ 607 h 616"/>
                    <a:gd name="T24" fmla="*/ 115 w 378"/>
                    <a:gd name="T25" fmla="*/ 607 h 616"/>
                    <a:gd name="T26" fmla="*/ 115 w 378"/>
                    <a:gd name="T27" fmla="*/ 605 h 616"/>
                    <a:gd name="T28" fmla="*/ 112 w 378"/>
                    <a:gd name="T29" fmla="*/ 602 h 616"/>
                    <a:gd name="T30" fmla="*/ 112 w 378"/>
                    <a:gd name="T31" fmla="*/ 600 h 616"/>
                    <a:gd name="T32" fmla="*/ 122 w 378"/>
                    <a:gd name="T33" fmla="*/ 590 h 616"/>
                    <a:gd name="T34" fmla="*/ 125 w 378"/>
                    <a:gd name="T35" fmla="*/ 585 h 616"/>
                    <a:gd name="T36" fmla="*/ 125 w 378"/>
                    <a:gd name="T37" fmla="*/ 582 h 616"/>
                    <a:gd name="T38" fmla="*/ 125 w 378"/>
                    <a:gd name="T39" fmla="*/ 582 h 616"/>
                    <a:gd name="T40" fmla="*/ 125 w 378"/>
                    <a:gd name="T41" fmla="*/ 582 h 616"/>
                    <a:gd name="T42" fmla="*/ 125 w 378"/>
                    <a:gd name="T43" fmla="*/ 578 h 616"/>
                    <a:gd name="T44" fmla="*/ 124 w 378"/>
                    <a:gd name="T45" fmla="*/ 573 h 616"/>
                    <a:gd name="T46" fmla="*/ 124 w 378"/>
                    <a:gd name="T47" fmla="*/ 570 h 616"/>
                    <a:gd name="T48" fmla="*/ 124 w 378"/>
                    <a:gd name="T49" fmla="*/ 570 h 616"/>
                    <a:gd name="T50" fmla="*/ 127 w 378"/>
                    <a:gd name="T51" fmla="*/ 558 h 616"/>
                    <a:gd name="T52" fmla="*/ 119 w 378"/>
                    <a:gd name="T53" fmla="*/ 548 h 616"/>
                    <a:gd name="T54" fmla="*/ 109 w 378"/>
                    <a:gd name="T55" fmla="*/ 539 h 616"/>
                    <a:gd name="T56" fmla="*/ 103 w 378"/>
                    <a:gd name="T57" fmla="*/ 538 h 616"/>
                    <a:gd name="T58" fmla="*/ 378 w 378"/>
                    <a:gd name="T59" fmla="*/ 489 h 616"/>
                    <a:gd name="T60" fmla="*/ 361 w 378"/>
                    <a:gd name="T61" fmla="*/ 457 h 616"/>
                    <a:gd name="T62" fmla="*/ 361 w 378"/>
                    <a:gd name="T63" fmla="*/ 450 h 616"/>
                    <a:gd name="T64" fmla="*/ 361 w 378"/>
                    <a:gd name="T65" fmla="*/ 438 h 616"/>
                    <a:gd name="T66" fmla="*/ 359 w 378"/>
                    <a:gd name="T67" fmla="*/ 424 h 616"/>
                    <a:gd name="T68" fmla="*/ 359 w 378"/>
                    <a:gd name="T69" fmla="*/ 418 h 616"/>
                    <a:gd name="T70" fmla="*/ 354 w 378"/>
                    <a:gd name="T71" fmla="*/ 413 h 616"/>
                    <a:gd name="T72" fmla="*/ 349 w 378"/>
                    <a:gd name="T73" fmla="*/ 399 h 616"/>
                    <a:gd name="T74" fmla="*/ 349 w 378"/>
                    <a:gd name="T75" fmla="*/ 385 h 616"/>
                    <a:gd name="T76" fmla="*/ 351 w 378"/>
                    <a:gd name="T77" fmla="*/ 377 h 616"/>
                    <a:gd name="T78" fmla="*/ 351 w 378"/>
                    <a:gd name="T79" fmla="*/ 374 h 616"/>
                    <a:gd name="T80" fmla="*/ 351 w 378"/>
                    <a:gd name="T81" fmla="*/ 360 h 616"/>
                    <a:gd name="T82" fmla="*/ 352 w 378"/>
                    <a:gd name="T83" fmla="*/ 350 h 616"/>
                    <a:gd name="T84" fmla="*/ 352 w 378"/>
                    <a:gd name="T85" fmla="*/ 345 h 616"/>
                    <a:gd name="T86" fmla="*/ 354 w 378"/>
                    <a:gd name="T87" fmla="*/ 343 h 616"/>
                    <a:gd name="T88" fmla="*/ 361 w 378"/>
                    <a:gd name="T89" fmla="*/ 336 h 616"/>
                    <a:gd name="T90" fmla="*/ 364 w 378"/>
                    <a:gd name="T91" fmla="*/ 328 h 616"/>
                    <a:gd name="T92" fmla="*/ 361 w 378"/>
                    <a:gd name="T93" fmla="*/ 323 h 616"/>
                    <a:gd name="T94" fmla="*/ 357 w 378"/>
                    <a:gd name="T95" fmla="*/ 321 h 616"/>
                    <a:gd name="T96" fmla="*/ 356 w 378"/>
                    <a:gd name="T97" fmla="*/ 319 h 616"/>
                    <a:gd name="T98" fmla="*/ 356 w 378"/>
                    <a:gd name="T99" fmla="*/ 308 h 616"/>
                    <a:gd name="T100" fmla="*/ 351 w 378"/>
                    <a:gd name="T101" fmla="*/ 301 h 616"/>
                    <a:gd name="T102" fmla="*/ 347 w 378"/>
                    <a:gd name="T103" fmla="*/ 296 h 616"/>
                    <a:gd name="T104" fmla="*/ 345 w 378"/>
                    <a:gd name="T105" fmla="*/ 294 h 616"/>
                    <a:gd name="T106" fmla="*/ 256 w 378"/>
                    <a:gd name="T107" fmla="*/ 0 h 616"/>
                    <a:gd name="T108" fmla="*/ 5 w 378"/>
                    <a:gd name="T109" fmla="*/ 22 h 616"/>
                    <a:gd name="T110" fmla="*/ 24 w 378"/>
                    <a:gd name="T111" fmla="*/ 599 h 61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w 378"/>
                    <a:gd name="T169" fmla="*/ 0 h 616"/>
                    <a:gd name="T170" fmla="*/ 378 w 378"/>
                    <a:gd name="T171" fmla="*/ 616 h 616"/>
                  </a:gdLst>
                  <a:ahLst/>
                  <a:cxnLst>
                    <a:cxn ang="T112">
                      <a:pos x="T0" y="T1"/>
                    </a:cxn>
                    <a:cxn ang="T113">
                      <a:pos x="T2" y="T3"/>
                    </a:cxn>
                    <a:cxn ang="T114">
                      <a:pos x="T4" y="T5"/>
                    </a:cxn>
                    <a:cxn ang="T115">
                      <a:pos x="T6" y="T7"/>
                    </a:cxn>
                    <a:cxn ang="T116">
                      <a:pos x="T8" y="T9"/>
                    </a:cxn>
                    <a:cxn ang="T117">
                      <a:pos x="T10" y="T11"/>
                    </a:cxn>
                    <a:cxn ang="T118">
                      <a:pos x="T12" y="T13"/>
                    </a:cxn>
                    <a:cxn ang="T119">
                      <a:pos x="T14" y="T15"/>
                    </a:cxn>
                    <a:cxn ang="T120">
                      <a:pos x="T16" y="T17"/>
                    </a:cxn>
                    <a:cxn ang="T121">
                      <a:pos x="T18" y="T19"/>
                    </a:cxn>
                    <a:cxn ang="T122">
                      <a:pos x="T20" y="T21"/>
                    </a:cxn>
                    <a:cxn ang="T123">
                      <a:pos x="T22" y="T23"/>
                    </a:cxn>
                    <a:cxn ang="T124">
                      <a:pos x="T24" y="T25"/>
                    </a:cxn>
                    <a:cxn ang="T125">
                      <a:pos x="T26" y="T27"/>
                    </a:cxn>
                    <a:cxn ang="T126">
                      <a:pos x="T28" y="T29"/>
                    </a:cxn>
                    <a:cxn ang="T127">
                      <a:pos x="T30" y="T31"/>
                    </a:cxn>
                    <a:cxn ang="T128">
                      <a:pos x="T32" y="T33"/>
                    </a:cxn>
                    <a:cxn ang="T129">
                      <a:pos x="T34" y="T35"/>
                    </a:cxn>
                    <a:cxn ang="T130">
                      <a:pos x="T36" y="T37"/>
                    </a:cxn>
                    <a:cxn ang="T131">
                      <a:pos x="T38" y="T39"/>
                    </a:cxn>
                    <a:cxn ang="T132">
                      <a:pos x="T40" y="T41"/>
                    </a:cxn>
                    <a:cxn ang="T133">
                      <a:pos x="T42" y="T43"/>
                    </a:cxn>
                    <a:cxn ang="T134">
                      <a:pos x="T44" y="T45"/>
                    </a:cxn>
                    <a:cxn ang="T135">
                      <a:pos x="T46" y="T47"/>
                    </a:cxn>
                    <a:cxn ang="T136">
                      <a:pos x="T48" y="T49"/>
                    </a:cxn>
                    <a:cxn ang="T137">
                      <a:pos x="T50" y="T51"/>
                    </a:cxn>
                    <a:cxn ang="T138">
                      <a:pos x="T52" y="T53"/>
                    </a:cxn>
                    <a:cxn ang="T139">
                      <a:pos x="T54" y="T55"/>
                    </a:cxn>
                    <a:cxn ang="T140">
                      <a:pos x="T56" y="T57"/>
                    </a:cxn>
                    <a:cxn ang="T141">
                      <a:pos x="T58" y="T59"/>
                    </a:cxn>
                    <a:cxn ang="T142">
                      <a:pos x="T60" y="T61"/>
                    </a:cxn>
                    <a:cxn ang="T143">
                      <a:pos x="T62" y="T63"/>
                    </a:cxn>
                    <a:cxn ang="T144">
                      <a:pos x="T64" y="T65"/>
                    </a:cxn>
                    <a:cxn ang="T145">
                      <a:pos x="T66" y="T67"/>
                    </a:cxn>
                    <a:cxn ang="T146">
                      <a:pos x="T68" y="T69"/>
                    </a:cxn>
                    <a:cxn ang="T147">
                      <a:pos x="T70" y="T71"/>
                    </a:cxn>
                    <a:cxn ang="T148">
                      <a:pos x="T72" y="T73"/>
                    </a:cxn>
                    <a:cxn ang="T149">
                      <a:pos x="T74" y="T75"/>
                    </a:cxn>
                    <a:cxn ang="T150">
                      <a:pos x="T76" y="T77"/>
                    </a:cxn>
                    <a:cxn ang="T151">
                      <a:pos x="T78" y="T79"/>
                    </a:cxn>
                    <a:cxn ang="T152">
                      <a:pos x="T80" y="T81"/>
                    </a:cxn>
                    <a:cxn ang="T153">
                      <a:pos x="T82" y="T83"/>
                    </a:cxn>
                    <a:cxn ang="T154">
                      <a:pos x="T84" y="T85"/>
                    </a:cxn>
                    <a:cxn ang="T155">
                      <a:pos x="T86" y="T87"/>
                    </a:cxn>
                    <a:cxn ang="T156">
                      <a:pos x="T88" y="T89"/>
                    </a:cxn>
                    <a:cxn ang="T157">
                      <a:pos x="T90" y="T91"/>
                    </a:cxn>
                    <a:cxn ang="T158">
                      <a:pos x="T92" y="T93"/>
                    </a:cxn>
                    <a:cxn ang="T159">
                      <a:pos x="T94" y="T95"/>
                    </a:cxn>
                    <a:cxn ang="T160">
                      <a:pos x="T96" y="T97"/>
                    </a:cxn>
                    <a:cxn ang="T161">
                      <a:pos x="T98" y="T99"/>
                    </a:cxn>
                    <a:cxn ang="T162">
                      <a:pos x="T100" y="T101"/>
                    </a:cxn>
                    <a:cxn ang="T163">
                      <a:pos x="T102" y="T103"/>
                    </a:cxn>
                    <a:cxn ang="T164">
                      <a:pos x="T104" y="T105"/>
                    </a:cxn>
                    <a:cxn ang="T165">
                      <a:pos x="T106" y="T107"/>
                    </a:cxn>
                    <a:cxn ang="T166">
                      <a:pos x="T108" y="T109"/>
                    </a:cxn>
                    <a:cxn ang="T167">
                      <a:pos x="T110" y="T111"/>
                    </a:cxn>
                  </a:cxnLst>
                  <a:rect l="T168" t="T169" r="T170" b="T171"/>
                  <a:pathLst>
                    <a:path w="378" h="616">
                      <a:moveTo>
                        <a:pt x="44" y="599"/>
                      </a:moveTo>
                      <a:lnTo>
                        <a:pt x="51" y="607"/>
                      </a:lnTo>
                      <a:lnTo>
                        <a:pt x="58" y="600"/>
                      </a:lnTo>
                      <a:lnTo>
                        <a:pt x="54" y="592"/>
                      </a:lnTo>
                      <a:lnTo>
                        <a:pt x="61" y="550"/>
                      </a:lnTo>
                      <a:lnTo>
                        <a:pt x="75" y="548"/>
                      </a:lnTo>
                      <a:lnTo>
                        <a:pt x="73" y="587"/>
                      </a:lnTo>
                      <a:lnTo>
                        <a:pt x="97" y="605"/>
                      </a:lnTo>
                      <a:lnTo>
                        <a:pt x="95" y="605"/>
                      </a:lnTo>
                      <a:lnTo>
                        <a:pt x="92" y="607"/>
                      </a:lnTo>
                      <a:lnTo>
                        <a:pt x="87" y="609"/>
                      </a:lnTo>
                      <a:lnTo>
                        <a:pt x="81" y="611"/>
                      </a:lnTo>
                      <a:lnTo>
                        <a:pt x="76" y="612"/>
                      </a:lnTo>
                      <a:lnTo>
                        <a:pt x="73" y="614"/>
                      </a:lnTo>
                      <a:lnTo>
                        <a:pt x="70" y="616"/>
                      </a:lnTo>
                      <a:lnTo>
                        <a:pt x="76" y="616"/>
                      </a:lnTo>
                      <a:lnTo>
                        <a:pt x="83" y="614"/>
                      </a:lnTo>
                      <a:lnTo>
                        <a:pt x="92" y="612"/>
                      </a:lnTo>
                      <a:lnTo>
                        <a:pt x="98" y="611"/>
                      </a:lnTo>
                      <a:lnTo>
                        <a:pt x="105" y="609"/>
                      </a:lnTo>
                      <a:lnTo>
                        <a:pt x="110" y="607"/>
                      </a:lnTo>
                      <a:lnTo>
                        <a:pt x="114" y="607"/>
                      </a:lnTo>
                      <a:lnTo>
                        <a:pt x="115" y="607"/>
                      </a:lnTo>
                      <a:lnTo>
                        <a:pt x="115" y="605"/>
                      </a:lnTo>
                      <a:lnTo>
                        <a:pt x="114" y="604"/>
                      </a:lnTo>
                      <a:lnTo>
                        <a:pt x="112" y="602"/>
                      </a:lnTo>
                      <a:lnTo>
                        <a:pt x="112" y="600"/>
                      </a:lnTo>
                      <a:lnTo>
                        <a:pt x="117" y="595"/>
                      </a:lnTo>
                      <a:lnTo>
                        <a:pt x="122" y="590"/>
                      </a:lnTo>
                      <a:lnTo>
                        <a:pt x="124" y="587"/>
                      </a:lnTo>
                      <a:lnTo>
                        <a:pt x="125" y="585"/>
                      </a:lnTo>
                      <a:lnTo>
                        <a:pt x="125" y="583"/>
                      </a:lnTo>
                      <a:lnTo>
                        <a:pt x="125" y="582"/>
                      </a:lnTo>
                      <a:lnTo>
                        <a:pt x="125" y="580"/>
                      </a:lnTo>
                      <a:lnTo>
                        <a:pt x="125" y="578"/>
                      </a:lnTo>
                      <a:lnTo>
                        <a:pt x="125" y="577"/>
                      </a:lnTo>
                      <a:lnTo>
                        <a:pt x="124" y="573"/>
                      </a:lnTo>
                      <a:lnTo>
                        <a:pt x="124" y="572"/>
                      </a:lnTo>
                      <a:lnTo>
                        <a:pt x="124" y="570"/>
                      </a:lnTo>
                      <a:lnTo>
                        <a:pt x="127" y="565"/>
                      </a:lnTo>
                      <a:lnTo>
                        <a:pt x="127" y="558"/>
                      </a:lnTo>
                      <a:lnTo>
                        <a:pt x="124" y="553"/>
                      </a:lnTo>
                      <a:lnTo>
                        <a:pt x="119" y="548"/>
                      </a:lnTo>
                      <a:lnTo>
                        <a:pt x="114" y="545"/>
                      </a:lnTo>
                      <a:lnTo>
                        <a:pt x="109" y="539"/>
                      </a:lnTo>
                      <a:lnTo>
                        <a:pt x="105" y="538"/>
                      </a:lnTo>
                      <a:lnTo>
                        <a:pt x="103" y="538"/>
                      </a:lnTo>
                      <a:lnTo>
                        <a:pt x="102" y="516"/>
                      </a:lnTo>
                      <a:lnTo>
                        <a:pt x="378" y="489"/>
                      </a:lnTo>
                      <a:lnTo>
                        <a:pt x="361" y="457"/>
                      </a:lnTo>
                      <a:lnTo>
                        <a:pt x="361" y="455"/>
                      </a:lnTo>
                      <a:lnTo>
                        <a:pt x="361" y="450"/>
                      </a:lnTo>
                      <a:lnTo>
                        <a:pt x="361" y="445"/>
                      </a:lnTo>
                      <a:lnTo>
                        <a:pt x="361" y="438"/>
                      </a:lnTo>
                      <a:lnTo>
                        <a:pt x="361" y="431"/>
                      </a:lnTo>
                      <a:lnTo>
                        <a:pt x="359" y="424"/>
                      </a:lnTo>
                      <a:lnTo>
                        <a:pt x="359" y="421"/>
                      </a:lnTo>
                      <a:lnTo>
                        <a:pt x="359" y="418"/>
                      </a:lnTo>
                      <a:lnTo>
                        <a:pt x="354" y="413"/>
                      </a:lnTo>
                      <a:lnTo>
                        <a:pt x="351" y="406"/>
                      </a:lnTo>
                      <a:lnTo>
                        <a:pt x="349" y="399"/>
                      </a:lnTo>
                      <a:lnTo>
                        <a:pt x="349" y="391"/>
                      </a:lnTo>
                      <a:lnTo>
                        <a:pt x="349" y="385"/>
                      </a:lnTo>
                      <a:lnTo>
                        <a:pt x="349" y="380"/>
                      </a:lnTo>
                      <a:lnTo>
                        <a:pt x="351" y="377"/>
                      </a:lnTo>
                      <a:lnTo>
                        <a:pt x="351" y="374"/>
                      </a:lnTo>
                      <a:lnTo>
                        <a:pt x="351" y="367"/>
                      </a:lnTo>
                      <a:lnTo>
                        <a:pt x="351" y="360"/>
                      </a:lnTo>
                      <a:lnTo>
                        <a:pt x="351" y="355"/>
                      </a:lnTo>
                      <a:lnTo>
                        <a:pt x="352" y="350"/>
                      </a:lnTo>
                      <a:lnTo>
                        <a:pt x="352" y="348"/>
                      </a:lnTo>
                      <a:lnTo>
                        <a:pt x="352" y="345"/>
                      </a:lnTo>
                      <a:lnTo>
                        <a:pt x="354" y="345"/>
                      </a:lnTo>
                      <a:lnTo>
                        <a:pt x="354" y="343"/>
                      </a:lnTo>
                      <a:lnTo>
                        <a:pt x="361" y="336"/>
                      </a:lnTo>
                      <a:lnTo>
                        <a:pt x="364" y="331"/>
                      </a:lnTo>
                      <a:lnTo>
                        <a:pt x="364" y="328"/>
                      </a:lnTo>
                      <a:lnTo>
                        <a:pt x="364" y="325"/>
                      </a:lnTo>
                      <a:lnTo>
                        <a:pt x="361" y="323"/>
                      </a:lnTo>
                      <a:lnTo>
                        <a:pt x="359" y="323"/>
                      </a:lnTo>
                      <a:lnTo>
                        <a:pt x="357" y="321"/>
                      </a:lnTo>
                      <a:lnTo>
                        <a:pt x="356" y="319"/>
                      </a:lnTo>
                      <a:lnTo>
                        <a:pt x="356" y="314"/>
                      </a:lnTo>
                      <a:lnTo>
                        <a:pt x="356" y="308"/>
                      </a:lnTo>
                      <a:lnTo>
                        <a:pt x="352" y="304"/>
                      </a:lnTo>
                      <a:lnTo>
                        <a:pt x="351" y="301"/>
                      </a:lnTo>
                      <a:lnTo>
                        <a:pt x="349" y="297"/>
                      </a:lnTo>
                      <a:lnTo>
                        <a:pt x="347" y="296"/>
                      </a:lnTo>
                      <a:lnTo>
                        <a:pt x="345" y="294"/>
                      </a:lnTo>
                      <a:lnTo>
                        <a:pt x="329" y="257"/>
                      </a:lnTo>
                      <a:lnTo>
                        <a:pt x="256" y="0"/>
                      </a:lnTo>
                      <a:lnTo>
                        <a:pt x="257" y="0"/>
                      </a:lnTo>
                      <a:lnTo>
                        <a:pt x="5" y="22"/>
                      </a:lnTo>
                      <a:lnTo>
                        <a:pt x="0" y="414"/>
                      </a:lnTo>
                      <a:lnTo>
                        <a:pt x="24" y="599"/>
                      </a:lnTo>
                      <a:lnTo>
                        <a:pt x="44" y="599"/>
                      </a:lnTo>
                    </a:path>
                  </a:pathLst>
                </a:custGeom>
                <a:solidFill>
                  <a:srgbClr val="2D73FF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65" name="Group 180"/>
              <p:cNvGrpSpPr>
                <a:grpSpLocks/>
              </p:cNvGrpSpPr>
              <p:nvPr/>
            </p:nvGrpSpPr>
            <p:grpSpPr bwMode="auto">
              <a:xfrm>
                <a:off x="3751" y="2759"/>
                <a:ext cx="502" cy="541"/>
                <a:chOff x="3976" y="2396"/>
                <a:chExt cx="516" cy="557"/>
              </a:xfrm>
            </p:grpSpPr>
            <p:sp>
              <p:nvSpPr>
                <p:cNvPr id="75" name="Freeform 181"/>
                <p:cNvSpPr>
                  <a:spLocks/>
                </p:cNvSpPr>
                <p:nvPr/>
              </p:nvSpPr>
              <p:spPr bwMode="auto">
                <a:xfrm>
                  <a:off x="3976" y="2396"/>
                  <a:ext cx="516" cy="557"/>
                </a:xfrm>
                <a:custGeom>
                  <a:avLst/>
                  <a:gdLst>
                    <a:gd name="T0" fmla="*/ 490 w 516"/>
                    <a:gd name="T1" fmla="*/ 488 h 557"/>
                    <a:gd name="T2" fmla="*/ 490 w 516"/>
                    <a:gd name="T3" fmla="*/ 464 h 557"/>
                    <a:gd name="T4" fmla="*/ 487 w 516"/>
                    <a:gd name="T5" fmla="*/ 468 h 557"/>
                    <a:gd name="T6" fmla="*/ 485 w 516"/>
                    <a:gd name="T7" fmla="*/ 464 h 557"/>
                    <a:gd name="T8" fmla="*/ 480 w 516"/>
                    <a:gd name="T9" fmla="*/ 444 h 557"/>
                    <a:gd name="T10" fmla="*/ 489 w 516"/>
                    <a:gd name="T11" fmla="*/ 451 h 557"/>
                    <a:gd name="T12" fmla="*/ 485 w 516"/>
                    <a:gd name="T13" fmla="*/ 425 h 557"/>
                    <a:gd name="T14" fmla="*/ 494 w 516"/>
                    <a:gd name="T15" fmla="*/ 427 h 557"/>
                    <a:gd name="T16" fmla="*/ 497 w 516"/>
                    <a:gd name="T17" fmla="*/ 418 h 557"/>
                    <a:gd name="T18" fmla="*/ 497 w 516"/>
                    <a:gd name="T19" fmla="*/ 400 h 557"/>
                    <a:gd name="T20" fmla="*/ 504 w 516"/>
                    <a:gd name="T21" fmla="*/ 398 h 557"/>
                    <a:gd name="T22" fmla="*/ 507 w 516"/>
                    <a:gd name="T23" fmla="*/ 391 h 557"/>
                    <a:gd name="T24" fmla="*/ 499 w 516"/>
                    <a:gd name="T25" fmla="*/ 386 h 557"/>
                    <a:gd name="T26" fmla="*/ 499 w 516"/>
                    <a:gd name="T27" fmla="*/ 380 h 557"/>
                    <a:gd name="T28" fmla="*/ 501 w 516"/>
                    <a:gd name="T29" fmla="*/ 371 h 557"/>
                    <a:gd name="T30" fmla="*/ 506 w 516"/>
                    <a:gd name="T31" fmla="*/ 354 h 557"/>
                    <a:gd name="T32" fmla="*/ 509 w 516"/>
                    <a:gd name="T33" fmla="*/ 344 h 557"/>
                    <a:gd name="T34" fmla="*/ 502 w 516"/>
                    <a:gd name="T35" fmla="*/ 324 h 557"/>
                    <a:gd name="T36" fmla="*/ 502 w 516"/>
                    <a:gd name="T37" fmla="*/ 319 h 557"/>
                    <a:gd name="T38" fmla="*/ 502 w 516"/>
                    <a:gd name="T39" fmla="*/ 312 h 557"/>
                    <a:gd name="T40" fmla="*/ 490 w 516"/>
                    <a:gd name="T41" fmla="*/ 280 h 557"/>
                    <a:gd name="T42" fmla="*/ 467 w 516"/>
                    <a:gd name="T43" fmla="*/ 259 h 557"/>
                    <a:gd name="T44" fmla="*/ 453 w 516"/>
                    <a:gd name="T45" fmla="*/ 224 h 557"/>
                    <a:gd name="T46" fmla="*/ 430 w 516"/>
                    <a:gd name="T47" fmla="*/ 212 h 557"/>
                    <a:gd name="T48" fmla="*/ 419 w 516"/>
                    <a:gd name="T49" fmla="*/ 204 h 557"/>
                    <a:gd name="T50" fmla="*/ 402 w 516"/>
                    <a:gd name="T51" fmla="*/ 187 h 557"/>
                    <a:gd name="T52" fmla="*/ 389 w 516"/>
                    <a:gd name="T53" fmla="*/ 163 h 557"/>
                    <a:gd name="T54" fmla="*/ 374 w 516"/>
                    <a:gd name="T55" fmla="*/ 160 h 557"/>
                    <a:gd name="T56" fmla="*/ 367 w 516"/>
                    <a:gd name="T57" fmla="*/ 153 h 557"/>
                    <a:gd name="T58" fmla="*/ 355 w 516"/>
                    <a:gd name="T59" fmla="*/ 134 h 557"/>
                    <a:gd name="T60" fmla="*/ 343 w 516"/>
                    <a:gd name="T61" fmla="*/ 132 h 557"/>
                    <a:gd name="T62" fmla="*/ 328 w 516"/>
                    <a:gd name="T63" fmla="*/ 124 h 557"/>
                    <a:gd name="T64" fmla="*/ 318 w 516"/>
                    <a:gd name="T65" fmla="*/ 107 h 557"/>
                    <a:gd name="T66" fmla="*/ 301 w 516"/>
                    <a:gd name="T67" fmla="*/ 88 h 557"/>
                    <a:gd name="T68" fmla="*/ 287 w 516"/>
                    <a:gd name="T69" fmla="*/ 65 h 557"/>
                    <a:gd name="T70" fmla="*/ 282 w 516"/>
                    <a:gd name="T71" fmla="*/ 61 h 557"/>
                    <a:gd name="T72" fmla="*/ 262 w 516"/>
                    <a:gd name="T73" fmla="*/ 56 h 557"/>
                    <a:gd name="T74" fmla="*/ 252 w 516"/>
                    <a:gd name="T75" fmla="*/ 50 h 557"/>
                    <a:gd name="T76" fmla="*/ 235 w 516"/>
                    <a:gd name="T77" fmla="*/ 34 h 557"/>
                    <a:gd name="T78" fmla="*/ 252 w 516"/>
                    <a:gd name="T79" fmla="*/ 2 h 557"/>
                    <a:gd name="T80" fmla="*/ 73 w 516"/>
                    <a:gd name="T81" fmla="*/ 290 h 557"/>
                    <a:gd name="T82" fmla="*/ 93 w 516"/>
                    <a:gd name="T83" fmla="*/ 330 h 557"/>
                    <a:gd name="T84" fmla="*/ 100 w 516"/>
                    <a:gd name="T85" fmla="*/ 347 h 557"/>
                    <a:gd name="T86" fmla="*/ 105 w 516"/>
                    <a:gd name="T87" fmla="*/ 356 h 557"/>
                    <a:gd name="T88" fmla="*/ 105 w 516"/>
                    <a:gd name="T89" fmla="*/ 369 h 557"/>
                    <a:gd name="T90" fmla="*/ 96 w 516"/>
                    <a:gd name="T91" fmla="*/ 381 h 557"/>
                    <a:gd name="T92" fmla="*/ 95 w 516"/>
                    <a:gd name="T93" fmla="*/ 400 h 557"/>
                    <a:gd name="T94" fmla="*/ 93 w 516"/>
                    <a:gd name="T95" fmla="*/ 418 h 557"/>
                    <a:gd name="T96" fmla="*/ 98 w 516"/>
                    <a:gd name="T97" fmla="*/ 446 h 557"/>
                    <a:gd name="T98" fmla="*/ 105 w 516"/>
                    <a:gd name="T99" fmla="*/ 464 h 557"/>
                    <a:gd name="T100" fmla="*/ 105 w 516"/>
                    <a:gd name="T101" fmla="*/ 488 h 557"/>
                    <a:gd name="T102" fmla="*/ 418 w 516"/>
                    <a:gd name="T103" fmla="*/ 535 h 557"/>
                    <a:gd name="T104" fmla="*/ 441 w 516"/>
                    <a:gd name="T105" fmla="*/ 552 h 557"/>
                    <a:gd name="T106" fmla="*/ 440 w 516"/>
                    <a:gd name="T107" fmla="*/ 534 h 557"/>
                    <a:gd name="T108" fmla="*/ 435 w 516"/>
                    <a:gd name="T109" fmla="*/ 512 h 557"/>
                    <a:gd name="T110" fmla="*/ 443 w 516"/>
                    <a:gd name="T111" fmla="*/ 498 h 557"/>
                    <a:gd name="T112" fmla="*/ 462 w 516"/>
                    <a:gd name="T113" fmla="*/ 503 h 557"/>
                    <a:gd name="T114" fmla="*/ 485 w 516"/>
                    <a:gd name="T115" fmla="*/ 506 h 557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w 516"/>
                    <a:gd name="T175" fmla="*/ 0 h 557"/>
                    <a:gd name="T176" fmla="*/ 516 w 516"/>
                    <a:gd name="T177" fmla="*/ 557 h 557"/>
                  </a:gdLst>
                  <a:ahLst/>
                  <a:cxnLst>
                    <a:cxn ang="T116">
                      <a:pos x="T0" y="T1"/>
                    </a:cxn>
                    <a:cxn ang="T117">
                      <a:pos x="T2" y="T3"/>
                    </a:cxn>
                    <a:cxn ang="T118">
                      <a:pos x="T4" y="T5"/>
                    </a:cxn>
                    <a:cxn ang="T119">
                      <a:pos x="T6" y="T7"/>
                    </a:cxn>
                    <a:cxn ang="T120">
                      <a:pos x="T8" y="T9"/>
                    </a:cxn>
                    <a:cxn ang="T121">
                      <a:pos x="T10" y="T11"/>
                    </a:cxn>
                    <a:cxn ang="T122">
                      <a:pos x="T12" y="T13"/>
                    </a:cxn>
                    <a:cxn ang="T123">
                      <a:pos x="T14" y="T15"/>
                    </a:cxn>
                    <a:cxn ang="T124">
                      <a:pos x="T16" y="T17"/>
                    </a:cxn>
                    <a:cxn ang="T125">
                      <a:pos x="T18" y="T19"/>
                    </a:cxn>
                    <a:cxn ang="T126">
                      <a:pos x="T20" y="T21"/>
                    </a:cxn>
                    <a:cxn ang="T127">
                      <a:pos x="T22" y="T23"/>
                    </a:cxn>
                    <a:cxn ang="T128">
                      <a:pos x="T24" y="T25"/>
                    </a:cxn>
                    <a:cxn ang="T129">
                      <a:pos x="T26" y="T27"/>
                    </a:cxn>
                    <a:cxn ang="T130">
                      <a:pos x="T28" y="T29"/>
                    </a:cxn>
                    <a:cxn ang="T131">
                      <a:pos x="T30" y="T31"/>
                    </a:cxn>
                    <a:cxn ang="T132">
                      <a:pos x="T32" y="T33"/>
                    </a:cxn>
                    <a:cxn ang="T133">
                      <a:pos x="T34" y="T35"/>
                    </a:cxn>
                    <a:cxn ang="T134">
                      <a:pos x="T36" y="T37"/>
                    </a:cxn>
                    <a:cxn ang="T135">
                      <a:pos x="T38" y="T39"/>
                    </a:cxn>
                    <a:cxn ang="T136">
                      <a:pos x="T40" y="T41"/>
                    </a:cxn>
                    <a:cxn ang="T137">
                      <a:pos x="T42" y="T43"/>
                    </a:cxn>
                    <a:cxn ang="T138">
                      <a:pos x="T44" y="T45"/>
                    </a:cxn>
                    <a:cxn ang="T139">
                      <a:pos x="T46" y="T47"/>
                    </a:cxn>
                    <a:cxn ang="T140">
                      <a:pos x="T48" y="T49"/>
                    </a:cxn>
                    <a:cxn ang="T141">
                      <a:pos x="T50" y="T51"/>
                    </a:cxn>
                    <a:cxn ang="T142">
                      <a:pos x="T52" y="T53"/>
                    </a:cxn>
                    <a:cxn ang="T143">
                      <a:pos x="T54" y="T55"/>
                    </a:cxn>
                    <a:cxn ang="T144">
                      <a:pos x="T56" y="T57"/>
                    </a:cxn>
                    <a:cxn ang="T145">
                      <a:pos x="T58" y="T59"/>
                    </a:cxn>
                    <a:cxn ang="T146">
                      <a:pos x="T60" y="T61"/>
                    </a:cxn>
                    <a:cxn ang="T147">
                      <a:pos x="T62" y="T63"/>
                    </a:cxn>
                    <a:cxn ang="T148">
                      <a:pos x="T64" y="T65"/>
                    </a:cxn>
                    <a:cxn ang="T149">
                      <a:pos x="T66" y="T67"/>
                    </a:cxn>
                    <a:cxn ang="T150">
                      <a:pos x="T68" y="T69"/>
                    </a:cxn>
                    <a:cxn ang="T151">
                      <a:pos x="T70" y="T71"/>
                    </a:cxn>
                    <a:cxn ang="T152">
                      <a:pos x="T72" y="T73"/>
                    </a:cxn>
                    <a:cxn ang="T153">
                      <a:pos x="T74" y="T75"/>
                    </a:cxn>
                    <a:cxn ang="T154">
                      <a:pos x="T76" y="T77"/>
                    </a:cxn>
                    <a:cxn ang="T155">
                      <a:pos x="T78" y="T79"/>
                    </a:cxn>
                    <a:cxn ang="T156">
                      <a:pos x="T80" y="T81"/>
                    </a:cxn>
                    <a:cxn ang="T157">
                      <a:pos x="T82" y="T83"/>
                    </a:cxn>
                    <a:cxn ang="T158">
                      <a:pos x="T84" y="T85"/>
                    </a:cxn>
                    <a:cxn ang="T159">
                      <a:pos x="T86" y="T87"/>
                    </a:cxn>
                    <a:cxn ang="T160">
                      <a:pos x="T88" y="T89"/>
                    </a:cxn>
                    <a:cxn ang="T161">
                      <a:pos x="T90" y="T91"/>
                    </a:cxn>
                    <a:cxn ang="T162">
                      <a:pos x="T92" y="T93"/>
                    </a:cxn>
                    <a:cxn ang="T163">
                      <a:pos x="T94" y="T95"/>
                    </a:cxn>
                    <a:cxn ang="T164">
                      <a:pos x="T96" y="T97"/>
                    </a:cxn>
                    <a:cxn ang="T165">
                      <a:pos x="T98" y="T99"/>
                    </a:cxn>
                    <a:cxn ang="T166">
                      <a:pos x="T100" y="T101"/>
                    </a:cxn>
                    <a:cxn ang="T167">
                      <a:pos x="T102" y="T103"/>
                    </a:cxn>
                    <a:cxn ang="T168">
                      <a:pos x="T104" y="T105"/>
                    </a:cxn>
                    <a:cxn ang="T169">
                      <a:pos x="T106" y="T107"/>
                    </a:cxn>
                    <a:cxn ang="T170">
                      <a:pos x="T108" y="T109"/>
                    </a:cxn>
                    <a:cxn ang="T171">
                      <a:pos x="T110" y="T111"/>
                    </a:cxn>
                    <a:cxn ang="T172">
                      <a:pos x="T112" y="T113"/>
                    </a:cxn>
                    <a:cxn ang="T173">
                      <a:pos x="T114" y="T115"/>
                    </a:cxn>
                  </a:cxnLst>
                  <a:rect l="T174" t="T175" r="T176" b="T177"/>
                  <a:pathLst>
                    <a:path w="516" h="557">
                      <a:moveTo>
                        <a:pt x="492" y="498"/>
                      </a:moveTo>
                      <a:lnTo>
                        <a:pt x="487" y="493"/>
                      </a:lnTo>
                      <a:lnTo>
                        <a:pt x="485" y="490"/>
                      </a:lnTo>
                      <a:lnTo>
                        <a:pt x="490" y="488"/>
                      </a:lnTo>
                      <a:lnTo>
                        <a:pt x="492" y="474"/>
                      </a:lnTo>
                      <a:lnTo>
                        <a:pt x="489" y="474"/>
                      </a:lnTo>
                      <a:lnTo>
                        <a:pt x="489" y="471"/>
                      </a:lnTo>
                      <a:lnTo>
                        <a:pt x="490" y="464"/>
                      </a:lnTo>
                      <a:lnTo>
                        <a:pt x="485" y="462"/>
                      </a:lnTo>
                      <a:lnTo>
                        <a:pt x="487" y="464"/>
                      </a:lnTo>
                      <a:lnTo>
                        <a:pt x="487" y="466"/>
                      </a:lnTo>
                      <a:lnTo>
                        <a:pt x="487" y="468"/>
                      </a:lnTo>
                      <a:lnTo>
                        <a:pt x="487" y="469"/>
                      </a:lnTo>
                      <a:lnTo>
                        <a:pt x="487" y="468"/>
                      </a:lnTo>
                      <a:lnTo>
                        <a:pt x="485" y="464"/>
                      </a:lnTo>
                      <a:lnTo>
                        <a:pt x="482" y="457"/>
                      </a:lnTo>
                      <a:lnTo>
                        <a:pt x="480" y="449"/>
                      </a:lnTo>
                      <a:lnTo>
                        <a:pt x="480" y="446"/>
                      </a:lnTo>
                      <a:lnTo>
                        <a:pt x="480" y="444"/>
                      </a:lnTo>
                      <a:lnTo>
                        <a:pt x="482" y="444"/>
                      </a:lnTo>
                      <a:lnTo>
                        <a:pt x="485" y="446"/>
                      </a:lnTo>
                      <a:lnTo>
                        <a:pt x="487" y="449"/>
                      </a:lnTo>
                      <a:lnTo>
                        <a:pt x="489" y="451"/>
                      </a:lnTo>
                      <a:lnTo>
                        <a:pt x="489" y="432"/>
                      </a:lnTo>
                      <a:lnTo>
                        <a:pt x="485" y="425"/>
                      </a:lnTo>
                      <a:lnTo>
                        <a:pt x="487" y="427"/>
                      </a:lnTo>
                      <a:lnTo>
                        <a:pt x="489" y="427"/>
                      </a:lnTo>
                      <a:lnTo>
                        <a:pt x="490" y="427"/>
                      </a:lnTo>
                      <a:lnTo>
                        <a:pt x="494" y="427"/>
                      </a:lnTo>
                      <a:lnTo>
                        <a:pt x="496" y="427"/>
                      </a:lnTo>
                      <a:lnTo>
                        <a:pt x="497" y="427"/>
                      </a:lnTo>
                      <a:lnTo>
                        <a:pt x="497" y="418"/>
                      </a:lnTo>
                      <a:lnTo>
                        <a:pt x="497" y="412"/>
                      </a:lnTo>
                      <a:lnTo>
                        <a:pt x="497" y="407"/>
                      </a:lnTo>
                      <a:lnTo>
                        <a:pt x="497" y="403"/>
                      </a:lnTo>
                      <a:lnTo>
                        <a:pt x="497" y="400"/>
                      </a:lnTo>
                      <a:lnTo>
                        <a:pt x="499" y="398"/>
                      </a:lnTo>
                      <a:lnTo>
                        <a:pt x="504" y="398"/>
                      </a:lnTo>
                      <a:lnTo>
                        <a:pt x="506" y="396"/>
                      </a:lnTo>
                      <a:lnTo>
                        <a:pt x="507" y="395"/>
                      </a:lnTo>
                      <a:lnTo>
                        <a:pt x="507" y="393"/>
                      </a:lnTo>
                      <a:lnTo>
                        <a:pt x="507" y="391"/>
                      </a:lnTo>
                      <a:lnTo>
                        <a:pt x="506" y="391"/>
                      </a:lnTo>
                      <a:lnTo>
                        <a:pt x="506" y="390"/>
                      </a:lnTo>
                      <a:lnTo>
                        <a:pt x="504" y="390"/>
                      </a:lnTo>
                      <a:lnTo>
                        <a:pt x="499" y="386"/>
                      </a:lnTo>
                      <a:lnTo>
                        <a:pt x="497" y="385"/>
                      </a:lnTo>
                      <a:lnTo>
                        <a:pt x="496" y="383"/>
                      </a:lnTo>
                      <a:lnTo>
                        <a:pt x="497" y="381"/>
                      </a:lnTo>
                      <a:lnTo>
                        <a:pt x="499" y="380"/>
                      </a:lnTo>
                      <a:lnTo>
                        <a:pt x="501" y="380"/>
                      </a:lnTo>
                      <a:lnTo>
                        <a:pt x="502" y="380"/>
                      </a:lnTo>
                      <a:lnTo>
                        <a:pt x="504" y="378"/>
                      </a:lnTo>
                      <a:lnTo>
                        <a:pt x="501" y="371"/>
                      </a:lnTo>
                      <a:lnTo>
                        <a:pt x="501" y="364"/>
                      </a:lnTo>
                      <a:lnTo>
                        <a:pt x="502" y="361"/>
                      </a:lnTo>
                      <a:lnTo>
                        <a:pt x="504" y="356"/>
                      </a:lnTo>
                      <a:lnTo>
                        <a:pt x="506" y="354"/>
                      </a:lnTo>
                      <a:lnTo>
                        <a:pt x="507" y="352"/>
                      </a:lnTo>
                      <a:lnTo>
                        <a:pt x="509" y="352"/>
                      </a:lnTo>
                      <a:lnTo>
                        <a:pt x="509" y="351"/>
                      </a:lnTo>
                      <a:lnTo>
                        <a:pt x="509" y="344"/>
                      </a:lnTo>
                      <a:lnTo>
                        <a:pt x="516" y="339"/>
                      </a:lnTo>
                      <a:lnTo>
                        <a:pt x="514" y="330"/>
                      </a:lnTo>
                      <a:lnTo>
                        <a:pt x="506" y="329"/>
                      </a:lnTo>
                      <a:lnTo>
                        <a:pt x="502" y="324"/>
                      </a:lnTo>
                      <a:lnTo>
                        <a:pt x="504" y="324"/>
                      </a:lnTo>
                      <a:lnTo>
                        <a:pt x="504" y="322"/>
                      </a:lnTo>
                      <a:lnTo>
                        <a:pt x="502" y="320"/>
                      </a:lnTo>
                      <a:lnTo>
                        <a:pt x="502" y="319"/>
                      </a:lnTo>
                      <a:lnTo>
                        <a:pt x="502" y="317"/>
                      </a:lnTo>
                      <a:lnTo>
                        <a:pt x="502" y="315"/>
                      </a:lnTo>
                      <a:lnTo>
                        <a:pt x="502" y="314"/>
                      </a:lnTo>
                      <a:lnTo>
                        <a:pt x="502" y="312"/>
                      </a:lnTo>
                      <a:lnTo>
                        <a:pt x="501" y="298"/>
                      </a:lnTo>
                      <a:lnTo>
                        <a:pt x="496" y="288"/>
                      </a:lnTo>
                      <a:lnTo>
                        <a:pt x="490" y="280"/>
                      </a:lnTo>
                      <a:lnTo>
                        <a:pt x="484" y="271"/>
                      </a:lnTo>
                      <a:lnTo>
                        <a:pt x="477" y="266"/>
                      </a:lnTo>
                      <a:lnTo>
                        <a:pt x="470" y="263"/>
                      </a:lnTo>
                      <a:lnTo>
                        <a:pt x="467" y="259"/>
                      </a:lnTo>
                      <a:lnTo>
                        <a:pt x="465" y="258"/>
                      </a:lnTo>
                      <a:lnTo>
                        <a:pt x="463" y="242"/>
                      </a:lnTo>
                      <a:lnTo>
                        <a:pt x="460" y="232"/>
                      </a:lnTo>
                      <a:lnTo>
                        <a:pt x="453" y="224"/>
                      </a:lnTo>
                      <a:lnTo>
                        <a:pt x="446" y="219"/>
                      </a:lnTo>
                      <a:lnTo>
                        <a:pt x="440" y="215"/>
                      </a:lnTo>
                      <a:lnTo>
                        <a:pt x="435" y="214"/>
                      </a:lnTo>
                      <a:lnTo>
                        <a:pt x="430" y="212"/>
                      </a:lnTo>
                      <a:lnTo>
                        <a:pt x="428" y="212"/>
                      </a:lnTo>
                      <a:lnTo>
                        <a:pt x="428" y="210"/>
                      </a:lnTo>
                      <a:lnTo>
                        <a:pt x="424" y="209"/>
                      </a:lnTo>
                      <a:lnTo>
                        <a:pt x="419" y="204"/>
                      </a:lnTo>
                      <a:lnTo>
                        <a:pt x="414" y="200"/>
                      </a:lnTo>
                      <a:lnTo>
                        <a:pt x="409" y="195"/>
                      </a:lnTo>
                      <a:lnTo>
                        <a:pt x="406" y="190"/>
                      </a:lnTo>
                      <a:lnTo>
                        <a:pt x="402" y="187"/>
                      </a:lnTo>
                      <a:lnTo>
                        <a:pt x="401" y="183"/>
                      </a:lnTo>
                      <a:lnTo>
                        <a:pt x="397" y="175"/>
                      </a:lnTo>
                      <a:lnTo>
                        <a:pt x="392" y="168"/>
                      </a:lnTo>
                      <a:lnTo>
                        <a:pt x="389" y="163"/>
                      </a:lnTo>
                      <a:lnTo>
                        <a:pt x="384" y="161"/>
                      </a:lnTo>
                      <a:lnTo>
                        <a:pt x="380" y="160"/>
                      </a:lnTo>
                      <a:lnTo>
                        <a:pt x="377" y="160"/>
                      </a:lnTo>
                      <a:lnTo>
                        <a:pt x="374" y="160"/>
                      </a:lnTo>
                      <a:lnTo>
                        <a:pt x="372" y="158"/>
                      </a:lnTo>
                      <a:lnTo>
                        <a:pt x="370" y="154"/>
                      </a:lnTo>
                      <a:lnTo>
                        <a:pt x="367" y="153"/>
                      </a:lnTo>
                      <a:lnTo>
                        <a:pt x="365" y="149"/>
                      </a:lnTo>
                      <a:lnTo>
                        <a:pt x="362" y="143"/>
                      </a:lnTo>
                      <a:lnTo>
                        <a:pt x="358" y="138"/>
                      </a:lnTo>
                      <a:lnTo>
                        <a:pt x="355" y="134"/>
                      </a:lnTo>
                      <a:lnTo>
                        <a:pt x="352" y="132"/>
                      </a:lnTo>
                      <a:lnTo>
                        <a:pt x="348" y="131"/>
                      </a:lnTo>
                      <a:lnTo>
                        <a:pt x="347" y="132"/>
                      </a:lnTo>
                      <a:lnTo>
                        <a:pt x="343" y="132"/>
                      </a:lnTo>
                      <a:lnTo>
                        <a:pt x="336" y="131"/>
                      </a:lnTo>
                      <a:lnTo>
                        <a:pt x="331" y="129"/>
                      </a:lnTo>
                      <a:lnTo>
                        <a:pt x="328" y="124"/>
                      </a:lnTo>
                      <a:lnTo>
                        <a:pt x="325" y="119"/>
                      </a:lnTo>
                      <a:lnTo>
                        <a:pt x="321" y="114"/>
                      </a:lnTo>
                      <a:lnTo>
                        <a:pt x="320" y="110"/>
                      </a:lnTo>
                      <a:lnTo>
                        <a:pt x="318" y="107"/>
                      </a:lnTo>
                      <a:lnTo>
                        <a:pt x="318" y="105"/>
                      </a:lnTo>
                      <a:lnTo>
                        <a:pt x="313" y="102"/>
                      </a:lnTo>
                      <a:lnTo>
                        <a:pt x="306" y="95"/>
                      </a:lnTo>
                      <a:lnTo>
                        <a:pt x="301" y="88"/>
                      </a:lnTo>
                      <a:lnTo>
                        <a:pt x="296" y="82"/>
                      </a:lnTo>
                      <a:lnTo>
                        <a:pt x="292" y="75"/>
                      </a:lnTo>
                      <a:lnTo>
                        <a:pt x="291" y="68"/>
                      </a:lnTo>
                      <a:lnTo>
                        <a:pt x="287" y="65"/>
                      </a:lnTo>
                      <a:lnTo>
                        <a:pt x="287" y="63"/>
                      </a:lnTo>
                      <a:lnTo>
                        <a:pt x="287" y="61"/>
                      </a:lnTo>
                      <a:lnTo>
                        <a:pt x="284" y="61"/>
                      </a:lnTo>
                      <a:lnTo>
                        <a:pt x="282" y="61"/>
                      </a:lnTo>
                      <a:lnTo>
                        <a:pt x="281" y="60"/>
                      </a:lnTo>
                      <a:lnTo>
                        <a:pt x="274" y="60"/>
                      </a:lnTo>
                      <a:lnTo>
                        <a:pt x="267" y="58"/>
                      </a:lnTo>
                      <a:lnTo>
                        <a:pt x="262" y="56"/>
                      </a:lnTo>
                      <a:lnTo>
                        <a:pt x="259" y="55"/>
                      </a:lnTo>
                      <a:lnTo>
                        <a:pt x="255" y="53"/>
                      </a:lnTo>
                      <a:lnTo>
                        <a:pt x="254" y="51"/>
                      </a:lnTo>
                      <a:lnTo>
                        <a:pt x="252" y="50"/>
                      </a:lnTo>
                      <a:lnTo>
                        <a:pt x="240" y="48"/>
                      </a:lnTo>
                      <a:lnTo>
                        <a:pt x="235" y="43"/>
                      </a:lnTo>
                      <a:lnTo>
                        <a:pt x="235" y="34"/>
                      </a:lnTo>
                      <a:lnTo>
                        <a:pt x="237" y="24"/>
                      </a:lnTo>
                      <a:lnTo>
                        <a:pt x="242" y="16"/>
                      </a:lnTo>
                      <a:lnTo>
                        <a:pt x="248" y="7"/>
                      </a:lnTo>
                      <a:lnTo>
                        <a:pt x="252" y="2"/>
                      </a:lnTo>
                      <a:lnTo>
                        <a:pt x="254" y="0"/>
                      </a:lnTo>
                      <a:lnTo>
                        <a:pt x="130" y="19"/>
                      </a:lnTo>
                      <a:lnTo>
                        <a:pt x="0" y="33"/>
                      </a:lnTo>
                      <a:lnTo>
                        <a:pt x="73" y="290"/>
                      </a:lnTo>
                      <a:lnTo>
                        <a:pt x="89" y="327"/>
                      </a:lnTo>
                      <a:lnTo>
                        <a:pt x="91" y="329"/>
                      </a:lnTo>
                      <a:lnTo>
                        <a:pt x="93" y="330"/>
                      </a:lnTo>
                      <a:lnTo>
                        <a:pt x="95" y="334"/>
                      </a:lnTo>
                      <a:lnTo>
                        <a:pt x="96" y="337"/>
                      </a:lnTo>
                      <a:lnTo>
                        <a:pt x="100" y="341"/>
                      </a:lnTo>
                      <a:lnTo>
                        <a:pt x="100" y="347"/>
                      </a:lnTo>
                      <a:lnTo>
                        <a:pt x="100" y="352"/>
                      </a:lnTo>
                      <a:lnTo>
                        <a:pt x="101" y="354"/>
                      </a:lnTo>
                      <a:lnTo>
                        <a:pt x="103" y="356"/>
                      </a:lnTo>
                      <a:lnTo>
                        <a:pt x="105" y="356"/>
                      </a:lnTo>
                      <a:lnTo>
                        <a:pt x="108" y="358"/>
                      </a:lnTo>
                      <a:lnTo>
                        <a:pt x="108" y="361"/>
                      </a:lnTo>
                      <a:lnTo>
                        <a:pt x="108" y="364"/>
                      </a:lnTo>
                      <a:lnTo>
                        <a:pt x="105" y="369"/>
                      </a:lnTo>
                      <a:lnTo>
                        <a:pt x="98" y="376"/>
                      </a:lnTo>
                      <a:lnTo>
                        <a:pt x="98" y="378"/>
                      </a:lnTo>
                      <a:lnTo>
                        <a:pt x="96" y="378"/>
                      </a:lnTo>
                      <a:lnTo>
                        <a:pt x="96" y="381"/>
                      </a:lnTo>
                      <a:lnTo>
                        <a:pt x="96" y="383"/>
                      </a:lnTo>
                      <a:lnTo>
                        <a:pt x="95" y="388"/>
                      </a:lnTo>
                      <a:lnTo>
                        <a:pt x="95" y="393"/>
                      </a:lnTo>
                      <a:lnTo>
                        <a:pt x="95" y="400"/>
                      </a:lnTo>
                      <a:lnTo>
                        <a:pt x="95" y="407"/>
                      </a:lnTo>
                      <a:lnTo>
                        <a:pt x="95" y="410"/>
                      </a:lnTo>
                      <a:lnTo>
                        <a:pt x="93" y="413"/>
                      </a:lnTo>
                      <a:lnTo>
                        <a:pt x="93" y="418"/>
                      </a:lnTo>
                      <a:lnTo>
                        <a:pt x="93" y="424"/>
                      </a:lnTo>
                      <a:lnTo>
                        <a:pt x="93" y="432"/>
                      </a:lnTo>
                      <a:lnTo>
                        <a:pt x="95" y="439"/>
                      </a:lnTo>
                      <a:lnTo>
                        <a:pt x="98" y="446"/>
                      </a:lnTo>
                      <a:lnTo>
                        <a:pt x="103" y="451"/>
                      </a:lnTo>
                      <a:lnTo>
                        <a:pt x="103" y="454"/>
                      </a:lnTo>
                      <a:lnTo>
                        <a:pt x="103" y="457"/>
                      </a:lnTo>
                      <a:lnTo>
                        <a:pt x="105" y="464"/>
                      </a:lnTo>
                      <a:lnTo>
                        <a:pt x="105" y="471"/>
                      </a:lnTo>
                      <a:lnTo>
                        <a:pt x="105" y="478"/>
                      </a:lnTo>
                      <a:lnTo>
                        <a:pt x="105" y="483"/>
                      </a:lnTo>
                      <a:lnTo>
                        <a:pt x="105" y="488"/>
                      </a:lnTo>
                      <a:lnTo>
                        <a:pt x="105" y="490"/>
                      </a:lnTo>
                      <a:lnTo>
                        <a:pt x="122" y="522"/>
                      </a:lnTo>
                      <a:lnTo>
                        <a:pt x="139" y="554"/>
                      </a:lnTo>
                      <a:lnTo>
                        <a:pt x="418" y="535"/>
                      </a:lnTo>
                      <a:lnTo>
                        <a:pt x="428" y="557"/>
                      </a:lnTo>
                      <a:lnTo>
                        <a:pt x="443" y="557"/>
                      </a:lnTo>
                      <a:lnTo>
                        <a:pt x="443" y="556"/>
                      </a:lnTo>
                      <a:lnTo>
                        <a:pt x="441" y="552"/>
                      </a:lnTo>
                      <a:lnTo>
                        <a:pt x="441" y="549"/>
                      </a:lnTo>
                      <a:lnTo>
                        <a:pt x="441" y="544"/>
                      </a:lnTo>
                      <a:lnTo>
                        <a:pt x="440" y="539"/>
                      </a:lnTo>
                      <a:lnTo>
                        <a:pt x="440" y="534"/>
                      </a:lnTo>
                      <a:lnTo>
                        <a:pt x="440" y="530"/>
                      </a:lnTo>
                      <a:lnTo>
                        <a:pt x="440" y="528"/>
                      </a:lnTo>
                      <a:lnTo>
                        <a:pt x="435" y="520"/>
                      </a:lnTo>
                      <a:lnTo>
                        <a:pt x="435" y="512"/>
                      </a:lnTo>
                      <a:lnTo>
                        <a:pt x="435" y="506"/>
                      </a:lnTo>
                      <a:lnTo>
                        <a:pt x="438" y="503"/>
                      </a:lnTo>
                      <a:lnTo>
                        <a:pt x="441" y="500"/>
                      </a:lnTo>
                      <a:lnTo>
                        <a:pt x="443" y="498"/>
                      </a:lnTo>
                      <a:lnTo>
                        <a:pt x="446" y="498"/>
                      </a:lnTo>
                      <a:lnTo>
                        <a:pt x="448" y="498"/>
                      </a:lnTo>
                      <a:lnTo>
                        <a:pt x="453" y="501"/>
                      </a:lnTo>
                      <a:lnTo>
                        <a:pt x="462" y="503"/>
                      </a:lnTo>
                      <a:lnTo>
                        <a:pt x="468" y="505"/>
                      </a:lnTo>
                      <a:lnTo>
                        <a:pt x="475" y="506"/>
                      </a:lnTo>
                      <a:lnTo>
                        <a:pt x="482" y="506"/>
                      </a:lnTo>
                      <a:lnTo>
                        <a:pt x="485" y="506"/>
                      </a:lnTo>
                      <a:lnTo>
                        <a:pt x="489" y="506"/>
                      </a:lnTo>
                      <a:lnTo>
                        <a:pt x="490" y="506"/>
                      </a:lnTo>
                      <a:lnTo>
                        <a:pt x="492" y="498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6" name="Freeform 182"/>
                <p:cNvSpPr>
                  <a:spLocks/>
                </p:cNvSpPr>
                <p:nvPr/>
              </p:nvSpPr>
              <p:spPr bwMode="auto">
                <a:xfrm>
                  <a:off x="3976" y="2396"/>
                  <a:ext cx="516" cy="557"/>
                </a:xfrm>
                <a:custGeom>
                  <a:avLst/>
                  <a:gdLst>
                    <a:gd name="T0" fmla="*/ 492 w 516"/>
                    <a:gd name="T1" fmla="*/ 474 h 557"/>
                    <a:gd name="T2" fmla="*/ 485 w 516"/>
                    <a:gd name="T3" fmla="*/ 462 h 557"/>
                    <a:gd name="T4" fmla="*/ 487 w 516"/>
                    <a:gd name="T5" fmla="*/ 469 h 557"/>
                    <a:gd name="T6" fmla="*/ 480 w 516"/>
                    <a:gd name="T7" fmla="*/ 449 h 557"/>
                    <a:gd name="T8" fmla="*/ 487 w 516"/>
                    <a:gd name="T9" fmla="*/ 449 h 557"/>
                    <a:gd name="T10" fmla="*/ 485 w 516"/>
                    <a:gd name="T11" fmla="*/ 425 h 557"/>
                    <a:gd name="T12" fmla="*/ 494 w 516"/>
                    <a:gd name="T13" fmla="*/ 427 h 557"/>
                    <a:gd name="T14" fmla="*/ 497 w 516"/>
                    <a:gd name="T15" fmla="*/ 418 h 557"/>
                    <a:gd name="T16" fmla="*/ 499 w 516"/>
                    <a:gd name="T17" fmla="*/ 398 h 557"/>
                    <a:gd name="T18" fmla="*/ 506 w 516"/>
                    <a:gd name="T19" fmla="*/ 396 h 557"/>
                    <a:gd name="T20" fmla="*/ 506 w 516"/>
                    <a:gd name="T21" fmla="*/ 390 h 557"/>
                    <a:gd name="T22" fmla="*/ 496 w 516"/>
                    <a:gd name="T23" fmla="*/ 383 h 557"/>
                    <a:gd name="T24" fmla="*/ 504 w 516"/>
                    <a:gd name="T25" fmla="*/ 378 h 557"/>
                    <a:gd name="T26" fmla="*/ 504 w 516"/>
                    <a:gd name="T27" fmla="*/ 356 h 557"/>
                    <a:gd name="T28" fmla="*/ 509 w 516"/>
                    <a:gd name="T29" fmla="*/ 344 h 557"/>
                    <a:gd name="T30" fmla="*/ 504 w 516"/>
                    <a:gd name="T31" fmla="*/ 324 h 557"/>
                    <a:gd name="T32" fmla="*/ 502 w 516"/>
                    <a:gd name="T33" fmla="*/ 317 h 557"/>
                    <a:gd name="T34" fmla="*/ 502 w 516"/>
                    <a:gd name="T35" fmla="*/ 312 h 557"/>
                    <a:gd name="T36" fmla="*/ 477 w 516"/>
                    <a:gd name="T37" fmla="*/ 266 h 557"/>
                    <a:gd name="T38" fmla="*/ 463 w 516"/>
                    <a:gd name="T39" fmla="*/ 242 h 557"/>
                    <a:gd name="T40" fmla="*/ 435 w 516"/>
                    <a:gd name="T41" fmla="*/ 214 h 557"/>
                    <a:gd name="T42" fmla="*/ 424 w 516"/>
                    <a:gd name="T43" fmla="*/ 209 h 557"/>
                    <a:gd name="T44" fmla="*/ 402 w 516"/>
                    <a:gd name="T45" fmla="*/ 187 h 557"/>
                    <a:gd name="T46" fmla="*/ 389 w 516"/>
                    <a:gd name="T47" fmla="*/ 163 h 557"/>
                    <a:gd name="T48" fmla="*/ 374 w 516"/>
                    <a:gd name="T49" fmla="*/ 160 h 557"/>
                    <a:gd name="T50" fmla="*/ 365 w 516"/>
                    <a:gd name="T51" fmla="*/ 149 h 557"/>
                    <a:gd name="T52" fmla="*/ 352 w 516"/>
                    <a:gd name="T53" fmla="*/ 132 h 557"/>
                    <a:gd name="T54" fmla="*/ 343 w 516"/>
                    <a:gd name="T55" fmla="*/ 132 h 557"/>
                    <a:gd name="T56" fmla="*/ 321 w 516"/>
                    <a:gd name="T57" fmla="*/ 114 h 557"/>
                    <a:gd name="T58" fmla="*/ 313 w 516"/>
                    <a:gd name="T59" fmla="*/ 102 h 557"/>
                    <a:gd name="T60" fmla="*/ 291 w 516"/>
                    <a:gd name="T61" fmla="*/ 68 h 557"/>
                    <a:gd name="T62" fmla="*/ 284 w 516"/>
                    <a:gd name="T63" fmla="*/ 61 h 557"/>
                    <a:gd name="T64" fmla="*/ 267 w 516"/>
                    <a:gd name="T65" fmla="*/ 58 h 557"/>
                    <a:gd name="T66" fmla="*/ 252 w 516"/>
                    <a:gd name="T67" fmla="*/ 50 h 557"/>
                    <a:gd name="T68" fmla="*/ 235 w 516"/>
                    <a:gd name="T69" fmla="*/ 34 h 557"/>
                    <a:gd name="T70" fmla="*/ 254 w 516"/>
                    <a:gd name="T71" fmla="*/ 0 h 557"/>
                    <a:gd name="T72" fmla="*/ 89 w 516"/>
                    <a:gd name="T73" fmla="*/ 327 h 557"/>
                    <a:gd name="T74" fmla="*/ 96 w 516"/>
                    <a:gd name="T75" fmla="*/ 337 h 557"/>
                    <a:gd name="T76" fmla="*/ 101 w 516"/>
                    <a:gd name="T77" fmla="*/ 354 h 557"/>
                    <a:gd name="T78" fmla="*/ 108 w 516"/>
                    <a:gd name="T79" fmla="*/ 364 h 557"/>
                    <a:gd name="T80" fmla="*/ 96 w 516"/>
                    <a:gd name="T81" fmla="*/ 378 h 557"/>
                    <a:gd name="T82" fmla="*/ 95 w 516"/>
                    <a:gd name="T83" fmla="*/ 400 h 557"/>
                    <a:gd name="T84" fmla="*/ 93 w 516"/>
                    <a:gd name="T85" fmla="*/ 418 h 557"/>
                    <a:gd name="T86" fmla="*/ 103 w 516"/>
                    <a:gd name="T87" fmla="*/ 451 h 557"/>
                    <a:gd name="T88" fmla="*/ 105 w 516"/>
                    <a:gd name="T89" fmla="*/ 471 h 557"/>
                    <a:gd name="T90" fmla="*/ 122 w 516"/>
                    <a:gd name="T91" fmla="*/ 522 h 557"/>
                    <a:gd name="T92" fmla="*/ 443 w 516"/>
                    <a:gd name="T93" fmla="*/ 557 h 557"/>
                    <a:gd name="T94" fmla="*/ 440 w 516"/>
                    <a:gd name="T95" fmla="*/ 539 h 557"/>
                    <a:gd name="T96" fmla="*/ 435 w 516"/>
                    <a:gd name="T97" fmla="*/ 520 h 557"/>
                    <a:gd name="T98" fmla="*/ 443 w 516"/>
                    <a:gd name="T99" fmla="*/ 498 h 557"/>
                    <a:gd name="T100" fmla="*/ 462 w 516"/>
                    <a:gd name="T101" fmla="*/ 503 h 557"/>
                    <a:gd name="T102" fmla="*/ 489 w 516"/>
                    <a:gd name="T103" fmla="*/ 506 h 557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w 516"/>
                    <a:gd name="T157" fmla="*/ 0 h 557"/>
                    <a:gd name="T158" fmla="*/ 516 w 516"/>
                    <a:gd name="T159" fmla="*/ 557 h 557"/>
                  </a:gdLst>
                  <a:ahLst/>
                  <a:cxnLst>
                    <a:cxn ang="T104">
                      <a:pos x="T0" y="T1"/>
                    </a:cxn>
                    <a:cxn ang="T105">
                      <a:pos x="T2" y="T3"/>
                    </a:cxn>
                    <a:cxn ang="T106">
                      <a:pos x="T4" y="T5"/>
                    </a:cxn>
                    <a:cxn ang="T107">
                      <a:pos x="T6" y="T7"/>
                    </a:cxn>
                    <a:cxn ang="T108">
                      <a:pos x="T8" y="T9"/>
                    </a:cxn>
                    <a:cxn ang="T109">
                      <a:pos x="T10" y="T11"/>
                    </a:cxn>
                    <a:cxn ang="T110">
                      <a:pos x="T12" y="T13"/>
                    </a:cxn>
                    <a:cxn ang="T111">
                      <a:pos x="T14" y="T15"/>
                    </a:cxn>
                    <a:cxn ang="T112">
                      <a:pos x="T16" y="T17"/>
                    </a:cxn>
                    <a:cxn ang="T113">
                      <a:pos x="T18" y="T19"/>
                    </a:cxn>
                    <a:cxn ang="T114">
                      <a:pos x="T20" y="T21"/>
                    </a:cxn>
                    <a:cxn ang="T115">
                      <a:pos x="T22" y="T23"/>
                    </a:cxn>
                    <a:cxn ang="T116">
                      <a:pos x="T24" y="T25"/>
                    </a:cxn>
                    <a:cxn ang="T117">
                      <a:pos x="T26" y="T27"/>
                    </a:cxn>
                    <a:cxn ang="T118">
                      <a:pos x="T28" y="T29"/>
                    </a:cxn>
                    <a:cxn ang="T119">
                      <a:pos x="T30" y="T31"/>
                    </a:cxn>
                    <a:cxn ang="T120">
                      <a:pos x="T32" y="T33"/>
                    </a:cxn>
                    <a:cxn ang="T121">
                      <a:pos x="T34" y="T35"/>
                    </a:cxn>
                    <a:cxn ang="T122">
                      <a:pos x="T36" y="T37"/>
                    </a:cxn>
                    <a:cxn ang="T123">
                      <a:pos x="T38" y="T39"/>
                    </a:cxn>
                    <a:cxn ang="T124">
                      <a:pos x="T40" y="T41"/>
                    </a:cxn>
                    <a:cxn ang="T125">
                      <a:pos x="T42" y="T43"/>
                    </a:cxn>
                    <a:cxn ang="T126">
                      <a:pos x="T44" y="T45"/>
                    </a:cxn>
                    <a:cxn ang="T127">
                      <a:pos x="T46" y="T47"/>
                    </a:cxn>
                    <a:cxn ang="T128">
                      <a:pos x="T48" y="T49"/>
                    </a:cxn>
                    <a:cxn ang="T129">
                      <a:pos x="T50" y="T51"/>
                    </a:cxn>
                    <a:cxn ang="T130">
                      <a:pos x="T52" y="T53"/>
                    </a:cxn>
                    <a:cxn ang="T131">
                      <a:pos x="T54" y="T55"/>
                    </a:cxn>
                    <a:cxn ang="T132">
                      <a:pos x="T56" y="T57"/>
                    </a:cxn>
                    <a:cxn ang="T133">
                      <a:pos x="T58" y="T59"/>
                    </a:cxn>
                    <a:cxn ang="T134">
                      <a:pos x="T60" y="T61"/>
                    </a:cxn>
                    <a:cxn ang="T135">
                      <a:pos x="T62" y="T63"/>
                    </a:cxn>
                    <a:cxn ang="T136">
                      <a:pos x="T64" y="T65"/>
                    </a:cxn>
                    <a:cxn ang="T137">
                      <a:pos x="T66" y="T67"/>
                    </a:cxn>
                    <a:cxn ang="T138">
                      <a:pos x="T68" y="T69"/>
                    </a:cxn>
                    <a:cxn ang="T139">
                      <a:pos x="T70" y="T71"/>
                    </a:cxn>
                    <a:cxn ang="T140">
                      <a:pos x="T72" y="T73"/>
                    </a:cxn>
                    <a:cxn ang="T141">
                      <a:pos x="T74" y="T75"/>
                    </a:cxn>
                    <a:cxn ang="T142">
                      <a:pos x="T76" y="T77"/>
                    </a:cxn>
                    <a:cxn ang="T143">
                      <a:pos x="T78" y="T79"/>
                    </a:cxn>
                    <a:cxn ang="T144">
                      <a:pos x="T80" y="T81"/>
                    </a:cxn>
                    <a:cxn ang="T145">
                      <a:pos x="T82" y="T83"/>
                    </a:cxn>
                    <a:cxn ang="T146">
                      <a:pos x="T84" y="T85"/>
                    </a:cxn>
                    <a:cxn ang="T147">
                      <a:pos x="T86" y="T87"/>
                    </a:cxn>
                    <a:cxn ang="T148">
                      <a:pos x="T88" y="T89"/>
                    </a:cxn>
                    <a:cxn ang="T149">
                      <a:pos x="T90" y="T91"/>
                    </a:cxn>
                    <a:cxn ang="T150">
                      <a:pos x="T92" y="T93"/>
                    </a:cxn>
                    <a:cxn ang="T151">
                      <a:pos x="T94" y="T95"/>
                    </a:cxn>
                    <a:cxn ang="T152">
                      <a:pos x="T96" y="T97"/>
                    </a:cxn>
                    <a:cxn ang="T153">
                      <a:pos x="T98" y="T99"/>
                    </a:cxn>
                    <a:cxn ang="T154">
                      <a:pos x="T100" y="T101"/>
                    </a:cxn>
                    <a:cxn ang="T155">
                      <a:pos x="T102" y="T103"/>
                    </a:cxn>
                  </a:cxnLst>
                  <a:rect l="T156" t="T157" r="T158" b="T159"/>
                  <a:pathLst>
                    <a:path w="516" h="557">
                      <a:moveTo>
                        <a:pt x="492" y="498"/>
                      </a:moveTo>
                      <a:lnTo>
                        <a:pt x="487" y="493"/>
                      </a:lnTo>
                      <a:lnTo>
                        <a:pt x="485" y="490"/>
                      </a:lnTo>
                      <a:lnTo>
                        <a:pt x="490" y="488"/>
                      </a:lnTo>
                      <a:lnTo>
                        <a:pt x="492" y="474"/>
                      </a:lnTo>
                      <a:lnTo>
                        <a:pt x="489" y="474"/>
                      </a:lnTo>
                      <a:lnTo>
                        <a:pt x="489" y="471"/>
                      </a:lnTo>
                      <a:lnTo>
                        <a:pt x="490" y="464"/>
                      </a:lnTo>
                      <a:lnTo>
                        <a:pt x="485" y="462"/>
                      </a:lnTo>
                      <a:lnTo>
                        <a:pt x="487" y="464"/>
                      </a:lnTo>
                      <a:lnTo>
                        <a:pt x="487" y="466"/>
                      </a:lnTo>
                      <a:lnTo>
                        <a:pt x="487" y="468"/>
                      </a:lnTo>
                      <a:lnTo>
                        <a:pt x="487" y="469"/>
                      </a:lnTo>
                      <a:lnTo>
                        <a:pt x="487" y="468"/>
                      </a:lnTo>
                      <a:lnTo>
                        <a:pt x="485" y="464"/>
                      </a:lnTo>
                      <a:lnTo>
                        <a:pt x="482" y="457"/>
                      </a:lnTo>
                      <a:lnTo>
                        <a:pt x="480" y="449"/>
                      </a:lnTo>
                      <a:lnTo>
                        <a:pt x="480" y="446"/>
                      </a:lnTo>
                      <a:lnTo>
                        <a:pt x="480" y="444"/>
                      </a:lnTo>
                      <a:lnTo>
                        <a:pt x="482" y="444"/>
                      </a:lnTo>
                      <a:lnTo>
                        <a:pt x="485" y="446"/>
                      </a:lnTo>
                      <a:lnTo>
                        <a:pt x="487" y="449"/>
                      </a:lnTo>
                      <a:lnTo>
                        <a:pt x="489" y="451"/>
                      </a:lnTo>
                      <a:lnTo>
                        <a:pt x="489" y="432"/>
                      </a:lnTo>
                      <a:lnTo>
                        <a:pt x="485" y="425"/>
                      </a:lnTo>
                      <a:lnTo>
                        <a:pt x="487" y="427"/>
                      </a:lnTo>
                      <a:lnTo>
                        <a:pt x="489" y="427"/>
                      </a:lnTo>
                      <a:lnTo>
                        <a:pt x="490" y="427"/>
                      </a:lnTo>
                      <a:lnTo>
                        <a:pt x="494" y="427"/>
                      </a:lnTo>
                      <a:lnTo>
                        <a:pt x="496" y="427"/>
                      </a:lnTo>
                      <a:lnTo>
                        <a:pt x="497" y="427"/>
                      </a:lnTo>
                      <a:lnTo>
                        <a:pt x="497" y="418"/>
                      </a:lnTo>
                      <a:lnTo>
                        <a:pt x="497" y="412"/>
                      </a:lnTo>
                      <a:lnTo>
                        <a:pt x="497" y="407"/>
                      </a:lnTo>
                      <a:lnTo>
                        <a:pt x="497" y="403"/>
                      </a:lnTo>
                      <a:lnTo>
                        <a:pt x="497" y="400"/>
                      </a:lnTo>
                      <a:lnTo>
                        <a:pt x="499" y="398"/>
                      </a:lnTo>
                      <a:lnTo>
                        <a:pt x="504" y="398"/>
                      </a:lnTo>
                      <a:lnTo>
                        <a:pt x="506" y="396"/>
                      </a:lnTo>
                      <a:lnTo>
                        <a:pt x="507" y="395"/>
                      </a:lnTo>
                      <a:lnTo>
                        <a:pt x="507" y="393"/>
                      </a:lnTo>
                      <a:lnTo>
                        <a:pt x="507" y="391"/>
                      </a:lnTo>
                      <a:lnTo>
                        <a:pt x="506" y="391"/>
                      </a:lnTo>
                      <a:lnTo>
                        <a:pt x="506" y="390"/>
                      </a:lnTo>
                      <a:lnTo>
                        <a:pt x="504" y="390"/>
                      </a:lnTo>
                      <a:lnTo>
                        <a:pt x="499" y="386"/>
                      </a:lnTo>
                      <a:lnTo>
                        <a:pt x="497" y="385"/>
                      </a:lnTo>
                      <a:lnTo>
                        <a:pt x="496" y="383"/>
                      </a:lnTo>
                      <a:lnTo>
                        <a:pt x="497" y="381"/>
                      </a:lnTo>
                      <a:lnTo>
                        <a:pt x="499" y="380"/>
                      </a:lnTo>
                      <a:lnTo>
                        <a:pt x="501" y="380"/>
                      </a:lnTo>
                      <a:lnTo>
                        <a:pt x="502" y="380"/>
                      </a:lnTo>
                      <a:lnTo>
                        <a:pt x="504" y="378"/>
                      </a:lnTo>
                      <a:lnTo>
                        <a:pt x="501" y="371"/>
                      </a:lnTo>
                      <a:lnTo>
                        <a:pt x="501" y="364"/>
                      </a:lnTo>
                      <a:lnTo>
                        <a:pt x="502" y="361"/>
                      </a:lnTo>
                      <a:lnTo>
                        <a:pt x="504" y="356"/>
                      </a:lnTo>
                      <a:lnTo>
                        <a:pt x="506" y="354"/>
                      </a:lnTo>
                      <a:lnTo>
                        <a:pt x="507" y="352"/>
                      </a:lnTo>
                      <a:lnTo>
                        <a:pt x="509" y="352"/>
                      </a:lnTo>
                      <a:lnTo>
                        <a:pt x="509" y="351"/>
                      </a:lnTo>
                      <a:lnTo>
                        <a:pt x="509" y="344"/>
                      </a:lnTo>
                      <a:lnTo>
                        <a:pt x="516" y="339"/>
                      </a:lnTo>
                      <a:lnTo>
                        <a:pt x="514" y="330"/>
                      </a:lnTo>
                      <a:lnTo>
                        <a:pt x="506" y="329"/>
                      </a:lnTo>
                      <a:lnTo>
                        <a:pt x="502" y="324"/>
                      </a:lnTo>
                      <a:lnTo>
                        <a:pt x="504" y="324"/>
                      </a:lnTo>
                      <a:lnTo>
                        <a:pt x="504" y="322"/>
                      </a:lnTo>
                      <a:lnTo>
                        <a:pt x="502" y="320"/>
                      </a:lnTo>
                      <a:lnTo>
                        <a:pt x="502" y="319"/>
                      </a:lnTo>
                      <a:lnTo>
                        <a:pt x="502" y="317"/>
                      </a:lnTo>
                      <a:lnTo>
                        <a:pt x="502" y="315"/>
                      </a:lnTo>
                      <a:lnTo>
                        <a:pt x="502" y="314"/>
                      </a:lnTo>
                      <a:lnTo>
                        <a:pt x="502" y="312"/>
                      </a:lnTo>
                      <a:lnTo>
                        <a:pt x="501" y="298"/>
                      </a:lnTo>
                      <a:lnTo>
                        <a:pt x="496" y="288"/>
                      </a:lnTo>
                      <a:lnTo>
                        <a:pt x="490" y="280"/>
                      </a:lnTo>
                      <a:lnTo>
                        <a:pt x="484" y="271"/>
                      </a:lnTo>
                      <a:lnTo>
                        <a:pt x="477" y="266"/>
                      </a:lnTo>
                      <a:lnTo>
                        <a:pt x="470" y="263"/>
                      </a:lnTo>
                      <a:lnTo>
                        <a:pt x="467" y="259"/>
                      </a:lnTo>
                      <a:lnTo>
                        <a:pt x="465" y="258"/>
                      </a:lnTo>
                      <a:lnTo>
                        <a:pt x="463" y="242"/>
                      </a:lnTo>
                      <a:lnTo>
                        <a:pt x="460" y="232"/>
                      </a:lnTo>
                      <a:lnTo>
                        <a:pt x="453" y="224"/>
                      </a:lnTo>
                      <a:lnTo>
                        <a:pt x="446" y="219"/>
                      </a:lnTo>
                      <a:lnTo>
                        <a:pt x="440" y="215"/>
                      </a:lnTo>
                      <a:lnTo>
                        <a:pt x="435" y="214"/>
                      </a:lnTo>
                      <a:lnTo>
                        <a:pt x="430" y="212"/>
                      </a:lnTo>
                      <a:lnTo>
                        <a:pt x="428" y="212"/>
                      </a:lnTo>
                      <a:lnTo>
                        <a:pt x="428" y="210"/>
                      </a:lnTo>
                      <a:lnTo>
                        <a:pt x="424" y="209"/>
                      </a:lnTo>
                      <a:lnTo>
                        <a:pt x="419" y="204"/>
                      </a:lnTo>
                      <a:lnTo>
                        <a:pt x="414" y="200"/>
                      </a:lnTo>
                      <a:lnTo>
                        <a:pt x="409" y="195"/>
                      </a:lnTo>
                      <a:lnTo>
                        <a:pt x="406" y="190"/>
                      </a:lnTo>
                      <a:lnTo>
                        <a:pt x="402" y="187"/>
                      </a:lnTo>
                      <a:lnTo>
                        <a:pt x="401" y="183"/>
                      </a:lnTo>
                      <a:lnTo>
                        <a:pt x="397" y="175"/>
                      </a:lnTo>
                      <a:lnTo>
                        <a:pt x="392" y="168"/>
                      </a:lnTo>
                      <a:lnTo>
                        <a:pt x="389" y="163"/>
                      </a:lnTo>
                      <a:lnTo>
                        <a:pt x="384" y="161"/>
                      </a:lnTo>
                      <a:lnTo>
                        <a:pt x="380" y="160"/>
                      </a:lnTo>
                      <a:lnTo>
                        <a:pt x="377" y="160"/>
                      </a:lnTo>
                      <a:lnTo>
                        <a:pt x="374" y="160"/>
                      </a:lnTo>
                      <a:lnTo>
                        <a:pt x="372" y="158"/>
                      </a:lnTo>
                      <a:lnTo>
                        <a:pt x="370" y="154"/>
                      </a:lnTo>
                      <a:lnTo>
                        <a:pt x="367" y="153"/>
                      </a:lnTo>
                      <a:lnTo>
                        <a:pt x="365" y="149"/>
                      </a:lnTo>
                      <a:lnTo>
                        <a:pt x="362" y="143"/>
                      </a:lnTo>
                      <a:lnTo>
                        <a:pt x="358" y="138"/>
                      </a:lnTo>
                      <a:lnTo>
                        <a:pt x="355" y="134"/>
                      </a:lnTo>
                      <a:lnTo>
                        <a:pt x="352" y="132"/>
                      </a:lnTo>
                      <a:lnTo>
                        <a:pt x="348" y="131"/>
                      </a:lnTo>
                      <a:lnTo>
                        <a:pt x="347" y="132"/>
                      </a:lnTo>
                      <a:lnTo>
                        <a:pt x="343" y="132"/>
                      </a:lnTo>
                      <a:lnTo>
                        <a:pt x="336" y="131"/>
                      </a:lnTo>
                      <a:lnTo>
                        <a:pt x="331" y="129"/>
                      </a:lnTo>
                      <a:lnTo>
                        <a:pt x="328" y="124"/>
                      </a:lnTo>
                      <a:lnTo>
                        <a:pt x="325" y="119"/>
                      </a:lnTo>
                      <a:lnTo>
                        <a:pt x="321" y="114"/>
                      </a:lnTo>
                      <a:lnTo>
                        <a:pt x="320" y="110"/>
                      </a:lnTo>
                      <a:lnTo>
                        <a:pt x="318" y="107"/>
                      </a:lnTo>
                      <a:lnTo>
                        <a:pt x="318" y="105"/>
                      </a:lnTo>
                      <a:lnTo>
                        <a:pt x="313" y="102"/>
                      </a:lnTo>
                      <a:lnTo>
                        <a:pt x="306" y="95"/>
                      </a:lnTo>
                      <a:lnTo>
                        <a:pt x="301" y="88"/>
                      </a:lnTo>
                      <a:lnTo>
                        <a:pt x="296" y="82"/>
                      </a:lnTo>
                      <a:lnTo>
                        <a:pt x="292" y="75"/>
                      </a:lnTo>
                      <a:lnTo>
                        <a:pt x="291" y="68"/>
                      </a:lnTo>
                      <a:lnTo>
                        <a:pt x="287" y="65"/>
                      </a:lnTo>
                      <a:lnTo>
                        <a:pt x="287" y="63"/>
                      </a:lnTo>
                      <a:lnTo>
                        <a:pt x="287" y="61"/>
                      </a:lnTo>
                      <a:lnTo>
                        <a:pt x="284" y="61"/>
                      </a:lnTo>
                      <a:lnTo>
                        <a:pt x="282" y="61"/>
                      </a:lnTo>
                      <a:lnTo>
                        <a:pt x="281" y="60"/>
                      </a:lnTo>
                      <a:lnTo>
                        <a:pt x="274" y="60"/>
                      </a:lnTo>
                      <a:lnTo>
                        <a:pt x="267" y="58"/>
                      </a:lnTo>
                      <a:lnTo>
                        <a:pt x="262" y="56"/>
                      </a:lnTo>
                      <a:lnTo>
                        <a:pt x="259" y="55"/>
                      </a:lnTo>
                      <a:lnTo>
                        <a:pt x="255" y="53"/>
                      </a:lnTo>
                      <a:lnTo>
                        <a:pt x="254" y="51"/>
                      </a:lnTo>
                      <a:lnTo>
                        <a:pt x="252" y="50"/>
                      </a:lnTo>
                      <a:lnTo>
                        <a:pt x="240" y="48"/>
                      </a:lnTo>
                      <a:lnTo>
                        <a:pt x="235" y="43"/>
                      </a:lnTo>
                      <a:lnTo>
                        <a:pt x="235" y="34"/>
                      </a:lnTo>
                      <a:lnTo>
                        <a:pt x="237" y="24"/>
                      </a:lnTo>
                      <a:lnTo>
                        <a:pt x="242" y="16"/>
                      </a:lnTo>
                      <a:lnTo>
                        <a:pt x="248" y="7"/>
                      </a:lnTo>
                      <a:lnTo>
                        <a:pt x="252" y="2"/>
                      </a:lnTo>
                      <a:lnTo>
                        <a:pt x="254" y="0"/>
                      </a:lnTo>
                      <a:lnTo>
                        <a:pt x="130" y="19"/>
                      </a:lnTo>
                      <a:lnTo>
                        <a:pt x="0" y="33"/>
                      </a:lnTo>
                      <a:lnTo>
                        <a:pt x="73" y="290"/>
                      </a:lnTo>
                      <a:lnTo>
                        <a:pt x="89" y="327"/>
                      </a:lnTo>
                      <a:lnTo>
                        <a:pt x="91" y="329"/>
                      </a:lnTo>
                      <a:lnTo>
                        <a:pt x="93" y="330"/>
                      </a:lnTo>
                      <a:lnTo>
                        <a:pt x="95" y="334"/>
                      </a:lnTo>
                      <a:lnTo>
                        <a:pt x="96" y="337"/>
                      </a:lnTo>
                      <a:lnTo>
                        <a:pt x="100" y="341"/>
                      </a:lnTo>
                      <a:lnTo>
                        <a:pt x="100" y="347"/>
                      </a:lnTo>
                      <a:lnTo>
                        <a:pt x="100" y="352"/>
                      </a:lnTo>
                      <a:lnTo>
                        <a:pt x="101" y="354"/>
                      </a:lnTo>
                      <a:lnTo>
                        <a:pt x="103" y="356"/>
                      </a:lnTo>
                      <a:lnTo>
                        <a:pt x="105" y="356"/>
                      </a:lnTo>
                      <a:lnTo>
                        <a:pt x="108" y="358"/>
                      </a:lnTo>
                      <a:lnTo>
                        <a:pt x="108" y="361"/>
                      </a:lnTo>
                      <a:lnTo>
                        <a:pt x="108" y="364"/>
                      </a:lnTo>
                      <a:lnTo>
                        <a:pt x="105" y="369"/>
                      </a:lnTo>
                      <a:lnTo>
                        <a:pt x="98" y="376"/>
                      </a:lnTo>
                      <a:lnTo>
                        <a:pt x="98" y="378"/>
                      </a:lnTo>
                      <a:lnTo>
                        <a:pt x="96" y="378"/>
                      </a:lnTo>
                      <a:lnTo>
                        <a:pt x="96" y="381"/>
                      </a:lnTo>
                      <a:lnTo>
                        <a:pt x="96" y="383"/>
                      </a:lnTo>
                      <a:lnTo>
                        <a:pt x="95" y="388"/>
                      </a:lnTo>
                      <a:lnTo>
                        <a:pt x="95" y="393"/>
                      </a:lnTo>
                      <a:lnTo>
                        <a:pt x="95" y="400"/>
                      </a:lnTo>
                      <a:lnTo>
                        <a:pt x="95" y="407"/>
                      </a:lnTo>
                      <a:lnTo>
                        <a:pt x="95" y="410"/>
                      </a:lnTo>
                      <a:lnTo>
                        <a:pt x="93" y="413"/>
                      </a:lnTo>
                      <a:lnTo>
                        <a:pt x="93" y="418"/>
                      </a:lnTo>
                      <a:lnTo>
                        <a:pt x="93" y="424"/>
                      </a:lnTo>
                      <a:lnTo>
                        <a:pt x="93" y="432"/>
                      </a:lnTo>
                      <a:lnTo>
                        <a:pt x="95" y="439"/>
                      </a:lnTo>
                      <a:lnTo>
                        <a:pt x="98" y="446"/>
                      </a:lnTo>
                      <a:lnTo>
                        <a:pt x="103" y="451"/>
                      </a:lnTo>
                      <a:lnTo>
                        <a:pt x="103" y="454"/>
                      </a:lnTo>
                      <a:lnTo>
                        <a:pt x="103" y="457"/>
                      </a:lnTo>
                      <a:lnTo>
                        <a:pt x="105" y="464"/>
                      </a:lnTo>
                      <a:lnTo>
                        <a:pt x="105" y="471"/>
                      </a:lnTo>
                      <a:lnTo>
                        <a:pt x="105" y="478"/>
                      </a:lnTo>
                      <a:lnTo>
                        <a:pt x="105" y="483"/>
                      </a:lnTo>
                      <a:lnTo>
                        <a:pt x="105" y="488"/>
                      </a:lnTo>
                      <a:lnTo>
                        <a:pt x="105" y="490"/>
                      </a:lnTo>
                      <a:lnTo>
                        <a:pt x="122" y="522"/>
                      </a:lnTo>
                      <a:lnTo>
                        <a:pt x="139" y="554"/>
                      </a:lnTo>
                      <a:lnTo>
                        <a:pt x="418" y="535"/>
                      </a:lnTo>
                      <a:lnTo>
                        <a:pt x="428" y="557"/>
                      </a:lnTo>
                      <a:lnTo>
                        <a:pt x="443" y="557"/>
                      </a:lnTo>
                      <a:lnTo>
                        <a:pt x="443" y="556"/>
                      </a:lnTo>
                      <a:lnTo>
                        <a:pt x="441" y="552"/>
                      </a:lnTo>
                      <a:lnTo>
                        <a:pt x="441" y="549"/>
                      </a:lnTo>
                      <a:lnTo>
                        <a:pt x="441" y="544"/>
                      </a:lnTo>
                      <a:lnTo>
                        <a:pt x="440" y="539"/>
                      </a:lnTo>
                      <a:lnTo>
                        <a:pt x="440" y="534"/>
                      </a:lnTo>
                      <a:lnTo>
                        <a:pt x="440" y="530"/>
                      </a:lnTo>
                      <a:lnTo>
                        <a:pt x="440" y="528"/>
                      </a:lnTo>
                      <a:lnTo>
                        <a:pt x="435" y="520"/>
                      </a:lnTo>
                      <a:lnTo>
                        <a:pt x="435" y="512"/>
                      </a:lnTo>
                      <a:lnTo>
                        <a:pt x="435" y="506"/>
                      </a:lnTo>
                      <a:lnTo>
                        <a:pt x="438" y="503"/>
                      </a:lnTo>
                      <a:lnTo>
                        <a:pt x="441" y="500"/>
                      </a:lnTo>
                      <a:lnTo>
                        <a:pt x="443" y="498"/>
                      </a:lnTo>
                      <a:lnTo>
                        <a:pt x="446" y="498"/>
                      </a:lnTo>
                      <a:lnTo>
                        <a:pt x="448" y="498"/>
                      </a:lnTo>
                      <a:lnTo>
                        <a:pt x="453" y="501"/>
                      </a:lnTo>
                      <a:lnTo>
                        <a:pt x="462" y="503"/>
                      </a:lnTo>
                      <a:lnTo>
                        <a:pt x="468" y="505"/>
                      </a:lnTo>
                      <a:lnTo>
                        <a:pt x="475" y="506"/>
                      </a:lnTo>
                      <a:lnTo>
                        <a:pt x="482" y="506"/>
                      </a:lnTo>
                      <a:lnTo>
                        <a:pt x="485" y="506"/>
                      </a:lnTo>
                      <a:lnTo>
                        <a:pt x="489" y="506"/>
                      </a:lnTo>
                      <a:lnTo>
                        <a:pt x="490" y="506"/>
                      </a:lnTo>
                      <a:lnTo>
                        <a:pt x="492" y="498"/>
                      </a:lnTo>
                    </a:path>
                  </a:pathLst>
                </a:custGeom>
                <a:solidFill>
                  <a:srgbClr val="2D73FF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66" name="Group 183"/>
              <p:cNvGrpSpPr>
                <a:grpSpLocks/>
              </p:cNvGrpSpPr>
              <p:nvPr/>
            </p:nvGrpSpPr>
            <p:grpSpPr bwMode="auto">
              <a:xfrm>
                <a:off x="4720" y="1593"/>
                <a:ext cx="332" cy="182"/>
                <a:chOff x="4972" y="1195"/>
                <a:chExt cx="342" cy="188"/>
              </a:xfrm>
            </p:grpSpPr>
            <p:sp>
              <p:nvSpPr>
                <p:cNvPr id="70" name="Freeform 184"/>
                <p:cNvSpPr>
                  <a:spLocks/>
                </p:cNvSpPr>
                <p:nvPr/>
              </p:nvSpPr>
              <p:spPr bwMode="auto">
                <a:xfrm>
                  <a:off x="5289" y="1356"/>
                  <a:ext cx="25" cy="17"/>
                </a:xfrm>
                <a:custGeom>
                  <a:avLst/>
                  <a:gdLst>
                    <a:gd name="T0" fmla="*/ 0 w 25"/>
                    <a:gd name="T1" fmla="*/ 17 h 17"/>
                    <a:gd name="T2" fmla="*/ 2 w 25"/>
                    <a:gd name="T3" fmla="*/ 17 h 17"/>
                    <a:gd name="T4" fmla="*/ 7 w 25"/>
                    <a:gd name="T5" fmla="*/ 17 h 17"/>
                    <a:gd name="T6" fmla="*/ 12 w 25"/>
                    <a:gd name="T7" fmla="*/ 17 h 17"/>
                    <a:gd name="T8" fmla="*/ 19 w 25"/>
                    <a:gd name="T9" fmla="*/ 15 h 17"/>
                    <a:gd name="T10" fmla="*/ 24 w 25"/>
                    <a:gd name="T11" fmla="*/ 13 h 17"/>
                    <a:gd name="T12" fmla="*/ 25 w 25"/>
                    <a:gd name="T13" fmla="*/ 10 h 17"/>
                    <a:gd name="T14" fmla="*/ 24 w 25"/>
                    <a:gd name="T15" fmla="*/ 6 h 17"/>
                    <a:gd name="T16" fmla="*/ 19 w 25"/>
                    <a:gd name="T17" fmla="*/ 1 h 17"/>
                    <a:gd name="T18" fmla="*/ 19 w 25"/>
                    <a:gd name="T19" fmla="*/ 0 h 17"/>
                    <a:gd name="T20" fmla="*/ 17 w 25"/>
                    <a:gd name="T21" fmla="*/ 0 h 17"/>
                    <a:gd name="T22" fmla="*/ 15 w 25"/>
                    <a:gd name="T23" fmla="*/ 3 h 17"/>
                    <a:gd name="T24" fmla="*/ 15 w 25"/>
                    <a:gd name="T25" fmla="*/ 8 h 17"/>
                    <a:gd name="T26" fmla="*/ 13 w 25"/>
                    <a:gd name="T27" fmla="*/ 8 h 17"/>
                    <a:gd name="T28" fmla="*/ 12 w 25"/>
                    <a:gd name="T29" fmla="*/ 8 h 17"/>
                    <a:gd name="T30" fmla="*/ 8 w 25"/>
                    <a:gd name="T31" fmla="*/ 8 h 17"/>
                    <a:gd name="T32" fmla="*/ 7 w 25"/>
                    <a:gd name="T33" fmla="*/ 8 h 17"/>
                    <a:gd name="T34" fmla="*/ 3 w 25"/>
                    <a:gd name="T35" fmla="*/ 10 h 17"/>
                    <a:gd name="T36" fmla="*/ 0 w 25"/>
                    <a:gd name="T37" fmla="*/ 12 h 17"/>
                    <a:gd name="T38" fmla="*/ 0 w 25"/>
                    <a:gd name="T39" fmla="*/ 13 h 17"/>
                    <a:gd name="T40" fmla="*/ 0 w 25"/>
                    <a:gd name="T41" fmla="*/ 17 h 17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25"/>
                    <a:gd name="T64" fmla="*/ 0 h 17"/>
                    <a:gd name="T65" fmla="*/ 25 w 25"/>
                    <a:gd name="T66" fmla="*/ 17 h 17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25" h="17">
                      <a:moveTo>
                        <a:pt x="0" y="17"/>
                      </a:moveTo>
                      <a:lnTo>
                        <a:pt x="2" y="17"/>
                      </a:lnTo>
                      <a:lnTo>
                        <a:pt x="7" y="17"/>
                      </a:lnTo>
                      <a:lnTo>
                        <a:pt x="12" y="17"/>
                      </a:lnTo>
                      <a:lnTo>
                        <a:pt x="19" y="15"/>
                      </a:lnTo>
                      <a:lnTo>
                        <a:pt x="24" y="13"/>
                      </a:lnTo>
                      <a:lnTo>
                        <a:pt x="25" y="10"/>
                      </a:lnTo>
                      <a:lnTo>
                        <a:pt x="24" y="6"/>
                      </a:lnTo>
                      <a:lnTo>
                        <a:pt x="19" y="1"/>
                      </a:lnTo>
                      <a:lnTo>
                        <a:pt x="19" y="0"/>
                      </a:lnTo>
                      <a:lnTo>
                        <a:pt x="17" y="0"/>
                      </a:lnTo>
                      <a:lnTo>
                        <a:pt x="15" y="3"/>
                      </a:lnTo>
                      <a:lnTo>
                        <a:pt x="15" y="8"/>
                      </a:lnTo>
                      <a:lnTo>
                        <a:pt x="13" y="8"/>
                      </a:lnTo>
                      <a:lnTo>
                        <a:pt x="12" y="8"/>
                      </a:lnTo>
                      <a:lnTo>
                        <a:pt x="8" y="8"/>
                      </a:lnTo>
                      <a:lnTo>
                        <a:pt x="7" y="8"/>
                      </a:lnTo>
                      <a:lnTo>
                        <a:pt x="3" y="10"/>
                      </a:lnTo>
                      <a:lnTo>
                        <a:pt x="0" y="12"/>
                      </a:lnTo>
                      <a:lnTo>
                        <a:pt x="0" y="13"/>
                      </a:lnTo>
                      <a:lnTo>
                        <a:pt x="0" y="17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1" name="Freeform 185"/>
                <p:cNvSpPr>
                  <a:spLocks/>
                </p:cNvSpPr>
                <p:nvPr/>
              </p:nvSpPr>
              <p:spPr bwMode="auto">
                <a:xfrm>
                  <a:off x="5289" y="1356"/>
                  <a:ext cx="25" cy="17"/>
                </a:xfrm>
                <a:custGeom>
                  <a:avLst/>
                  <a:gdLst>
                    <a:gd name="T0" fmla="*/ 0 w 25"/>
                    <a:gd name="T1" fmla="*/ 17 h 17"/>
                    <a:gd name="T2" fmla="*/ 0 w 25"/>
                    <a:gd name="T3" fmla="*/ 17 h 17"/>
                    <a:gd name="T4" fmla="*/ 2 w 25"/>
                    <a:gd name="T5" fmla="*/ 17 h 17"/>
                    <a:gd name="T6" fmla="*/ 7 w 25"/>
                    <a:gd name="T7" fmla="*/ 17 h 17"/>
                    <a:gd name="T8" fmla="*/ 12 w 25"/>
                    <a:gd name="T9" fmla="*/ 17 h 17"/>
                    <a:gd name="T10" fmla="*/ 19 w 25"/>
                    <a:gd name="T11" fmla="*/ 15 h 17"/>
                    <a:gd name="T12" fmla="*/ 24 w 25"/>
                    <a:gd name="T13" fmla="*/ 13 h 17"/>
                    <a:gd name="T14" fmla="*/ 25 w 25"/>
                    <a:gd name="T15" fmla="*/ 10 h 17"/>
                    <a:gd name="T16" fmla="*/ 24 w 25"/>
                    <a:gd name="T17" fmla="*/ 6 h 17"/>
                    <a:gd name="T18" fmla="*/ 19 w 25"/>
                    <a:gd name="T19" fmla="*/ 1 h 17"/>
                    <a:gd name="T20" fmla="*/ 19 w 25"/>
                    <a:gd name="T21" fmla="*/ 1 h 17"/>
                    <a:gd name="T22" fmla="*/ 19 w 25"/>
                    <a:gd name="T23" fmla="*/ 0 h 17"/>
                    <a:gd name="T24" fmla="*/ 17 w 25"/>
                    <a:gd name="T25" fmla="*/ 0 h 17"/>
                    <a:gd name="T26" fmla="*/ 15 w 25"/>
                    <a:gd name="T27" fmla="*/ 3 h 17"/>
                    <a:gd name="T28" fmla="*/ 15 w 25"/>
                    <a:gd name="T29" fmla="*/ 8 h 17"/>
                    <a:gd name="T30" fmla="*/ 15 w 25"/>
                    <a:gd name="T31" fmla="*/ 8 h 17"/>
                    <a:gd name="T32" fmla="*/ 13 w 25"/>
                    <a:gd name="T33" fmla="*/ 8 h 17"/>
                    <a:gd name="T34" fmla="*/ 12 w 25"/>
                    <a:gd name="T35" fmla="*/ 8 h 17"/>
                    <a:gd name="T36" fmla="*/ 8 w 25"/>
                    <a:gd name="T37" fmla="*/ 8 h 17"/>
                    <a:gd name="T38" fmla="*/ 7 w 25"/>
                    <a:gd name="T39" fmla="*/ 8 h 17"/>
                    <a:gd name="T40" fmla="*/ 3 w 25"/>
                    <a:gd name="T41" fmla="*/ 10 h 17"/>
                    <a:gd name="T42" fmla="*/ 0 w 25"/>
                    <a:gd name="T43" fmla="*/ 12 h 17"/>
                    <a:gd name="T44" fmla="*/ 0 w 25"/>
                    <a:gd name="T45" fmla="*/ 13 h 17"/>
                    <a:gd name="T46" fmla="*/ 0 w 25"/>
                    <a:gd name="T47" fmla="*/ 17 h 17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w 25"/>
                    <a:gd name="T73" fmla="*/ 0 h 17"/>
                    <a:gd name="T74" fmla="*/ 25 w 25"/>
                    <a:gd name="T75" fmla="*/ 17 h 17"/>
                  </a:gdLst>
                  <a:ahLst/>
                  <a:cxnLst>
                    <a:cxn ang="T48">
                      <a:pos x="T0" y="T1"/>
                    </a:cxn>
                    <a:cxn ang="T49">
                      <a:pos x="T2" y="T3"/>
                    </a:cxn>
                    <a:cxn ang="T50">
                      <a:pos x="T4" y="T5"/>
                    </a:cxn>
                    <a:cxn ang="T51">
                      <a:pos x="T6" y="T7"/>
                    </a:cxn>
                    <a:cxn ang="T52">
                      <a:pos x="T8" y="T9"/>
                    </a:cxn>
                    <a:cxn ang="T53">
                      <a:pos x="T10" y="T11"/>
                    </a:cxn>
                    <a:cxn ang="T54">
                      <a:pos x="T12" y="T13"/>
                    </a:cxn>
                    <a:cxn ang="T55">
                      <a:pos x="T14" y="T15"/>
                    </a:cxn>
                    <a:cxn ang="T56">
                      <a:pos x="T16" y="T17"/>
                    </a:cxn>
                    <a:cxn ang="T57">
                      <a:pos x="T18" y="T19"/>
                    </a:cxn>
                    <a:cxn ang="T58">
                      <a:pos x="T20" y="T21"/>
                    </a:cxn>
                    <a:cxn ang="T59">
                      <a:pos x="T22" y="T23"/>
                    </a:cxn>
                    <a:cxn ang="T60">
                      <a:pos x="T24" y="T25"/>
                    </a:cxn>
                    <a:cxn ang="T61">
                      <a:pos x="T26" y="T27"/>
                    </a:cxn>
                    <a:cxn ang="T62">
                      <a:pos x="T28" y="T29"/>
                    </a:cxn>
                    <a:cxn ang="T63">
                      <a:pos x="T30" y="T31"/>
                    </a:cxn>
                    <a:cxn ang="T64">
                      <a:pos x="T32" y="T33"/>
                    </a:cxn>
                    <a:cxn ang="T65">
                      <a:pos x="T34" y="T35"/>
                    </a:cxn>
                    <a:cxn ang="T66">
                      <a:pos x="T36" y="T37"/>
                    </a:cxn>
                    <a:cxn ang="T67">
                      <a:pos x="T38" y="T39"/>
                    </a:cxn>
                    <a:cxn ang="T68">
                      <a:pos x="T40" y="T41"/>
                    </a:cxn>
                    <a:cxn ang="T69">
                      <a:pos x="T42" y="T43"/>
                    </a:cxn>
                    <a:cxn ang="T70">
                      <a:pos x="T44" y="T45"/>
                    </a:cxn>
                    <a:cxn ang="T71">
                      <a:pos x="T46" y="T47"/>
                    </a:cxn>
                  </a:cxnLst>
                  <a:rect l="T72" t="T73" r="T74" b="T75"/>
                  <a:pathLst>
                    <a:path w="25" h="17">
                      <a:moveTo>
                        <a:pt x="0" y="17"/>
                      </a:moveTo>
                      <a:lnTo>
                        <a:pt x="0" y="17"/>
                      </a:lnTo>
                      <a:lnTo>
                        <a:pt x="2" y="17"/>
                      </a:lnTo>
                      <a:lnTo>
                        <a:pt x="7" y="17"/>
                      </a:lnTo>
                      <a:lnTo>
                        <a:pt x="12" y="17"/>
                      </a:lnTo>
                      <a:lnTo>
                        <a:pt x="19" y="15"/>
                      </a:lnTo>
                      <a:lnTo>
                        <a:pt x="24" y="13"/>
                      </a:lnTo>
                      <a:lnTo>
                        <a:pt x="25" y="10"/>
                      </a:lnTo>
                      <a:lnTo>
                        <a:pt x="24" y="6"/>
                      </a:lnTo>
                      <a:lnTo>
                        <a:pt x="19" y="1"/>
                      </a:lnTo>
                      <a:lnTo>
                        <a:pt x="19" y="0"/>
                      </a:lnTo>
                      <a:lnTo>
                        <a:pt x="17" y="0"/>
                      </a:lnTo>
                      <a:lnTo>
                        <a:pt x="15" y="3"/>
                      </a:lnTo>
                      <a:lnTo>
                        <a:pt x="15" y="8"/>
                      </a:lnTo>
                      <a:lnTo>
                        <a:pt x="13" y="8"/>
                      </a:lnTo>
                      <a:lnTo>
                        <a:pt x="12" y="8"/>
                      </a:lnTo>
                      <a:lnTo>
                        <a:pt x="8" y="8"/>
                      </a:lnTo>
                      <a:lnTo>
                        <a:pt x="7" y="8"/>
                      </a:lnTo>
                      <a:lnTo>
                        <a:pt x="3" y="10"/>
                      </a:lnTo>
                      <a:lnTo>
                        <a:pt x="0" y="12"/>
                      </a:lnTo>
                      <a:lnTo>
                        <a:pt x="0" y="13"/>
                      </a:lnTo>
                      <a:lnTo>
                        <a:pt x="0" y="17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2" name="Freeform 186"/>
                <p:cNvSpPr>
                  <a:spLocks/>
                </p:cNvSpPr>
                <p:nvPr/>
              </p:nvSpPr>
              <p:spPr bwMode="auto">
                <a:xfrm>
                  <a:off x="5235" y="1357"/>
                  <a:ext cx="29" cy="26"/>
                </a:xfrm>
                <a:custGeom>
                  <a:avLst/>
                  <a:gdLst>
                    <a:gd name="T0" fmla="*/ 0 w 29"/>
                    <a:gd name="T1" fmla="*/ 19 h 26"/>
                    <a:gd name="T2" fmla="*/ 3 w 29"/>
                    <a:gd name="T3" fmla="*/ 26 h 26"/>
                    <a:gd name="T4" fmla="*/ 5 w 29"/>
                    <a:gd name="T5" fmla="*/ 26 h 26"/>
                    <a:gd name="T6" fmla="*/ 7 w 29"/>
                    <a:gd name="T7" fmla="*/ 24 h 26"/>
                    <a:gd name="T8" fmla="*/ 8 w 29"/>
                    <a:gd name="T9" fmla="*/ 21 h 26"/>
                    <a:gd name="T10" fmla="*/ 12 w 29"/>
                    <a:gd name="T11" fmla="*/ 19 h 26"/>
                    <a:gd name="T12" fmla="*/ 17 w 29"/>
                    <a:gd name="T13" fmla="*/ 16 h 26"/>
                    <a:gd name="T14" fmla="*/ 20 w 29"/>
                    <a:gd name="T15" fmla="*/ 12 h 26"/>
                    <a:gd name="T16" fmla="*/ 25 w 29"/>
                    <a:gd name="T17" fmla="*/ 12 h 26"/>
                    <a:gd name="T18" fmla="*/ 29 w 29"/>
                    <a:gd name="T19" fmla="*/ 11 h 26"/>
                    <a:gd name="T20" fmla="*/ 29 w 29"/>
                    <a:gd name="T21" fmla="*/ 9 h 26"/>
                    <a:gd name="T22" fmla="*/ 29 w 29"/>
                    <a:gd name="T23" fmla="*/ 5 h 26"/>
                    <a:gd name="T24" fmla="*/ 27 w 29"/>
                    <a:gd name="T25" fmla="*/ 4 h 26"/>
                    <a:gd name="T26" fmla="*/ 22 w 29"/>
                    <a:gd name="T27" fmla="*/ 4 h 26"/>
                    <a:gd name="T28" fmla="*/ 20 w 29"/>
                    <a:gd name="T29" fmla="*/ 4 h 26"/>
                    <a:gd name="T30" fmla="*/ 18 w 29"/>
                    <a:gd name="T31" fmla="*/ 2 h 26"/>
                    <a:gd name="T32" fmla="*/ 15 w 29"/>
                    <a:gd name="T33" fmla="*/ 0 h 26"/>
                    <a:gd name="T34" fmla="*/ 13 w 29"/>
                    <a:gd name="T35" fmla="*/ 0 h 26"/>
                    <a:gd name="T36" fmla="*/ 10 w 29"/>
                    <a:gd name="T37" fmla="*/ 4 h 26"/>
                    <a:gd name="T38" fmla="*/ 10 w 29"/>
                    <a:gd name="T39" fmla="*/ 7 h 26"/>
                    <a:gd name="T40" fmla="*/ 8 w 29"/>
                    <a:gd name="T41" fmla="*/ 11 h 26"/>
                    <a:gd name="T42" fmla="*/ 8 w 29"/>
                    <a:gd name="T43" fmla="*/ 14 h 26"/>
                    <a:gd name="T44" fmla="*/ 3 w 29"/>
                    <a:gd name="T45" fmla="*/ 17 h 26"/>
                    <a:gd name="T46" fmla="*/ 0 w 29"/>
                    <a:gd name="T47" fmla="*/ 19 h 2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w 29"/>
                    <a:gd name="T73" fmla="*/ 0 h 26"/>
                    <a:gd name="T74" fmla="*/ 29 w 29"/>
                    <a:gd name="T75" fmla="*/ 26 h 26"/>
                  </a:gdLst>
                  <a:ahLst/>
                  <a:cxnLst>
                    <a:cxn ang="T48">
                      <a:pos x="T0" y="T1"/>
                    </a:cxn>
                    <a:cxn ang="T49">
                      <a:pos x="T2" y="T3"/>
                    </a:cxn>
                    <a:cxn ang="T50">
                      <a:pos x="T4" y="T5"/>
                    </a:cxn>
                    <a:cxn ang="T51">
                      <a:pos x="T6" y="T7"/>
                    </a:cxn>
                    <a:cxn ang="T52">
                      <a:pos x="T8" y="T9"/>
                    </a:cxn>
                    <a:cxn ang="T53">
                      <a:pos x="T10" y="T11"/>
                    </a:cxn>
                    <a:cxn ang="T54">
                      <a:pos x="T12" y="T13"/>
                    </a:cxn>
                    <a:cxn ang="T55">
                      <a:pos x="T14" y="T15"/>
                    </a:cxn>
                    <a:cxn ang="T56">
                      <a:pos x="T16" y="T17"/>
                    </a:cxn>
                    <a:cxn ang="T57">
                      <a:pos x="T18" y="T19"/>
                    </a:cxn>
                    <a:cxn ang="T58">
                      <a:pos x="T20" y="T21"/>
                    </a:cxn>
                    <a:cxn ang="T59">
                      <a:pos x="T22" y="T23"/>
                    </a:cxn>
                    <a:cxn ang="T60">
                      <a:pos x="T24" y="T25"/>
                    </a:cxn>
                    <a:cxn ang="T61">
                      <a:pos x="T26" y="T27"/>
                    </a:cxn>
                    <a:cxn ang="T62">
                      <a:pos x="T28" y="T29"/>
                    </a:cxn>
                    <a:cxn ang="T63">
                      <a:pos x="T30" y="T31"/>
                    </a:cxn>
                    <a:cxn ang="T64">
                      <a:pos x="T32" y="T33"/>
                    </a:cxn>
                    <a:cxn ang="T65">
                      <a:pos x="T34" y="T35"/>
                    </a:cxn>
                    <a:cxn ang="T66">
                      <a:pos x="T36" y="T37"/>
                    </a:cxn>
                    <a:cxn ang="T67">
                      <a:pos x="T38" y="T39"/>
                    </a:cxn>
                    <a:cxn ang="T68">
                      <a:pos x="T40" y="T41"/>
                    </a:cxn>
                    <a:cxn ang="T69">
                      <a:pos x="T42" y="T43"/>
                    </a:cxn>
                    <a:cxn ang="T70">
                      <a:pos x="T44" y="T45"/>
                    </a:cxn>
                    <a:cxn ang="T71">
                      <a:pos x="T46" y="T47"/>
                    </a:cxn>
                  </a:cxnLst>
                  <a:rect l="T72" t="T73" r="T74" b="T75"/>
                  <a:pathLst>
                    <a:path w="29" h="26">
                      <a:moveTo>
                        <a:pt x="0" y="19"/>
                      </a:moveTo>
                      <a:lnTo>
                        <a:pt x="3" y="26"/>
                      </a:lnTo>
                      <a:lnTo>
                        <a:pt x="5" y="26"/>
                      </a:lnTo>
                      <a:lnTo>
                        <a:pt x="7" y="24"/>
                      </a:lnTo>
                      <a:lnTo>
                        <a:pt x="8" y="21"/>
                      </a:lnTo>
                      <a:lnTo>
                        <a:pt x="12" y="19"/>
                      </a:lnTo>
                      <a:lnTo>
                        <a:pt x="17" y="16"/>
                      </a:lnTo>
                      <a:lnTo>
                        <a:pt x="20" y="12"/>
                      </a:lnTo>
                      <a:lnTo>
                        <a:pt x="25" y="12"/>
                      </a:lnTo>
                      <a:lnTo>
                        <a:pt x="29" y="11"/>
                      </a:lnTo>
                      <a:lnTo>
                        <a:pt x="29" y="9"/>
                      </a:lnTo>
                      <a:lnTo>
                        <a:pt x="29" y="5"/>
                      </a:lnTo>
                      <a:lnTo>
                        <a:pt x="27" y="4"/>
                      </a:lnTo>
                      <a:lnTo>
                        <a:pt x="22" y="4"/>
                      </a:lnTo>
                      <a:lnTo>
                        <a:pt x="20" y="4"/>
                      </a:lnTo>
                      <a:lnTo>
                        <a:pt x="18" y="2"/>
                      </a:lnTo>
                      <a:lnTo>
                        <a:pt x="15" y="0"/>
                      </a:lnTo>
                      <a:lnTo>
                        <a:pt x="13" y="0"/>
                      </a:lnTo>
                      <a:lnTo>
                        <a:pt x="10" y="4"/>
                      </a:lnTo>
                      <a:lnTo>
                        <a:pt x="10" y="7"/>
                      </a:lnTo>
                      <a:lnTo>
                        <a:pt x="8" y="11"/>
                      </a:lnTo>
                      <a:lnTo>
                        <a:pt x="8" y="14"/>
                      </a:lnTo>
                      <a:lnTo>
                        <a:pt x="3" y="17"/>
                      </a:lnTo>
                      <a:lnTo>
                        <a:pt x="0" y="19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3" name="Freeform 187"/>
                <p:cNvSpPr>
                  <a:spLocks/>
                </p:cNvSpPr>
                <p:nvPr/>
              </p:nvSpPr>
              <p:spPr bwMode="auto">
                <a:xfrm>
                  <a:off x="5235" y="1357"/>
                  <a:ext cx="29" cy="26"/>
                </a:xfrm>
                <a:custGeom>
                  <a:avLst/>
                  <a:gdLst>
                    <a:gd name="T0" fmla="*/ 0 w 29"/>
                    <a:gd name="T1" fmla="*/ 19 h 26"/>
                    <a:gd name="T2" fmla="*/ 3 w 29"/>
                    <a:gd name="T3" fmla="*/ 26 h 26"/>
                    <a:gd name="T4" fmla="*/ 3 w 29"/>
                    <a:gd name="T5" fmla="*/ 26 h 26"/>
                    <a:gd name="T6" fmla="*/ 5 w 29"/>
                    <a:gd name="T7" fmla="*/ 26 h 26"/>
                    <a:gd name="T8" fmla="*/ 7 w 29"/>
                    <a:gd name="T9" fmla="*/ 24 h 26"/>
                    <a:gd name="T10" fmla="*/ 8 w 29"/>
                    <a:gd name="T11" fmla="*/ 21 h 26"/>
                    <a:gd name="T12" fmla="*/ 12 w 29"/>
                    <a:gd name="T13" fmla="*/ 19 h 26"/>
                    <a:gd name="T14" fmla="*/ 17 w 29"/>
                    <a:gd name="T15" fmla="*/ 16 h 26"/>
                    <a:gd name="T16" fmla="*/ 20 w 29"/>
                    <a:gd name="T17" fmla="*/ 12 h 26"/>
                    <a:gd name="T18" fmla="*/ 25 w 29"/>
                    <a:gd name="T19" fmla="*/ 12 h 26"/>
                    <a:gd name="T20" fmla="*/ 29 w 29"/>
                    <a:gd name="T21" fmla="*/ 11 h 26"/>
                    <a:gd name="T22" fmla="*/ 29 w 29"/>
                    <a:gd name="T23" fmla="*/ 11 h 26"/>
                    <a:gd name="T24" fmla="*/ 29 w 29"/>
                    <a:gd name="T25" fmla="*/ 9 h 26"/>
                    <a:gd name="T26" fmla="*/ 29 w 29"/>
                    <a:gd name="T27" fmla="*/ 5 h 26"/>
                    <a:gd name="T28" fmla="*/ 27 w 29"/>
                    <a:gd name="T29" fmla="*/ 4 h 26"/>
                    <a:gd name="T30" fmla="*/ 22 w 29"/>
                    <a:gd name="T31" fmla="*/ 4 h 26"/>
                    <a:gd name="T32" fmla="*/ 22 w 29"/>
                    <a:gd name="T33" fmla="*/ 4 h 26"/>
                    <a:gd name="T34" fmla="*/ 20 w 29"/>
                    <a:gd name="T35" fmla="*/ 4 h 26"/>
                    <a:gd name="T36" fmla="*/ 18 w 29"/>
                    <a:gd name="T37" fmla="*/ 2 h 26"/>
                    <a:gd name="T38" fmla="*/ 15 w 29"/>
                    <a:gd name="T39" fmla="*/ 0 h 26"/>
                    <a:gd name="T40" fmla="*/ 13 w 29"/>
                    <a:gd name="T41" fmla="*/ 0 h 26"/>
                    <a:gd name="T42" fmla="*/ 10 w 29"/>
                    <a:gd name="T43" fmla="*/ 4 h 26"/>
                    <a:gd name="T44" fmla="*/ 10 w 29"/>
                    <a:gd name="T45" fmla="*/ 7 h 26"/>
                    <a:gd name="T46" fmla="*/ 8 w 29"/>
                    <a:gd name="T47" fmla="*/ 11 h 26"/>
                    <a:gd name="T48" fmla="*/ 8 w 29"/>
                    <a:gd name="T49" fmla="*/ 14 h 26"/>
                    <a:gd name="T50" fmla="*/ 3 w 29"/>
                    <a:gd name="T51" fmla="*/ 17 h 26"/>
                    <a:gd name="T52" fmla="*/ 0 w 29"/>
                    <a:gd name="T53" fmla="*/ 19 h 2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w 29"/>
                    <a:gd name="T82" fmla="*/ 0 h 26"/>
                    <a:gd name="T83" fmla="*/ 29 w 29"/>
                    <a:gd name="T84" fmla="*/ 26 h 26"/>
                  </a:gdLst>
                  <a:ahLst/>
                  <a:cxnLst>
                    <a:cxn ang="T54">
                      <a:pos x="T0" y="T1"/>
                    </a:cxn>
                    <a:cxn ang="T55">
                      <a:pos x="T2" y="T3"/>
                    </a:cxn>
                    <a:cxn ang="T56">
                      <a:pos x="T4" y="T5"/>
                    </a:cxn>
                    <a:cxn ang="T57">
                      <a:pos x="T6" y="T7"/>
                    </a:cxn>
                    <a:cxn ang="T58">
                      <a:pos x="T8" y="T9"/>
                    </a:cxn>
                    <a:cxn ang="T59">
                      <a:pos x="T10" y="T11"/>
                    </a:cxn>
                    <a:cxn ang="T60">
                      <a:pos x="T12" y="T13"/>
                    </a:cxn>
                    <a:cxn ang="T61">
                      <a:pos x="T14" y="T15"/>
                    </a:cxn>
                    <a:cxn ang="T62">
                      <a:pos x="T16" y="T17"/>
                    </a:cxn>
                    <a:cxn ang="T63">
                      <a:pos x="T18" y="T19"/>
                    </a:cxn>
                    <a:cxn ang="T64">
                      <a:pos x="T20" y="T21"/>
                    </a:cxn>
                    <a:cxn ang="T65">
                      <a:pos x="T22" y="T23"/>
                    </a:cxn>
                    <a:cxn ang="T66">
                      <a:pos x="T24" y="T25"/>
                    </a:cxn>
                    <a:cxn ang="T67">
                      <a:pos x="T26" y="T27"/>
                    </a:cxn>
                    <a:cxn ang="T68">
                      <a:pos x="T28" y="T29"/>
                    </a:cxn>
                    <a:cxn ang="T69">
                      <a:pos x="T30" y="T31"/>
                    </a:cxn>
                    <a:cxn ang="T70">
                      <a:pos x="T32" y="T33"/>
                    </a:cxn>
                    <a:cxn ang="T71">
                      <a:pos x="T34" y="T35"/>
                    </a:cxn>
                    <a:cxn ang="T72">
                      <a:pos x="T36" y="T37"/>
                    </a:cxn>
                    <a:cxn ang="T73">
                      <a:pos x="T38" y="T39"/>
                    </a:cxn>
                    <a:cxn ang="T74">
                      <a:pos x="T40" y="T41"/>
                    </a:cxn>
                    <a:cxn ang="T75">
                      <a:pos x="T42" y="T43"/>
                    </a:cxn>
                    <a:cxn ang="T76">
                      <a:pos x="T44" y="T45"/>
                    </a:cxn>
                    <a:cxn ang="T77">
                      <a:pos x="T46" y="T47"/>
                    </a:cxn>
                    <a:cxn ang="T78">
                      <a:pos x="T48" y="T49"/>
                    </a:cxn>
                    <a:cxn ang="T79">
                      <a:pos x="T50" y="T51"/>
                    </a:cxn>
                    <a:cxn ang="T80">
                      <a:pos x="T52" y="T53"/>
                    </a:cxn>
                  </a:cxnLst>
                  <a:rect l="T81" t="T82" r="T83" b="T84"/>
                  <a:pathLst>
                    <a:path w="29" h="26">
                      <a:moveTo>
                        <a:pt x="0" y="19"/>
                      </a:moveTo>
                      <a:lnTo>
                        <a:pt x="3" y="26"/>
                      </a:lnTo>
                      <a:lnTo>
                        <a:pt x="5" y="26"/>
                      </a:lnTo>
                      <a:lnTo>
                        <a:pt x="7" y="24"/>
                      </a:lnTo>
                      <a:lnTo>
                        <a:pt x="8" y="21"/>
                      </a:lnTo>
                      <a:lnTo>
                        <a:pt x="12" y="19"/>
                      </a:lnTo>
                      <a:lnTo>
                        <a:pt x="17" y="16"/>
                      </a:lnTo>
                      <a:lnTo>
                        <a:pt x="20" y="12"/>
                      </a:lnTo>
                      <a:lnTo>
                        <a:pt x="25" y="12"/>
                      </a:lnTo>
                      <a:lnTo>
                        <a:pt x="29" y="11"/>
                      </a:lnTo>
                      <a:lnTo>
                        <a:pt x="29" y="9"/>
                      </a:lnTo>
                      <a:lnTo>
                        <a:pt x="29" y="5"/>
                      </a:lnTo>
                      <a:lnTo>
                        <a:pt x="27" y="4"/>
                      </a:lnTo>
                      <a:lnTo>
                        <a:pt x="22" y="4"/>
                      </a:lnTo>
                      <a:lnTo>
                        <a:pt x="20" y="4"/>
                      </a:lnTo>
                      <a:lnTo>
                        <a:pt x="18" y="2"/>
                      </a:lnTo>
                      <a:lnTo>
                        <a:pt x="15" y="0"/>
                      </a:lnTo>
                      <a:lnTo>
                        <a:pt x="13" y="0"/>
                      </a:lnTo>
                      <a:lnTo>
                        <a:pt x="10" y="4"/>
                      </a:lnTo>
                      <a:lnTo>
                        <a:pt x="10" y="7"/>
                      </a:lnTo>
                      <a:lnTo>
                        <a:pt x="8" y="11"/>
                      </a:lnTo>
                      <a:lnTo>
                        <a:pt x="8" y="14"/>
                      </a:lnTo>
                      <a:lnTo>
                        <a:pt x="3" y="17"/>
                      </a:lnTo>
                      <a:lnTo>
                        <a:pt x="0" y="19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4" name="Freeform 188"/>
                <p:cNvSpPr>
                  <a:spLocks/>
                </p:cNvSpPr>
                <p:nvPr/>
              </p:nvSpPr>
              <p:spPr bwMode="auto">
                <a:xfrm>
                  <a:off x="4972" y="1195"/>
                  <a:ext cx="329" cy="167"/>
                </a:xfrm>
                <a:custGeom>
                  <a:avLst/>
                  <a:gdLst>
                    <a:gd name="T0" fmla="*/ 2 w 329"/>
                    <a:gd name="T1" fmla="*/ 69 h 167"/>
                    <a:gd name="T2" fmla="*/ 17 w 329"/>
                    <a:gd name="T3" fmla="*/ 68 h 167"/>
                    <a:gd name="T4" fmla="*/ 43 w 329"/>
                    <a:gd name="T5" fmla="*/ 61 h 167"/>
                    <a:gd name="T6" fmla="*/ 63 w 329"/>
                    <a:gd name="T7" fmla="*/ 56 h 167"/>
                    <a:gd name="T8" fmla="*/ 171 w 329"/>
                    <a:gd name="T9" fmla="*/ 32 h 167"/>
                    <a:gd name="T10" fmla="*/ 182 w 329"/>
                    <a:gd name="T11" fmla="*/ 20 h 167"/>
                    <a:gd name="T12" fmla="*/ 197 w 329"/>
                    <a:gd name="T13" fmla="*/ 3 h 167"/>
                    <a:gd name="T14" fmla="*/ 210 w 329"/>
                    <a:gd name="T15" fmla="*/ 0 h 167"/>
                    <a:gd name="T16" fmla="*/ 210 w 329"/>
                    <a:gd name="T17" fmla="*/ 2 h 167"/>
                    <a:gd name="T18" fmla="*/ 215 w 329"/>
                    <a:gd name="T19" fmla="*/ 13 h 167"/>
                    <a:gd name="T20" fmla="*/ 227 w 329"/>
                    <a:gd name="T21" fmla="*/ 22 h 167"/>
                    <a:gd name="T22" fmla="*/ 232 w 329"/>
                    <a:gd name="T23" fmla="*/ 27 h 167"/>
                    <a:gd name="T24" fmla="*/ 220 w 329"/>
                    <a:gd name="T25" fmla="*/ 41 h 167"/>
                    <a:gd name="T26" fmla="*/ 217 w 329"/>
                    <a:gd name="T27" fmla="*/ 52 h 167"/>
                    <a:gd name="T28" fmla="*/ 214 w 329"/>
                    <a:gd name="T29" fmla="*/ 73 h 167"/>
                    <a:gd name="T30" fmla="*/ 242 w 329"/>
                    <a:gd name="T31" fmla="*/ 78 h 167"/>
                    <a:gd name="T32" fmla="*/ 254 w 329"/>
                    <a:gd name="T33" fmla="*/ 91 h 167"/>
                    <a:gd name="T34" fmla="*/ 259 w 329"/>
                    <a:gd name="T35" fmla="*/ 107 h 167"/>
                    <a:gd name="T36" fmla="*/ 268 w 329"/>
                    <a:gd name="T37" fmla="*/ 107 h 167"/>
                    <a:gd name="T38" fmla="*/ 268 w 329"/>
                    <a:gd name="T39" fmla="*/ 112 h 167"/>
                    <a:gd name="T40" fmla="*/ 280 w 329"/>
                    <a:gd name="T41" fmla="*/ 120 h 167"/>
                    <a:gd name="T42" fmla="*/ 305 w 329"/>
                    <a:gd name="T43" fmla="*/ 120 h 167"/>
                    <a:gd name="T44" fmla="*/ 319 w 329"/>
                    <a:gd name="T45" fmla="*/ 105 h 167"/>
                    <a:gd name="T46" fmla="*/ 312 w 329"/>
                    <a:gd name="T47" fmla="*/ 91 h 167"/>
                    <a:gd name="T48" fmla="*/ 298 w 329"/>
                    <a:gd name="T49" fmla="*/ 81 h 167"/>
                    <a:gd name="T50" fmla="*/ 293 w 329"/>
                    <a:gd name="T51" fmla="*/ 85 h 167"/>
                    <a:gd name="T52" fmla="*/ 292 w 329"/>
                    <a:gd name="T53" fmla="*/ 78 h 167"/>
                    <a:gd name="T54" fmla="*/ 310 w 329"/>
                    <a:gd name="T55" fmla="*/ 81 h 167"/>
                    <a:gd name="T56" fmla="*/ 329 w 329"/>
                    <a:gd name="T57" fmla="*/ 113 h 167"/>
                    <a:gd name="T58" fmla="*/ 329 w 329"/>
                    <a:gd name="T59" fmla="*/ 122 h 167"/>
                    <a:gd name="T60" fmla="*/ 329 w 329"/>
                    <a:gd name="T61" fmla="*/ 125 h 167"/>
                    <a:gd name="T62" fmla="*/ 322 w 329"/>
                    <a:gd name="T63" fmla="*/ 123 h 167"/>
                    <a:gd name="T64" fmla="*/ 308 w 329"/>
                    <a:gd name="T65" fmla="*/ 132 h 167"/>
                    <a:gd name="T66" fmla="*/ 297 w 329"/>
                    <a:gd name="T67" fmla="*/ 135 h 167"/>
                    <a:gd name="T68" fmla="*/ 286 w 329"/>
                    <a:gd name="T69" fmla="*/ 147 h 167"/>
                    <a:gd name="T70" fmla="*/ 273 w 329"/>
                    <a:gd name="T71" fmla="*/ 157 h 167"/>
                    <a:gd name="T72" fmla="*/ 270 w 329"/>
                    <a:gd name="T73" fmla="*/ 134 h 167"/>
                    <a:gd name="T74" fmla="*/ 259 w 329"/>
                    <a:gd name="T75" fmla="*/ 130 h 167"/>
                    <a:gd name="T76" fmla="*/ 258 w 329"/>
                    <a:gd name="T77" fmla="*/ 152 h 167"/>
                    <a:gd name="T78" fmla="*/ 258 w 329"/>
                    <a:gd name="T79" fmla="*/ 145 h 167"/>
                    <a:gd name="T80" fmla="*/ 246 w 329"/>
                    <a:gd name="T81" fmla="*/ 151 h 167"/>
                    <a:gd name="T82" fmla="*/ 246 w 329"/>
                    <a:gd name="T83" fmla="*/ 159 h 167"/>
                    <a:gd name="T84" fmla="*/ 232 w 329"/>
                    <a:gd name="T85" fmla="*/ 167 h 167"/>
                    <a:gd name="T86" fmla="*/ 229 w 329"/>
                    <a:gd name="T87" fmla="*/ 161 h 167"/>
                    <a:gd name="T88" fmla="*/ 227 w 329"/>
                    <a:gd name="T89" fmla="*/ 156 h 167"/>
                    <a:gd name="T90" fmla="*/ 200 w 329"/>
                    <a:gd name="T91" fmla="*/ 129 h 167"/>
                    <a:gd name="T92" fmla="*/ 154 w 329"/>
                    <a:gd name="T93" fmla="*/ 122 h 167"/>
                    <a:gd name="T94" fmla="*/ 66 w 329"/>
                    <a:gd name="T95" fmla="*/ 144 h 167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w 329"/>
                    <a:gd name="T145" fmla="*/ 0 h 167"/>
                    <a:gd name="T146" fmla="*/ 329 w 329"/>
                    <a:gd name="T147" fmla="*/ 167 h 167"/>
                  </a:gdLst>
                  <a:ahLst/>
                  <a:cxnLst>
                    <a:cxn ang="T96">
                      <a:pos x="T0" y="T1"/>
                    </a:cxn>
                    <a:cxn ang="T97">
                      <a:pos x="T2" y="T3"/>
                    </a:cxn>
                    <a:cxn ang="T98">
                      <a:pos x="T4" y="T5"/>
                    </a:cxn>
                    <a:cxn ang="T99">
                      <a:pos x="T6" y="T7"/>
                    </a:cxn>
                    <a:cxn ang="T100">
                      <a:pos x="T8" y="T9"/>
                    </a:cxn>
                    <a:cxn ang="T101">
                      <a:pos x="T10" y="T11"/>
                    </a:cxn>
                    <a:cxn ang="T102">
                      <a:pos x="T12" y="T13"/>
                    </a:cxn>
                    <a:cxn ang="T103">
                      <a:pos x="T14" y="T15"/>
                    </a:cxn>
                    <a:cxn ang="T104">
                      <a:pos x="T16" y="T17"/>
                    </a:cxn>
                    <a:cxn ang="T105">
                      <a:pos x="T18" y="T19"/>
                    </a:cxn>
                    <a:cxn ang="T106">
                      <a:pos x="T20" y="T21"/>
                    </a:cxn>
                    <a:cxn ang="T107">
                      <a:pos x="T22" y="T23"/>
                    </a:cxn>
                    <a:cxn ang="T108">
                      <a:pos x="T24" y="T25"/>
                    </a:cxn>
                    <a:cxn ang="T109">
                      <a:pos x="T26" y="T27"/>
                    </a:cxn>
                    <a:cxn ang="T110">
                      <a:pos x="T28" y="T29"/>
                    </a:cxn>
                    <a:cxn ang="T111">
                      <a:pos x="T30" y="T31"/>
                    </a:cxn>
                    <a:cxn ang="T112">
                      <a:pos x="T32" y="T33"/>
                    </a:cxn>
                    <a:cxn ang="T113">
                      <a:pos x="T34" y="T35"/>
                    </a:cxn>
                    <a:cxn ang="T114">
                      <a:pos x="T36" y="T37"/>
                    </a:cxn>
                    <a:cxn ang="T115">
                      <a:pos x="T38" y="T39"/>
                    </a:cxn>
                    <a:cxn ang="T116">
                      <a:pos x="T40" y="T41"/>
                    </a:cxn>
                    <a:cxn ang="T117">
                      <a:pos x="T42" y="T43"/>
                    </a:cxn>
                    <a:cxn ang="T118">
                      <a:pos x="T44" y="T45"/>
                    </a:cxn>
                    <a:cxn ang="T119">
                      <a:pos x="T46" y="T47"/>
                    </a:cxn>
                    <a:cxn ang="T120">
                      <a:pos x="T48" y="T49"/>
                    </a:cxn>
                    <a:cxn ang="T121">
                      <a:pos x="T50" y="T51"/>
                    </a:cxn>
                    <a:cxn ang="T122">
                      <a:pos x="T52" y="T53"/>
                    </a:cxn>
                    <a:cxn ang="T123">
                      <a:pos x="T54" y="T55"/>
                    </a:cxn>
                    <a:cxn ang="T124">
                      <a:pos x="T56" y="T57"/>
                    </a:cxn>
                    <a:cxn ang="T125">
                      <a:pos x="T58" y="T59"/>
                    </a:cxn>
                    <a:cxn ang="T126">
                      <a:pos x="T60" y="T61"/>
                    </a:cxn>
                    <a:cxn ang="T127">
                      <a:pos x="T62" y="T63"/>
                    </a:cxn>
                    <a:cxn ang="T128">
                      <a:pos x="T64" y="T65"/>
                    </a:cxn>
                    <a:cxn ang="T129">
                      <a:pos x="T66" y="T67"/>
                    </a:cxn>
                    <a:cxn ang="T130">
                      <a:pos x="T68" y="T69"/>
                    </a:cxn>
                    <a:cxn ang="T131">
                      <a:pos x="T70" y="T71"/>
                    </a:cxn>
                    <a:cxn ang="T132">
                      <a:pos x="T72" y="T73"/>
                    </a:cxn>
                    <a:cxn ang="T133">
                      <a:pos x="T74" y="T75"/>
                    </a:cxn>
                    <a:cxn ang="T134">
                      <a:pos x="T76" y="T77"/>
                    </a:cxn>
                    <a:cxn ang="T135">
                      <a:pos x="T78" y="T79"/>
                    </a:cxn>
                    <a:cxn ang="T136">
                      <a:pos x="T80" y="T81"/>
                    </a:cxn>
                    <a:cxn ang="T137">
                      <a:pos x="T82" y="T83"/>
                    </a:cxn>
                    <a:cxn ang="T138">
                      <a:pos x="T84" y="T85"/>
                    </a:cxn>
                    <a:cxn ang="T139">
                      <a:pos x="T86" y="T87"/>
                    </a:cxn>
                    <a:cxn ang="T140">
                      <a:pos x="T88" y="T89"/>
                    </a:cxn>
                    <a:cxn ang="T141">
                      <a:pos x="T90" y="T91"/>
                    </a:cxn>
                    <a:cxn ang="T142">
                      <a:pos x="T92" y="T93"/>
                    </a:cxn>
                    <a:cxn ang="T143">
                      <a:pos x="T94" y="T95"/>
                    </a:cxn>
                  </a:cxnLst>
                  <a:rect l="T144" t="T145" r="T146" b="T147"/>
                  <a:pathLst>
                    <a:path w="329" h="167">
                      <a:moveTo>
                        <a:pt x="6" y="157"/>
                      </a:moveTo>
                      <a:lnTo>
                        <a:pt x="0" y="157"/>
                      </a:lnTo>
                      <a:lnTo>
                        <a:pt x="2" y="71"/>
                      </a:lnTo>
                      <a:lnTo>
                        <a:pt x="2" y="69"/>
                      </a:lnTo>
                      <a:lnTo>
                        <a:pt x="6" y="69"/>
                      </a:lnTo>
                      <a:lnTo>
                        <a:pt x="9" y="69"/>
                      </a:lnTo>
                      <a:lnTo>
                        <a:pt x="12" y="68"/>
                      </a:lnTo>
                      <a:lnTo>
                        <a:pt x="17" y="68"/>
                      </a:lnTo>
                      <a:lnTo>
                        <a:pt x="24" y="66"/>
                      </a:lnTo>
                      <a:lnTo>
                        <a:pt x="29" y="64"/>
                      </a:lnTo>
                      <a:lnTo>
                        <a:pt x="36" y="63"/>
                      </a:lnTo>
                      <a:lnTo>
                        <a:pt x="43" y="61"/>
                      </a:lnTo>
                      <a:lnTo>
                        <a:pt x="48" y="59"/>
                      </a:lnTo>
                      <a:lnTo>
                        <a:pt x="55" y="57"/>
                      </a:lnTo>
                      <a:lnTo>
                        <a:pt x="60" y="56"/>
                      </a:lnTo>
                      <a:lnTo>
                        <a:pt x="63" y="56"/>
                      </a:lnTo>
                      <a:lnTo>
                        <a:pt x="66" y="54"/>
                      </a:lnTo>
                      <a:lnTo>
                        <a:pt x="68" y="54"/>
                      </a:lnTo>
                      <a:lnTo>
                        <a:pt x="70" y="54"/>
                      </a:lnTo>
                      <a:lnTo>
                        <a:pt x="171" y="32"/>
                      </a:lnTo>
                      <a:lnTo>
                        <a:pt x="178" y="25"/>
                      </a:lnTo>
                      <a:lnTo>
                        <a:pt x="180" y="25"/>
                      </a:lnTo>
                      <a:lnTo>
                        <a:pt x="180" y="22"/>
                      </a:lnTo>
                      <a:lnTo>
                        <a:pt x="182" y="20"/>
                      </a:lnTo>
                      <a:lnTo>
                        <a:pt x="183" y="19"/>
                      </a:lnTo>
                      <a:lnTo>
                        <a:pt x="187" y="12"/>
                      </a:lnTo>
                      <a:lnTo>
                        <a:pt x="192" y="7"/>
                      </a:lnTo>
                      <a:lnTo>
                        <a:pt x="197" y="3"/>
                      </a:lnTo>
                      <a:lnTo>
                        <a:pt x="202" y="0"/>
                      </a:lnTo>
                      <a:lnTo>
                        <a:pt x="205" y="0"/>
                      </a:lnTo>
                      <a:lnTo>
                        <a:pt x="209" y="0"/>
                      </a:lnTo>
                      <a:lnTo>
                        <a:pt x="210" y="0"/>
                      </a:lnTo>
                      <a:lnTo>
                        <a:pt x="212" y="0"/>
                      </a:lnTo>
                      <a:lnTo>
                        <a:pt x="210" y="0"/>
                      </a:lnTo>
                      <a:lnTo>
                        <a:pt x="210" y="2"/>
                      </a:lnTo>
                      <a:lnTo>
                        <a:pt x="210" y="3"/>
                      </a:lnTo>
                      <a:lnTo>
                        <a:pt x="212" y="7"/>
                      </a:lnTo>
                      <a:lnTo>
                        <a:pt x="214" y="10"/>
                      </a:lnTo>
                      <a:lnTo>
                        <a:pt x="215" y="13"/>
                      </a:lnTo>
                      <a:lnTo>
                        <a:pt x="220" y="17"/>
                      </a:lnTo>
                      <a:lnTo>
                        <a:pt x="226" y="22"/>
                      </a:lnTo>
                      <a:lnTo>
                        <a:pt x="227" y="22"/>
                      </a:lnTo>
                      <a:lnTo>
                        <a:pt x="231" y="22"/>
                      </a:lnTo>
                      <a:lnTo>
                        <a:pt x="232" y="24"/>
                      </a:lnTo>
                      <a:lnTo>
                        <a:pt x="234" y="24"/>
                      </a:lnTo>
                      <a:lnTo>
                        <a:pt x="232" y="27"/>
                      </a:lnTo>
                      <a:lnTo>
                        <a:pt x="229" y="30"/>
                      </a:lnTo>
                      <a:lnTo>
                        <a:pt x="220" y="35"/>
                      </a:lnTo>
                      <a:lnTo>
                        <a:pt x="220" y="37"/>
                      </a:lnTo>
                      <a:lnTo>
                        <a:pt x="220" y="41"/>
                      </a:lnTo>
                      <a:lnTo>
                        <a:pt x="220" y="46"/>
                      </a:lnTo>
                      <a:lnTo>
                        <a:pt x="219" y="47"/>
                      </a:lnTo>
                      <a:lnTo>
                        <a:pt x="217" y="52"/>
                      </a:lnTo>
                      <a:lnTo>
                        <a:pt x="214" y="57"/>
                      </a:lnTo>
                      <a:lnTo>
                        <a:pt x="212" y="64"/>
                      </a:lnTo>
                      <a:lnTo>
                        <a:pt x="212" y="69"/>
                      </a:lnTo>
                      <a:lnTo>
                        <a:pt x="214" y="73"/>
                      </a:lnTo>
                      <a:lnTo>
                        <a:pt x="219" y="73"/>
                      </a:lnTo>
                      <a:lnTo>
                        <a:pt x="227" y="71"/>
                      </a:lnTo>
                      <a:lnTo>
                        <a:pt x="234" y="73"/>
                      </a:lnTo>
                      <a:lnTo>
                        <a:pt x="242" y="78"/>
                      </a:lnTo>
                      <a:lnTo>
                        <a:pt x="248" y="86"/>
                      </a:lnTo>
                      <a:lnTo>
                        <a:pt x="253" y="86"/>
                      </a:lnTo>
                      <a:lnTo>
                        <a:pt x="253" y="88"/>
                      </a:lnTo>
                      <a:lnTo>
                        <a:pt x="254" y="91"/>
                      </a:lnTo>
                      <a:lnTo>
                        <a:pt x="254" y="95"/>
                      </a:lnTo>
                      <a:lnTo>
                        <a:pt x="256" y="100"/>
                      </a:lnTo>
                      <a:lnTo>
                        <a:pt x="258" y="103"/>
                      </a:lnTo>
                      <a:lnTo>
                        <a:pt x="259" y="107"/>
                      </a:lnTo>
                      <a:lnTo>
                        <a:pt x="261" y="107"/>
                      </a:lnTo>
                      <a:lnTo>
                        <a:pt x="264" y="105"/>
                      </a:lnTo>
                      <a:lnTo>
                        <a:pt x="266" y="105"/>
                      </a:lnTo>
                      <a:lnTo>
                        <a:pt x="268" y="107"/>
                      </a:lnTo>
                      <a:lnTo>
                        <a:pt x="268" y="108"/>
                      </a:lnTo>
                      <a:lnTo>
                        <a:pt x="268" y="110"/>
                      </a:lnTo>
                      <a:lnTo>
                        <a:pt x="268" y="112"/>
                      </a:lnTo>
                      <a:lnTo>
                        <a:pt x="270" y="113"/>
                      </a:lnTo>
                      <a:lnTo>
                        <a:pt x="271" y="115"/>
                      </a:lnTo>
                      <a:lnTo>
                        <a:pt x="275" y="118"/>
                      </a:lnTo>
                      <a:lnTo>
                        <a:pt x="280" y="120"/>
                      </a:lnTo>
                      <a:lnTo>
                        <a:pt x="288" y="122"/>
                      </a:lnTo>
                      <a:lnTo>
                        <a:pt x="298" y="122"/>
                      </a:lnTo>
                      <a:lnTo>
                        <a:pt x="302" y="120"/>
                      </a:lnTo>
                      <a:lnTo>
                        <a:pt x="305" y="120"/>
                      </a:lnTo>
                      <a:lnTo>
                        <a:pt x="308" y="117"/>
                      </a:lnTo>
                      <a:lnTo>
                        <a:pt x="314" y="113"/>
                      </a:lnTo>
                      <a:lnTo>
                        <a:pt x="317" y="110"/>
                      </a:lnTo>
                      <a:lnTo>
                        <a:pt x="319" y="105"/>
                      </a:lnTo>
                      <a:lnTo>
                        <a:pt x="319" y="101"/>
                      </a:lnTo>
                      <a:lnTo>
                        <a:pt x="315" y="96"/>
                      </a:lnTo>
                      <a:lnTo>
                        <a:pt x="314" y="95"/>
                      </a:lnTo>
                      <a:lnTo>
                        <a:pt x="312" y="91"/>
                      </a:lnTo>
                      <a:lnTo>
                        <a:pt x="308" y="90"/>
                      </a:lnTo>
                      <a:lnTo>
                        <a:pt x="305" y="85"/>
                      </a:lnTo>
                      <a:lnTo>
                        <a:pt x="302" y="83"/>
                      </a:lnTo>
                      <a:lnTo>
                        <a:pt x="298" y="81"/>
                      </a:lnTo>
                      <a:lnTo>
                        <a:pt x="297" y="81"/>
                      </a:lnTo>
                      <a:lnTo>
                        <a:pt x="293" y="85"/>
                      </a:lnTo>
                      <a:lnTo>
                        <a:pt x="292" y="86"/>
                      </a:lnTo>
                      <a:lnTo>
                        <a:pt x="292" y="78"/>
                      </a:lnTo>
                      <a:lnTo>
                        <a:pt x="295" y="76"/>
                      </a:lnTo>
                      <a:lnTo>
                        <a:pt x="298" y="76"/>
                      </a:lnTo>
                      <a:lnTo>
                        <a:pt x="305" y="78"/>
                      </a:lnTo>
                      <a:lnTo>
                        <a:pt x="310" y="81"/>
                      </a:lnTo>
                      <a:lnTo>
                        <a:pt x="317" y="88"/>
                      </a:lnTo>
                      <a:lnTo>
                        <a:pt x="324" y="98"/>
                      </a:lnTo>
                      <a:lnTo>
                        <a:pt x="329" y="113"/>
                      </a:lnTo>
                      <a:lnTo>
                        <a:pt x="329" y="115"/>
                      </a:lnTo>
                      <a:lnTo>
                        <a:pt x="329" y="117"/>
                      </a:lnTo>
                      <a:lnTo>
                        <a:pt x="329" y="120"/>
                      </a:lnTo>
                      <a:lnTo>
                        <a:pt x="329" y="122"/>
                      </a:lnTo>
                      <a:lnTo>
                        <a:pt x="329" y="123"/>
                      </a:lnTo>
                      <a:lnTo>
                        <a:pt x="329" y="125"/>
                      </a:lnTo>
                      <a:lnTo>
                        <a:pt x="327" y="125"/>
                      </a:lnTo>
                      <a:lnTo>
                        <a:pt x="325" y="123"/>
                      </a:lnTo>
                      <a:lnTo>
                        <a:pt x="324" y="123"/>
                      </a:lnTo>
                      <a:lnTo>
                        <a:pt x="322" y="123"/>
                      </a:lnTo>
                      <a:lnTo>
                        <a:pt x="319" y="125"/>
                      </a:lnTo>
                      <a:lnTo>
                        <a:pt x="314" y="127"/>
                      </a:lnTo>
                      <a:lnTo>
                        <a:pt x="310" y="130"/>
                      </a:lnTo>
                      <a:lnTo>
                        <a:pt x="308" y="132"/>
                      </a:lnTo>
                      <a:lnTo>
                        <a:pt x="307" y="132"/>
                      </a:lnTo>
                      <a:lnTo>
                        <a:pt x="303" y="132"/>
                      </a:lnTo>
                      <a:lnTo>
                        <a:pt x="300" y="134"/>
                      </a:lnTo>
                      <a:lnTo>
                        <a:pt x="297" y="135"/>
                      </a:lnTo>
                      <a:lnTo>
                        <a:pt x="293" y="139"/>
                      </a:lnTo>
                      <a:lnTo>
                        <a:pt x="290" y="142"/>
                      </a:lnTo>
                      <a:lnTo>
                        <a:pt x="286" y="145"/>
                      </a:lnTo>
                      <a:lnTo>
                        <a:pt x="286" y="147"/>
                      </a:lnTo>
                      <a:lnTo>
                        <a:pt x="285" y="147"/>
                      </a:lnTo>
                      <a:lnTo>
                        <a:pt x="283" y="147"/>
                      </a:lnTo>
                      <a:lnTo>
                        <a:pt x="283" y="149"/>
                      </a:lnTo>
                      <a:lnTo>
                        <a:pt x="273" y="157"/>
                      </a:lnTo>
                      <a:lnTo>
                        <a:pt x="268" y="154"/>
                      </a:lnTo>
                      <a:lnTo>
                        <a:pt x="270" y="140"/>
                      </a:lnTo>
                      <a:lnTo>
                        <a:pt x="270" y="137"/>
                      </a:lnTo>
                      <a:lnTo>
                        <a:pt x="270" y="134"/>
                      </a:lnTo>
                      <a:lnTo>
                        <a:pt x="268" y="132"/>
                      </a:lnTo>
                      <a:lnTo>
                        <a:pt x="264" y="129"/>
                      </a:lnTo>
                      <a:lnTo>
                        <a:pt x="263" y="129"/>
                      </a:lnTo>
                      <a:lnTo>
                        <a:pt x="259" y="130"/>
                      </a:lnTo>
                      <a:lnTo>
                        <a:pt x="258" y="135"/>
                      </a:lnTo>
                      <a:lnTo>
                        <a:pt x="258" y="142"/>
                      </a:lnTo>
                      <a:lnTo>
                        <a:pt x="258" y="151"/>
                      </a:lnTo>
                      <a:lnTo>
                        <a:pt x="258" y="152"/>
                      </a:lnTo>
                      <a:lnTo>
                        <a:pt x="258" y="154"/>
                      </a:lnTo>
                      <a:lnTo>
                        <a:pt x="258" y="152"/>
                      </a:lnTo>
                      <a:lnTo>
                        <a:pt x="258" y="149"/>
                      </a:lnTo>
                      <a:lnTo>
                        <a:pt x="258" y="145"/>
                      </a:lnTo>
                      <a:lnTo>
                        <a:pt x="258" y="144"/>
                      </a:lnTo>
                      <a:lnTo>
                        <a:pt x="258" y="142"/>
                      </a:lnTo>
                      <a:lnTo>
                        <a:pt x="249" y="151"/>
                      </a:lnTo>
                      <a:lnTo>
                        <a:pt x="246" y="151"/>
                      </a:lnTo>
                      <a:lnTo>
                        <a:pt x="246" y="152"/>
                      </a:lnTo>
                      <a:lnTo>
                        <a:pt x="246" y="156"/>
                      </a:lnTo>
                      <a:lnTo>
                        <a:pt x="246" y="159"/>
                      </a:lnTo>
                      <a:lnTo>
                        <a:pt x="244" y="162"/>
                      </a:lnTo>
                      <a:lnTo>
                        <a:pt x="241" y="166"/>
                      </a:lnTo>
                      <a:lnTo>
                        <a:pt x="237" y="167"/>
                      </a:lnTo>
                      <a:lnTo>
                        <a:pt x="232" y="167"/>
                      </a:lnTo>
                      <a:lnTo>
                        <a:pt x="231" y="167"/>
                      </a:lnTo>
                      <a:lnTo>
                        <a:pt x="231" y="166"/>
                      </a:lnTo>
                      <a:lnTo>
                        <a:pt x="231" y="164"/>
                      </a:lnTo>
                      <a:lnTo>
                        <a:pt x="229" y="161"/>
                      </a:lnTo>
                      <a:lnTo>
                        <a:pt x="227" y="159"/>
                      </a:lnTo>
                      <a:lnTo>
                        <a:pt x="227" y="157"/>
                      </a:lnTo>
                      <a:lnTo>
                        <a:pt x="227" y="156"/>
                      </a:lnTo>
                      <a:lnTo>
                        <a:pt x="220" y="151"/>
                      </a:lnTo>
                      <a:lnTo>
                        <a:pt x="212" y="145"/>
                      </a:lnTo>
                      <a:lnTo>
                        <a:pt x="205" y="144"/>
                      </a:lnTo>
                      <a:lnTo>
                        <a:pt x="200" y="129"/>
                      </a:lnTo>
                      <a:lnTo>
                        <a:pt x="193" y="129"/>
                      </a:lnTo>
                      <a:lnTo>
                        <a:pt x="188" y="115"/>
                      </a:lnTo>
                      <a:lnTo>
                        <a:pt x="154" y="123"/>
                      </a:lnTo>
                      <a:lnTo>
                        <a:pt x="154" y="122"/>
                      </a:lnTo>
                      <a:lnTo>
                        <a:pt x="70" y="144"/>
                      </a:lnTo>
                      <a:lnTo>
                        <a:pt x="72" y="147"/>
                      </a:lnTo>
                      <a:lnTo>
                        <a:pt x="66" y="149"/>
                      </a:lnTo>
                      <a:lnTo>
                        <a:pt x="66" y="144"/>
                      </a:lnTo>
                      <a:lnTo>
                        <a:pt x="6" y="157"/>
                      </a:lnTo>
                      <a:close/>
                    </a:path>
                  </a:pathLst>
                </a:custGeom>
                <a:solidFill>
                  <a:srgbClr val="2D73FF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67" name="Freeform 189"/>
              <p:cNvSpPr>
                <a:spLocks/>
              </p:cNvSpPr>
              <p:nvPr/>
            </p:nvSpPr>
            <p:spPr bwMode="auto">
              <a:xfrm>
                <a:off x="4725" y="1711"/>
                <a:ext cx="165" cy="162"/>
              </a:xfrm>
              <a:custGeom>
                <a:avLst/>
                <a:gdLst>
                  <a:gd name="T0" fmla="*/ 114 w 169"/>
                  <a:gd name="T1" fmla="*/ 57 h 167"/>
                  <a:gd name="T2" fmla="*/ 112 w 169"/>
                  <a:gd name="T3" fmla="*/ 58 h 167"/>
                  <a:gd name="T4" fmla="*/ 110 w 169"/>
                  <a:gd name="T5" fmla="*/ 59 h 167"/>
                  <a:gd name="T6" fmla="*/ 105 w 169"/>
                  <a:gd name="T7" fmla="*/ 60 h 167"/>
                  <a:gd name="T8" fmla="*/ 101 w 169"/>
                  <a:gd name="T9" fmla="*/ 63 h 167"/>
                  <a:gd name="T10" fmla="*/ 97 w 169"/>
                  <a:gd name="T11" fmla="*/ 65 h 167"/>
                  <a:gd name="T12" fmla="*/ 93 w 169"/>
                  <a:gd name="T13" fmla="*/ 66 h 167"/>
                  <a:gd name="T14" fmla="*/ 90 w 169"/>
                  <a:gd name="T15" fmla="*/ 68 h 167"/>
                  <a:gd name="T16" fmla="*/ 89 w 169"/>
                  <a:gd name="T17" fmla="*/ 68 h 167"/>
                  <a:gd name="T18" fmla="*/ 82 w 169"/>
                  <a:gd name="T19" fmla="*/ 71 h 167"/>
                  <a:gd name="T20" fmla="*/ 75 w 169"/>
                  <a:gd name="T21" fmla="*/ 73 h 167"/>
                  <a:gd name="T22" fmla="*/ 66 w 169"/>
                  <a:gd name="T23" fmla="*/ 76 h 167"/>
                  <a:gd name="T24" fmla="*/ 60 w 169"/>
                  <a:gd name="T25" fmla="*/ 77 h 167"/>
                  <a:gd name="T26" fmla="*/ 57 w 169"/>
                  <a:gd name="T27" fmla="*/ 77 h 167"/>
                  <a:gd name="T28" fmla="*/ 54 w 169"/>
                  <a:gd name="T29" fmla="*/ 79 h 167"/>
                  <a:gd name="T30" fmla="*/ 53 w 169"/>
                  <a:gd name="T31" fmla="*/ 79 h 167"/>
                  <a:gd name="T32" fmla="*/ 53 w 169"/>
                  <a:gd name="T33" fmla="*/ 79 h 167"/>
                  <a:gd name="T34" fmla="*/ 30 w 169"/>
                  <a:gd name="T35" fmla="*/ 93 h 167"/>
                  <a:gd name="T36" fmla="*/ 28 w 169"/>
                  <a:gd name="T37" fmla="*/ 93 h 167"/>
                  <a:gd name="T38" fmla="*/ 20 w 169"/>
                  <a:gd name="T39" fmla="*/ 106 h 167"/>
                  <a:gd name="T40" fmla="*/ 13 w 169"/>
                  <a:gd name="T41" fmla="*/ 109 h 167"/>
                  <a:gd name="T42" fmla="*/ 13 w 169"/>
                  <a:gd name="T43" fmla="*/ 109 h 167"/>
                  <a:gd name="T44" fmla="*/ 6 w 169"/>
                  <a:gd name="T45" fmla="*/ 102 h 167"/>
                  <a:gd name="T46" fmla="*/ 20 w 169"/>
                  <a:gd name="T47" fmla="*/ 91 h 167"/>
                  <a:gd name="T48" fmla="*/ 13 w 169"/>
                  <a:gd name="T49" fmla="*/ 84 h 167"/>
                  <a:gd name="T50" fmla="*/ 0 w 169"/>
                  <a:gd name="T51" fmla="*/ 21 h 167"/>
                  <a:gd name="T52" fmla="*/ 46 w 169"/>
                  <a:gd name="T53" fmla="*/ 16 h 167"/>
                  <a:gd name="T54" fmla="*/ 46 w 169"/>
                  <a:gd name="T55" fmla="*/ 16 h 167"/>
                  <a:gd name="T56" fmla="*/ 50 w 169"/>
                  <a:gd name="T57" fmla="*/ 16 h 167"/>
                  <a:gd name="T58" fmla="*/ 49 w 169"/>
                  <a:gd name="T59" fmla="*/ 16 h 167"/>
                  <a:gd name="T60" fmla="*/ 105 w 169"/>
                  <a:gd name="T61" fmla="*/ 0 h 167"/>
                  <a:gd name="T62" fmla="*/ 105 w 169"/>
                  <a:gd name="T63" fmla="*/ 1 h 167"/>
                  <a:gd name="T64" fmla="*/ 121 w 169"/>
                  <a:gd name="T65" fmla="*/ 47 h 167"/>
                  <a:gd name="T66" fmla="*/ 117 w 169"/>
                  <a:gd name="T67" fmla="*/ 49 h 167"/>
                  <a:gd name="T68" fmla="*/ 117 w 169"/>
                  <a:gd name="T69" fmla="*/ 49 h 167"/>
                  <a:gd name="T70" fmla="*/ 117 w 169"/>
                  <a:gd name="T71" fmla="*/ 50 h 167"/>
                  <a:gd name="T72" fmla="*/ 117 w 169"/>
                  <a:gd name="T73" fmla="*/ 51 h 167"/>
                  <a:gd name="T74" fmla="*/ 117 w 169"/>
                  <a:gd name="T75" fmla="*/ 53 h 167"/>
                  <a:gd name="T76" fmla="*/ 117 w 169"/>
                  <a:gd name="T77" fmla="*/ 55 h 167"/>
                  <a:gd name="T78" fmla="*/ 117 w 169"/>
                  <a:gd name="T79" fmla="*/ 57 h 167"/>
                  <a:gd name="T80" fmla="*/ 117 w 169"/>
                  <a:gd name="T81" fmla="*/ 57 h 167"/>
                  <a:gd name="T82" fmla="*/ 118 w 169"/>
                  <a:gd name="T83" fmla="*/ 58 h 167"/>
                  <a:gd name="T84" fmla="*/ 114 w 169"/>
                  <a:gd name="T85" fmla="*/ 57 h 167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w 169"/>
                  <a:gd name="T130" fmla="*/ 0 h 167"/>
                  <a:gd name="T131" fmla="*/ 169 w 169"/>
                  <a:gd name="T132" fmla="*/ 167 h 167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T129" t="T130" r="T131" b="T132"/>
                <a:pathLst>
                  <a:path w="169" h="167">
                    <a:moveTo>
                      <a:pt x="159" y="86"/>
                    </a:moveTo>
                    <a:lnTo>
                      <a:pt x="157" y="88"/>
                    </a:lnTo>
                    <a:lnTo>
                      <a:pt x="154" y="89"/>
                    </a:lnTo>
                    <a:lnTo>
                      <a:pt x="148" y="91"/>
                    </a:lnTo>
                    <a:lnTo>
                      <a:pt x="142" y="95"/>
                    </a:lnTo>
                    <a:lnTo>
                      <a:pt x="135" y="98"/>
                    </a:lnTo>
                    <a:lnTo>
                      <a:pt x="130" y="100"/>
                    </a:lnTo>
                    <a:lnTo>
                      <a:pt x="125" y="103"/>
                    </a:lnTo>
                    <a:lnTo>
                      <a:pt x="123" y="103"/>
                    </a:lnTo>
                    <a:lnTo>
                      <a:pt x="113" y="108"/>
                    </a:lnTo>
                    <a:lnTo>
                      <a:pt x="103" y="111"/>
                    </a:lnTo>
                    <a:lnTo>
                      <a:pt x="94" y="115"/>
                    </a:lnTo>
                    <a:lnTo>
                      <a:pt x="86" y="117"/>
                    </a:lnTo>
                    <a:lnTo>
                      <a:pt x="79" y="118"/>
                    </a:lnTo>
                    <a:lnTo>
                      <a:pt x="74" y="120"/>
                    </a:lnTo>
                    <a:lnTo>
                      <a:pt x="72" y="120"/>
                    </a:lnTo>
                    <a:lnTo>
                      <a:pt x="71" y="120"/>
                    </a:lnTo>
                    <a:lnTo>
                      <a:pt x="44" y="142"/>
                    </a:lnTo>
                    <a:lnTo>
                      <a:pt x="42" y="142"/>
                    </a:lnTo>
                    <a:lnTo>
                      <a:pt x="20" y="162"/>
                    </a:lnTo>
                    <a:lnTo>
                      <a:pt x="13" y="167"/>
                    </a:lnTo>
                    <a:lnTo>
                      <a:pt x="6" y="155"/>
                    </a:lnTo>
                    <a:lnTo>
                      <a:pt x="20" y="139"/>
                    </a:lnTo>
                    <a:lnTo>
                      <a:pt x="13" y="130"/>
                    </a:lnTo>
                    <a:lnTo>
                      <a:pt x="0" y="35"/>
                    </a:lnTo>
                    <a:lnTo>
                      <a:pt x="60" y="22"/>
                    </a:lnTo>
                    <a:lnTo>
                      <a:pt x="60" y="27"/>
                    </a:lnTo>
                    <a:lnTo>
                      <a:pt x="66" y="25"/>
                    </a:lnTo>
                    <a:lnTo>
                      <a:pt x="64" y="22"/>
                    </a:lnTo>
                    <a:lnTo>
                      <a:pt x="148" y="0"/>
                    </a:lnTo>
                    <a:lnTo>
                      <a:pt x="148" y="1"/>
                    </a:lnTo>
                    <a:lnTo>
                      <a:pt x="169" y="73"/>
                    </a:lnTo>
                    <a:lnTo>
                      <a:pt x="164" y="76"/>
                    </a:lnTo>
                    <a:lnTo>
                      <a:pt x="164" y="78"/>
                    </a:lnTo>
                    <a:lnTo>
                      <a:pt x="164" y="79"/>
                    </a:lnTo>
                    <a:lnTo>
                      <a:pt x="164" y="81"/>
                    </a:lnTo>
                    <a:lnTo>
                      <a:pt x="164" y="83"/>
                    </a:lnTo>
                    <a:lnTo>
                      <a:pt x="164" y="86"/>
                    </a:lnTo>
                    <a:lnTo>
                      <a:pt x="165" y="88"/>
                    </a:lnTo>
                    <a:lnTo>
                      <a:pt x="159" y="86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68" name="Freeform 190"/>
              <p:cNvSpPr>
                <a:spLocks/>
              </p:cNvSpPr>
              <p:nvPr/>
            </p:nvSpPr>
            <p:spPr bwMode="auto">
              <a:xfrm>
                <a:off x="4869" y="1704"/>
                <a:ext cx="76" cy="93"/>
              </a:xfrm>
              <a:custGeom>
                <a:avLst/>
                <a:gdLst>
                  <a:gd name="T0" fmla="*/ 19 w 78"/>
                  <a:gd name="T1" fmla="*/ 61 h 95"/>
                  <a:gd name="T2" fmla="*/ 16 w 78"/>
                  <a:gd name="T3" fmla="*/ 63 h 95"/>
                  <a:gd name="T4" fmla="*/ 16 w 78"/>
                  <a:gd name="T5" fmla="*/ 63 h 95"/>
                  <a:gd name="T6" fmla="*/ 16 w 78"/>
                  <a:gd name="T7" fmla="*/ 63 h 95"/>
                  <a:gd name="T8" fmla="*/ 16 w 78"/>
                  <a:gd name="T9" fmla="*/ 64 h 95"/>
                  <a:gd name="T10" fmla="*/ 16 w 78"/>
                  <a:gd name="T11" fmla="*/ 64 h 95"/>
                  <a:gd name="T12" fmla="*/ 16 w 78"/>
                  <a:gd name="T13" fmla="*/ 65 h 95"/>
                  <a:gd name="T14" fmla="*/ 16 w 78"/>
                  <a:gd name="T15" fmla="*/ 66 h 95"/>
                  <a:gd name="T16" fmla="*/ 16 w 78"/>
                  <a:gd name="T17" fmla="*/ 68 h 95"/>
                  <a:gd name="T18" fmla="*/ 16 w 78"/>
                  <a:gd name="T19" fmla="*/ 68 h 95"/>
                  <a:gd name="T20" fmla="*/ 17 w 78"/>
                  <a:gd name="T21" fmla="*/ 69 h 95"/>
                  <a:gd name="T22" fmla="*/ 17 w 78"/>
                  <a:gd name="T23" fmla="*/ 69 h 95"/>
                  <a:gd name="T24" fmla="*/ 19 w 78"/>
                  <a:gd name="T25" fmla="*/ 69 h 95"/>
                  <a:gd name="T26" fmla="*/ 19 w 78"/>
                  <a:gd name="T27" fmla="*/ 68 h 95"/>
                  <a:gd name="T28" fmla="*/ 19 w 78"/>
                  <a:gd name="T29" fmla="*/ 66 h 95"/>
                  <a:gd name="T30" fmla="*/ 22 w 78"/>
                  <a:gd name="T31" fmla="*/ 64 h 95"/>
                  <a:gd name="T32" fmla="*/ 25 w 78"/>
                  <a:gd name="T33" fmla="*/ 63 h 95"/>
                  <a:gd name="T34" fmla="*/ 27 w 78"/>
                  <a:gd name="T35" fmla="*/ 61 h 95"/>
                  <a:gd name="T36" fmla="*/ 29 w 78"/>
                  <a:gd name="T37" fmla="*/ 60 h 95"/>
                  <a:gd name="T38" fmla="*/ 30 w 78"/>
                  <a:gd name="T39" fmla="*/ 59 h 95"/>
                  <a:gd name="T40" fmla="*/ 36 w 78"/>
                  <a:gd name="T41" fmla="*/ 59 h 95"/>
                  <a:gd name="T42" fmla="*/ 36 w 78"/>
                  <a:gd name="T43" fmla="*/ 50 h 95"/>
                  <a:gd name="T44" fmla="*/ 25 w 78"/>
                  <a:gd name="T45" fmla="*/ 23 h 95"/>
                  <a:gd name="T46" fmla="*/ 34 w 78"/>
                  <a:gd name="T47" fmla="*/ 23 h 95"/>
                  <a:gd name="T48" fmla="*/ 41 w 78"/>
                  <a:gd name="T49" fmla="*/ 23 h 95"/>
                  <a:gd name="T50" fmla="*/ 44 w 78"/>
                  <a:gd name="T51" fmla="*/ 23 h 95"/>
                  <a:gd name="T52" fmla="*/ 44 w 78"/>
                  <a:gd name="T53" fmla="*/ 23 h 95"/>
                  <a:gd name="T54" fmla="*/ 45 w 78"/>
                  <a:gd name="T55" fmla="*/ 23 h 95"/>
                  <a:gd name="T56" fmla="*/ 45 w 78"/>
                  <a:gd name="T57" fmla="*/ 23 h 95"/>
                  <a:gd name="T58" fmla="*/ 47 w 78"/>
                  <a:gd name="T59" fmla="*/ 25 h 95"/>
                  <a:gd name="T60" fmla="*/ 48 w 78"/>
                  <a:gd name="T61" fmla="*/ 28 h 95"/>
                  <a:gd name="T62" fmla="*/ 48 w 78"/>
                  <a:gd name="T63" fmla="*/ 28 h 95"/>
                  <a:gd name="T64" fmla="*/ 49 w 78"/>
                  <a:gd name="T65" fmla="*/ 38 h 95"/>
                  <a:gd name="T66" fmla="*/ 51 w 78"/>
                  <a:gd name="T67" fmla="*/ 44 h 95"/>
                  <a:gd name="T68" fmla="*/ 51 w 78"/>
                  <a:gd name="T69" fmla="*/ 47 h 95"/>
                  <a:gd name="T70" fmla="*/ 52 w 78"/>
                  <a:gd name="T71" fmla="*/ 45 h 95"/>
                  <a:gd name="T72" fmla="*/ 53 w 78"/>
                  <a:gd name="T73" fmla="*/ 44 h 95"/>
                  <a:gd name="T74" fmla="*/ 53 w 78"/>
                  <a:gd name="T75" fmla="*/ 40 h 95"/>
                  <a:gd name="T76" fmla="*/ 54 w 78"/>
                  <a:gd name="T77" fmla="*/ 38 h 95"/>
                  <a:gd name="T78" fmla="*/ 54 w 78"/>
                  <a:gd name="T79" fmla="*/ 37 h 95"/>
                  <a:gd name="T80" fmla="*/ 54 w 78"/>
                  <a:gd name="T81" fmla="*/ 38 h 95"/>
                  <a:gd name="T82" fmla="*/ 54 w 78"/>
                  <a:gd name="T83" fmla="*/ 38 h 95"/>
                  <a:gd name="T84" fmla="*/ 53 w 78"/>
                  <a:gd name="T85" fmla="*/ 38 h 95"/>
                  <a:gd name="T86" fmla="*/ 53 w 78"/>
                  <a:gd name="T87" fmla="*/ 37 h 95"/>
                  <a:gd name="T88" fmla="*/ 53 w 78"/>
                  <a:gd name="T89" fmla="*/ 35 h 95"/>
                  <a:gd name="T90" fmla="*/ 52 w 78"/>
                  <a:gd name="T91" fmla="*/ 32 h 95"/>
                  <a:gd name="T92" fmla="*/ 51 w 78"/>
                  <a:gd name="T93" fmla="*/ 30 h 95"/>
                  <a:gd name="T94" fmla="*/ 51 w 78"/>
                  <a:gd name="T95" fmla="*/ 28 h 95"/>
                  <a:gd name="T96" fmla="*/ 51 w 78"/>
                  <a:gd name="T97" fmla="*/ 27 h 95"/>
                  <a:gd name="T98" fmla="*/ 51 w 78"/>
                  <a:gd name="T99" fmla="*/ 27 h 95"/>
                  <a:gd name="T100" fmla="*/ 48 w 78"/>
                  <a:gd name="T101" fmla="*/ 23 h 95"/>
                  <a:gd name="T102" fmla="*/ 44 w 78"/>
                  <a:gd name="T103" fmla="*/ 23 h 95"/>
                  <a:gd name="T104" fmla="*/ 37 w 78"/>
                  <a:gd name="T105" fmla="*/ 23 h 95"/>
                  <a:gd name="T106" fmla="*/ 32 w 78"/>
                  <a:gd name="T107" fmla="*/ 14 h 95"/>
                  <a:gd name="T108" fmla="*/ 25 w 78"/>
                  <a:gd name="T109" fmla="*/ 14 h 95"/>
                  <a:gd name="T110" fmla="*/ 20 w 78"/>
                  <a:gd name="T111" fmla="*/ 0 h 95"/>
                  <a:gd name="T112" fmla="*/ 0 w 78"/>
                  <a:gd name="T113" fmla="*/ 8 h 95"/>
                  <a:gd name="T114" fmla="*/ 19 w 78"/>
                  <a:gd name="T115" fmla="*/ 61 h 95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78"/>
                  <a:gd name="T175" fmla="*/ 0 h 95"/>
                  <a:gd name="T176" fmla="*/ 78 w 78"/>
                  <a:gd name="T177" fmla="*/ 95 h 95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78" h="95">
                    <a:moveTo>
                      <a:pt x="21" y="80"/>
                    </a:moveTo>
                    <a:lnTo>
                      <a:pt x="16" y="83"/>
                    </a:lnTo>
                    <a:lnTo>
                      <a:pt x="16" y="85"/>
                    </a:lnTo>
                    <a:lnTo>
                      <a:pt x="16" y="86"/>
                    </a:lnTo>
                    <a:lnTo>
                      <a:pt x="16" y="88"/>
                    </a:lnTo>
                    <a:lnTo>
                      <a:pt x="16" y="90"/>
                    </a:lnTo>
                    <a:lnTo>
                      <a:pt x="16" y="93"/>
                    </a:lnTo>
                    <a:lnTo>
                      <a:pt x="17" y="95"/>
                    </a:lnTo>
                    <a:lnTo>
                      <a:pt x="22" y="95"/>
                    </a:lnTo>
                    <a:lnTo>
                      <a:pt x="28" y="93"/>
                    </a:lnTo>
                    <a:lnTo>
                      <a:pt x="31" y="90"/>
                    </a:lnTo>
                    <a:lnTo>
                      <a:pt x="36" y="86"/>
                    </a:lnTo>
                    <a:lnTo>
                      <a:pt x="39" y="83"/>
                    </a:lnTo>
                    <a:lnTo>
                      <a:pt x="41" y="80"/>
                    </a:lnTo>
                    <a:lnTo>
                      <a:pt x="43" y="78"/>
                    </a:lnTo>
                    <a:lnTo>
                      <a:pt x="44" y="76"/>
                    </a:lnTo>
                    <a:lnTo>
                      <a:pt x="50" y="76"/>
                    </a:lnTo>
                    <a:lnTo>
                      <a:pt x="50" y="64"/>
                    </a:lnTo>
                    <a:lnTo>
                      <a:pt x="39" y="30"/>
                    </a:lnTo>
                    <a:lnTo>
                      <a:pt x="48" y="29"/>
                    </a:lnTo>
                    <a:lnTo>
                      <a:pt x="55" y="36"/>
                    </a:lnTo>
                    <a:lnTo>
                      <a:pt x="58" y="36"/>
                    </a:lnTo>
                    <a:lnTo>
                      <a:pt x="60" y="36"/>
                    </a:lnTo>
                    <a:lnTo>
                      <a:pt x="61" y="37"/>
                    </a:lnTo>
                    <a:lnTo>
                      <a:pt x="65" y="39"/>
                    </a:lnTo>
                    <a:lnTo>
                      <a:pt x="66" y="42"/>
                    </a:lnTo>
                    <a:lnTo>
                      <a:pt x="68" y="52"/>
                    </a:lnTo>
                    <a:lnTo>
                      <a:pt x="72" y="58"/>
                    </a:lnTo>
                    <a:lnTo>
                      <a:pt x="73" y="61"/>
                    </a:lnTo>
                    <a:lnTo>
                      <a:pt x="75" y="59"/>
                    </a:lnTo>
                    <a:lnTo>
                      <a:pt x="77" y="58"/>
                    </a:lnTo>
                    <a:lnTo>
                      <a:pt x="77" y="54"/>
                    </a:lnTo>
                    <a:lnTo>
                      <a:pt x="78" y="52"/>
                    </a:lnTo>
                    <a:lnTo>
                      <a:pt x="78" y="51"/>
                    </a:lnTo>
                    <a:lnTo>
                      <a:pt x="78" y="52"/>
                    </a:lnTo>
                    <a:lnTo>
                      <a:pt x="77" y="52"/>
                    </a:lnTo>
                    <a:lnTo>
                      <a:pt x="77" y="51"/>
                    </a:lnTo>
                    <a:lnTo>
                      <a:pt x="77" y="49"/>
                    </a:lnTo>
                    <a:lnTo>
                      <a:pt x="75" y="46"/>
                    </a:lnTo>
                    <a:lnTo>
                      <a:pt x="73" y="44"/>
                    </a:lnTo>
                    <a:lnTo>
                      <a:pt x="73" y="42"/>
                    </a:lnTo>
                    <a:lnTo>
                      <a:pt x="73" y="41"/>
                    </a:lnTo>
                    <a:lnTo>
                      <a:pt x="66" y="36"/>
                    </a:lnTo>
                    <a:lnTo>
                      <a:pt x="58" y="30"/>
                    </a:lnTo>
                    <a:lnTo>
                      <a:pt x="51" y="29"/>
                    </a:lnTo>
                    <a:lnTo>
                      <a:pt x="46" y="14"/>
                    </a:lnTo>
                    <a:lnTo>
                      <a:pt x="39" y="14"/>
                    </a:lnTo>
                    <a:lnTo>
                      <a:pt x="34" y="0"/>
                    </a:lnTo>
                    <a:lnTo>
                      <a:pt x="0" y="8"/>
                    </a:lnTo>
                    <a:lnTo>
                      <a:pt x="21" y="8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</p:grpSp>
        <p:sp>
          <p:nvSpPr>
            <p:cNvPr id="198" name="TextBox 197"/>
            <p:cNvSpPr txBox="1"/>
            <p:nvPr/>
          </p:nvSpPr>
          <p:spPr>
            <a:xfrm>
              <a:off x="1424699" y="3125891"/>
              <a:ext cx="1163786" cy="40506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78363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867" b="1" dirty="0">
                  <a:solidFill>
                    <a:srgbClr val="9A3B26"/>
                  </a:solidFill>
                  <a:latin typeface="Calibri" panose="020F0502020204030204" pitchFamily="34" charset="0"/>
                </a:rPr>
                <a:t>OXA-48</a:t>
              </a:r>
            </a:p>
          </p:txBody>
        </p:sp>
      </p:grpSp>
      <p:grpSp>
        <p:nvGrpSpPr>
          <p:cNvPr id="11" name="Group 10"/>
          <p:cNvGrpSpPr/>
          <p:nvPr/>
        </p:nvGrpSpPr>
        <p:grpSpPr>
          <a:xfrm>
            <a:off x="6059924" y="3337625"/>
            <a:ext cx="2466975" cy="2024945"/>
            <a:chOff x="6073446" y="3125891"/>
            <a:chExt cx="2632097" cy="2160483"/>
          </a:xfrm>
        </p:grpSpPr>
        <p:grpSp>
          <p:nvGrpSpPr>
            <p:cNvPr id="199" name="Group 5" descr="Map of the US showing the three Public Reporting States in 2004. "/>
            <p:cNvGrpSpPr>
              <a:grpSpLocks noChangeAspect="1"/>
            </p:cNvGrpSpPr>
            <p:nvPr/>
          </p:nvGrpSpPr>
          <p:grpSpPr bwMode="auto">
            <a:xfrm>
              <a:off x="6073446" y="3514819"/>
              <a:ext cx="2632097" cy="1771555"/>
              <a:chOff x="192" y="850"/>
              <a:chExt cx="4988" cy="3134"/>
            </a:xfrm>
          </p:grpSpPr>
          <p:sp>
            <p:nvSpPr>
              <p:cNvPr id="203" name="Freeform 9"/>
              <p:cNvSpPr>
                <a:spLocks/>
              </p:cNvSpPr>
              <p:nvPr/>
            </p:nvSpPr>
            <p:spPr bwMode="auto">
              <a:xfrm>
                <a:off x="4479" y="2181"/>
                <a:ext cx="22" cy="24"/>
              </a:xfrm>
              <a:custGeom>
                <a:avLst/>
                <a:gdLst>
                  <a:gd name="T0" fmla="*/ 0 w 22"/>
                  <a:gd name="T1" fmla="*/ 7 h 25"/>
                  <a:gd name="T2" fmla="*/ 9 w 22"/>
                  <a:gd name="T3" fmla="*/ 0 h 25"/>
                  <a:gd name="T4" fmla="*/ 22 w 22"/>
                  <a:gd name="T5" fmla="*/ 10 h 25"/>
                  <a:gd name="T6" fmla="*/ 12 w 22"/>
                  <a:gd name="T7" fmla="*/ 12 h 25"/>
                  <a:gd name="T8" fmla="*/ 12 w 22"/>
                  <a:gd name="T9" fmla="*/ 12 h 25"/>
                  <a:gd name="T10" fmla="*/ 12 w 22"/>
                  <a:gd name="T11" fmla="*/ 12 h 25"/>
                  <a:gd name="T12" fmla="*/ 12 w 22"/>
                  <a:gd name="T13" fmla="*/ 12 h 25"/>
                  <a:gd name="T14" fmla="*/ 12 w 22"/>
                  <a:gd name="T15" fmla="*/ 12 h 25"/>
                  <a:gd name="T16" fmla="*/ 11 w 22"/>
                  <a:gd name="T17" fmla="*/ 12 h 25"/>
                  <a:gd name="T18" fmla="*/ 9 w 22"/>
                  <a:gd name="T19" fmla="*/ 12 h 25"/>
                  <a:gd name="T20" fmla="*/ 7 w 22"/>
                  <a:gd name="T21" fmla="*/ 12 h 25"/>
                  <a:gd name="T22" fmla="*/ 2 w 22"/>
                  <a:gd name="T23" fmla="*/ 8 h 25"/>
                  <a:gd name="T24" fmla="*/ 2 w 22"/>
                  <a:gd name="T25" fmla="*/ 8 h 25"/>
                  <a:gd name="T26" fmla="*/ 0 w 22"/>
                  <a:gd name="T27" fmla="*/ 8 h 25"/>
                  <a:gd name="T28" fmla="*/ 0 w 22"/>
                  <a:gd name="T29" fmla="*/ 7 h 25"/>
                  <a:gd name="T30" fmla="*/ 0 w 22"/>
                  <a:gd name="T31" fmla="*/ 7 h 25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w 22"/>
                  <a:gd name="T49" fmla="*/ 0 h 25"/>
                  <a:gd name="T50" fmla="*/ 22 w 22"/>
                  <a:gd name="T51" fmla="*/ 25 h 25"/>
                </a:gdLst>
                <a:ahLst/>
                <a:cxnLst>
                  <a:cxn ang="T32">
                    <a:pos x="T0" y="T1"/>
                  </a:cxn>
                  <a:cxn ang="T33">
                    <a:pos x="T2" y="T3"/>
                  </a:cxn>
                  <a:cxn ang="T34">
                    <a:pos x="T4" y="T5"/>
                  </a:cxn>
                  <a:cxn ang="T35">
                    <a:pos x="T6" y="T7"/>
                  </a:cxn>
                  <a:cxn ang="T36">
                    <a:pos x="T8" y="T9"/>
                  </a:cxn>
                  <a:cxn ang="T37">
                    <a:pos x="T10" y="T11"/>
                  </a:cxn>
                  <a:cxn ang="T38">
                    <a:pos x="T12" y="T13"/>
                  </a:cxn>
                  <a:cxn ang="T39">
                    <a:pos x="T14" y="T15"/>
                  </a:cxn>
                  <a:cxn ang="T40">
                    <a:pos x="T16" y="T17"/>
                  </a:cxn>
                  <a:cxn ang="T41">
                    <a:pos x="T18" y="T19"/>
                  </a:cxn>
                  <a:cxn ang="T42">
                    <a:pos x="T20" y="T21"/>
                  </a:cxn>
                  <a:cxn ang="T43">
                    <a:pos x="T22" y="T23"/>
                  </a:cxn>
                  <a:cxn ang="T44">
                    <a:pos x="T24" y="T25"/>
                  </a:cxn>
                  <a:cxn ang="T45">
                    <a:pos x="T26" y="T27"/>
                  </a:cxn>
                  <a:cxn ang="T46">
                    <a:pos x="T28" y="T29"/>
                  </a:cxn>
                  <a:cxn ang="T47">
                    <a:pos x="T30" y="T31"/>
                  </a:cxn>
                </a:cxnLst>
                <a:rect l="T48" t="T49" r="T50" b="T51"/>
                <a:pathLst>
                  <a:path w="22" h="25">
                    <a:moveTo>
                      <a:pt x="0" y="7"/>
                    </a:moveTo>
                    <a:lnTo>
                      <a:pt x="9" y="0"/>
                    </a:lnTo>
                    <a:lnTo>
                      <a:pt x="22" y="10"/>
                    </a:lnTo>
                    <a:lnTo>
                      <a:pt x="12" y="25"/>
                    </a:lnTo>
                    <a:lnTo>
                      <a:pt x="12" y="23"/>
                    </a:lnTo>
                    <a:lnTo>
                      <a:pt x="12" y="22"/>
                    </a:lnTo>
                    <a:lnTo>
                      <a:pt x="12" y="20"/>
                    </a:lnTo>
                    <a:lnTo>
                      <a:pt x="12" y="18"/>
                    </a:lnTo>
                    <a:lnTo>
                      <a:pt x="11" y="17"/>
                    </a:lnTo>
                    <a:lnTo>
                      <a:pt x="9" y="13"/>
                    </a:lnTo>
                    <a:lnTo>
                      <a:pt x="7" y="12"/>
                    </a:lnTo>
                    <a:lnTo>
                      <a:pt x="2" y="8"/>
                    </a:lnTo>
                    <a:lnTo>
                      <a:pt x="0" y="8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ysClr val="windowText" lastClr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204" name="Group 10"/>
              <p:cNvGrpSpPr>
                <a:grpSpLocks/>
              </p:cNvGrpSpPr>
              <p:nvPr/>
            </p:nvGrpSpPr>
            <p:grpSpPr bwMode="auto">
              <a:xfrm>
                <a:off x="4431" y="2166"/>
                <a:ext cx="169" cy="106"/>
                <a:chOff x="4655" y="1801"/>
                <a:chExt cx="172" cy="109"/>
              </a:xfrm>
            </p:grpSpPr>
            <p:sp>
              <p:nvSpPr>
                <p:cNvPr id="383" name="Freeform 11"/>
                <p:cNvSpPr>
                  <a:spLocks/>
                </p:cNvSpPr>
                <p:nvPr/>
              </p:nvSpPr>
              <p:spPr bwMode="auto">
                <a:xfrm>
                  <a:off x="4725" y="1801"/>
                  <a:ext cx="22" cy="25"/>
                </a:xfrm>
                <a:custGeom>
                  <a:avLst/>
                  <a:gdLst>
                    <a:gd name="T0" fmla="*/ 0 w 22"/>
                    <a:gd name="T1" fmla="*/ 7 h 25"/>
                    <a:gd name="T2" fmla="*/ 9 w 22"/>
                    <a:gd name="T3" fmla="*/ 0 h 25"/>
                    <a:gd name="T4" fmla="*/ 22 w 22"/>
                    <a:gd name="T5" fmla="*/ 10 h 25"/>
                    <a:gd name="T6" fmla="*/ 12 w 22"/>
                    <a:gd name="T7" fmla="*/ 25 h 25"/>
                    <a:gd name="T8" fmla="*/ 12 w 22"/>
                    <a:gd name="T9" fmla="*/ 25 h 25"/>
                    <a:gd name="T10" fmla="*/ 12 w 22"/>
                    <a:gd name="T11" fmla="*/ 23 h 25"/>
                    <a:gd name="T12" fmla="*/ 12 w 22"/>
                    <a:gd name="T13" fmla="*/ 22 h 25"/>
                    <a:gd name="T14" fmla="*/ 12 w 22"/>
                    <a:gd name="T15" fmla="*/ 20 h 25"/>
                    <a:gd name="T16" fmla="*/ 12 w 22"/>
                    <a:gd name="T17" fmla="*/ 18 h 25"/>
                    <a:gd name="T18" fmla="*/ 11 w 22"/>
                    <a:gd name="T19" fmla="*/ 17 h 25"/>
                    <a:gd name="T20" fmla="*/ 9 w 22"/>
                    <a:gd name="T21" fmla="*/ 13 h 25"/>
                    <a:gd name="T22" fmla="*/ 7 w 22"/>
                    <a:gd name="T23" fmla="*/ 12 h 25"/>
                    <a:gd name="T24" fmla="*/ 2 w 22"/>
                    <a:gd name="T25" fmla="*/ 8 h 25"/>
                    <a:gd name="T26" fmla="*/ 2 w 22"/>
                    <a:gd name="T27" fmla="*/ 8 h 25"/>
                    <a:gd name="T28" fmla="*/ 2 w 22"/>
                    <a:gd name="T29" fmla="*/ 8 h 25"/>
                    <a:gd name="T30" fmla="*/ 0 w 22"/>
                    <a:gd name="T31" fmla="*/ 8 h 25"/>
                    <a:gd name="T32" fmla="*/ 0 w 22"/>
                    <a:gd name="T33" fmla="*/ 7 h 25"/>
                    <a:gd name="T34" fmla="*/ 0 w 22"/>
                    <a:gd name="T35" fmla="*/ 7 h 25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w 22"/>
                    <a:gd name="T55" fmla="*/ 0 h 25"/>
                    <a:gd name="T56" fmla="*/ 22 w 22"/>
                    <a:gd name="T57" fmla="*/ 25 h 25"/>
                  </a:gdLst>
                  <a:ahLst/>
                  <a:cxnLst>
                    <a:cxn ang="T36">
                      <a:pos x="T0" y="T1"/>
                    </a:cxn>
                    <a:cxn ang="T37">
                      <a:pos x="T2" y="T3"/>
                    </a:cxn>
                    <a:cxn ang="T38">
                      <a:pos x="T4" y="T5"/>
                    </a:cxn>
                    <a:cxn ang="T39">
                      <a:pos x="T6" y="T7"/>
                    </a:cxn>
                    <a:cxn ang="T40">
                      <a:pos x="T8" y="T9"/>
                    </a:cxn>
                    <a:cxn ang="T41">
                      <a:pos x="T10" y="T11"/>
                    </a:cxn>
                    <a:cxn ang="T42">
                      <a:pos x="T12" y="T13"/>
                    </a:cxn>
                    <a:cxn ang="T43">
                      <a:pos x="T14" y="T15"/>
                    </a:cxn>
                    <a:cxn ang="T44">
                      <a:pos x="T16" y="T17"/>
                    </a:cxn>
                    <a:cxn ang="T45">
                      <a:pos x="T18" y="T19"/>
                    </a:cxn>
                    <a:cxn ang="T46">
                      <a:pos x="T20" y="T21"/>
                    </a:cxn>
                    <a:cxn ang="T47">
                      <a:pos x="T22" y="T23"/>
                    </a:cxn>
                    <a:cxn ang="T48">
                      <a:pos x="T24" y="T25"/>
                    </a:cxn>
                    <a:cxn ang="T49">
                      <a:pos x="T26" y="T27"/>
                    </a:cxn>
                    <a:cxn ang="T50">
                      <a:pos x="T28" y="T29"/>
                    </a:cxn>
                    <a:cxn ang="T51">
                      <a:pos x="T30" y="T31"/>
                    </a:cxn>
                    <a:cxn ang="T52">
                      <a:pos x="T32" y="T33"/>
                    </a:cxn>
                    <a:cxn ang="T53">
                      <a:pos x="T34" y="T35"/>
                    </a:cxn>
                  </a:cxnLst>
                  <a:rect l="T54" t="T55" r="T56" b="T57"/>
                  <a:pathLst>
                    <a:path w="22" h="25">
                      <a:moveTo>
                        <a:pt x="0" y="7"/>
                      </a:moveTo>
                      <a:lnTo>
                        <a:pt x="9" y="0"/>
                      </a:lnTo>
                      <a:lnTo>
                        <a:pt x="22" y="10"/>
                      </a:lnTo>
                      <a:lnTo>
                        <a:pt x="12" y="25"/>
                      </a:lnTo>
                      <a:lnTo>
                        <a:pt x="12" y="23"/>
                      </a:lnTo>
                      <a:lnTo>
                        <a:pt x="12" y="22"/>
                      </a:lnTo>
                      <a:lnTo>
                        <a:pt x="12" y="20"/>
                      </a:lnTo>
                      <a:lnTo>
                        <a:pt x="12" y="18"/>
                      </a:lnTo>
                      <a:lnTo>
                        <a:pt x="11" y="17"/>
                      </a:lnTo>
                      <a:lnTo>
                        <a:pt x="9" y="13"/>
                      </a:lnTo>
                      <a:lnTo>
                        <a:pt x="7" y="12"/>
                      </a:lnTo>
                      <a:lnTo>
                        <a:pt x="2" y="8"/>
                      </a:lnTo>
                      <a:lnTo>
                        <a:pt x="0" y="8"/>
                      </a:lnTo>
                      <a:lnTo>
                        <a:pt x="0" y="7"/>
                      </a:lnTo>
                    </a:path>
                  </a:pathLst>
                </a:custGeom>
                <a:solidFill>
                  <a:sysClr val="windowText" lastClr="000000"/>
                </a:solidFill>
                <a:ln w="3175">
                  <a:solidFill>
                    <a:srgbClr val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84" name="Rectangle 12"/>
                <p:cNvSpPr>
                  <a:spLocks noChangeArrowheads="1"/>
                </p:cNvSpPr>
                <p:nvPr/>
              </p:nvSpPr>
              <p:spPr bwMode="auto">
                <a:xfrm>
                  <a:off x="4655" y="1804"/>
                  <a:ext cx="172" cy="106"/>
                </a:xfrm>
                <a:prstGeom prst="rect">
                  <a:avLst/>
                </a:prstGeom>
                <a:noFill/>
                <a:ln w="9525">
                  <a:noFill/>
                  <a:miter lim="800000"/>
                  <a:headEnd/>
                  <a:tailEnd/>
                </a:ln>
              </p:spPr>
              <p:txBody>
                <a:bodyPr wrap="none" lIns="0" tIns="0" rIns="0" bIns="0">
                  <a:spAutoFit/>
                </a:bodyPr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313" b="1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Helvetica" pitchFamily="34" charset="0"/>
                      <a:ea typeface="+mn-ea"/>
                      <a:cs typeface="+mn-cs"/>
                    </a:rPr>
                    <a:t>DC*</a:t>
                  </a:r>
                  <a:endParaRPr kumimoji="0" lang="en-US" sz="313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Times New Roman" pitchFamily="18" charset="0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205" name="Freeform 13"/>
              <p:cNvSpPr>
                <a:spLocks/>
              </p:cNvSpPr>
              <p:nvPr/>
            </p:nvSpPr>
            <p:spPr bwMode="auto">
              <a:xfrm>
                <a:off x="3980" y="2710"/>
                <a:ext cx="478" cy="363"/>
              </a:xfrm>
              <a:custGeom>
                <a:avLst/>
                <a:gdLst>
                  <a:gd name="T0" fmla="*/ 178 w 492"/>
                  <a:gd name="T1" fmla="*/ 243 h 374"/>
                  <a:gd name="T2" fmla="*/ 178 w 492"/>
                  <a:gd name="T3" fmla="*/ 240 h 374"/>
                  <a:gd name="T4" fmla="*/ 178 w 492"/>
                  <a:gd name="T5" fmla="*/ 239 h 374"/>
                  <a:gd name="T6" fmla="*/ 171 w 492"/>
                  <a:gd name="T7" fmla="*/ 217 h 374"/>
                  <a:gd name="T8" fmla="*/ 157 w 492"/>
                  <a:gd name="T9" fmla="*/ 207 h 374"/>
                  <a:gd name="T10" fmla="*/ 153 w 492"/>
                  <a:gd name="T11" fmla="*/ 192 h 374"/>
                  <a:gd name="T12" fmla="*/ 142 w 492"/>
                  <a:gd name="T13" fmla="*/ 177 h 374"/>
                  <a:gd name="T14" fmla="*/ 130 w 492"/>
                  <a:gd name="T15" fmla="*/ 173 h 374"/>
                  <a:gd name="T16" fmla="*/ 126 w 492"/>
                  <a:gd name="T17" fmla="*/ 171 h 374"/>
                  <a:gd name="T18" fmla="*/ 116 w 492"/>
                  <a:gd name="T19" fmla="*/ 162 h 374"/>
                  <a:gd name="T20" fmla="*/ 111 w 492"/>
                  <a:gd name="T21" fmla="*/ 153 h 374"/>
                  <a:gd name="T22" fmla="*/ 104 w 492"/>
                  <a:gd name="T23" fmla="*/ 141 h 374"/>
                  <a:gd name="T24" fmla="*/ 95 w 492"/>
                  <a:gd name="T25" fmla="*/ 139 h 374"/>
                  <a:gd name="T26" fmla="*/ 91 w 492"/>
                  <a:gd name="T27" fmla="*/ 137 h 374"/>
                  <a:gd name="T28" fmla="*/ 86 w 492"/>
                  <a:gd name="T29" fmla="*/ 132 h 374"/>
                  <a:gd name="T30" fmla="*/ 81 w 492"/>
                  <a:gd name="T31" fmla="*/ 121 h 374"/>
                  <a:gd name="T32" fmla="*/ 75 w 492"/>
                  <a:gd name="T33" fmla="*/ 120 h 374"/>
                  <a:gd name="T34" fmla="*/ 68 w 492"/>
                  <a:gd name="T35" fmla="*/ 119 h 374"/>
                  <a:gd name="T36" fmla="*/ 61 w 492"/>
                  <a:gd name="T37" fmla="*/ 111 h 374"/>
                  <a:gd name="T38" fmla="*/ 55 w 492"/>
                  <a:gd name="T39" fmla="*/ 104 h 374"/>
                  <a:gd name="T40" fmla="*/ 47 w 492"/>
                  <a:gd name="T41" fmla="*/ 96 h 374"/>
                  <a:gd name="T42" fmla="*/ 40 w 492"/>
                  <a:gd name="T43" fmla="*/ 82 h 374"/>
                  <a:gd name="T44" fmla="*/ 38 w 492"/>
                  <a:gd name="T45" fmla="*/ 75 h 374"/>
                  <a:gd name="T46" fmla="*/ 33 w 492"/>
                  <a:gd name="T47" fmla="*/ 74 h 374"/>
                  <a:gd name="T48" fmla="*/ 18 w 492"/>
                  <a:gd name="T49" fmla="*/ 72 h 374"/>
                  <a:gd name="T50" fmla="*/ 17 w 492"/>
                  <a:gd name="T51" fmla="*/ 69 h 374"/>
                  <a:gd name="T52" fmla="*/ 17 w 492"/>
                  <a:gd name="T53" fmla="*/ 67 h 374"/>
                  <a:gd name="T54" fmla="*/ 0 w 492"/>
                  <a:gd name="T55" fmla="*/ 56 h 374"/>
                  <a:gd name="T56" fmla="*/ 13 w 492"/>
                  <a:gd name="T57" fmla="*/ 39 h 374"/>
                  <a:gd name="T58" fmla="*/ 17 w 492"/>
                  <a:gd name="T59" fmla="*/ 37 h 374"/>
                  <a:gd name="T60" fmla="*/ 17 w 492"/>
                  <a:gd name="T61" fmla="*/ 35 h 374"/>
                  <a:gd name="T62" fmla="*/ 21 w 492"/>
                  <a:gd name="T63" fmla="*/ 25 h 374"/>
                  <a:gd name="T64" fmla="*/ 38 w 492"/>
                  <a:gd name="T65" fmla="*/ 17 h 374"/>
                  <a:gd name="T66" fmla="*/ 50 w 492"/>
                  <a:gd name="T67" fmla="*/ 17 h 374"/>
                  <a:gd name="T68" fmla="*/ 71 w 492"/>
                  <a:gd name="T69" fmla="*/ 10 h 374"/>
                  <a:gd name="T70" fmla="*/ 139 w 492"/>
                  <a:gd name="T71" fmla="*/ 1 h 374"/>
                  <a:gd name="T72" fmla="*/ 149 w 492"/>
                  <a:gd name="T73" fmla="*/ 0 h 374"/>
                  <a:gd name="T74" fmla="*/ 162 w 492"/>
                  <a:gd name="T75" fmla="*/ 12 h 374"/>
                  <a:gd name="T76" fmla="*/ 242 w 492"/>
                  <a:gd name="T77" fmla="*/ 17 h 374"/>
                  <a:gd name="T78" fmla="*/ 328 w 492"/>
                  <a:gd name="T79" fmla="*/ 77 h 374"/>
                  <a:gd name="T80" fmla="*/ 323 w 492"/>
                  <a:gd name="T81" fmla="*/ 81 h 374"/>
                  <a:gd name="T82" fmla="*/ 315 w 492"/>
                  <a:gd name="T83" fmla="*/ 87 h 374"/>
                  <a:gd name="T84" fmla="*/ 306 w 492"/>
                  <a:gd name="T85" fmla="*/ 100 h 374"/>
                  <a:gd name="T86" fmla="*/ 298 w 492"/>
                  <a:gd name="T87" fmla="*/ 114 h 374"/>
                  <a:gd name="T88" fmla="*/ 293 w 492"/>
                  <a:gd name="T89" fmla="*/ 126 h 374"/>
                  <a:gd name="T90" fmla="*/ 290 w 492"/>
                  <a:gd name="T91" fmla="*/ 123 h 374"/>
                  <a:gd name="T92" fmla="*/ 288 w 492"/>
                  <a:gd name="T93" fmla="*/ 126 h 374"/>
                  <a:gd name="T94" fmla="*/ 289 w 492"/>
                  <a:gd name="T95" fmla="*/ 132 h 374"/>
                  <a:gd name="T96" fmla="*/ 294 w 492"/>
                  <a:gd name="T97" fmla="*/ 134 h 374"/>
                  <a:gd name="T98" fmla="*/ 295 w 492"/>
                  <a:gd name="T99" fmla="*/ 139 h 374"/>
                  <a:gd name="T100" fmla="*/ 292 w 492"/>
                  <a:gd name="T101" fmla="*/ 145 h 374"/>
                  <a:gd name="T102" fmla="*/ 286 w 492"/>
                  <a:gd name="T103" fmla="*/ 148 h 374"/>
                  <a:gd name="T104" fmla="*/ 276 w 492"/>
                  <a:gd name="T105" fmla="*/ 154 h 374"/>
                  <a:gd name="T106" fmla="*/ 266 w 492"/>
                  <a:gd name="T107" fmla="*/ 171 h 374"/>
                  <a:gd name="T108" fmla="*/ 263 w 492"/>
                  <a:gd name="T109" fmla="*/ 173 h 374"/>
                  <a:gd name="T110" fmla="*/ 259 w 492"/>
                  <a:gd name="T111" fmla="*/ 177 h 374"/>
                  <a:gd name="T112" fmla="*/ 251 w 492"/>
                  <a:gd name="T113" fmla="*/ 179 h 374"/>
                  <a:gd name="T114" fmla="*/ 240 w 492"/>
                  <a:gd name="T115" fmla="*/ 196 h 374"/>
                  <a:gd name="T116" fmla="*/ 236 w 492"/>
                  <a:gd name="T117" fmla="*/ 201 h 374"/>
                  <a:gd name="T118" fmla="*/ 214 w 492"/>
                  <a:gd name="T119" fmla="*/ 207 h 374"/>
                  <a:gd name="T120" fmla="*/ 194 w 492"/>
                  <a:gd name="T121" fmla="*/ 221 h 374"/>
                  <a:gd name="T122" fmla="*/ 187 w 492"/>
                  <a:gd name="T123" fmla="*/ 245 h 374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w 492"/>
                  <a:gd name="T187" fmla="*/ 0 h 374"/>
                  <a:gd name="T188" fmla="*/ 492 w 492"/>
                  <a:gd name="T189" fmla="*/ 374 h 374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T186" t="T187" r="T188" b="T189"/>
                <a:pathLst>
                  <a:path w="492" h="374">
                    <a:moveTo>
                      <a:pt x="269" y="374"/>
                    </a:moveTo>
                    <a:lnTo>
                      <a:pt x="269" y="372"/>
                    </a:lnTo>
                    <a:lnTo>
                      <a:pt x="267" y="370"/>
                    </a:lnTo>
                    <a:lnTo>
                      <a:pt x="267" y="369"/>
                    </a:lnTo>
                    <a:lnTo>
                      <a:pt x="267" y="367"/>
                    </a:lnTo>
                    <a:lnTo>
                      <a:pt x="267" y="365"/>
                    </a:lnTo>
                    <a:lnTo>
                      <a:pt x="267" y="364"/>
                    </a:lnTo>
                    <a:lnTo>
                      <a:pt x="267" y="362"/>
                    </a:lnTo>
                    <a:lnTo>
                      <a:pt x="266" y="348"/>
                    </a:lnTo>
                    <a:lnTo>
                      <a:pt x="261" y="338"/>
                    </a:lnTo>
                    <a:lnTo>
                      <a:pt x="255" y="330"/>
                    </a:lnTo>
                    <a:lnTo>
                      <a:pt x="249" y="321"/>
                    </a:lnTo>
                    <a:lnTo>
                      <a:pt x="242" y="316"/>
                    </a:lnTo>
                    <a:lnTo>
                      <a:pt x="235" y="313"/>
                    </a:lnTo>
                    <a:lnTo>
                      <a:pt x="232" y="309"/>
                    </a:lnTo>
                    <a:lnTo>
                      <a:pt x="230" y="308"/>
                    </a:lnTo>
                    <a:lnTo>
                      <a:pt x="228" y="292"/>
                    </a:lnTo>
                    <a:lnTo>
                      <a:pt x="225" y="282"/>
                    </a:lnTo>
                    <a:lnTo>
                      <a:pt x="218" y="274"/>
                    </a:lnTo>
                    <a:lnTo>
                      <a:pt x="211" y="269"/>
                    </a:lnTo>
                    <a:lnTo>
                      <a:pt x="205" y="265"/>
                    </a:lnTo>
                    <a:lnTo>
                      <a:pt x="200" y="264"/>
                    </a:lnTo>
                    <a:lnTo>
                      <a:pt x="195" y="262"/>
                    </a:lnTo>
                    <a:lnTo>
                      <a:pt x="193" y="262"/>
                    </a:lnTo>
                    <a:lnTo>
                      <a:pt x="193" y="260"/>
                    </a:lnTo>
                    <a:lnTo>
                      <a:pt x="189" y="259"/>
                    </a:lnTo>
                    <a:lnTo>
                      <a:pt x="184" y="254"/>
                    </a:lnTo>
                    <a:lnTo>
                      <a:pt x="179" y="250"/>
                    </a:lnTo>
                    <a:lnTo>
                      <a:pt x="174" y="245"/>
                    </a:lnTo>
                    <a:lnTo>
                      <a:pt x="171" y="240"/>
                    </a:lnTo>
                    <a:lnTo>
                      <a:pt x="167" y="237"/>
                    </a:lnTo>
                    <a:lnTo>
                      <a:pt x="166" y="233"/>
                    </a:lnTo>
                    <a:lnTo>
                      <a:pt x="162" y="225"/>
                    </a:lnTo>
                    <a:lnTo>
                      <a:pt x="157" y="218"/>
                    </a:lnTo>
                    <a:lnTo>
                      <a:pt x="154" y="213"/>
                    </a:lnTo>
                    <a:lnTo>
                      <a:pt x="149" y="211"/>
                    </a:lnTo>
                    <a:lnTo>
                      <a:pt x="145" y="210"/>
                    </a:lnTo>
                    <a:lnTo>
                      <a:pt x="142" y="210"/>
                    </a:lnTo>
                    <a:lnTo>
                      <a:pt x="139" y="210"/>
                    </a:lnTo>
                    <a:lnTo>
                      <a:pt x="137" y="208"/>
                    </a:lnTo>
                    <a:lnTo>
                      <a:pt x="135" y="204"/>
                    </a:lnTo>
                    <a:lnTo>
                      <a:pt x="132" y="203"/>
                    </a:lnTo>
                    <a:lnTo>
                      <a:pt x="130" y="199"/>
                    </a:lnTo>
                    <a:lnTo>
                      <a:pt x="127" y="193"/>
                    </a:lnTo>
                    <a:lnTo>
                      <a:pt x="123" y="188"/>
                    </a:lnTo>
                    <a:lnTo>
                      <a:pt x="120" y="184"/>
                    </a:lnTo>
                    <a:lnTo>
                      <a:pt x="117" y="182"/>
                    </a:lnTo>
                    <a:lnTo>
                      <a:pt x="113" y="181"/>
                    </a:lnTo>
                    <a:lnTo>
                      <a:pt x="112" y="182"/>
                    </a:lnTo>
                    <a:lnTo>
                      <a:pt x="108" y="182"/>
                    </a:lnTo>
                    <a:lnTo>
                      <a:pt x="101" y="181"/>
                    </a:lnTo>
                    <a:lnTo>
                      <a:pt x="96" y="179"/>
                    </a:lnTo>
                    <a:lnTo>
                      <a:pt x="93" y="174"/>
                    </a:lnTo>
                    <a:lnTo>
                      <a:pt x="90" y="169"/>
                    </a:lnTo>
                    <a:lnTo>
                      <a:pt x="86" y="164"/>
                    </a:lnTo>
                    <a:lnTo>
                      <a:pt x="85" y="160"/>
                    </a:lnTo>
                    <a:lnTo>
                      <a:pt x="83" y="157"/>
                    </a:lnTo>
                    <a:lnTo>
                      <a:pt x="83" y="155"/>
                    </a:lnTo>
                    <a:lnTo>
                      <a:pt x="78" y="152"/>
                    </a:lnTo>
                    <a:lnTo>
                      <a:pt x="71" y="145"/>
                    </a:lnTo>
                    <a:lnTo>
                      <a:pt x="66" y="138"/>
                    </a:lnTo>
                    <a:lnTo>
                      <a:pt x="61" y="132"/>
                    </a:lnTo>
                    <a:lnTo>
                      <a:pt x="57" y="125"/>
                    </a:lnTo>
                    <a:lnTo>
                      <a:pt x="56" y="118"/>
                    </a:lnTo>
                    <a:lnTo>
                      <a:pt x="52" y="115"/>
                    </a:lnTo>
                    <a:lnTo>
                      <a:pt x="52" y="113"/>
                    </a:lnTo>
                    <a:lnTo>
                      <a:pt x="52" y="111"/>
                    </a:lnTo>
                    <a:lnTo>
                      <a:pt x="49" y="111"/>
                    </a:lnTo>
                    <a:lnTo>
                      <a:pt x="47" y="111"/>
                    </a:lnTo>
                    <a:lnTo>
                      <a:pt x="46" y="110"/>
                    </a:lnTo>
                    <a:lnTo>
                      <a:pt x="39" y="110"/>
                    </a:lnTo>
                    <a:lnTo>
                      <a:pt x="32" y="108"/>
                    </a:lnTo>
                    <a:lnTo>
                      <a:pt x="27" y="106"/>
                    </a:lnTo>
                    <a:lnTo>
                      <a:pt x="24" y="105"/>
                    </a:lnTo>
                    <a:lnTo>
                      <a:pt x="20" y="103"/>
                    </a:lnTo>
                    <a:lnTo>
                      <a:pt x="19" y="101"/>
                    </a:lnTo>
                    <a:lnTo>
                      <a:pt x="17" y="100"/>
                    </a:lnTo>
                    <a:lnTo>
                      <a:pt x="5" y="98"/>
                    </a:lnTo>
                    <a:lnTo>
                      <a:pt x="0" y="93"/>
                    </a:lnTo>
                    <a:lnTo>
                      <a:pt x="0" y="84"/>
                    </a:lnTo>
                    <a:lnTo>
                      <a:pt x="2" y="74"/>
                    </a:lnTo>
                    <a:lnTo>
                      <a:pt x="7" y="66"/>
                    </a:lnTo>
                    <a:lnTo>
                      <a:pt x="13" y="57"/>
                    </a:lnTo>
                    <a:lnTo>
                      <a:pt x="17" y="52"/>
                    </a:lnTo>
                    <a:lnTo>
                      <a:pt x="19" y="50"/>
                    </a:lnTo>
                    <a:lnTo>
                      <a:pt x="20" y="52"/>
                    </a:lnTo>
                    <a:lnTo>
                      <a:pt x="22" y="50"/>
                    </a:lnTo>
                    <a:lnTo>
                      <a:pt x="24" y="49"/>
                    </a:lnTo>
                    <a:lnTo>
                      <a:pt x="27" y="45"/>
                    </a:lnTo>
                    <a:lnTo>
                      <a:pt x="30" y="42"/>
                    </a:lnTo>
                    <a:lnTo>
                      <a:pt x="35" y="39"/>
                    </a:lnTo>
                    <a:lnTo>
                      <a:pt x="41" y="35"/>
                    </a:lnTo>
                    <a:lnTo>
                      <a:pt x="47" y="32"/>
                    </a:lnTo>
                    <a:lnTo>
                      <a:pt x="52" y="28"/>
                    </a:lnTo>
                    <a:lnTo>
                      <a:pt x="61" y="23"/>
                    </a:lnTo>
                    <a:lnTo>
                      <a:pt x="68" y="20"/>
                    </a:lnTo>
                    <a:lnTo>
                      <a:pt x="76" y="17"/>
                    </a:lnTo>
                    <a:lnTo>
                      <a:pt x="85" y="15"/>
                    </a:lnTo>
                    <a:lnTo>
                      <a:pt x="95" y="13"/>
                    </a:lnTo>
                    <a:lnTo>
                      <a:pt x="105" y="10"/>
                    </a:lnTo>
                    <a:lnTo>
                      <a:pt x="113" y="10"/>
                    </a:lnTo>
                    <a:lnTo>
                      <a:pt x="206" y="1"/>
                    </a:lnTo>
                    <a:lnTo>
                      <a:pt x="208" y="1"/>
                    </a:lnTo>
                    <a:lnTo>
                      <a:pt x="210" y="0"/>
                    </a:lnTo>
                    <a:lnTo>
                      <a:pt x="215" y="0"/>
                    </a:lnTo>
                    <a:lnTo>
                      <a:pt x="222" y="0"/>
                    </a:lnTo>
                    <a:lnTo>
                      <a:pt x="228" y="1"/>
                    </a:lnTo>
                    <a:lnTo>
                      <a:pt x="235" y="5"/>
                    </a:lnTo>
                    <a:lnTo>
                      <a:pt x="242" y="12"/>
                    </a:lnTo>
                    <a:lnTo>
                      <a:pt x="250" y="23"/>
                    </a:lnTo>
                    <a:lnTo>
                      <a:pt x="254" y="37"/>
                    </a:lnTo>
                    <a:lnTo>
                      <a:pt x="362" y="20"/>
                    </a:lnTo>
                    <a:lnTo>
                      <a:pt x="492" y="115"/>
                    </a:lnTo>
                    <a:lnTo>
                      <a:pt x="491" y="115"/>
                    </a:lnTo>
                    <a:lnTo>
                      <a:pt x="489" y="118"/>
                    </a:lnTo>
                    <a:lnTo>
                      <a:pt x="486" y="120"/>
                    </a:lnTo>
                    <a:lnTo>
                      <a:pt x="484" y="122"/>
                    </a:lnTo>
                    <a:lnTo>
                      <a:pt x="481" y="125"/>
                    </a:lnTo>
                    <a:lnTo>
                      <a:pt x="475" y="130"/>
                    </a:lnTo>
                    <a:lnTo>
                      <a:pt x="472" y="133"/>
                    </a:lnTo>
                    <a:lnTo>
                      <a:pt x="467" y="140"/>
                    </a:lnTo>
                    <a:lnTo>
                      <a:pt x="464" y="145"/>
                    </a:lnTo>
                    <a:lnTo>
                      <a:pt x="459" y="150"/>
                    </a:lnTo>
                    <a:lnTo>
                      <a:pt x="455" y="159"/>
                    </a:lnTo>
                    <a:lnTo>
                      <a:pt x="450" y="166"/>
                    </a:lnTo>
                    <a:lnTo>
                      <a:pt x="447" y="174"/>
                    </a:lnTo>
                    <a:lnTo>
                      <a:pt x="443" y="182"/>
                    </a:lnTo>
                    <a:lnTo>
                      <a:pt x="440" y="191"/>
                    </a:lnTo>
                    <a:lnTo>
                      <a:pt x="437" y="189"/>
                    </a:lnTo>
                    <a:lnTo>
                      <a:pt x="435" y="188"/>
                    </a:lnTo>
                    <a:lnTo>
                      <a:pt x="435" y="186"/>
                    </a:lnTo>
                    <a:lnTo>
                      <a:pt x="433" y="186"/>
                    </a:lnTo>
                    <a:lnTo>
                      <a:pt x="433" y="188"/>
                    </a:lnTo>
                    <a:lnTo>
                      <a:pt x="431" y="191"/>
                    </a:lnTo>
                    <a:lnTo>
                      <a:pt x="431" y="194"/>
                    </a:lnTo>
                    <a:lnTo>
                      <a:pt x="431" y="198"/>
                    </a:lnTo>
                    <a:lnTo>
                      <a:pt x="433" y="199"/>
                    </a:lnTo>
                    <a:lnTo>
                      <a:pt x="435" y="201"/>
                    </a:lnTo>
                    <a:lnTo>
                      <a:pt x="440" y="203"/>
                    </a:lnTo>
                    <a:lnTo>
                      <a:pt x="442" y="203"/>
                    </a:lnTo>
                    <a:lnTo>
                      <a:pt x="442" y="204"/>
                    </a:lnTo>
                    <a:lnTo>
                      <a:pt x="443" y="206"/>
                    </a:lnTo>
                    <a:lnTo>
                      <a:pt x="443" y="210"/>
                    </a:lnTo>
                    <a:lnTo>
                      <a:pt x="443" y="213"/>
                    </a:lnTo>
                    <a:lnTo>
                      <a:pt x="440" y="216"/>
                    </a:lnTo>
                    <a:lnTo>
                      <a:pt x="437" y="221"/>
                    </a:lnTo>
                    <a:lnTo>
                      <a:pt x="431" y="225"/>
                    </a:lnTo>
                    <a:lnTo>
                      <a:pt x="430" y="225"/>
                    </a:lnTo>
                    <a:lnTo>
                      <a:pt x="428" y="225"/>
                    </a:lnTo>
                    <a:lnTo>
                      <a:pt x="423" y="228"/>
                    </a:lnTo>
                    <a:lnTo>
                      <a:pt x="418" y="230"/>
                    </a:lnTo>
                    <a:lnTo>
                      <a:pt x="413" y="235"/>
                    </a:lnTo>
                    <a:lnTo>
                      <a:pt x="408" y="240"/>
                    </a:lnTo>
                    <a:lnTo>
                      <a:pt x="403" y="248"/>
                    </a:lnTo>
                    <a:lnTo>
                      <a:pt x="398" y="259"/>
                    </a:lnTo>
                    <a:lnTo>
                      <a:pt x="396" y="260"/>
                    </a:lnTo>
                    <a:lnTo>
                      <a:pt x="394" y="262"/>
                    </a:lnTo>
                    <a:lnTo>
                      <a:pt x="393" y="265"/>
                    </a:lnTo>
                    <a:lnTo>
                      <a:pt x="391" y="267"/>
                    </a:lnTo>
                    <a:lnTo>
                      <a:pt x="389" y="269"/>
                    </a:lnTo>
                    <a:lnTo>
                      <a:pt x="387" y="270"/>
                    </a:lnTo>
                    <a:lnTo>
                      <a:pt x="376" y="272"/>
                    </a:lnTo>
                    <a:lnTo>
                      <a:pt x="376" y="277"/>
                    </a:lnTo>
                    <a:lnTo>
                      <a:pt x="384" y="279"/>
                    </a:lnTo>
                    <a:lnTo>
                      <a:pt x="359" y="299"/>
                    </a:lnTo>
                    <a:lnTo>
                      <a:pt x="354" y="291"/>
                    </a:lnTo>
                    <a:lnTo>
                      <a:pt x="349" y="299"/>
                    </a:lnTo>
                    <a:lnTo>
                      <a:pt x="354" y="304"/>
                    </a:lnTo>
                    <a:lnTo>
                      <a:pt x="343" y="316"/>
                    </a:lnTo>
                    <a:lnTo>
                      <a:pt x="335" y="314"/>
                    </a:lnTo>
                    <a:lnTo>
                      <a:pt x="320" y="314"/>
                    </a:lnTo>
                    <a:lnTo>
                      <a:pt x="305" y="316"/>
                    </a:lnTo>
                    <a:lnTo>
                      <a:pt x="296" y="320"/>
                    </a:lnTo>
                    <a:lnTo>
                      <a:pt x="291" y="336"/>
                    </a:lnTo>
                    <a:lnTo>
                      <a:pt x="303" y="348"/>
                    </a:lnTo>
                    <a:lnTo>
                      <a:pt x="289" y="374"/>
                    </a:lnTo>
                    <a:lnTo>
                      <a:pt x="281" y="372"/>
                    </a:lnTo>
                    <a:lnTo>
                      <a:pt x="269" y="374"/>
                    </a:lnTo>
                    <a:close/>
                  </a:path>
                </a:pathLst>
              </a:custGeom>
              <a:solidFill>
                <a:srgbClr val="0033CC"/>
              </a:solidFill>
              <a:ln w="9525">
                <a:solidFill>
                  <a:sysClr val="window" lastClr="FFFFFF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06" name="Freeform 14"/>
              <p:cNvSpPr>
                <a:spLocks/>
              </p:cNvSpPr>
              <p:nvPr/>
            </p:nvSpPr>
            <p:spPr bwMode="auto">
              <a:xfrm>
                <a:off x="4869" y="1704"/>
                <a:ext cx="76" cy="93"/>
              </a:xfrm>
              <a:custGeom>
                <a:avLst/>
                <a:gdLst>
                  <a:gd name="T0" fmla="*/ 19 w 78"/>
                  <a:gd name="T1" fmla="*/ 61 h 95"/>
                  <a:gd name="T2" fmla="*/ 16 w 78"/>
                  <a:gd name="T3" fmla="*/ 63 h 95"/>
                  <a:gd name="T4" fmla="*/ 16 w 78"/>
                  <a:gd name="T5" fmla="*/ 63 h 95"/>
                  <a:gd name="T6" fmla="*/ 16 w 78"/>
                  <a:gd name="T7" fmla="*/ 64 h 95"/>
                  <a:gd name="T8" fmla="*/ 16 w 78"/>
                  <a:gd name="T9" fmla="*/ 64 h 95"/>
                  <a:gd name="T10" fmla="*/ 16 w 78"/>
                  <a:gd name="T11" fmla="*/ 65 h 95"/>
                  <a:gd name="T12" fmla="*/ 16 w 78"/>
                  <a:gd name="T13" fmla="*/ 66 h 95"/>
                  <a:gd name="T14" fmla="*/ 16 w 78"/>
                  <a:gd name="T15" fmla="*/ 68 h 95"/>
                  <a:gd name="T16" fmla="*/ 16 w 78"/>
                  <a:gd name="T17" fmla="*/ 68 h 95"/>
                  <a:gd name="T18" fmla="*/ 17 w 78"/>
                  <a:gd name="T19" fmla="*/ 69 h 95"/>
                  <a:gd name="T20" fmla="*/ 19 w 78"/>
                  <a:gd name="T21" fmla="*/ 69 h 95"/>
                  <a:gd name="T22" fmla="*/ 19 w 78"/>
                  <a:gd name="T23" fmla="*/ 68 h 95"/>
                  <a:gd name="T24" fmla="*/ 19 w 78"/>
                  <a:gd name="T25" fmla="*/ 66 h 95"/>
                  <a:gd name="T26" fmla="*/ 22 w 78"/>
                  <a:gd name="T27" fmla="*/ 64 h 95"/>
                  <a:gd name="T28" fmla="*/ 25 w 78"/>
                  <a:gd name="T29" fmla="*/ 63 h 95"/>
                  <a:gd name="T30" fmla="*/ 27 w 78"/>
                  <a:gd name="T31" fmla="*/ 61 h 95"/>
                  <a:gd name="T32" fmla="*/ 29 w 78"/>
                  <a:gd name="T33" fmla="*/ 60 h 95"/>
                  <a:gd name="T34" fmla="*/ 30 w 78"/>
                  <a:gd name="T35" fmla="*/ 59 h 95"/>
                  <a:gd name="T36" fmla="*/ 36 w 78"/>
                  <a:gd name="T37" fmla="*/ 59 h 95"/>
                  <a:gd name="T38" fmla="*/ 36 w 78"/>
                  <a:gd name="T39" fmla="*/ 50 h 95"/>
                  <a:gd name="T40" fmla="*/ 25 w 78"/>
                  <a:gd name="T41" fmla="*/ 23 h 95"/>
                  <a:gd name="T42" fmla="*/ 34 w 78"/>
                  <a:gd name="T43" fmla="*/ 23 h 95"/>
                  <a:gd name="T44" fmla="*/ 41 w 78"/>
                  <a:gd name="T45" fmla="*/ 23 h 95"/>
                  <a:gd name="T46" fmla="*/ 44 w 78"/>
                  <a:gd name="T47" fmla="*/ 23 h 95"/>
                  <a:gd name="T48" fmla="*/ 45 w 78"/>
                  <a:gd name="T49" fmla="*/ 23 h 95"/>
                  <a:gd name="T50" fmla="*/ 45 w 78"/>
                  <a:gd name="T51" fmla="*/ 23 h 95"/>
                  <a:gd name="T52" fmla="*/ 47 w 78"/>
                  <a:gd name="T53" fmla="*/ 25 h 95"/>
                  <a:gd name="T54" fmla="*/ 48 w 78"/>
                  <a:gd name="T55" fmla="*/ 28 h 95"/>
                  <a:gd name="T56" fmla="*/ 49 w 78"/>
                  <a:gd name="T57" fmla="*/ 38 h 95"/>
                  <a:gd name="T58" fmla="*/ 51 w 78"/>
                  <a:gd name="T59" fmla="*/ 44 h 95"/>
                  <a:gd name="T60" fmla="*/ 51 w 78"/>
                  <a:gd name="T61" fmla="*/ 47 h 95"/>
                  <a:gd name="T62" fmla="*/ 52 w 78"/>
                  <a:gd name="T63" fmla="*/ 45 h 95"/>
                  <a:gd name="T64" fmla="*/ 53 w 78"/>
                  <a:gd name="T65" fmla="*/ 44 h 95"/>
                  <a:gd name="T66" fmla="*/ 53 w 78"/>
                  <a:gd name="T67" fmla="*/ 40 h 95"/>
                  <a:gd name="T68" fmla="*/ 54 w 78"/>
                  <a:gd name="T69" fmla="*/ 38 h 95"/>
                  <a:gd name="T70" fmla="*/ 54 w 78"/>
                  <a:gd name="T71" fmla="*/ 37 h 95"/>
                  <a:gd name="T72" fmla="*/ 54 w 78"/>
                  <a:gd name="T73" fmla="*/ 38 h 95"/>
                  <a:gd name="T74" fmla="*/ 53 w 78"/>
                  <a:gd name="T75" fmla="*/ 38 h 95"/>
                  <a:gd name="T76" fmla="*/ 53 w 78"/>
                  <a:gd name="T77" fmla="*/ 37 h 95"/>
                  <a:gd name="T78" fmla="*/ 53 w 78"/>
                  <a:gd name="T79" fmla="*/ 35 h 95"/>
                  <a:gd name="T80" fmla="*/ 52 w 78"/>
                  <a:gd name="T81" fmla="*/ 32 h 95"/>
                  <a:gd name="T82" fmla="*/ 51 w 78"/>
                  <a:gd name="T83" fmla="*/ 30 h 95"/>
                  <a:gd name="T84" fmla="*/ 51 w 78"/>
                  <a:gd name="T85" fmla="*/ 28 h 95"/>
                  <a:gd name="T86" fmla="*/ 51 w 78"/>
                  <a:gd name="T87" fmla="*/ 27 h 95"/>
                  <a:gd name="T88" fmla="*/ 51 w 78"/>
                  <a:gd name="T89" fmla="*/ 27 h 95"/>
                  <a:gd name="T90" fmla="*/ 48 w 78"/>
                  <a:gd name="T91" fmla="*/ 23 h 95"/>
                  <a:gd name="T92" fmla="*/ 44 w 78"/>
                  <a:gd name="T93" fmla="*/ 23 h 95"/>
                  <a:gd name="T94" fmla="*/ 37 w 78"/>
                  <a:gd name="T95" fmla="*/ 23 h 95"/>
                  <a:gd name="T96" fmla="*/ 32 w 78"/>
                  <a:gd name="T97" fmla="*/ 14 h 95"/>
                  <a:gd name="T98" fmla="*/ 25 w 78"/>
                  <a:gd name="T99" fmla="*/ 14 h 95"/>
                  <a:gd name="T100" fmla="*/ 20 w 78"/>
                  <a:gd name="T101" fmla="*/ 0 h 95"/>
                  <a:gd name="T102" fmla="*/ 0 w 78"/>
                  <a:gd name="T103" fmla="*/ 8 h 95"/>
                  <a:gd name="T104" fmla="*/ 19 w 78"/>
                  <a:gd name="T105" fmla="*/ 61 h 95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w 78"/>
                  <a:gd name="T160" fmla="*/ 0 h 95"/>
                  <a:gd name="T161" fmla="*/ 78 w 78"/>
                  <a:gd name="T162" fmla="*/ 95 h 95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T159" t="T160" r="T161" b="T162"/>
                <a:pathLst>
                  <a:path w="78" h="95">
                    <a:moveTo>
                      <a:pt x="21" y="80"/>
                    </a:moveTo>
                    <a:lnTo>
                      <a:pt x="16" y="83"/>
                    </a:lnTo>
                    <a:lnTo>
                      <a:pt x="16" y="85"/>
                    </a:lnTo>
                    <a:lnTo>
                      <a:pt x="16" y="86"/>
                    </a:lnTo>
                    <a:lnTo>
                      <a:pt x="16" y="88"/>
                    </a:lnTo>
                    <a:lnTo>
                      <a:pt x="16" y="90"/>
                    </a:lnTo>
                    <a:lnTo>
                      <a:pt x="16" y="93"/>
                    </a:lnTo>
                    <a:lnTo>
                      <a:pt x="17" y="95"/>
                    </a:lnTo>
                    <a:lnTo>
                      <a:pt x="22" y="95"/>
                    </a:lnTo>
                    <a:lnTo>
                      <a:pt x="28" y="93"/>
                    </a:lnTo>
                    <a:lnTo>
                      <a:pt x="31" y="90"/>
                    </a:lnTo>
                    <a:lnTo>
                      <a:pt x="36" y="86"/>
                    </a:lnTo>
                    <a:lnTo>
                      <a:pt x="39" y="83"/>
                    </a:lnTo>
                    <a:lnTo>
                      <a:pt x="41" y="80"/>
                    </a:lnTo>
                    <a:lnTo>
                      <a:pt x="43" y="78"/>
                    </a:lnTo>
                    <a:lnTo>
                      <a:pt x="44" y="76"/>
                    </a:lnTo>
                    <a:lnTo>
                      <a:pt x="50" y="76"/>
                    </a:lnTo>
                    <a:lnTo>
                      <a:pt x="50" y="64"/>
                    </a:lnTo>
                    <a:lnTo>
                      <a:pt x="39" y="30"/>
                    </a:lnTo>
                    <a:lnTo>
                      <a:pt x="48" y="29"/>
                    </a:lnTo>
                    <a:lnTo>
                      <a:pt x="55" y="36"/>
                    </a:lnTo>
                    <a:lnTo>
                      <a:pt x="58" y="36"/>
                    </a:lnTo>
                    <a:lnTo>
                      <a:pt x="60" y="36"/>
                    </a:lnTo>
                    <a:lnTo>
                      <a:pt x="61" y="37"/>
                    </a:lnTo>
                    <a:lnTo>
                      <a:pt x="65" y="39"/>
                    </a:lnTo>
                    <a:lnTo>
                      <a:pt x="66" y="42"/>
                    </a:lnTo>
                    <a:lnTo>
                      <a:pt x="68" y="52"/>
                    </a:lnTo>
                    <a:lnTo>
                      <a:pt x="72" y="58"/>
                    </a:lnTo>
                    <a:lnTo>
                      <a:pt x="73" y="61"/>
                    </a:lnTo>
                    <a:lnTo>
                      <a:pt x="75" y="59"/>
                    </a:lnTo>
                    <a:lnTo>
                      <a:pt x="77" y="58"/>
                    </a:lnTo>
                    <a:lnTo>
                      <a:pt x="77" y="54"/>
                    </a:lnTo>
                    <a:lnTo>
                      <a:pt x="78" y="52"/>
                    </a:lnTo>
                    <a:lnTo>
                      <a:pt x="78" y="51"/>
                    </a:lnTo>
                    <a:lnTo>
                      <a:pt x="78" y="52"/>
                    </a:lnTo>
                    <a:lnTo>
                      <a:pt x="77" y="52"/>
                    </a:lnTo>
                    <a:lnTo>
                      <a:pt x="77" y="51"/>
                    </a:lnTo>
                    <a:lnTo>
                      <a:pt x="77" y="49"/>
                    </a:lnTo>
                    <a:lnTo>
                      <a:pt x="75" y="46"/>
                    </a:lnTo>
                    <a:lnTo>
                      <a:pt x="73" y="44"/>
                    </a:lnTo>
                    <a:lnTo>
                      <a:pt x="73" y="42"/>
                    </a:lnTo>
                    <a:lnTo>
                      <a:pt x="73" y="41"/>
                    </a:lnTo>
                    <a:lnTo>
                      <a:pt x="66" y="36"/>
                    </a:lnTo>
                    <a:lnTo>
                      <a:pt x="58" y="30"/>
                    </a:lnTo>
                    <a:lnTo>
                      <a:pt x="51" y="29"/>
                    </a:lnTo>
                    <a:lnTo>
                      <a:pt x="46" y="14"/>
                    </a:lnTo>
                    <a:lnTo>
                      <a:pt x="39" y="14"/>
                    </a:lnTo>
                    <a:lnTo>
                      <a:pt x="34" y="0"/>
                    </a:lnTo>
                    <a:lnTo>
                      <a:pt x="0" y="8"/>
                    </a:lnTo>
                    <a:lnTo>
                      <a:pt x="21" y="80"/>
                    </a:lnTo>
                    <a:close/>
                  </a:path>
                </a:pathLst>
              </a:custGeom>
              <a:solidFill>
                <a:srgbClr val="00FF00"/>
              </a:solidFill>
              <a:ln w="9525">
                <a:solidFill>
                  <a:sysClr val="window" lastClr="FFFFFF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207" name="Group 15"/>
              <p:cNvGrpSpPr>
                <a:grpSpLocks/>
              </p:cNvGrpSpPr>
              <p:nvPr/>
            </p:nvGrpSpPr>
            <p:grpSpPr bwMode="auto">
              <a:xfrm>
                <a:off x="2752" y="1791"/>
                <a:ext cx="1909" cy="2193"/>
                <a:chOff x="2691" y="1840"/>
                <a:chExt cx="1909" cy="2193"/>
              </a:xfrm>
            </p:grpSpPr>
            <p:grpSp>
              <p:nvGrpSpPr>
                <p:cNvPr id="349" name="Group 16"/>
                <p:cNvGrpSpPr>
                  <a:grpSpLocks/>
                </p:cNvGrpSpPr>
                <p:nvPr/>
              </p:nvGrpSpPr>
              <p:grpSpPr bwMode="auto">
                <a:xfrm>
                  <a:off x="3537" y="3290"/>
                  <a:ext cx="873" cy="743"/>
                  <a:chOff x="3822" y="2894"/>
                  <a:chExt cx="897" cy="765"/>
                </a:xfrm>
              </p:grpSpPr>
              <p:sp>
                <p:nvSpPr>
                  <p:cNvPr id="355" name="Freeform 17"/>
                  <p:cNvSpPr>
                    <a:spLocks/>
                  </p:cNvSpPr>
                  <p:nvPr/>
                </p:nvSpPr>
                <p:spPr bwMode="auto">
                  <a:xfrm>
                    <a:off x="3822" y="2894"/>
                    <a:ext cx="890" cy="684"/>
                  </a:xfrm>
                  <a:custGeom>
                    <a:avLst/>
                    <a:gdLst>
                      <a:gd name="T0" fmla="*/ 641 w 890"/>
                      <a:gd name="T1" fmla="*/ 49 h 684"/>
                      <a:gd name="T2" fmla="*/ 641 w 890"/>
                      <a:gd name="T3" fmla="*/ 69 h 684"/>
                      <a:gd name="T4" fmla="*/ 682 w 890"/>
                      <a:gd name="T5" fmla="*/ 112 h 684"/>
                      <a:gd name="T6" fmla="*/ 717 w 890"/>
                      <a:gd name="T7" fmla="*/ 161 h 684"/>
                      <a:gd name="T8" fmla="*/ 732 w 890"/>
                      <a:gd name="T9" fmla="*/ 190 h 684"/>
                      <a:gd name="T10" fmla="*/ 721 w 890"/>
                      <a:gd name="T11" fmla="*/ 183 h 684"/>
                      <a:gd name="T12" fmla="*/ 758 w 890"/>
                      <a:gd name="T13" fmla="*/ 235 h 684"/>
                      <a:gd name="T14" fmla="*/ 773 w 890"/>
                      <a:gd name="T15" fmla="*/ 279 h 684"/>
                      <a:gd name="T16" fmla="*/ 832 w 890"/>
                      <a:gd name="T17" fmla="*/ 381 h 684"/>
                      <a:gd name="T18" fmla="*/ 856 w 890"/>
                      <a:gd name="T19" fmla="*/ 420 h 684"/>
                      <a:gd name="T20" fmla="*/ 875 w 890"/>
                      <a:gd name="T21" fmla="*/ 450 h 684"/>
                      <a:gd name="T22" fmla="*/ 888 w 890"/>
                      <a:gd name="T23" fmla="*/ 479 h 684"/>
                      <a:gd name="T24" fmla="*/ 890 w 890"/>
                      <a:gd name="T25" fmla="*/ 564 h 684"/>
                      <a:gd name="T26" fmla="*/ 876 w 890"/>
                      <a:gd name="T27" fmla="*/ 609 h 684"/>
                      <a:gd name="T28" fmla="*/ 878 w 890"/>
                      <a:gd name="T29" fmla="*/ 641 h 684"/>
                      <a:gd name="T30" fmla="*/ 842 w 890"/>
                      <a:gd name="T31" fmla="*/ 674 h 684"/>
                      <a:gd name="T32" fmla="*/ 800 w 890"/>
                      <a:gd name="T33" fmla="*/ 684 h 684"/>
                      <a:gd name="T34" fmla="*/ 798 w 890"/>
                      <a:gd name="T35" fmla="*/ 668 h 684"/>
                      <a:gd name="T36" fmla="*/ 807 w 890"/>
                      <a:gd name="T37" fmla="*/ 635 h 684"/>
                      <a:gd name="T38" fmla="*/ 797 w 890"/>
                      <a:gd name="T39" fmla="*/ 653 h 684"/>
                      <a:gd name="T40" fmla="*/ 749 w 890"/>
                      <a:gd name="T41" fmla="*/ 606 h 684"/>
                      <a:gd name="T42" fmla="*/ 714 w 890"/>
                      <a:gd name="T43" fmla="*/ 597 h 684"/>
                      <a:gd name="T44" fmla="*/ 697 w 890"/>
                      <a:gd name="T45" fmla="*/ 564 h 684"/>
                      <a:gd name="T46" fmla="*/ 661 w 890"/>
                      <a:gd name="T47" fmla="*/ 498 h 684"/>
                      <a:gd name="T48" fmla="*/ 633 w 890"/>
                      <a:gd name="T49" fmla="*/ 472 h 684"/>
                      <a:gd name="T50" fmla="*/ 631 w 890"/>
                      <a:gd name="T51" fmla="*/ 491 h 684"/>
                      <a:gd name="T52" fmla="*/ 584 w 890"/>
                      <a:gd name="T53" fmla="*/ 425 h 684"/>
                      <a:gd name="T54" fmla="*/ 587 w 890"/>
                      <a:gd name="T55" fmla="*/ 408 h 684"/>
                      <a:gd name="T56" fmla="*/ 578 w 890"/>
                      <a:gd name="T57" fmla="*/ 359 h 684"/>
                      <a:gd name="T58" fmla="*/ 575 w 890"/>
                      <a:gd name="T59" fmla="*/ 399 h 684"/>
                      <a:gd name="T60" fmla="*/ 556 w 890"/>
                      <a:gd name="T61" fmla="*/ 374 h 684"/>
                      <a:gd name="T62" fmla="*/ 562 w 890"/>
                      <a:gd name="T63" fmla="*/ 316 h 684"/>
                      <a:gd name="T64" fmla="*/ 560 w 890"/>
                      <a:gd name="T65" fmla="*/ 267 h 684"/>
                      <a:gd name="T66" fmla="*/ 555 w 890"/>
                      <a:gd name="T67" fmla="*/ 247 h 684"/>
                      <a:gd name="T68" fmla="*/ 521 w 890"/>
                      <a:gd name="T69" fmla="*/ 222 h 684"/>
                      <a:gd name="T70" fmla="*/ 467 w 890"/>
                      <a:gd name="T71" fmla="*/ 179 h 684"/>
                      <a:gd name="T72" fmla="*/ 424 w 890"/>
                      <a:gd name="T73" fmla="*/ 139 h 684"/>
                      <a:gd name="T74" fmla="*/ 355 w 890"/>
                      <a:gd name="T75" fmla="*/ 132 h 684"/>
                      <a:gd name="T76" fmla="*/ 320 w 890"/>
                      <a:gd name="T77" fmla="*/ 164 h 684"/>
                      <a:gd name="T78" fmla="*/ 308 w 890"/>
                      <a:gd name="T79" fmla="*/ 168 h 684"/>
                      <a:gd name="T80" fmla="*/ 277 w 890"/>
                      <a:gd name="T81" fmla="*/ 181 h 684"/>
                      <a:gd name="T82" fmla="*/ 245 w 890"/>
                      <a:gd name="T83" fmla="*/ 179 h 684"/>
                      <a:gd name="T84" fmla="*/ 238 w 890"/>
                      <a:gd name="T85" fmla="*/ 142 h 684"/>
                      <a:gd name="T86" fmla="*/ 206 w 890"/>
                      <a:gd name="T87" fmla="*/ 125 h 684"/>
                      <a:gd name="T88" fmla="*/ 172 w 890"/>
                      <a:gd name="T89" fmla="*/ 118 h 684"/>
                      <a:gd name="T90" fmla="*/ 127 w 890"/>
                      <a:gd name="T91" fmla="*/ 113 h 684"/>
                      <a:gd name="T92" fmla="*/ 157 w 890"/>
                      <a:gd name="T93" fmla="*/ 110 h 684"/>
                      <a:gd name="T94" fmla="*/ 101 w 890"/>
                      <a:gd name="T95" fmla="*/ 113 h 684"/>
                      <a:gd name="T96" fmla="*/ 52 w 890"/>
                      <a:gd name="T97" fmla="*/ 125 h 684"/>
                      <a:gd name="T98" fmla="*/ 67 w 890"/>
                      <a:gd name="T99" fmla="*/ 105 h 684"/>
                      <a:gd name="T100" fmla="*/ 51 w 890"/>
                      <a:gd name="T101" fmla="*/ 113 h 684"/>
                      <a:gd name="T102" fmla="*/ 22 w 890"/>
                      <a:gd name="T103" fmla="*/ 137 h 684"/>
                      <a:gd name="T104" fmla="*/ 23 w 890"/>
                      <a:gd name="T105" fmla="*/ 117 h 684"/>
                      <a:gd name="T106" fmla="*/ 25 w 890"/>
                      <a:gd name="T107" fmla="*/ 93 h 684"/>
                      <a:gd name="T108" fmla="*/ 572 w 890"/>
                      <a:gd name="T109" fmla="*/ 37 h 684"/>
                      <a:gd name="T110" fmla="*/ 594 w 890"/>
                      <a:gd name="T111" fmla="*/ 30 h 684"/>
                      <a:gd name="T112" fmla="*/ 616 w 890"/>
                      <a:gd name="T113" fmla="*/ 5 h 684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60000 65536"/>
                      <a:gd name="T169" fmla="*/ 0 60000 65536"/>
                      <a:gd name="T170" fmla="*/ 0 60000 65536"/>
                      <a:gd name="T171" fmla="*/ 0 w 890"/>
                      <a:gd name="T172" fmla="*/ 0 h 684"/>
                      <a:gd name="T173" fmla="*/ 890 w 890"/>
                      <a:gd name="T174" fmla="*/ 684 h 684"/>
                    </a:gdLst>
                    <a:ahLst/>
                    <a:cxnLst>
                      <a:cxn ang="T114">
                        <a:pos x="T0" y="T1"/>
                      </a:cxn>
                      <a:cxn ang="T115">
                        <a:pos x="T2" y="T3"/>
                      </a:cxn>
                      <a:cxn ang="T116">
                        <a:pos x="T4" y="T5"/>
                      </a:cxn>
                      <a:cxn ang="T117">
                        <a:pos x="T6" y="T7"/>
                      </a:cxn>
                      <a:cxn ang="T118">
                        <a:pos x="T8" y="T9"/>
                      </a:cxn>
                      <a:cxn ang="T119">
                        <a:pos x="T10" y="T11"/>
                      </a:cxn>
                      <a:cxn ang="T120">
                        <a:pos x="T12" y="T13"/>
                      </a:cxn>
                      <a:cxn ang="T121">
                        <a:pos x="T14" y="T15"/>
                      </a:cxn>
                      <a:cxn ang="T122">
                        <a:pos x="T16" y="T17"/>
                      </a:cxn>
                      <a:cxn ang="T123">
                        <a:pos x="T18" y="T19"/>
                      </a:cxn>
                      <a:cxn ang="T124">
                        <a:pos x="T20" y="T21"/>
                      </a:cxn>
                      <a:cxn ang="T125">
                        <a:pos x="T22" y="T23"/>
                      </a:cxn>
                      <a:cxn ang="T126">
                        <a:pos x="T24" y="T25"/>
                      </a:cxn>
                      <a:cxn ang="T127">
                        <a:pos x="T26" y="T27"/>
                      </a:cxn>
                      <a:cxn ang="T128">
                        <a:pos x="T28" y="T29"/>
                      </a:cxn>
                      <a:cxn ang="T129">
                        <a:pos x="T30" y="T31"/>
                      </a:cxn>
                      <a:cxn ang="T130">
                        <a:pos x="T32" y="T33"/>
                      </a:cxn>
                      <a:cxn ang="T131">
                        <a:pos x="T34" y="T35"/>
                      </a:cxn>
                      <a:cxn ang="T132">
                        <a:pos x="T36" y="T37"/>
                      </a:cxn>
                      <a:cxn ang="T133">
                        <a:pos x="T38" y="T39"/>
                      </a:cxn>
                      <a:cxn ang="T134">
                        <a:pos x="T40" y="T41"/>
                      </a:cxn>
                      <a:cxn ang="T135">
                        <a:pos x="T42" y="T43"/>
                      </a:cxn>
                      <a:cxn ang="T136">
                        <a:pos x="T44" y="T45"/>
                      </a:cxn>
                      <a:cxn ang="T137">
                        <a:pos x="T46" y="T47"/>
                      </a:cxn>
                      <a:cxn ang="T138">
                        <a:pos x="T48" y="T49"/>
                      </a:cxn>
                      <a:cxn ang="T139">
                        <a:pos x="T50" y="T51"/>
                      </a:cxn>
                      <a:cxn ang="T140">
                        <a:pos x="T52" y="T53"/>
                      </a:cxn>
                      <a:cxn ang="T141">
                        <a:pos x="T54" y="T55"/>
                      </a:cxn>
                      <a:cxn ang="T142">
                        <a:pos x="T56" y="T57"/>
                      </a:cxn>
                      <a:cxn ang="T143">
                        <a:pos x="T58" y="T59"/>
                      </a:cxn>
                      <a:cxn ang="T144">
                        <a:pos x="T60" y="T61"/>
                      </a:cxn>
                      <a:cxn ang="T145">
                        <a:pos x="T62" y="T63"/>
                      </a:cxn>
                      <a:cxn ang="T146">
                        <a:pos x="T64" y="T65"/>
                      </a:cxn>
                      <a:cxn ang="T147">
                        <a:pos x="T66" y="T67"/>
                      </a:cxn>
                      <a:cxn ang="T148">
                        <a:pos x="T68" y="T69"/>
                      </a:cxn>
                      <a:cxn ang="T149">
                        <a:pos x="T70" y="T71"/>
                      </a:cxn>
                      <a:cxn ang="T150">
                        <a:pos x="T72" y="T73"/>
                      </a:cxn>
                      <a:cxn ang="T151">
                        <a:pos x="T74" y="T75"/>
                      </a:cxn>
                      <a:cxn ang="T152">
                        <a:pos x="T76" y="T77"/>
                      </a:cxn>
                      <a:cxn ang="T153">
                        <a:pos x="T78" y="T79"/>
                      </a:cxn>
                      <a:cxn ang="T154">
                        <a:pos x="T80" y="T81"/>
                      </a:cxn>
                      <a:cxn ang="T155">
                        <a:pos x="T82" y="T83"/>
                      </a:cxn>
                      <a:cxn ang="T156">
                        <a:pos x="T84" y="T85"/>
                      </a:cxn>
                      <a:cxn ang="T157">
                        <a:pos x="T86" y="T87"/>
                      </a:cxn>
                      <a:cxn ang="T158">
                        <a:pos x="T88" y="T89"/>
                      </a:cxn>
                      <a:cxn ang="T159">
                        <a:pos x="T90" y="T91"/>
                      </a:cxn>
                      <a:cxn ang="T160">
                        <a:pos x="T92" y="T93"/>
                      </a:cxn>
                      <a:cxn ang="T161">
                        <a:pos x="T94" y="T95"/>
                      </a:cxn>
                      <a:cxn ang="T162">
                        <a:pos x="T96" y="T97"/>
                      </a:cxn>
                      <a:cxn ang="T163">
                        <a:pos x="T98" y="T99"/>
                      </a:cxn>
                      <a:cxn ang="T164">
                        <a:pos x="T100" y="T101"/>
                      </a:cxn>
                      <a:cxn ang="T165">
                        <a:pos x="T102" y="T103"/>
                      </a:cxn>
                      <a:cxn ang="T166">
                        <a:pos x="T104" y="T105"/>
                      </a:cxn>
                      <a:cxn ang="T167">
                        <a:pos x="T106" y="T107"/>
                      </a:cxn>
                      <a:cxn ang="T168">
                        <a:pos x="T108" y="T109"/>
                      </a:cxn>
                      <a:cxn ang="T169">
                        <a:pos x="T110" y="T111"/>
                      </a:cxn>
                      <a:cxn ang="T170">
                        <a:pos x="T112" y="T113"/>
                      </a:cxn>
                    </a:cxnLst>
                    <a:rect l="T171" t="T172" r="T173" b="T174"/>
                    <a:pathLst>
                      <a:path w="890" h="684">
                        <a:moveTo>
                          <a:pt x="650" y="14"/>
                        </a:moveTo>
                        <a:lnTo>
                          <a:pt x="650" y="32"/>
                        </a:lnTo>
                        <a:lnTo>
                          <a:pt x="655" y="32"/>
                        </a:lnTo>
                        <a:lnTo>
                          <a:pt x="656" y="42"/>
                        </a:lnTo>
                        <a:lnTo>
                          <a:pt x="655" y="42"/>
                        </a:lnTo>
                        <a:lnTo>
                          <a:pt x="653" y="44"/>
                        </a:lnTo>
                        <a:lnTo>
                          <a:pt x="651" y="44"/>
                        </a:lnTo>
                        <a:lnTo>
                          <a:pt x="648" y="46"/>
                        </a:lnTo>
                        <a:lnTo>
                          <a:pt x="643" y="46"/>
                        </a:lnTo>
                        <a:lnTo>
                          <a:pt x="641" y="49"/>
                        </a:lnTo>
                        <a:lnTo>
                          <a:pt x="638" y="52"/>
                        </a:lnTo>
                        <a:lnTo>
                          <a:pt x="636" y="58"/>
                        </a:lnTo>
                        <a:lnTo>
                          <a:pt x="636" y="63"/>
                        </a:lnTo>
                        <a:lnTo>
                          <a:pt x="636" y="68"/>
                        </a:lnTo>
                        <a:lnTo>
                          <a:pt x="636" y="69"/>
                        </a:lnTo>
                        <a:lnTo>
                          <a:pt x="636" y="71"/>
                        </a:lnTo>
                        <a:lnTo>
                          <a:pt x="638" y="71"/>
                        </a:lnTo>
                        <a:lnTo>
                          <a:pt x="641" y="71"/>
                        </a:lnTo>
                        <a:lnTo>
                          <a:pt x="641" y="69"/>
                        </a:lnTo>
                        <a:lnTo>
                          <a:pt x="643" y="61"/>
                        </a:lnTo>
                        <a:lnTo>
                          <a:pt x="644" y="54"/>
                        </a:lnTo>
                        <a:lnTo>
                          <a:pt x="648" y="51"/>
                        </a:lnTo>
                        <a:lnTo>
                          <a:pt x="651" y="47"/>
                        </a:lnTo>
                        <a:lnTo>
                          <a:pt x="656" y="47"/>
                        </a:lnTo>
                        <a:lnTo>
                          <a:pt x="660" y="47"/>
                        </a:lnTo>
                        <a:lnTo>
                          <a:pt x="661" y="47"/>
                        </a:lnTo>
                        <a:lnTo>
                          <a:pt x="663" y="49"/>
                        </a:lnTo>
                        <a:lnTo>
                          <a:pt x="683" y="95"/>
                        </a:lnTo>
                        <a:lnTo>
                          <a:pt x="682" y="112"/>
                        </a:lnTo>
                        <a:lnTo>
                          <a:pt x="692" y="132"/>
                        </a:lnTo>
                        <a:lnTo>
                          <a:pt x="697" y="127"/>
                        </a:lnTo>
                        <a:lnTo>
                          <a:pt x="699" y="129"/>
                        </a:lnTo>
                        <a:lnTo>
                          <a:pt x="700" y="132"/>
                        </a:lnTo>
                        <a:lnTo>
                          <a:pt x="704" y="137"/>
                        </a:lnTo>
                        <a:lnTo>
                          <a:pt x="707" y="144"/>
                        </a:lnTo>
                        <a:lnTo>
                          <a:pt x="710" y="149"/>
                        </a:lnTo>
                        <a:lnTo>
                          <a:pt x="714" y="154"/>
                        </a:lnTo>
                        <a:lnTo>
                          <a:pt x="716" y="159"/>
                        </a:lnTo>
                        <a:lnTo>
                          <a:pt x="717" y="161"/>
                        </a:lnTo>
                        <a:lnTo>
                          <a:pt x="726" y="174"/>
                        </a:lnTo>
                        <a:lnTo>
                          <a:pt x="732" y="184"/>
                        </a:lnTo>
                        <a:lnTo>
                          <a:pt x="738" y="191"/>
                        </a:lnTo>
                        <a:lnTo>
                          <a:pt x="741" y="196"/>
                        </a:lnTo>
                        <a:lnTo>
                          <a:pt x="741" y="200"/>
                        </a:lnTo>
                        <a:lnTo>
                          <a:pt x="738" y="196"/>
                        </a:lnTo>
                        <a:lnTo>
                          <a:pt x="736" y="193"/>
                        </a:lnTo>
                        <a:lnTo>
                          <a:pt x="732" y="190"/>
                        </a:lnTo>
                        <a:lnTo>
                          <a:pt x="729" y="186"/>
                        </a:lnTo>
                        <a:lnTo>
                          <a:pt x="726" y="181"/>
                        </a:lnTo>
                        <a:lnTo>
                          <a:pt x="722" y="178"/>
                        </a:lnTo>
                        <a:lnTo>
                          <a:pt x="721" y="174"/>
                        </a:lnTo>
                        <a:lnTo>
                          <a:pt x="719" y="173"/>
                        </a:lnTo>
                        <a:lnTo>
                          <a:pt x="714" y="174"/>
                        </a:lnTo>
                        <a:lnTo>
                          <a:pt x="716" y="174"/>
                        </a:lnTo>
                        <a:lnTo>
                          <a:pt x="717" y="178"/>
                        </a:lnTo>
                        <a:lnTo>
                          <a:pt x="721" y="183"/>
                        </a:lnTo>
                        <a:lnTo>
                          <a:pt x="724" y="188"/>
                        </a:lnTo>
                        <a:lnTo>
                          <a:pt x="729" y="195"/>
                        </a:lnTo>
                        <a:lnTo>
                          <a:pt x="732" y="200"/>
                        </a:lnTo>
                        <a:lnTo>
                          <a:pt x="734" y="203"/>
                        </a:lnTo>
                        <a:lnTo>
                          <a:pt x="736" y="205"/>
                        </a:lnTo>
                        <a:lnTo>
                          <a:pt x="748" y="217"/>
                        </a:lnTo>
                        <a:lnTo>
                          <a:pt x="754" y="225"/>
                        </a:lnTo>
                        <a:lnTo>
                          <a:pt x="760" y="232"/>
                        </a:lnTo>
                        <a:lnTo>
                          <a:pt x="760" y="235"/>
                        </a:lnTo>
                        <a:lnTo>
                          <a:pt x="758" y="235"/>
                        </a:lnTo>
                        <a:lnTo>
                          <a:pt x="756" y="235"/>
                        </a:lnTo>
                        <a:lnTo>
                          <a:pt x="754" y="235"/>
                        </a:lnTo>
                        <a:lnTo>
                          <a:pt x="753" y="235"/>
                        </a:lnTo>
                        <a:lnTo>
                          <a:pt x="754" y="235"/>
                        </a:lnTo>
                        <a:lnTo>
                          <a:pt x="760" y="250"/>
                        </a:lnTo>
                        <a:lnTo>
                          <a:pt x="766" y="266"/>
                        </a:lnTo>
                        <a:lnTo>
                          <a:pt x="773" y="279"/>
                        </a:lnTo>
                        <a:lnTo>
                          <a:pt x="780" y="293"/>
                        </a:lnTo>
                        <a:lnTo>
                          <a:pt x="787" y="305"/>
                        </a:lnTo>
                        <a:lnTo>
                          <a:pt x="793" y="318"/>
                        </a:lnTo>
                        <a:lnTo>
                          <a:pt x="800" y="328"/>
                        </a:lnTo>
                        <a:lnTo>
                          <a:pt x="805" y="338"/>
                        </a:lnTo>
                        <a:lnTo>
                          <a:pt x="812" y="349"/>
                        </a:lnTo>
                        <a:lnTo>
                          <a:pt x="817" y="357"/>
                        </a:lnTo>
                        <a:lnTo>
                          <a:pt x="822" y="366"/>
                        </a:lnTo>
                        <a:lnTo>
                          <a:pt x="827" y="374"/>
                        </a:lnTo>
                        <a:lnTo>
                          <a:pt x="832" y="381"/>
                        </a:lnTo>
                        <a:lnTo>
                          <a:pt x="836" y="386"/>
                        </a:lnTo>
                        <a:lnTo>
                          <a:pt x="837" y="391"/>
                        </a:lnTo>
                        <a:lnTo>
                          <a:pt x="839" y="394"/>
                        </a:lnTo>
                        <a:lnTo>
                          <a:pt x="842" y="398"/>
                        </a:lnTo>
                        <a:lnTo>
                          <a:pt x="846" y="403"/>
                        </a:lnTo>
                        <a:lnTo>
                          <a:pt x="849" y="406"/>
                        </a:lnTo>
                        <a:lnTo>
                          <a:pt x="851" y="411"/>
                        </a:lnTo>
                        <a:lnTo>
                          <a:pt x="853" y="415"/>
                        </a:lnTo>
                        <a:lnTo>
                          <a:pt x="854" y="418"/>
                        </a:lnTo>
                        <a:lnTo>
                          <a:pt x="856" y="420"/>
                        </a:lnTo>
                        <a:lnTo>
                          <a:pt x="858" y="420"/>
                        </a:lnTo>
                        <a:lnTo>
                          <a:pt x="863" y="425"/>
                        </a:lnTo>
                        <a:lnTo>
                          <a:pt x="868" y="428"/>
                        </a:lnTo>
                        <a:lnTo>
                          <a:pt x="870" y="432"/>
                        </a:lnTo>
                        <a:lnTo>
                          <a:pt x="871" y="435"/>
                        </a:lnTo>
                        <a:lnTo>
                          <a:pt x="871" y="438"/>
                        </a:lnTo>
                        <a:lnTo>
                          <a:pt x="870" y="442"/>
                        </a:lnTo>
                        <a:lnTo>
                          <a:pt x="870" y="443"/>
                        </a:lnTo>
                        <a:lnTo>
                          <a:pt x="870" y="445"/>
                        </a:lnTo>
                        <a:lnTo>
                          <a:pt x="875" y="450"/>
                        </a:lnTo>
                        <a:lnTo>
                          <a:pt x="878" y="454"/>
                        </a:lnTo>
                        <a:lnTo>
                          <a:pt x="880" y="457"/>
                        </a:lnTo>
                        <a:lnTo>
                          <a:pt x="880" y="460"/>
                        </a:lnTo>
                        <a:lnTo>
                          <a:pt x="880" y="462"/>
                        </a:lnTo>
                        <a:lnTo>
                          <a:pt x="880" y="464"/>
                        </a:lnTo>
                        <a:lnTo>
                          <a:pt x="878" y="464"/>
                        </a:lnTo>
                        <a:lnTo>
                          <a:pt x="888" y="474"/>
                        </a:lnTo>
                        <a:lnTo>
                          <a:pt x="888" y="476"/>
                        </a:lnTo>
                        <a:lnTo>
                          <a:pt x="888" y="479"/>
                        </a:lnTo>
                        <a:lnTo>
                          <a:pt x="890" y="484"/>
                        </a:lnTo>
                        <a:lnTo>
                          <a:pt x="890" y="491"/>
                        </a:lnTo>
                        <a:lnTo>
                          <a:pt x="890" y="498"/>
                        </a:lnTo>
                        <a:lnTo>
                          <a:pt x="890" y="508"/>
                        </a:lnTo>
                        <a:lnTo>
                          <a:pt x="890" y="518"/>
                        </a:lnTo>
                        <a:lnTo>
                          <a:pt x="890" y="526"/>
                        </a:lnTo>
                        <a:lnTo>
                          <a:pt x="890" y="536"/>
                        </a:lnTo>
                        <a:lnTo>
                          <a:pt x="890" y="547"/>
                        </a:lnTo>
                        <a:lnTo>
                          <a:pt x="890" y="555"/>
                        </a:lnTo>
                        <a:lnTo>
                          <a:pt x="890" y="564"/>
                        </a:lnTo>
                        <a:lnTo>
                          <a:pt x="890" y="570"/>
                        </a:lnTo>
                        <a:lnTo>
                          <a:pt x="890" y="575"/>
                        </a:lnTo>
                        <a:lnTo>
                          <a:pt x="890" y="580"/>
                        </a:lnTo>
                        <a:lnTo>
                          <a:pt x="886" y="586"/>
                        </a:lnTo>
                        <a:lnTo>
                          <a:pt x="883" y="589"/>
                        </a:lnTo>
                        <a:lnTo>
                          <a:pt x="881" y="594"/>
                        </a:lnTo>
                        <a:lnTo>
                          <a:pt x="880" y="599"/>
                        </a:lnTo>
                        <a:lnTo>
                          <a:pt x="878" y="604"/>
                        </a:lnTo>
                        <a:lnTo>
                          <a:pt x="876" y="609"/>
                        </a:lnTo>
                        <a:lnTo>
                          <a:pt x="876" y="614"/>
                        </a:lnTo>
                        <a:lnTo>
                          <a:pt x="876" y="619"/>
                        </a:lnTo>
                        <a:lnTo>
                          <a:pt x="876" y="623"/>
                        </a:lnTo>
                        <a:lnTo>
                          <a:pt x="876" y="628"/>
                        </a:lnTo>
                        <a:lnTo>
                          <a:pt x="876" y="631"/>
                        </a:lnTo>
                        <a:lnTo>
                          <a:pt x="876" y="635"/>
                        </a:lnTo>
                        <a:lnTo>
                          <a:pt x="876" y="638"/>
                        </a:lnTo>
                        <a:lnTo>
                          <a:pt x="876" y="640"/>
                        </a:lnTo>
                        <a:lnTo>
                          <a:pt x="878" y="641"/>
                        </a:lnTo>
                        <a:lnTo>
                          <a:pt x="876" y="650"/>
                        </a:lnTo>
                        <a:lnTo>
                          <a:pt x="875" y="657"/>
                        </a:lnTo>
                        <a:lnTo>
                          <a:pt x="871" y="660"/>
                        </a:lnTo>
                        <a:lnTo>
                          <a:pt x="868" y="662"/>
                        </a:lnTo>
                        <a:lnTo>
                          <a:pt x="864" y="663"/>
                        </a:lnTo>
                        <a:lnTo>
                          <a:pt x="861" y="663"/>
                        </a:lnTo>
                        <a:lnTo>
                          <a:pt x="858" y="663"/>
                        </a:lnTo>
                        <a:lnTo>
                          <a:pt x="856" y="663"/>
                        </a:lnTo>
                        <a:lnTo>
                          <a:pt x="849" y="668"/>
                        </a:lnTo>
                        <a:lnTo>
                          <a:pt x="842" y="674"/>
                        </a:lnTo>
                        <a:lnTo>
                          <a:pt x="837" y="675"/>
                        </a:lnTo>
                        <a:lnTo>
                          <a:pt x="834" y="675"/>
                        </a:lnTo>
                        <a:lnTo>
                          <a:pt x="831" y="675"/>
                        </a:lnTo>
                        <a:lnTo>
                          <a:pt x="827" y="674"/>
                        </a:lnTo>
                        <a:lnTo>
                          <a:pt x="826" y="674"/>
                        </a:lnTo>
                        <a:lnTo>
                          <a:pt x="817" y="680"/>
                        </a:lnTo>
                        <a:lnTo>
                          <a:pt x="810" y="684"/>
                        </a:lnTo>
                        <a:lnTo>
                          <a:pt x="805" y="684"/>
                        </a:lnTo>
                        <a:lnTo>
                          <a:pt x="800" y="684"/>
                        </a:lnTo>
                        <a:lnTo>
                          <a:pt x="797" y="684"/>
                        </a:lnTo>
                        <a:lnTo>
                          <a:pt x="793" y="680"/>
                        </a:lnTo>
                        <a:lnTo>
                          <a:pt x="792" y="680"/>
                        </a:lnTo>
                        <a:lnTo>
                          <a:pt x="792" y="679"/>
                        </a:lnTo>
                        <a:lnTo>
                          <a:pt x="787" y="670"/>
                        </a:lnTo>
                        <a:lnTo>
                          <a:pt x="787" y="667"/>
                        </a:lnTo>
                        <a:lnTo>
                          <a:pt x="788" y="663"/>
                        </a:lnTo>
                        <a:lnTo>
                          <a:pt x="790" y="665"/>
                        </a:lnTo>
                        <a:lnTo>
                          <a:pt x="795" y="667"/>
                        </a:lnTo>
                        <a:lnTo>
                          <a:pt x="798" y="668"/>
                        </a:lnTo>
                        <a:lnTo>
                          <a:pt x="802" y="670"/>
                        </a:lnTo>
                        <a:lnTo>
                          <a:pt x="802" y="672"/>
                        </a:lnTo>
                        <a:lnTo>
                          <a:pt x="820" y="665"/>
                        </a:lnTo>
                        <a:lnTo>
                          <a:pt x="810" y="653"/>
                        </a:lnTo>
                        <a:lnTo>
                          <a:pt x="812" y="652"/>
                        </a:lnTo>
                        <a:lnTo>
                          <a:pt x="814" y="650"/>
                        </a:lnTo>
                        <a:lnTo>
                          <a:pt x="815" y="648"/>
                        </a:lnTo>
                        <a:lnTo>
                          <a:pt x="810" y="640"/>
                        </a:lnTo>
                        <a:lnTo>
                          <a:pt x="807" y="635"/>
                        </a:lnTo>
                        <a:lnTo>
                          <a:pt x="804" y="633"/>
                        </a:lnTo>
                        <a:lnTo>
                          <a:pt x="802" y="631"/>
                        </a:lnTo>
                        <a:lnTo>
                          <a:pt x="800" y="633"/>
                        </a:lnTo>
                        <a:lnTo>
                          <a:pt x="798" y="635"/>
                        </a:lnTo>
                        <a:lnTo>
                          <a:pt x="798" y="636"/>
                        </a:lnTo>
                        <a:lnTo>
                          <a:pt x="798" y="638"/>
                        </a:lnTo>
                        <a:lnTo>
                          <a:pt x="802" y="645"/>
                        </a:lnTo>
                        <a:lnTo>
                          <a:pt x="802" y="650"/>
                        </a:lnTo>
                        <a:lnTo>
                          <a:pt x="800" y="652"/>
                        </a:lnTo>
                        <a:lnTo>
                          <a:pt x="797" y="653"/>
                        </a:lnTo>
                        <a:lnTo>
                          <a:pt x="793" y="653"/>
                        </a:lnTo>
                        <a:lnTo>
                          <a:pt x="790" y="653"/>
                        </a:lnTo>
                        <a:lnTo>
                          <a:pt x="788" y="652"/>
                        </a:lnTo>
                        <a:lnTo>
                          <a:pt x="787" y="652"/>
                        </a:lnTo>
                        <a:lnTo>
                          <a:pt x="780" y="640"/>
                        </a:lnTo>
                        <a:lnTo>
                          <a:pt x="775" y="630"/>
                        </a:lnTo>
                        <a:lnTo>
                          <a:pt x="768" y="621"/>
                        </a:lnTo>
                        <a:lnTo>
                          <a:pt x="763" y="614"/>
                        </a:lnTo>
                        <a:lnTo>
                          <a:pt x="756" y="609"/>
                        </a:lnTo>
                        <a:lnTo>
                          <a:pt x="749" y="606"/>
                        </a:lnTo>
                        <a:lnTo>
                          <a:pt x="744" y="602"/>
                        </a:lnTo>
                        <a:lnTo>
                          <a:pt x="739" y="599"/>
                        </a:lnTo>
                        <a:lnTo>
                          <a:pt x="734" y="597"/>
                        </a:lnTo>
                        <a:lnTo>
                          <a:pt x="729" y="597"/>
                        </a:lnTo>
                        <a:lnTo>
                          <a:pt x="724" y="597"/>
                        </a:lnTo>
                        <a:lnTo>
                          <a:pt x="721" y="597"/>
                        </a:lnTo>
                        <a:lnTo>
                          <a:pt x="719" y="597"/>
                        </a:lnTo>
                        <a:lnTo>
                          <a:pt x="716" y="597"/>
                        </a:lnTo>
                        <a:lnTo>
                          <a:pt x="714" y="597"/>
                        </a:lnTo>
                        <a:lnTo>
                          <a:pt x="714" y="599"/>
                        </a:lnTo>
                        <a:lnTo>
                          <a:pt x="712" y="597"/>
                        </a:lnTo>
                        <a:lnTo>
                          <a:pt x="710" y="594"/>
                        </a:lnTo>
                        <a:lnTo>
                          <a:pt x="707" y="592"/>
                        </a:lnTo>
                        <a:lnTo>
                          <a:pt x="705" y="589"/>
                        </a:lnTo>
                        <a:lnTo>
                          <a:pt x="704" y="586"/>
                        </a:lnTo>
                        <a:lnTo>
                          <a:pt x="702" y="584"/>
                        </a:lnTo>
                        <a:lnTo>
                          <a:pt x="700" y="580"/>
                        </a:lnTo>
                        <a:lnTo>
                          <a:pt x="697" y="564"/>
                        </a:lnTo>
                        <a:lnTo>
                          <a:pt x="692" y="550"/>
                        </a:lnTo>
                        <a:lnTo>
                          <a:pt x="687" y="542"/>
                        </a:lnTo>
                        <a:lnTo>
                          <a:pt x="683" y="536"/>
                        </a:lnTo>
                        <a:lnTo>
                          <a:pt x="680" y="535"/>
                        </a:lnTo>
                        <a:lnTo>
                          <a:pt x="677" y="535"/>
                        </a:lnTo>
                        <a:lnTo>
                          <a:pt x="675" y="535"/>
                        </a:lnTo>
                        <a:lnTo>
                          <a:pt x="666" y="526"/>
                        </a:lnTo>
                        <a:lnTo>
                          <a:pt x="661" y="514"/>
                        </a:lnTo>
                        <a:lnTo>
                          <a:pt x="661" y="498"/>
                        </a:lnTo>
                        <a:lnTo>
                          <a:pt x="653" y="486"/>
                        </a:lnTo>
                        <a:lnTo>
                          <a:pt x="661" y="472"/>
                        </a:lnTo>
                        <a:lnTo>
                          <a:pt x="646" y="481"/>
                        </a:lnTo>
                        <a:lnTo>
                          <a:pt x="646" y="479"/>
                        </a:lnTo>
                        <a:lnTo>
                          <a:pt x="644" y="479"/>
                        </a:lnTo>
                        <a:lnTo>
                          <a:pt x="641" y="477"/>
                        </a:lnTo>
                        <a:lnTo>
                          <a:pt x="639" y="476"/>
                        </a:lnTo>
                        <a:lnTo>
                          <a:pt x="636" y="474"/>
                        </a:lnTo>
                        <a:lnTo>
                          <a:pt x="634" y="474"/>
                        </a:lnTo>
                        <a:lnTo>
                          <a:pt x="633" y="472"/>
                        </a:lnTo>
                        <a:lnTo>
                          <a:pt x="633" y="474"/>
                        </a:lnTo>
                        <a:lnTo>
                          <a:pt x="638" y="482"/>
                        </a:lnTo>
                        <a:lnTo>
                          <a:pt x="643" y="489"/>
                        </a:lnTo>
                        <a:lnTo>
                          <a:pt x="644" y="494"/>
                        </a:lnTo>
                        <a:lnTo>
                          <a:pt x="644" y="498"/>
                        </a:lnTo>
                        <a:lnTo>
                          <a:pt x="643" y="498"/>
                        </a:lnTo>
                        <a:lnTo>
                          <a:pt x="641" y="498"/>
                        </a:lnTo>
                        <a:lnTo>
                          <a:pt x="638" y="496"/>
                        </a:lnTo>
                        <a:lnTo>
                          <a:pt x="636" y="494"/>
                        </a:lnTo>
                        <a:lnTo>
                          <a:pt x="631" y="491"/>
                        </a:lnTo>
                        <a:lnTo>
                          <a:pt x="628" y="487"/>
                        </a:lnTo>
                        <a:lnTo>
                          <a:pt x="622" y="484"/>
                        </a:lnTo>
                        <a:lnTo>
                          <a:pt x="619" y="481"/>
                        </a:lnTo>
                        <a:lnTo>
                          <a:pt x="616" y="477"/>
                        </a:lnTo>
                        <a:lnTo>
                          <a:pt x="612" y="474"/>
                        </a:lnTo>
                        <a:lnTo>
                          <a:pt x="611" y="472"/>
                        </a:lnTo>
                        <a:lnTo>
                          <a:pt x="607" y="457"/>
                        </a:lnTo>
                        <a:lnTo>
                          <a:pt x="582" y="425"/>
                        </a:lnTo>
                        <a:lnTo>
                          <a:pt x="584" y="425"/>
                        </a:lnTo>
                        <a:lnTo>
                          <a:pt x="585" y="423"/>
                        </a:lnTo>
                        <a:lnTo>
                          <a:pt x="587" y="423"/>
                        </a:lnTo>
                        <a:lnTo>
                          <a:pt x="589" y="421"/>
                        </a:lnTo>
                        <a:lnTo>
                          <a:pt x="590" y="421"/>
                        </a:lnTo>
                        <a:lnTo>
                          <a:pt x="592" y="420"/>
                        </a:lnTo>
                        <a:lnTo>
                          <a:pt x="594" y="420"/>
                        </a:lnTo>
                        <a:lnTo>
                          <a:pt x="589" y="418"/>
                        </a:lnTo>
                        <a:lnTo>
                          <a:pt x="587" y="413"/>
                        </a:lnTo>
                        <a:lnTo>
                          <a:pt x="587" y="408"/>
                        </a:lnTo>
                        <a:lnTo>
                          <a:pt x="587" y="401"/>
                        </a:lnTo>
                        <a:lnTo>
                          <a:pt x="589" y="394"/>
                        </a:lnTo>
                        <a:lnTo>
                          <a:pt x="590" y="388"/>
                        </a:lnTo>
                        <a:lnTo>
                          <a:pt x="590" y="382"/>
                        </a:lnTo>
                        <a:lnTo>
                          <a:pt x="590" y="379"/>
                        </a:lnTo>
                        <a:lnTo>
                          <a:pt x="587" y="371"/>
                        </a:lnTo>
                        <a:lnTo>
                          <a:pt x="585" y="364"/>
                        </a:lnTo>
                        <a:lnTo>
                          <a:pt x="582" y="360"/>
                        </a:lnTo>
                        <a:lnTo>
                          <a:pt x="580" y="359"/>
                        </a:lnTo>
                        <a:lnTo>
                          <a:pt x="578" y="359"/>
                        </a:lnTo>
                        <a:lnTo>
                          <a:pt x="577" y="360"/>
                        </a:lnTo>
                        <a:lnTo>
                          <a:pt x="577" y="364"/>
                        </a:lnTo>
                        <a:lnTo>
                          <a:pt x="575" y="367"/>
                        </a:lnTo>
                        <a:lnTo>
                          <a:pt x="575" y="372"/>
                        </a:lnTo>
                        <a:lnTo>
                          <a:pt x="575" y="377"/>
                        </a:lnTo>
                        <a:lnTo>
                          <a:pt x="575" y="382"/>
                        </a:lnTo>
                        <a:lnTo>
                          <a:pt x="575" y="388"/>
                        </a:lnTo>
                        <a:lnTo>
                          <a:pt x="575" y="393"/>
                        </a:lnTo>
                        <a:lnTo>
                          <a:pt x="575" y="396"/>
                        </a:lnTo>
                        <a:lnTo>
                          <a:pt x="575" y="399"/>
                        </a:lnTo>
                        <a:lnTo>
                          <a:pt x="572" y="398"/>
                        </a:lnTo>
                        <a:lnTo>
                          <a:pt x="568" y="394"/>
                        </a:lnTo>
                        <a:lnTo>
                          <a:pt x="565" y="391"/>
                        </a:lnTo>
                        <a:lnTo>
                          <a:pt x="560" y="388"/>
                        </a:lnTo>
                        <a:lnTo>
                          <a:pt x="558" y="384"/>
                        </a:lnTo>
                        <a:lnTo>
                          <a:pt x="555" y="382"/>
                        </a:lnTo>
                        <a:lnTo>
                          <a:pt x="555" y="381"/>
                        </a:lnTo>
                        <a:lnTo>
                          <a:pt x="556" y="374"/>
                        </a:lnTo>
                        <a:lnTo>
                          <a:pt x="558" y="366"/>
                        </a:lnTo>
                        <a:lnTo>
                          <a:pt x="558" y="359"/>
                        </a:lnTo>
                        <a:lnTo>
                          <a:pt x="558" y="352"/>
                        </a:lnTo>
                        <a:lnTo>
                          <a:pt x="556" y="345"/>
                        </a:lnTo>
                        <a:lnTo>
                          <a:pt x="556" y="340"/>
                        </a:lnTo>
                        <a:lnTo>
                          <a:pt x="555" y="337"/>
                        </a:lnTo>
                        <a:lnTo>
                          <a:pt x="555" y="335"/>
                        </a:lnTo>
                        <a:lnTo>
                          <a:pt x="558" y="328"/>
                        </a:lnTo>
                        <a:lnTo>
                          <a:pt x="560" y="323"/>
                        </a:lnTo>
                        <a:lnTo>
                          <a:pt x="562" y="316"/>
                        </a:lnTo>
                        <a:lnTo>
                          <a:pt x="562" y="311"/>
                        </a:lnTo>
                        <a:lnTo>
                          <a:pt x="563" y="305"/>
                        </a:lnTo>
                        <a:lnTo>
                          <a:pt x="563" y="300"/>
                        </a:lnTo>
                        <a:lnTo>
                          <a:pt x="563" y="293"/>
                        </a:lnTo>
                        <a:lnTo>
                          <a:pt x="563" y="288"/>
                        </a:lnTo>
                        <a:lnTo>
                          <a:pt x="562" y="283"/>
                        </a:lnTo>
                        <a:lnTo>
                          <a:pt x="562" y="278"/>
                        </a:lnTo>
                        <a:lnTo>
                          <a:pt x="560" y="274"/>
                        </a:lnTo>
                        <a:lnTo>
                          <a:pt x="560" y="269"/>
                        </a:lnTo>
                        <a:lnTo>
                          <a:pt x="560" y="267"/>
                        </a:lnTo>
                        <a:lnTo>
                          <a:pt x="558" y="264"/>
                        </a:lnTo>
                        <a:lnTo>
                          <a:pt x="558" y="262"/>
                        </a:lnTo>
                        <a:lnTo>
                          <a:pt x="558" y="261"/>
                        </a:lnTo>
                        <a:lnTo>
                          <a:pt x="558" y="257"/>
                        </a:lnTo>
                        <a:lnTo>
                          <a:pt x="558" y="256"/>
                        </a:lnTo>
                        <a:lnTo>
                          <a:pt x="556" y="252"/>
                        </a:lnTo>
                        <a:lnTo>
                          <a:pt x="556" y="249"/>
                        </a:lnTo>
                        <a:lnTo>
                          <a:pt x="555" y="247"/>
                        </a:lnTo>
                        <a:lnTo>
                          <a:pt x="551" y="245"/>
                        </a:lnTo>
                        <a:lnTo>
                          <a:pt x="548" y="242"/>
                        </a:lnTo>
                        <a:lnTo>
                          <a:pt x="545" y="239"/>
                        </a:lnTo>
                        <a:lnTo>
                          <a:pt x="541" y="232"/>
                        </a:lnTo>
                        <a:lnTo>
                          <a:pt x="538" y="227"/>
                        </a:lnTo>
                        <a:lnTo>
                          <a:pt x="534" y="223"/>
                        </a:lnTo>
                        <a:lnTo>
                          <a:pt x="533" y="220"/>
                        </a:lnTo>
                        <a:lnTo>
                          <a:pt x="533" y="218"/>
                        </a:lnTo>
                        <a:lnTo>
                          <a:pt x="521" y="222"/>
                        </a:lnTo>
                        <a:lnTo>
                          <a:pt x="514" y="222"/>
                        </a:lnTo>
                        <a:lnTo>
                          <a:pt x="509" y="222"/>
                        </a:lnTo>
                        <a:lnTo>
                          <a:pt x="507" y="220"/>
                        </a:lnTo>
                        <a:lnTo>
                          <a:pt x="506" y="217"/>
                        </a:lnTo>
                        <a:lnTo>
                          <a:pt x="506" y="215"/>
                        </a:lnTo>
                        <a:lnTo>
                          <a:pt x="507" y="215"/>
                        </a:lnTo>
                        <a:lnTo>
                          <a:pt x="507" y="213"/>
                        </a:lnTo>
                        <a:lnTo>
                          <a:pt x="497" y="206"/>
                        </a:lnTo>
                        <a:lnTo>
                          <a:pt x="484" y="191"/>
                        </a:lnTo>
                        <a:lnTo>
                          <a:pt x="467" y="179"/>
                        </a:lnTo>
                        <a:lnTo>
                          <a:pt x="465" y="179"/>
                        </a:lnTo>
                        <a:lnTo>
                          <a:pt x="463" y="176"/>
                        </a:lnTo>
                        <a:lnTo>
                          <a:pt x="458" y="173"/>
                        </a:lnTo>
                        <a:lnTo>
                          <a:pt x="455" y="168"/>
                        </a:lnTo>
                        <a:lnTo>
                          <a:pt x="450" y="162"/>
                        </a:lnTo>
                        <a:lnTo>
                          <a:pt x="446" y="157"/>
                        </a:lnTo>
                        <a:lnTo>
                          <a:pt x="445" y="154"/>
                        </a:lnTo>
                        <a:lnTo>
                          <a:pt x="443" y="152"/>
                        </a:lnTo>
                        <a:lnTo>
                          <a:pt x="433" y="144"/>
                        </a:lnTo>
                        <a:lnTo>
                          <a:pt x="424" y="139"/>
                        </a:lnTo>
                        <a:lnTo>
                          <a:pt x="418" y="132"/>
                        </a:lnTo>
                        <a:lnTo>
                          <a:pt x="411" y="129"/>
                        </a:lnTo>
                        <a:lnTo>
                          <a:pt x="404" y="125"/>
                        </a:lnTo>
                        <a:lnTo>
                          <a:pt x="399" y="124"/>
                        </a:lnTo>
                        <a:lnTo>
                          <a:pt x="396" y="124"/>
                        </a:lnTo>
                        <a:lnTo>
                          <a:pt x="394" y="122"/>
                        </a:lnTo>
                        <a:lnTo>
                          <a:pt x="377" y="122"/>
                        </a:lnTo>
                        <a:lnTo>
                          <a:pt x="367" y="122"/>
                        </a:lnTo>
                        <a:lnTo>
                          <a:pt x="360" y="127"/>
                        </a:lnTo>
                        <a:lnTo>
                          <a:pt x="355" y="132"/>
                        </a:lnTo>
                        <a:lnTo>
                          <a:pt x="355" y="139"/>
                        </a:lnTo>
                        <a:lnTo>
                          <a:pt x="355" y="144"/>
                        </a:lnTo>
                        <a:lnTo>
                          <a:pt x="357" y="147"/>
                        </a:lnTo>
                        <a:lnTo>
                          <a:pt x="357" y="149"/>
                        </a:lnTo>
                        <a:lnTo>
                          <a:pt x="350" y="147"/>
                        </a:lnTo>
                        <a:lnTo>
                          <a:pt x="342" y="149"/>
                        </a:lnTo>
                        <a:lnTo>
                          <a:pt x="335" y="152"/>
                        </a:lnTo>
                        <a:lnTo>
                          <a:pt x="330" y="156"/>
                        </a:lnTo>
                        <a:lnTo>
                          <a:pt x="325" y="161"/>
                        </a:lnTo>
                        <a:lnTo>
                          <a:pt x="320" y="164"/>
                        </a:lnTo>
                        <a:lnTo>
                          <a:pt x="316" y="168"/>
                        </a:lnTo>
                        <a:lnTo>
                          <a:pt x="316" y="169"/>
                        </a:lnTo>
                        <a:lnTo>
                          <a:pt x="309" y="176"/>
                        </a:lnTo>
                        <a:lnTo>
                          <a:pt x="306" y="178"/>
                        </a:lnTo>
                        <a:lnTo>
                          <a:pt x="304" y="178"/>
                        </a:lnTo>
                        <a:lnTo>
                          <a:pt x="304" y="176"/>
                        </a:lnTo>
                        <a:lnTo>
                          <a:pt x="304" y="174"/>
                        </a:lnTo>
                        <a:lnTo>
                          <a:pt x="306" y="171"/>
                        </a:lnTo>
                        <a:lnTo>
                          <a:pt x="308" y="169"/>
                        </a:lnTo>
                        <a:lnTo>
                          <a:pt x="308" y="168"/>
                        </a:lnTo>
                        <a:lnTo>
                          <a:pt x="306" y="168"/>
                        </a:lnTo>
                        <a:lnTo>
                          <a:pt x="306" y="169"/>
                        </a:lnTo>
                        <a:lnTo>
                          <a:pt x="303" y="173"/>
                        </a:lnTo>
                        <a:lnTo>
                          <a:pt x="299" y="174"/>
                        </a:lnTo>
                        <a:lnTo>
                          <a:pt x="298" y="178"/>
                        </a:lnTo>
                        <a:lnTo>
                          <a:pt x="294" y="179"/>
                        </a:lnTo>
                        <a:lnTo>
                          <a:pt x="293" y="181"/>
                        </a:lnTo>
                        <a:lnTo>
                          <a:pt x="291" y="183"/>
                        </a:lnTo>
                        <a:lnTo>
                          <a:pt x="284" y="181"/>
                        </a:lnTo>
                        <a:lnTo>
                          <a:pt x="277" y="181"/>
                        </a:lnTo>
                        <a:lnTo>
                          <a:pt x="271" y="183"/>
                        </a:lnTo>
                        <a:lnTo>
                          <a:pt x="265" y="186"/>
                        </a:lnTo>
                        <a:lnTo>
                          <a:pt x="260" y="188"/>
                        </a:lnTo>
                        <a:lnTo>
                          <a:pt x="257" y="190"/>
                        </a:lnTo>
                        <a:lnTo>
                          <a:pt x="254" y="191"/>
                        </a:lnTo>
                        <a:lnTo>
                          <a:pt x="247" y="184"/>
                        </a:lnTo>
                        <a:lnTo>
                          <a:pt x="243" y="179"/>
                        </a:lnTo>
                        <a:lnTo>
                          <a:pt x="245" y="179"/>
                        </a:lnTo>
                        <a:lnTo>
                          <a:pt x="249" y="181"/>
                        </a:lnTo>
                        <a:lnTo>
                          <a:pt x="252" y="184"/>
                        </a:lnTo>
                        <a:lnTo>
                          <a:pt x="255" y="186"/>
                        </a:lnTo>
                        <a:lnTo>
                          <a:pt x="257" y="186"/>
                        </a:lnTo>
                        <a:lnTo>
                          <a:pt x="257" y="176"/>
                        </a:lnTo>
                        <a:lnTo>
                          <a:pt x="247" y="162"/>
                        </a:lnTo>
                        <a:lnTo>
                          <a:pt x="218" y="140"/>
                        </a:lnTo>
                        <a:lnTo>
                          <a:pt x="232" y="142"/>
                        </a:lnTo>
                        <a:lnTo>
                          <a:pt x="238" y="144"/>
                        </a:lnTo>
                        <a:lnTo>
                          <a:pt x="238" y="142"/>
                        </a:lnTo>
                        <a:lnTo>
                          <a:pt x="235" y="140"/>
                        </a:lnTo>
                        <a:lnTo>
                          <a:pt x="230" y="137"/>
                        </a:lnTo>
                        <a:lnTo>
                          <a:pt x="223" y="135"/>
                        </a:lnTo>
                        <a:lnTo>
                          <a:pt x="218" y="132"/>
                        </a:lnTo>
                        <a:lnTo>
                          <a:pt x="216" y="132"/>
                        </a:lnTo>
                        <a:lnTo>
                          <a:pt x="223" y="117"/>
                        </a:lnTo>
                        <a:lnTo>
                          <a:pt x="205" y="120"/>
                        </a:lnTo>
                        <a:lnTo>
                          <a:pt x="205" y="122"/>
                        </a:lnTo>
                        <a:lnTo>
                          <a:pt x="206" y="125"/>
                        </a:lnTo>
                        <a:lnTo>
                          <a:pt x="206" y="127"/>
                        </a:lnTo>
                        <a:lnTo>
                          <a:pt x="206" y="130"/>
                        </a:lnTo>
                        <a:lnTo>
                          <a:pt x="208" y="134"/>
                        </a:lnTo>
                        <a:lnTo>
                          <a:pt x="208" y="135"/>
                        </a:lnTo>
                        <a:lnTo>
                          <a:pt x="201" y="130"/>
                        </a:lnTo>
                        <a:lnTo>
                          <a:pt x="193" y="127"/>
                        </a:lnTo>
                        <a:lnTo>
                          <a:pt x="186" y="124"/>
                        </a:lnTo>
                        <a:lnTo>
                          <a:pt x="179" y="122"/>
                        </a:lnTo>
                        <a:lnTo>
                          <a:pt x="172" y="118"/>
                        </a:lnTo>
                        <a:lnTo>
                          <a:pt x="164" y="117"/>
                        </a:lnTo>
                        <a:lnTo>
                          <a:pt x="159" y="115"/>
                        </a:lnTo>
                        <a:lnTo>
                          <a:pt x="152" y="115"/>
                        </a:lnTo>
                        <a:lnTo>
                          <a:pt x="147" y="113"/>
                        </a:lnTo>
                        <a:lnTo>
                          <a:pt x="142" y="113"/>
                        </a:lnTo>
                        <a:lnTo>
                          <a:pt x="137" y="113"/>
                        </a:lnTo>
                        <a:lnTo>
                          <a:pt x="133" y="113"/>
                        </a:lnTo>
                        <a:lnTo>
                          <a:pt x="130" y="113"/>
                        </a:lnTo>
                        <a:lnTo>
                          <a:pt x="128" y="113"/>
                        </a:lnTo>
                        <a:lnTo>
                          <a:pt x="127" y="113"/>
                        </a:lnTo>
                        <a:lnTo>
                          <a:pt x="128" y="113"/>
                        </a:lnTo>
                        <a:lnTo>
                          <a:pt x="130" y="112"/>
                        </a:lnTo>
                        <a:lnTo>
                          <a:pt x="133" y="112"/>
                        </a:lnTo>
                        <a:lnTo>
                          <a:pt x="137" y="112"/>
                        </a:lnTo>
                        <a:lnTo>
                          <a:pt x="140" y="110"/>
                        </a:lnTo>
                        <a:lnTo>
                          <a:pt x="142" y="110"/>
                        </a:lnTo>
                        <a:lnTo>
                          <a:pt x="144" y="110"/>
                        </a:lnTo>
                        <a:lnTo>
                          <a:pt x="157" y="110"/>
                        </a:lnTo>
                        <a:lnTo>
                          <a:pt x="164" y="108"/>
                        </a:lnTo>
                        <a:lnTo>
                          <a:pt x="162" y="105"/>
                        </a:lnTo>
                        <a:lnTo>
                          <a:pt x="155" y="105"/>
                        </a:lnTo>
                        <a:lnTo>
                          <a:pt x="149" y="103"/>
                        </a:lnTo>
                        <a:lnTo>
                          <a:pt x="145" y="102"/>
                        </a:lnTo>
                        <a:lnTo>
                          <a:pt x="142" y="102"/>
                        </a:lnTo>
                        <a:lnTo>
                          <a:pt x="111" y="108"/>
                        </a:lnTo>
                        <a:lnTo>
                          <a:pt x="101" y="113"/>
                        </a:lnTo>
                        <a:lnTo>
                          <a:pt x="98" y="115"/>
                        </a:lnTo>
                        <a:lnTo>
                          <a:pt x="95" y="115"/>
                        </a:lnTo>
                        <a:lnTo>
                          <a:pt x="89" y="115"/>
                        </a:lnTo>
                        <a:lnTo>
                          <a:pt x="86" y="115"/>
                        </a:lnTo>
                        <a:lnTo>
                          <a:pt x="81" y="115"/>
                        </a:lnTo>
                        <a:lnTo>
                          <a:pt x="79" y="117"/>
                        </a:lnTo>
                        <a:lnTo>
                          <a:pt x="78" y="117"/>
                        </a:lnTo>
                        <a:lnTo>
                          <a:pt x="64" y="122"/>
                        </a:lnTo>
                        <a:lnTo>
                          <a:pt x="56" y="125"/>
                        </a:lnTo>
                        <a:lnTo>
                          <a:pt x="52" y="125"/>
                        </a:lnTo>
                        <a:lnTo>
                          <a:pt x="54" y="124"/>
                        </a:lnTo>
                        <a:lnTo>
                          <a:pt x="57" y="122"/>
                        </a:lnTo>
                        <a:lnTo>
                          <a:pt x="62" y="118"/>
                        </a:lnTo>
                        <a:lnTo>
                          <a:pt x="66" y="117"/>
                        </a:lnTo>
                        <a:lnTo>
                          <a:pt x="67" y="115"/>
                        </a:lnTo>
                        <a:lnTo>
                          <a:pt x="73" y="110"/>
                        </a:lnTo>
                        <a:lnTo>
                          <a:pt x="74" y="107"/>
                        </a:lnTo>
                        <a:lnTo>
                          <a:pt x="74" y="105"/>
                        </a:lnTo>
                        <a:lnTo>
                          <a:pt x="71" y="105"/>
                        </a:lnTo>
                        <a:lnTo>
                          <a:pt x="67" y="105"/>
                        </a:lnTo>
                        <a:lnTo>
                          <a:pt x="64" y="107"/>
                        </a:lnTo>
                        <a:lnTo>
                          <a:pt x="61" y="107"/>
                        </a:lnTo>
                        <a:lnTo>
                          <a:pt x="59" y="107"/>
                        </a:lnTo>
                        <a:lnTo>
                          <a:pt x="51" y="100"/>
                        </a:lnTo>
                        <a:lnTo>
                          <a:pt x="45" y="96"/>
                        </a:lnTo>
                        <a:lnTo>
                          <a:pt x="44" y="98"/>
                        </a:lnTo>
                        <a:lnTo>
                          <a:pt x="44" y="102"/>
                        </a:lnTo>
                        <a:lnTo>
                          <a:pt x="45" y="105"/>
                        </a:lnTo>
                        <a:lnTo>
                          <a:pt x="49" y="110"/>
                        </a:lnTo>
                        <a:lnTo>
                          <a:pt x="51" y="113"/>
                        </a:lnTo>
                        <a:lnTo>
                          <a:pt x="51" y="115"/>
                        </a:lnTo>
                        <a:lnTo>
                          <a:pt x="44" y="122"/>
                        </a:lnTo>
                        <a:lnTo>
                          <a:pt x="37" y="130"/>
                        </a:lnTo>
                        <a:lnTo>
                          <a:pt x="35" y="132"/>
                        </a:lnTo>
                        <a:lnTo>
                          <a:pt x="32" y="132"/>
                        </a:lnTo>
                        <a:lnTo>
                          <a:pt x="29" y="134"/>
                        </a:lnTo>
                        <a:lnTo>
                          <a:pt x="27" y="135"/>
                        </a:lnTo>
                        <a:lnTo>
                          <a:pt x="23" y="137"/>
                        </a:lnTo>
                        <a:lnTo>
                          <a:pt x="22" y="137"/>
                        </a:lnTo>
                        <a:lnTo>
                          <a:pt x="27" y="130"/>
                        </a:lnTo>
                        <a:lnTo>
                          <a:pt x="29" y="127"/>
                        </a:lnTo>
                        <a:lnTo>
                          <a:pt x="30" y="122"/>
                        </a:lnTo>
                        <a:lnTo>
                          <a:pt x="29" y="120"/>
                        </a:lnTo>
                        <a:lnTo>
                          <a:pt x="27" y="117"/>
                        </a:lnTo>
                        <a:lnTo>
                          <a:pt x="25" y="117"/>
                        </a:lnTo>
                        <a:lnTo>
                          <a:pt x="23" y="115"/>
                        </a:lnTo>
                        <a:lnTo>
                          <a:pt x="23" y="117"/>
                        </a:lnTo>
                        <a:lnTo>
                          <a:pt x="23" y="115"/>
                        </a:lnTo>
                        <a:lnTo>
                          <a:pt x="23" y="113"/>
                        </a:lnTo>
                        <a:lnTo>
                          <a:pt x="23" y="112"/>
                        </a:lnTo>
                        <a:lnTo>
                          <a:pt x="22" y="108"/>
                        </a:lnTo>
                        <a:lnTo>
                          <a:pt x="22" y="107"/>
                        </a:lnTo>
                        <a:lnTo>
                          <a:pt x="22" y="105"/>
                        </a:lnTo>
                        <a:lnTo>
                          <a:pt x="25" y="100"/>
                        </a:lnTo>
                        <a:lnTo>
                          <a:pt x="25" y="93"/>
                        </a:lnTo>
                        <a:lnTo>
                          <a:pt x="22" y="88"/>
                        </a:lnTo>
                        <a:lnTo>
                          <a:pt x="17" y="83"/>
                        </a:lnTo>
                        <a:lnTo>
                          <a:pt x="12" y="80"/>
                        </a:lnTo>
                        <a:lnTo>
                          <a:pt x="7" y="74"/>
                        </a:lnTo>
                        <a:lnTo>
                          <a:pt x="3" y="73"/>
                        </a:lnTo>
                        <a:lnTo>
                          <a:pt x="1" y="73"/>
                        </a:lnTo>
                        <a:lnTo>
                          <a:pt x="0" y="51"/>
                        </a:lnTo>
                        <a:lnTo>
                          <a:pt x="276" y="24"/>
                        </a:lnTo>
                        <a:lnTo>
                          <a:pt x="293" y="56"/>
                        </a:lnTo>
                        <a:lnTo>
                          <a:pt x="572" y="37"/>
                        </a:lnTo>
                        <a:lnTo>
                          <a:pt x="582" y="59"/>
                        </a:lnTo>
                        <a:lnTo>
                          <a:pt x="597" y="59"/>
                        </a:lnTo>
                        <a:lnTo>
                          <a:pt x="597" y="58"/>
                        </a:lnTo>
                        <a:lnTo>
                          <a:pt x="595" y="54"/>
                        </a:lnTo>
                        <a:lnTo>
                          <a:pt x="595" y="51"/>
                        </a:lnTo>
                        <a:lnTo>
                          <a:pt x="595" y="46"/>
                        </a:lnTo>
                        <a:lnTo>
                          <a:pt x="594" y="41"/>
                        </a:lnTo>
                        <a:lnTo>
                          <a:pt x="594" y="36"/>
                        </a:lnTo>
                        <a:lnTo>
                          <a:pt x="594" y="32"/>
                        </a:lnTo>
                        <a:lnTo>
                          <a:pt x="594" y="30"/>
                        </a:lnTo>
                        <a:lnTo>
                          <a:pt x="589" y="22"/>
                        </a:lnTo>
                        <a:lnTo>
                          <a:pt x="589" y="14"/>
                        </a:lnTo>
                        <a:lnTo>
                          <a:pt x="589" y="8"/>
                        </a:lnTo>
                        <a:lnTo>
                          <a:pt x="592" y="5"/>
                        </a:lnTo>
                        <a:lnTo>
                          <a:pt x="595" y="2"/>
                        </a:lnTo>
                        <a:lnTo>
                          <a:pt x="597" y="0"/>
                        </a:lnTo>
                        <a:lnTo>
                          <a:pt x="600" y="0"/>
                        </a:lnTo>
                        <a:lnTo>
                          <a:pt x="602" y="0"/>
                        </a:lnTo>
                        <a:lnTo>
                          <a:pt x="607" y="3"/>
                        </a:lnTo>
                        <a:lnTo>
                          <a:pt x="616" y="5"/>
                        </a:lnTo>
                        <a:lnTo>
                          <a:pt x="622" y="7"/>
                        </a:lnTo>
                        <a:lnTo>
                          <a:pt x="629" y="8"/>
                        </a:lnTo>
                        <a:lnTo>
                          <a:pt x="636" y="8"/>
                        </a:lnTo>
                        <a:lnTo>
                          <a:pt x="639" y="8"/>
                        </a:lnTo>
                        <a:lnTo>
                          <a:pt x="643" y="8"/>
                        </a:lnTo>
                        <a:lnTo>
                          <a:pt x="644" y="8"/>
                        </a:lnTo>
                        <a:lnTo>
                          <a:pt x="650" y="14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56" name="Freeform 18"/>
                  <p:cNvSpPr>
                    <a:spLocks/>
                  </p:cNvSpPr>
                  <p:nvPr/>
                </p:nvSpPr>
                <p:spPr bwMode="auto">
                  <a:xfrm>
                    <a:off x="3822" y="2894"/>
                    <a:ext cx="890" cy="684"/>
                  </a:xfrm>
                  <a:custGeom>
                    <a:avLst/>
                    <a:gdLst>
                      <a:gd name="T0" fmla="*/ 648 w 890"/>
                      <a:gd name="T1" fmla="*/ 46 h 684"/>
                      <a:gd name="T2" fmla="*/ 636 w 890"/>
                      <a:gd name="T3" fmla="*/ 71 h 684"/>
                      <a:gd name="T4" fmla="*/ 660 w 890"/>
                      <a:gd name="T5" fmla="*/ 47 h 684"/>
                      <a:gd name="T6" fmla="*/ 704 w 890"/>
                      <a:gd name="T7" fmla="*/ 137 h 684"/>
                      <a:gd name="T8" fmla="*/ 741 w 890"/>
                      <a:gd name="T9" fmla="*/ 196 h 684"/>
                      <a:gd name="T10" fmla="*/ 721 w 890"/>
                      <a:gd name="T11" fmla="*/ 174 h 684"/>
                      <a:gd name="T12" fmla="*/ 732 w 890"/>
                      <a:gd name="T13" fmla="*/ 200 h 684"/>
                      <a:gd name="T14" fmla="*/ 754 w 890"/>
                      <a:gd name="T15" fmla="*/ 235 h 684"/>
                      <a:gd name="T16" fmla="*/ 773 w 890"/>
                      <a:gd name="T17" fmla="*/ 279 h 684"/>
                      <a:gd name="T18" fmla="*/ 832 w 890"/>
                      <a:gd name="T19" fmla="*/ 381 h 684"/>
                      <a:gd name="T20" fmla="*/ 854 w 890"/>
                      <a:gd name="T21" fmla="*/ 418 h 684"/>
                      <a:gd name="T22" fmla="*/ 870 w 890"/>
                      <a:gd name="T23" fmla="*/ 443 h 684"/>
                      <a:gd name="T24" fmla="*/ 878 w 890"/>
                      <a:gd name="T25" fmla="*/ 464 h 684"/>
                      <a:gd name="T26" fmla="*/ 890 w 890"/>
                      <a:gd name="T27" fmla="*/ 526 h 684"/>
                      <a:gd name="T28" fmla="*/ 886 w 890"/>
                      <a:gd name="T29" fmla="*/ 586 h 684"/>
                      <a:gd name="T30" fmla="*/ 876 w 890"/>
                      <a:gd name="T31" fmla="*/ 631 h 684"/>
                      <a:gd name="T32" fmla="*/ 868 w 890"/>
                      <a:gd name="T33" fmla="*/ 662 h 684"/>
                      <a:gd name="T34" fmla="*/ 831 w 890"/>
                      <a:gd name="T35" fmla="*/ 675 h 684"/>
                      <a:gd name="T36" fmla="*/ 793 w 890"/>
                      <a:gd name="T37" fmla="*/ 680 h 684"/>
                      <a:gd name="T38" fmla="*/ 802 w 890"/>
                      <a:gd name="T39" fmla="*/ 670 h 684"/>
                      <a:gd name="T40" fmla="*/ 810 w 890"/>
                      <a:gd name="T41" fmla="*/ 640 h 684"/>
                      <a:gd name="T42" fmla="*/ 802 w 890"/>
                      <a:gd name="T43" fmla="*/ 650 h 684"/>
                      <a:gd name="T44" fmla="*/ 768 w 890"/>
                      <a:gd name="T45" fmla="*/ 621 h 684"/>
                      <a:gd name="T46" fmla="*/ 719 w 890"/>
                      <a:gd name="T47" fmla="*/ 597 h 684"/>
                      <a:gd name="T48" fmla="*/ 705 w 890"/>
                      <a:gd name="T49" fmla="*/ 589 h 684"/>
                      <a:gd name="T50" fmla="*/ 677 w 890"/>
                      <a:gd name="T51" fmla="*/ 535 h 684"/>
                      <a:gd name="T52" fmla="*/ 646 w 890"/>
                      <a:gd name="T53" fmla="*/ 479 h 684"/>
                      <a:gd name="T54" fmla="*/ 643 w 890"/>
                      <a:gd name="T55" fmla="*/ 489 h 684"/>
                      <a:gd name="T56" fmla="*/ 619 w 890"/>
                      <a:gd name="T57" fmla="*/ 481 h 684"/>
                      <a:gd name="T58" fmla="*/ 587 w 890"/>
                      <a:gd name="T59" fmla="*/ 423 h 684"/>
                      <a:gd name="T60" fmla="*/ 587 w 890"/>
                      <a:gd name="T61" fmla="*/ 401 h 684"/>
                      <a:gd name="T62" fmla="*/ 578 w 890"/>
                      <a:gd name="T63" fmla="*/ 359 h 684"/>
                      <a:gd name="T64" fmla="*/ 575 w 890"/>
                      <a:gd name="T65" fmla="*/ 399 h 684"/>
                      <a:gd name="T66" fmla="*/ 555 w 890"/>
                      <a:gd name="T67" fmla="*/ 381 h 684"/>
                      <a:gd name="T68" fmla="*/ 555 w 890"/>
                      <a:gd name="T69" fmla="*/ 335 h 684"/>
                      <a:gd name="T70" fmla="*/ 562 w 890"/>
                      <a:gd name="T71" fmla="*/ 278 h 684"/>
                      <a:gd name="T72" fmla="*/ 558 w 890"/>
                      <a:gd name="T73" fmla="*/ 257 h 684"/>
                      <a:gd name="T74" fmla="*/ 541 w 890"/>
                      <a:gd name="T75" fmla="*/ 232 h 684"/>
                      <a:gd name="T76" fmla="*/ 506 w 890"/>
                      <a:gd name="T77" fmla="*/ 217 h 684"/>
                      <a:gd name="T78" fmla="*/ 458 w 890"/>
                      <a:gd name="T79" fmla="*/ 173 h 684"/>
                      <a:gd name="T80" fmla="*/ 411 w 890"/>
                      <a:gd name="T81" fmla="*/ 129 h 684"/>
                      <a:gd name="T82" fmla="*/ 355 w 890"/>
                      <a:gd name="T83" fmla="*/ 139 h 684"/>
                      <a:gd name="T84" fmla="*/ 320 w 890"/>
                      <a:gd name="T85" fmla="*/ 164 h 684"/>
                      <a:gd name="T86" fmla="*/ 308 w 890"/>
                      <a:gd name="T87" fmla="*/ 169 h 684"/>
                      <a:gd name="T88" fmla="*/ 291 w 890"/>
                      <a:gd name="T89" fmla="*/ 183 h 684"/>
                      <a:gd name="T90" fmla="*/ 254 w 890"/>
                      <a:gd name="T91" fmla="*/ 191 h 684"/>
                      <a:gd name="T92" fmla="*/ 247 w 890"/>
                      <a:gd name="T93" fmla="*/ 162 h 684"/>
                      <a:gd name="T94" fmla="*/ 216 w 890"/>
                      <a:gd name="T95" fmla="*/ 132 h 684"/>
                      <a:gd name="T96" fmla="*/ 208 w 890"/>
                      <a:gd name="T97" fmla="*/ 135 h 684"/>
                      <a:gd name="T98" fmla="*/ 152 w 890"/>
                      <a:gd name="T99" fmla="*/ 115 h 684"/>
                      <a:gd name="T100" fmla="*/ 127 w 890"/>
                      <a:gd name="T101" fmla="*/ 113 h 684"/>
                      <a:gd name="T102" fmla="*/ 164 w 890"/>
                      <a:gd name="T103" fmla="*/ 108 h 684"/>
                      <a:gd name="T104" fmla="*/ 101 w 890"/>
                      <a:gd name="T105" fmla="*/ 113 h 684"/>
                      <a:gd name="T106" fmla="*/ 56 w 890"/>
                      <a:gd name="T107" fmla="*/ 125 h 684"/>
                      <a:gd name="T108" fmla="*/ 74 w 890"/>
                      <a:gd name="T109" fmla="*/ 105 h 684"/>
                      <a:gd name="T110" fmla="*/ 44 w 890"/>
                      <a:gd name="T111" fmla="*/ 102 h 684"/>
                      <a:gd name="T112" fmla="*/ 32 w 890"/>
                      <a:gd name="T113" fmla="*/ 132 h 684"/>
                      <a:gd name="T114" fmla="*/ 29 w 890"/>
                      <a:gd name="T115" fmla="*/ 120 h 684"/>
                      <a:gd name="T116" fmla="*/ 23 w 890"/>
                      <a:gd name="T117" fmla="*/ 112 h 684"/>
                      <a:gd name="T118" fmla="*/ 12 w 890"/>
                      <a:gd name="T119" fmla="*/ 80 h 684"/>
                      <a:gd name="T120" fmla="*/ 597 w 890"/>
                      <a:gd name="T121" fmla="*/ 59 h 684"/>
                      <a:gd name="T122" fmla="*/ 589 w 890"/>
                      <a:gd name="T123" fmla="*/ 22 h 684"/>
                      <a:gd name="T124" fmla="*/ 616 w 890"/>
                      <a:gd name="T125" fmla="*/ 5 h 684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60000 65536"/>
                      <a:gd name="T169" fmla="*/ 0 60000 65536"/>
                      <a:gd name="T170" fmla="*/ 0 60000 65536"/>
                      <a:gd name="T171" fmla="*/ 0 60000 65536"/>
                      <a:gd name="T172" fmla="*/ 0 60000 65536"/>
                      <a:gd name="T173" fmla="*/ 0 60000 65536"/>
                      <a:gd name="T174" fmla="*/ 0 60000 65536"/>
                      <a:gd name="T175" fmla="*/ 0 60000 65536"/>
                      <a:gd name="T176" fmla="*/ 0 60000 65536"/>
                      <a:gd name="T177" fmla="*/ 0 60000 65536"/>
                      <a:gd name="T178" fmla="*/ 0 60000 65536"/>
                      <a:gd name="T179" fmla="*/ 0 60000 65536"/>
                      <a:gd name="T180" fmla="*/ 0 60000 65536"/>
                      <a:gd name="T181" fmla="*/ 0 60000 65536"/>
                      <a:gd name="T182" fmla="*/ 0 60000 65536"/>
                      <a:gd name="T183" fmla="*/ 0 60000 65536"/>
                      <a:gd name="T184" fmla="*/ 0 60000 65536"/>
                      <a:gd name="T185" fmla="*/ 0 60000 65536"/>
                      <a:gd name="T186" fmla="*/ 0 60000 65536"/>
                      <a:gd name="T187" fmla="*/ 0 60000 65536"/>
                      <a:gd name="T188" fmla="*/ 0 60000 65536"/>
                      <a:gd name="T189" fmla="*/ 0 w 890"/>
                      <a:gd name="T190" fmla="*/ 0 h 684"/>
                      <a:gd name="T191" fmla="*/ 890 w 890"/>
                      <a:gd name="T192" fmla="*/ 684 h 684"/>
                    </a:gdLst>
                    <a:ahLst/>
                    <a:cxnLst>
                      <a:cxn ang="T126">
                        <a:pos x="T0" y="T1"/>
                      </a:cxn>
                      <a:cxn ang="T127">
                        <a:pos x="T2" y="T3"/>
                      </a:cxn>
                      <a:cxn ang="T128">
                        <a:pos x="T4" y="T5"/>
                      </a:cxn>
                      <a:cxn ang="T129">
                        <a:pos x="T6" y="T7"/>
                      </a:cxn>
                      <a:cxn ang="T130">
                        <a:pos x="T8" y="T9"/>
                      </a:cxn>
                      <a:cxn ang="T131">
                        <a:pos x="T10" y="T11"/>
                      </a:cxn>
                      <a:cxn ang="T132">
                        <a:pos x="T12" y="T13"/>
                      </a:cxn>
                      <a:cxn ang="T133">
                        <a:pos x="T14" y="T15"/>
                      </a:cxn>
                      <a:cxn ang="T134">
                        <a:pos x="T16" y="T17"/>
                      </a:cxn>
                      <a:cxn ang="T135">
                        <a:pos x="T18" y="T19"/>
                      </a:cxn>
                      <a:cxn ang="T136">
                        <a:pos x="T20" y="T21"/>
                      </a:cxn>
                      <a:cxn ang="T137">
                        <a:pos x="T22" y="T23"/>
                      </a:cxn>
                      <a:cxn ang="T138">
                        <a:pos x="T24" y="T25"/>
                      </a:cxn>
                      <a:cxn ang="T139">
                        <a:pos x="T26" y="T27"/>
                      </a:cxn>
                      <a:cxn ang="T140">
                        <a:pos x="T28" y="T29"/>
                      </a:cxn>
                      <a:cxn ang="T141">
                        <a:pos x="T30" y="T31"/>
                      </a:cxn>
                      <a:cxn ang="T142">
                        <a:pos x="T32" y="T33"/>
                      </a:cxn>
                      <a:cxn ang="T143">
                        <a:pos x="T34" y="T35"/>
                      </a:cxn>
                      <a:cxn ang="T144">
                        <a:pos x="T36" y="T37"/>
                      </a:cxn>
                      <a:cxn ang="T145">
                        <a:pos x="T38" y="T39"/>
                      </a:cxn>
                      <a:cxn ang="T146">
                        <a:pos x="T40" y="T41"/>
                      </a:cxn>
                      <a:cxn ang="T147">
                        <a:pos x="T42" y="T43"/>
                      </a:cxn>
                      <a:cxn ang="T148">
                        <a:pos x="T44" y="T45"/>
                      </a:cxn>
                      <a:cxn ang="T149">
                        <a:pos x="T46" y="T47"/>
                      </a:cxn>
                      <a:cxn ang="T150">
                        <a:pos x="T48" y="T49"/>
                      </a:cxn>
                      <a:cxn ang="T151">
                        <a:pos x="T50" y="T51"/>
                      </a:cxn>
                      <a:cxn ang="T152">
                        <a:pos x="T52" y="T53"/>
                      </a:cxn>
                      <a:cxn ang="T153">
                        <a:pos x="T54" y="T55"/>
                      </a:cxn>
                      <a:cxn ang="T154">
                        <a:pos x="T56" y="T57"/>
                      </a:cxn>
                      <a:cxn ang="T155">
                        <a:pos x="T58" y="T59"/>
                      </a:cxn>
                      <a:cxn ang="T156">
                        <a:pos x="T60" y="T61"/>
                      </a:cxn>
                      <a:cxn ang="T157">
                        <a:pos x="T62" y="T63"/>
                      </a:cxn>
                      <a:cxn ang="T158">
                        <a:pos x="T64" y="T65"/>
                      </a:cxn>
                      <a:cxn ang="T159">
                        <a:pos x="T66" y="T67"/>
                      </a:cxn>
                      <a:cxn ang="T160">
                        <a:pos x="T68" y="T69"/>
                      </a:cxn>
                      <a:cxn ang="T161">
                        <a:pos x="T70" y="T71"/>
                      </a:cxn>
                      <a:cxn ang="T162">
                        <a:pos x="T72" y="T73"/>
                      </a:cxn>
                      <a:cxn ang="T163">
                        <a:pos x="T74" y="T75"/>
                      </a:cxn>
                      <a:cxn ang="T164">
                        <a:pos x="T76" y="T77"/>
                      </a:cxn>
                      <a:cxn ang="T165">
                        <a:pos x="T78" y="T79"/>
                      </a:cxn>
                      <a:cxn ang="T166">
                        <a:pos x="T80" y="T81"/>
                      </a:cxn>
                      <a:cxn ang="T167">
                        <a:pos x="T82" y="T83"/>
                      </a:cxn>
                      <a:cxn ang="T168">
                        <a:pos x="T84" y="T85"/>
                      </a:cxn>
                      <a:cxn ang="T169">
                        <a:pos x="T86" y="T87"/>
                      </a:cxn>
                      <a:cxn ang="T170">
                        <a:pos x="T88" y="T89"/>
                      </a:cxn>
                      <a:cxn ang="T171">
                        <a:pos x="T90" y="T91"/>
                      </a:cxn>
                      <a:cxn ang="T172">
                        <a:pos x="T92" y="T93"/>
                      </a:cxn>
                      <a:cxn ang="T173">
                        <a:pos x="T94" y="T95"/>
                      </a:cxn>
                      <a:cxn ang="T174">
                        <a:pos x="T96" y="T97"/>
                      </a:cxn>
                      <a:cxn ang="T175">
                        <a:pos x="T98" y="T99"/>
                      </a:cxn>
                      <a:cxn ang="T176">
                        <a:pos x="T100" y="T101"/>
                      </a:cxn>
                      <a:cxn ang="T177">
                        <a:pos x="T102" y="T103"/>
                      </a:cxn>
                      <a:cxn ang="T178">
                        <a:pos x="T104" y="T105"/>
                      </a:cxn>
                      <a:cxn ang="T179">
                        <a:pos x="T106" y="T107"/>
                      </a:cxn>
                      <a:cxn ang="T180">
                        <a:pos x="T108" y="T109"/>
                      </a:cxn>
                      <a:cxn ang="T181">
                        <a:pos x="T110" y="T111"/>
                      </a:cxn>
                      <a:cxn ang="T182">
                        <a:pos x="T112" y="T113"/>
                      </a:cxn>
                      <a:cxn ang="T183">
                        <a:pos x="T114" y="T115"/>
                      </a:cxn>
                      <a:cxn ang="T184">
                        <a:pos x="T116" y="T117"/>
                      </a:cxn>
                      <a:cxn ang="T185">
                        <a:pos x="T118" y="T119"/>
                      </a:cxn>
                      <a:cxn ang="T186">
                        <a:pos x="T120" y="T121"/>
                      </a:cxn>
                      <a:cxn ang="T187">
                        <a:pos x="T122" y="T123"/>
                      </a:cxn>
                      <a:cxn ang="T188">
                        <a:pos x="T124" y="T125"/>
                      </a:cxn>
                    </a:cxnLst>
                    <a:rect l="T189" t="T190" r="T191" b="T192"/>
                    <a:pathLst>
                      <a:path w="890" h="684">
                        <a:moveTo>
                          <a:pt x="650" y="14"/>
                        </a:moveTo>
                        <a:lnTo>
                          <a:pt x="650" y="32"/>
                        </a:lnTo>
                        <a:lnTo>
                          <a:pt x="655" y="32"/>
                        </a:lnTo>
                        <a:lnTo>
                          <a:pt x="656" y="42"/>
                        </a:lnTo>
                        <a:lnTo>
                          <a:pt x="655" y="42"/>
                        </a:lnTo>
                        <a:lnTo>
                          <a:pt x="653" y="44"/>
                        </a:lnTo>
                        <a:lnTo>
                          <a:pt x="651" y="44"/>
                        </a:lnTo>
                        <a:lnTo>
                          <a:pt x="648" y="46"/>
                        </a:lnTo>
                        <a:lnTo>
                          <a:pt x="643" y="46"/>
                        </a:lnTo>
                        <a:lnTo>
                          <a:pt x="641" y="49"/>
                        </a:lnTo>
                        <a:lnTo>
                          <a:pt x="638" y="52"/>
                        </a:lnTo>
                        <a:lnTo>
                          <a:pt x="636" y="58"/>
                        </a:lnTo>
                        <a:lnTo>
                          <a:pt x="636" y="63"/>
                        </a:lnTo>
                        <a:lnTo>
                          <a:pt x="636" y="68"/>
                        </a:lnTo>
                        <a:lnTo>
                          <a:pt x="636" y="69"/>
                        </a:lnTo>
                        <a:lnTo>
                          <a:pt x="636" y="71"/>
                        </a:lnTo>
                        <a:lnTo>
                          <a:pt x="638" y="71"/>
                        </a:lnTo>
                        <a:lnTo>
                          <a:pt x="641" y="71"/>
                        </a:lnTo>
                        <a:lnTo>
                          <a:pt x="641" y="69"/>
                        </a:lnTo>
                        <a:lnTo>
                          <a:pt x="643" y="61"/>
                        </a:lnTo>
                        <a:lnTo>
                          <a:pt x="644" y="54"/>
                        </a:lnTo>
                        <a:lnTo>
                          <a:pt x="648" y="51"/>
                        </a:lnTo>
                        <a:lnTo>
                          <a:pt x="651" y="47"/>
                        </a:lnTo>
                        <a:lnTo>
                          <a:pt x="656" y="47"/>
                        </a:lnTo>
                        <a:lnTo>
                          <a:pt x="660" y="47"/>
                        </a:lnTo>
                        <a:lnTo>
                          <a:pt x="661" y="47"/>
                        </a:lnTo>
                        <a:lnTo>
                          <a:pt x="663" y="49"/>
                        </a:lnTo>
                        <a:lnTo>
                          <a:pt x="683" y="95"/>
                        </a:lnTo>
                        <a:lnTo>
                          <a:pt x="682" y="112"/>
                        </a:lnTo>
                        <a:lnTo>
                          <a:pt x="692" y="132"/>
                        </a:lnTo>
                        <a:lnTo>
                          <a:pt x="697" y="127"/>
                        </a:lnTo>
                        <a:lnTo>
                          <a:pt x="699" y="129"/>
                        </a:lnTo>
                        <a:lnTo>
                          <a:pt x="700" y="132"/>
                        </a:lnTo>
                        <a:lnTo>
                          <a:pt x="704" y="137"/>
                        </a:lnTo>
                        <a:lnTo>
                          <a:pt x="707" y="144"/>
                        </a:lnTo>
                        <a:lnTo>
                          <a:pt x="710" y="149"/>
                        </a:lnTo>
                        <a:lnTo>
                          <a:pt x="714" y="154"/>
                        </a:lnTo>
                        <a:lnTo>
                          <a:pt x="716" y="159"/>
                        </a:lnTo>
                        <a:lnTo>
                          <a:pt x="717" y="161"/>
                        </a:lnTo>
                        <a:lnTo>
                          <a:pt x="726" y="174"/>
                        </a:lnTo>
                        <a:lnTo>
                          <a:pt x="732" y="184"/>
                        </a:lnTo>
                        <a:lnTo>
                          <a:pt x="738" y="191"/>
                        </a:lnTo>
                        <a:lnTo>
                          <a:pt x="741" y="196"/>
                        </a:lnTo>
                        <a:lnTo>
                          <a:pt x="741" y="200"/>
                        </a:lnTo>
                        <a:lnTo>
                          <a:pt x="738" y="196"/>
                        </a:lnTo>
                        <a:lnTo>
                          <a:pt x="736" y="193"/>
                        </a:lnTo>
                        <a:lnTo>
                          <a:pt x="732" y="190"/>
                        </a:lnTo>
                        <a:lnTo>
                          <a:pt x="729" y="186"/>
                        </a:lnTo>
                        <a:lnTo>
                          <a:pt x="726" y="181"/>
                        </a:lnTo>
                        <a:lnTo>
                          <a:pt x="722" y="178"/>
                        </a:lnTo>
                        <a:lnTo>
                          <a:pt x="721" y="174"/>
                        </a:lnTo>
                        <a:lnTo>
                          <a:pt x="719" y="173"/>
                        </a:lnTo>
                        <a:lnTo>
                          <a:pt x="714" y="174"/>
                        </a:lnTo>
                        <a:lnTo>
                          <a:pt x="716" y="174"/>
                        </a:lnTo>
                        <a:lnTo>
                          <a:pt x="717" y="178"/>
                        </a:lnTo>
                        <a:lnTo>
                          <a:pt x="721" y="183"/>
                        </a:lnTo>
                        <a:lnTo>
                          <a:pt x="724" y="188"/>
                        </a:lnTo>
                        <a:lnTo>
                          <a:pt x="729" y="195"/>
                        </a:lnTo>
                        <a:lnTo>
                          <a:pt x="732" y="200"/>
                        </a:lnTo>
                        <a:lnTo>
                          <a:pt x="734" y="203"/>
                        </a:lnTo>
                        <a:lnTo>
                          <a:pt x="736" y="205"/>
                        </a:lnTo>
                        <a:lnTo>
                          <a:pt x="748" y="217"/>
                        </a:lnTo>
                        <a:lnTo>
                          <a:pt x="754" y="225"/>
                        </a:lnTo>
                        <a:lnTo>
                          <a:pt x="760" y="232"/>
                        </a:lnTo>
                        <a:lnTo>
                          <a:pt x="760" y="235"/>
                        </a:lnTo>
                        <a:lnTo>
                          <a:pt x="758" y="235"/>
                        </a:lnTo>
                        <a:lnTo>
                          <a:pt x="756" y="235"/>
                        </a:lnTo>
                        <a:lnTo>
                          <a:pt x="754" y="235"/>
                        </a:lnTo>
                        <a:lnTo>
                          <a:pt x="753" y="235"/>
                        </a:lnTo>
                        <a:lnTo>
                          <a:pt x="754" y="235"/>
                        </a:lnTo>
                        <a:lnTo>
                          <a:pt x="760" y="250"/>
                        </a:lnTo>
                        <a:lnTo>
                          <a:pt x="766" y="266"/>
                        </a:lnTo>
                        <a:lnTo>
                          <a:pt x="773" y="279"/>
                        </a:lnTo>
                        <a:lnTo>
                          <a:pt x="780" y="293"/>
                        </a:lnTo>
                        <a:lnTo>
                          <a:pt x="787" y="305"/>
                        </a:lnTo>
                        <a:lnTo>
                          <a:pt x="793" y="318"/>
                        </a:lnTo>
                        <a:lnTo>
                          <a:pt x="800" y="328"/>
                        </a:lnTo>
                        <a:lnTo>
                          <a:pt x="805" y="338"/>
                        </a:lnTo>
                        <a:lnTo>
                          <a:pt x="812" y="349"/>
                        </a:lnTo>
                        <a:lnTo>
                          <a:pt x="817" y="357"/>
                        </a:lnTo>
                        <a:lnTo>
                          <a:pt x="822" y="366"/>
                        </a:lnTo>
                        <a:lnTo>
                          <a:pt x="827" y="374"/>
                        </a:lnTo>
                        <a:lnTo>
                          <a:pt x="832" y="381"/>
                        </a:lnTo>
                        <a:lnTo>
                          <a:pt x="836" y="386"/>
                        </a:lnTo>
                        <a:lnTo>
                          <a:pt x="837" y="391"/>
                        </a:lnTo>
                        <a:lnTo>
                          <a:pt x="839" y="394"/>
                        </a:lnTo>
                        <a:lnTo>
                          <a:pt x="842" y="398"/>
                        </a:lnTo>
                        <a:lnTo>
                          <a:pt x="846" y="403"/>
                        </a:lnTo>
                        <a:lnTo>
                          <a:pt x="849" y="406"/>
                        </a:lnTo>
                        <a:lnTo>
                          <a:pt x="851" y="411"/>
                        </a:lnTo>
                        <a:lnTo>
                          <a:pt x="853" y="415"/>
                        </a:lnTo>
                        <a:lnTo>
                          <a:pt x="854" y="418"/>
                        </a:lnTo>
                        <a:lnTo>
                          <a:pt x="856" y="420"/>
                        </a:lnTo>
                        <a:lnTo>
                          <a:pt x="858" y="420"/>
                        </a:lnTo>
                        <a:lnTo>
                          <a:pt x="863" y="425"/>
                        </a:lnTo>
                        <a:lnTo>
                          <a:pt x="868" y="428"/>
                        </a:lnTo>
                        <a:lnTo>
                          <a:pt x="870" y="432"/>
                        </a:lnTo>
                        <a:lnTo>
                          <a:pt x="871" y="435"/>
                        </a:lnTo>
                        <a:lnTo>
                          <a:pt x="871" y="438"/>
                        </a:lnTo>
                        <a:lnTo>
                          <a:pt x="870" y="442"/>
                        </a:lnTo>
                        <a:lnTo>
                          <a:pt x="870" y="443"/>
                        </a:lnTo>
                        <a:lnTo>
                          <a:pt x="870" y="445"/>
                        </a:lnTo>
                        <a:lnTo>
                          <a:pt x="875" y="450"/>
                        </a:lnTo>
                        <a:lnTo>
                          <a:pt x="878" y="454"/>
                        </a:lnTo>
                        <a:lnTo>
                          <a:pt x="880" y="457"/>
                        </a:lnTo>
                        <a:lnTo>
                          <a:pt x="880" y="460"/>
                        </a:lnTo>
                        <a:lnTo>
                          <a:pt x="880" y="462"/>
                        </a:lnTo>
                        <a:lnTo>
                          <a:pt x="880" y="464"/>
                        </a:lnTo>
                        <a:lnTo>
                          <a:pt x="878" y="464"/>
                        </a:lnTo>
                        <a:lnTo>
                          <a:pt x="888" y="474"/>
                        </a:lnTo>
                        <a:lnTo>
                          <a:pt x="888" y="476"/>
                        </a:lnTo>
                        <a:lnTo>
                          <a:pt x="888" y="479"/>
                        </a:lnTo>
                        <a:lnTo>
                          <a:pt x="890" y="484"/>
                        </a:lnTo>
                        <a:lnTo>
                          <a:pt x="890" y="491"/>
                        </a:lnTo>
                        <a:lnTo>
                          <a:pt x="890" y="498"/>
                        </a:lnTo>
                        <a:lnTo>
                          <a:pt x="890" y="508"/>
                        </a:lnTo>
                        <a:lnTo>
                          <a:pt x="890" y="518"/>
                        </a:lnTo>
                        <a:lnTo>
                          <a:pt x="890" y="526"/>
                        </a:lnTo>
                        <a:lnTo>
                          <a:pt x="890" y="536"/>
                        </a:lnTo>
                        <a:lnTo>
                          <a:pt x="890" y="547"/>
                        </a:lnTo>
                        <a:lnTo>
                          <a:pt x="890" y="555"/>
                        </a:lnTo>
                        <a:lnTo>
                          <a:pt x="890" y="564"/>
                        </a:lnTo>
                        <a:lnTo>
                          <a:pt x="890" y="570"/>
                        </a:lnTo>
                        <a:lnTo>
                          <a:pt x="890" y="575"/>
                        </a:lnTo>
                        <a:lnTo>
                          <a:pt x="890" y="580"/>
                        </a:lnTo>
                        <a:lnTo>
                          <a:pt x="886" y="586"/>
                        </a:lnTo>
                        <a:lnTo>
                          <a:pt x="883" y="589"/>
                        </a:lnTo>
                        <a:lnTo>
                          <a:pt x="881" y="594"/>
                        </a:lnTo>
                        <a:lnTo>
                          <a:pt x="880" y="599"/>
                        </a:lnTo>
                        <a:lnTo>
                          <a:pt x="878" y="604"/>
                        </a:lnTo>
                        <a:lnTo>
                          <a:pt x="876" y="609"/>
                        </a:lnTo>
                        <a:lnTo>
                          <a:pt x="876" y="614"/>
                        </a:lnTo>
                        <a:lnTo>
                          <a:pt x="876" y="619"/>
                        </a:lnTo>
                        <a:lnTo>
                          <a:pt x="876" y="623"/>
                        </a:lnTo>
                        <a:lnTo>
                          <a:pt x="876" y="628"/>
                        </a:lnTo>
                        <a:lnTo>
                          <a:pt x="876" y="631"/>
                        </a:lnTo>
                        <a:lnTo>
                          <a:pt x="876" y="635"/>
                        </a:lnTo>
                        <a:lnTo>
                          <a:pt x="876" y="638"/>
                        </a:lnTo>
                        <a:lnTo>
                          <a:pt x="876" y="640"/>
                        </a:lnTo>
                        <a:lnTo>
                          <a:pt x="878" y="641"/>
                        </a:lnTo>
                        <a:lnTo>
                          <a:pt x="876" y="650"/>
                        </a:lnTo>
                        <a:lnTo>
                          <a:pt x="875" y="657"/>
                        </a:lnTo>
                        <a:lnTo>
                          <a:pt x="871" y="660"/>
                        </a:lnTo>
                        <a:lnTo>
                          <a:pt x="868" y="662"/>
                        </a:lnTo>
                        <a:lnTo>
                          <a:pt x="864" y="663"/>
                        </a:lnTo>
                        <a:lnTo>
                          <a:pt x="861" y="663"/>
                        </a:lnTo>
                        <a:lnTo>
                          <a:pt x="858" y="663"/>
                        </a:lnTo>
                        <a:lnTo>
                          <a:pt x="856" y="663"/>
                        </a:lnTo>
                        <a:lnTo>
                          <a:pt x="849" y="668"/>
                        </a:lnTo>
                        <a:lnTo>
                          <a:pt x="842" y="674"/>
                        </a:lnTo>
                        <a:lnTo>
                          <a:pt x="837" y="675"/>
                        </a:lnTo>
                        <a:lnTo>
                          <a:pt x="834" y="675"/>
                        </a:lnTo>
                        <a:lnTo>
                          <a:pt x="831" y="675"/>
                        </a:lnTo>
                        <a:lnTo>
                          <a:pt x="827" y="674"/>
                        </a:lnTo>
                        <a:lnTo>
                          <a:pt x="826" y="674"/>
                        </a:lnTo>
                        <a:lnTo>
                          <a:pt x="817" y="680"/>
                        </a:lnTo>
                        <a:lnTo>
                          <a:pt x="810" y="684"/>
                        </a:lnTo>
                        <a:lnTo>
                          <a:pt x="805" y="684"/>
                        </a:lnTo>
                        <a:lnTo>
                          <a:pt x="800" y="684"/>
                        </a:lnTo>
                        <a:lnTo>
                          <a:pt x="797" y="684"/>
                        </a:lnTo>
                        <a:lnTo>
                          <a:pt x="793" y="680"/>
                        </a:lnTo>
                        <a:lnTo>
                          <a:pt x="792" y="680"/>
                        </a:lnTo>
                        <a:lnTo>
                          <a:pt x="792" y="679"/>
                        </a:lnTo>
                        <a:lnTo>
                          <a:pt x="787" y="670"/>
                        </a:lnTo>
                        <a:lnTo>
                          <a:pt x="787" y="667"/>
                        </a:lnTo>
                        <a:lnTo>
                          <a:pt x="788" y="663"/>
                        </a:lnTo>
                        <a:lnTo>
                          <a:pt x="790" y="665"/>
                        </a:lnTo>
                        <a:lnTo>
                          <a:pt x="795" y="667"/>
                        </a:lnTo>
                        <a:lnTo>
                          <a:pt x="798" y="668"/>
                        </a:lnTo>
                        <a:lnTo>
                          <a:pt x="802" y="670"/>
                        </a:lnTo>
                        <a:lnTo>
                          <a:pt x="802" y="672"/>
                        </a:lnTo>
                        <a:lnTo>
                          <a:pt x="820" y="665"/>
                        </a:lnTo>
                        <a:lnTo>
                          <a:pt x="810" y="653"/>
                        </a:lnTo>
                        <a:lnTo>
                          <a:pt x="812" y="652"/>
                        </a:lnTo>
                        <a:lnTo>
                          <a:pt x="814" y="650"/>
                        </a:lnTo>
                        <a:lnTo>
                          <a:pt x="815" y="648"/>
                        </a:lnTo>
                        <a:lnTo>
                          <a:pt x="810" y="640"/>
                        </a:lnTo>
                        <a:lnTo>
                          <a:pt x="807" y="635"/>
                        </a:lnTo>
                        <a:lnTo>
                          <a:pt x="804" y="633"/>
                        </a:lnTo>
                        <a:lnTo>
                          <a:pt x="802" y="631"/>
                        </a:lnTo>
                        <a:lnTo>
                          <a:pt x="800" y="633"/>
                        </a:lnTo>
                        <a:lnTo>
                          <a:pt x="798" y="635"/>
                        </a:lnTo>
                        <a:lnTo>
                          <a:pt x="798" y="636"/>
                        </a:lnTo>
                        <a:lnTo>
                          <a:pt x="798" y="638"/>
                        </a:lnTo>
                        <a:lnTo>
                          <a:pt x="802" y="645"/>
                        </a:lnTo>
                        <a:lnTo>
                          <a:pt x="802" y="650"/>
                        </a:lnTo>
                        <a:lnTo>
                          <a:pt x="800" y="652"/>
                        </a:lnTo>
                        <a:lnTo>
                          <a:pt x="797" y="653"/>
                        </a:lnTo>
                        <a:lnTo>
                          <a:pt x="793" y="653"/>
                        </a:lnTo>
                        <a:lnTo>
                          <a:pt x="790" y="653"/>
                        </a:lnTo>
                        <a:lnTo>
                          <a:pt x="788" y="652"/>
                        </a:lnTo>
                        <a:lnTo>
                          <a:pt x="787" y="652"/>
                        </a:lnTo>
                        <a:lnTo>
                          <a:pt x="780" y="640"/>
                        </a:lnTo>
                        <a:lnTo>
                          <a:pt x="775" y="630"/>
                        </a:lnTo>
                        <a:lnTo>
                          <a:pt x="768" y="621"/>
                        </a:lnTo>
                        <a:lnTo>
                          <a:pt x="763" y="614"/>
                        </a:lnTo>
                        <a:lnTo>
                          <a:pt x="756" y="609"/>
                        </a:lnTo>
                        <a:lnTo>
                          <a:pt x="749" y="606"/>
                        </a:lnTo>
                        <a:lnTo>
                          <a:pt x="744" y="602"/>
                        </a:lnTo>
                        <a:lnTo>
                          <a:pt x="739" y="599"/>
                        </a:lnTo>
                        <a:lnTo>
                          <a:pt x="734" y="597"/>
                        </a:lnTo>
                        <a:lnTo>
                          <a:pt x="729" y="597"/>
                        </a:lnTo>
                        <a:lnTo>
                          <a:pt x="724" y="597"/>
                        </a:lnTo>
                        <a:lnTo>
                          <a:pt x="721" y="597"/>
                        </a:lnTo>
                        <a:lnTo>
                          <a:pt x="719" y="597"/>
                        </a:lnTo>
                        <a:lnTo>
                          <a:pt x="716" y="597"/>
                        </a:lnTo>
                        <a:lnTo>
                          <a:pt x="714" y="597"/>
                        </a:lnTo>
                        <a:lnTo>
                          <a:pt x="714" y="599"/>
                        </a:lnTo>
                        <a:lnTo>
                          <a:pt x="712" y="597"/>
                        </a:lnTo>
                        <a:lnTo>
                          <a:pt x="710" y="594"/>
                        </a:lnTo>
                        <a:lnTo>
                          <a:pt x="707" y="592"/>
                        </a:lnTo>
                        <a:lnTo>
                          <a:pt x="705" y="589"/>
                        </a:lnTo>
                        <a:lnTo>
                          <a:pt x="704" y="586"/>
                        </a:lnTo>
                        <a:lnTo>
                          <a:pt x="702" y="584"/>
                        </a:lnTo>
                        <a:lnTo>
                          <a:pt x="700" y="580"/>
                        </a:lnTo>
                        <a:lnTo>
                          <a:pt x="697" y="564"/>
                        </a:lnTo>
                        <a:lnTo>
                          <a:pt x="692" y="550"/>
                        </a:lnTo>
                        <a:lnTo>
                          <a:pt x="687" y="542"/>
                        </a:lnTo>
                        <a:lnTo>
                          <a:pt x="683" y="536"/>
                        </a:lnTo>
                        <a:lnTo>
                          <a:pt x="680" y="535"/>
                        </a:lnTo>
                        <a:lnTo>
                          <a:pt x="677" y="535"/>
                        </a:lnTo>
                        <a:lnTo>
                          <a:pt x="675" y="535"/>
                        </a:lnTo>
                        <a:lnTo>
                          <a:pt x="666" y="526"/>
                        </a:lnTo>
                        <a:lnTo>
                          <a:pt x="661" y="514"/>
                        </a:lnTo>
                        <a:lnTo>
                          <a:pt x="661" y="498"/>
                        </a:lnTo>
                        <a:lnTo>
                          <a:pt x="653" y="486"/>
                        </a:lnTo>
                        <a:lnTo>
                          <a:pt x="661" y="472"/>
                        </a:lnTo>
                        <a:lnTo>
                          <a:pt x="646" y="481"/>
                        </a:lnTo>
                        <a:lnTo>
                          <a:pt x="646" y="479"/>
                        </a:lnTo>
                        <a:lnTo>
                          <a:pt x="644" y="479"/>
                        </a:lnTo>
                        <a:lnTo>
                          <a:pt x="641" y="477"/>
                        </a:lnTo>
                        <a:lnTo>
                          <a:pt x="639" y="476"/>
                        </a:lnTo>
                        <a:lnTo>
                          <a:pt x="636" y="474"/>
                        </a:lnTo>
                        <a:lnTo>
                          <a:pt x="634" y="474"/>
                        </a:lnTo>
                        <a:lnTo>
                          <a:pt x="633" y="472"/>
                        </a:lnTo>
                        <a:lnTo>
                          <a:pt x="633" y="474"/>
                        </a:lnTo>
                        <a:lnTo>
                          <a:pt x="638" y="482"/>
                        </a:lnTo>
                        <a:lnTo>
                          <a:pt x="643" y="489"/>
                        </a:lnTo>
                        <a:lnTo>
                          <a:pt x="644" y="494"/>
                        </a:lnTo>
                        <a:lnTo>
                          <a:pt x="644" y="498"/>
                        </a:lnTo>
                        <a:lnTo>
                          <a:pt x="643" y="498"/>
                        </a:lnTo>
                        <a:lnTo>
                          <a:pt x="641" y="498"/>
                        </a:lnTo>
                        <a:lnTo>
                          <a:pt x="638" y="496"/>
                        </a:lnTo>
                        <a:lnTo>
                          <a:pt x="636" y="494"/>
                        </a:lnTo>
                        <a:lnTo>
                          <a:pt x="631" y="491"/>
                        </a:lnTo>
                        <a:lnTo>
                          <a:pt x="628" y="487"/>
                        </a:lnTo>
                        <a:lnTo>
                          <a:pt x="622" y="484"/>
                        </a:lnTo>
                        <a:lnTo>
                          <a:pt x="619" y="481"/>
                        </a:lnTo>
                        <a:lnTo>
                          <a:pt x="616" y="477"/>
                        </a:lnTo>
                        <a:lnTo>
                          <a:pt x="612" y="474"/>
                        </a:lnTo>
                        <a:lnTo>
                          <a:pt x="611" y="472"/>
                        </a:lnTo>
                        <a:lnTo>
                          <a:pt x="607" y="457"/>
                        </a:lnTo>
                        <a:lnTo>
                          <a:pt x="582" y="425"/>
                        </a:lnTo>
                        <a:lnTo>
                          <a:pt x="584" y="425"/>
                        </a:lnTo>
                        <a:lnTo>
                          <a:pt x="585" y="423"/>
                        </a:lnTo>
                        <a:lnTo>
                          <a:pt x="587" y="423"/>
                        </a:lnTo>
                        <a:lnTo>
                          <a:pt x="589" y="421"/>
                        </a:lnTo>
                        <a:lnTo>
                          <a:pt x="590" y="421"/>
                        </a:lnTo>
                        <a:lnTo>
                          <a:pt x="592" y="420"/>
                        </a:lnTo>
                        <a:lnTo>
                          <a:pt x="594" y="420"/>
                        </a:lnTo>
                        <a:lnTo>
                          <a:pt x="589" y="418"/>
                        </a:lnTo>
                        <a:lnTo>
                          <a:pt x="587" y="413"/>
                        </a:lnTo>
                        <a:lnTo>
                          <a:pt x="587" y="408"/>
                        </a:lnTo>
                        <a:lnTo>
                          <a:pt x="587" y="401"/>
                        </a:lnTo>
                        <a:lnTo>
                          <a:pt x="589" y="394"/>
                        </a:lnTo>
                        <a:lnTo>
                          <a:pt x="590" y="388"/>
                        </a:lnTo>
                        <a:lnTo>
                          <a:pt x="590" y="382"/>
                        </a:lnTo>
                        <a:lnTo>
                          <a:pt x="590" y="379"/>
                        </a:lnTo>
                        <a:lnTo>
                          <a:pt x="587" y="371"/>
                        </a:lnTo>
                        <a:lnTo>
                          <a:pt x="585" y="364"/>
                        </a:lnTo>
                        <a:lnTo>
                          <a:pt x="582" y="360"/>
                        </a:lnTo>
                        <a:lnTo>
                          <a:pt x="580" y="359"/>
                        </a:lnTo>
                        <a:lnTo>
                          <a:pt x="578" y="359"/>
                        </a:lnTo>
                        <a:lnTo>
                          <a:pt x="577" y="360"/>
                        </a:lnTo>
                        <a:lnTo>
                          <a:pt x="577" y="364"/>
                        </a:lnTo>
                        <a:lnTo>
                          <a:pt x="575" y="367"/>
                        </a:lnTo>
                        <a:lnTo>
                          <a:pt x="575" y="372"/>
                        </a:lnTo>
                        <a:lnTo>
                          <a:pt x="575" y="377"/>
                        </a:lnTo>
                        <a:lnTo>
                          <a:pt x="575" y="382"/>
                        </a:lnTo>
                        <a:lnTo>
                          <a:pt x="575" y="388"/>
                        </a:lnTo>
                        <a:lnTo>
                          <a:pt x="575" y="393"/>
                        </a:lnTo>
                        <a:lnTo>
                          <a:pt x="575" y="396"/>
                        </a:lnTo>
                        <a:lnTo>
                          <a:pt x="575" y="399"/>
                        </a:lnTo>
                        <a:lnTo>
                          <a:pt x="572" y="398"/>
                        </a:lnTo>
                        <a:lnTo>
                          <a:pt x="568" y="394"/>
                        </a:lnTo>
                        <a:lnTo>
                          <a:pt x="565" y="391"/>
                        </a:lnTo>
                        <a:lnTo>
                          <a:pt x="560" y="388"/>
                        </a:lnTo>
                        <a:lnTo>
                          <a:pt x="558" y="384"/>
                        </a:lnTo>
                        <a:lnTo>
                          <a:pt x="555" y="382"/>
                        </a:lnTo>
                        <a:lnTo>
                          <a:pt x="555" y="381"/>
                        </a:lnTo>
                        <a:lnTo>
                          <a:pt x="556" y="374"/>
                        </a:lnTo>
                        <a:lnTo>
                          <a:pt x="558" y="366"/>
                        </a:lnTo>
                        <a:lnTo>
                          <a:pt x="558" y="359"/>
                        </a:lnTo>
                        <a:lnTo>
                          <a:pt x="558" y="352"/>
                        </a:lnTo>
                        <a:lnTo>
                          <a:pt x="556" y="345"/>
                        </a:lnTo>
                        <a:lnTo>
                          <a:pt x="556" y="340"/>
                        </a:lnTo>
                        <a:lnTo>
                          <a:pt x="555" y="337"/>
                        </a:lnTo>
                        <a:lnTo>
                          <a:pt x="555" y="335"/>
                        </a:lnTo>
                        <a:lnTo>
                          <a:pt x="558" y="328"/>
                        </a:lnTo>
                        <a:lnTo>
                          <a:pt x="560" y="323"/>
                        </a:lnTo>
                        <a:lnTo>
                          <a:pt x="562" y="316"/>
                        </a:lnTo>
                        <a:lnTo>
                          <a:pt x="562" y="311"/>
                        </a:lnTo>
                        <a:lnTo>
                          <a:pt x="563" y="305"/>
                        </a:lnTo>
                        <a:lnTo>
                          <a:pt x="563" y="300"/>
                        </a:lnTo>
                        <a:lnTo>
                          <a:pt x="563" y="293"/>
                        </a:lnTo>
                        <a:lnTo>
                          <a:pt x="563" y="288"/>
                        </a:lnTo>
                        <a:lnTo>
                          <a:pt x="562" y="283"/>
                        </a:lnTo>
                        <a:lnTo>
                          <a:pt x="562" y="278"/>
                        </a:lnTo>
                        <a:lnTo>
                          <a:pt x="560" y="274"/>
                        </a:lnTo>
                        <a:lnTo>
                          <a:pt x="560" y="269"/>
                        </a:lnTo>
                        <a:lnTo>
                          <a:pt x="560" y="267"/>
                        </a:lnTo>
                        <a:lnTo>
                          <a:pt x="558" y="264"/>
                        </a:lnTo>
                        <a:lnTo>
                          <a:pt x="558" y="262"/>
                        </a:lnTo>
                        <a:lnTo>
                          <a:pt x="558" y="261"/>
                        </a:lnTo>
                        <a:lnTo>
                          <a:pt x="558" y="257"/>
                        </a:lnTo>
                        <a:lnTo>
                          <a:pt x="558" y="256"/>
                        </a:lnTo>
                        <a:lnTo>
                          <a:pt x="556" y="252"/>
                        </a:lnTo>
                        <a:lnTo>
                          <a:pt x="556" y="249"/>
                        </a:lnTo>
                        <a:lnTo>
                          <a:pt x="555" y="247"/>
                        </a:lnTo>
                        <a:lnTo>
                          <a:pt x="551" y="245"/>
                        </a:lnTo>
                        <a:lnTo>
                          <a:pt x="548" y="242"/>
                        </a:lnTo>
                        <a:lnTo>
                          <a:pt x="545" y="239"/>
                        </a:lnTo>
                        <a:lnTo>
                          <a:pt x="541" y="232"/>
                        </a:lnTo>
                        <a:lnTo>
                          <a:pt x="538" y="227"/>
                        </a:lnTo>
                        <a:lnTo>
                          <a:pt x="534" y="223"/>
                        </a:lnTo>
                        <a:lnTo>
                          <a:pt x="533" y="220"/>
                        </a:lnTo>
                        <a:lnTo>
                          <a:pt x="533" y="218"/>
                        </a:lnTo>
                        <a:lnTo>
                          <a:pt x="521" y="222"/>
                        </a:lnTo>
                        <a:lnTo>
                          <a:pt x="514" y="222"/>
                        </a:lnTo>
                        <a:lnTo>
                          <a:pt x="509" y="222"/>
                        </a:lnTo>
                        <a:lnTo>
                          <a:pt x="507" y="220"/>
                        </a:lnTo>
                        <a:lnTo>
                          <a:pt x="506" y="217"/>
                        </a:lnTo>
                        <a:lnTo>
                          <a:pt x="506" y="215"/>
                        </a:lnTo>
                        <a:lnTo>
                          <a:pt x="507" y="215"/>
                        </a:lnTo>
                        <a:lnTo>
                          <a:pt x="507" y="213"/>
                        </a:lnTo>
                        <a:lnTo>
                          <a:pt x="497" y="206"/>
                        </a:lnTo>
                        <a:lnTo>
                          <a:pt x="484" y="191"/>
                        </a:lnTo>
                        <a:lnTo>
                          <a:pt x="467" y="179"/>
                        </a:lnTo>
                        <a:lnTo>
                          <a:pt x="465" y="179"/>
                        </a:lnTo>
                        <a:lnTo>
                          <a:pt x="463" y="176"/>
                        </a:lnTo>
                        <a:lnTo>
                          <a:pt x="458" y="173"/>
                        </a:lnTo>
                        <a:lnTo>
                          <a:pt x="455" y="168"/>
                        </a:lnTo>
                        <a:lnTo>
                          <a:pt x="450" y="162"/>
                        </a:lnTo>
                        <a:lnTo>
                          <a:pt x="446" y="157"/>
                        </a:lnTo>
                        <a:lnTo>
                          <a:pt x="445" y="154"/>
                        </a:lnTo>
                        <a:lnTo>
                          <a:pt x="443" y="152"/>
                        </a:lnTo>
                        <a:lnTo>
                          <a:pt x="433" y="144"/>
                        </a:lnTo>
                        <a:lnTo>
                          <a:pt x="424" y="139"/>
                        </a:lnTo>
                        <a:lnTo>
                          <a:pt x="418" y="132"/>
                        </a:lnTo>
                        <a:lnTo>
                          <a:pt x="411" y="129"/>
                        </a:lnTo>
                        <a:lnTo>
                          <a:pt x="404" y="125"/>
                        </a:lnTo>
                        <a:lnTo>
                          <a:pt x="399" y="124"/>
                        </a:lnTo>
                        <a:lnTo>
                          <a:pt x="396" y="124"/>
                        </a:lnTo>
                        <a:lnTo>
                          <a:pt x="394" y="122"/>
                        </a:lnTo>
                        <a:lnTo>
                          <a:pt x="377" y="122"/>
                        </a:lnTo>
                        <a:lnTo>
                          <a:pt x="367" y="122"/>
                        </a:lnTo>
                        <a:lnTo>
                          <a:pt x="360" y="127"/>
                        </a:lnTo>
                        <a:lnTo>
                          <a:pt x="355" y="132"/>
                        </a:lnTo>
                        <a:lnTo>
                          <a:pt x="355" y="139"/>
                        </a:lnTo>
                        <a:lnTo>
                          <a:pt x="355" y="144"/>
                        </a:lnTo>
                        <a:lnTo>
                          <a:pt x="357" y="147"/>
                        </a:lnTo>
                        <a:lnTo>
                          <a:pt x="357" y="149"/>
                        </a:lnTo>
                        <a:lnTo>
                          <a:pt x="350" y="147"/>
                        </a:lnTo>
                        <a:lnTo>
                          <a:pt x="342" y="149"/>
                        </a:lnTo>
                        <a:lnTo>
                          <a:pt x="335" y="152"/>
                        </a:lnTo>
                        <a:lnTo>
                          <a:pt x="330" y="156"/>
                        </a:lnTo>
                        <a:lnTo>
                          <a:pt x="325" y="161"/>
                        </a:lnTo>
                        <a:lnTo>
                          <a:pt x="320" y="164"/>
                        </a:lnTo>
                        <a:lnTo>
                          <a:pt x="316" y="168"/>
                        </a:lnTo>
                        <a:lnTo>
                          <a:pt x="316" y="169"/>
                        </a:lnTo>
                        <a:lnTo>
                          <a:pt x="309" y="176"/>
                        </a:lnTo>
                        <a:lnTo>
                          <a:pt x="306" y="178"/>
                        </a:lnTo>
                        <a:lnTo>
                          <a:pt x="304" y="178"/>
                        </a:lnTo>
                        <a:lnTo>
                          <a:pt x="304" y="176"/>
                        </a:lnTo>
                        <a:lnTo>
                          <a:pt x="304" y="174"/>
                        </a:lnTo>
                        <a:lnTo>
                          <a:pt x="306" y="171"/>
                        </a:lnTo>
                        <a:lnTo>
                          <a:pt x="308" y="169"/>
                        </a:lnTo>
                        <a:lnTo>
                          <a:pt x="308" y="168"/>
                        </a:lnTo>
                        <a:lnTo>
                          <a:pt x="306" y="168"/>
                        </a:lnTo>
                        <a:lnTo>
                          <a:pt x="306" y="169"/>
                        </a:lnTo>
                        <a:lnTo>
                          <a:pt x="303" y="173"/>
                        </a:lnTo>
                        <a:lnTo>
                          <a:pt x="299" y="174"/>
                        </a:lnTo>
                        <a:lnTo>
                          <a:pt x="298" y="178"/>
                        </a:lnTo>
                        <a:lnTo>
                          <a:pt x="294" y="179"/>
                        </a:lnTo>
                        <a:lnTo>
                          <a:pt x="293" y="181"/>
                        </a:lnTo>
                        <a:lnTo>
                          <a:pt x="291" y="183"/>
                        </a:lnTo>
                        <a:lnTo>
                          <a:pt x="284" y="181"/>
                        </a:lnTo>
                        <a:lnTo>
                          <a:pt x="277" y="181"/>
                        </a:lnTo>
                        <a:lnTo>
                          <a:pt x="271" y="183"/>
                        </a:lnTo>
                        <a:lnTo>
                          <a:pt x="265" y="186"/>
                        </a:lnTo>
                        <a:lnTo>
                          <a:pt x="260" y="188"/>
                        </a:lnTo>
                        <a:lnTo>
                          <a:pt x="257" y="190"/>
                        </a:lnTo>
                        <a:lnTo>
                          <a:pt x="254" y="191"/>
                        </a:lnTo>
                        <a:lnTo>
                          <a:pt x="247" y="184"/>
                        </a:lnTo>
                        <a:lnTo>
                          <a:pt x="243" y="179"/>
                        </a:lnTo>
                        <a:lnTo>
                          <a:pt x="245" y="179"/>
                        </a:lnTo>
                        <a:lnTo>
                          <a:pt x="249" y="181"/>
                        </a:lnTo>
                        <a:lnTo>
                          <a:pt x="252" y="184"/>
                        </a:lnTo>
                        <a:lnTo>
                          <a:pt x="255" y="186"/>
                        </a:lnTo>
                        <a:lnTo>
                          <a:pt x="257" y="186"/>
                        </a:lnTo>
                        <a:lnTo>
                          <a:pt x="257" y="176"/>
                        </a:lnTo>
                        <a:lnTo>
                          <a:pt x="247" y="162"/>
                        </a:lnTo>
                        <a:lnTo>
                          <a:pt x="218" y="140"/>
                        </a:lnTo>
                        <a:lnTo>
                          <a:pt x="232" y="142"/>
                        </a:lnTo>
                        <a:lnTo>
                          <a:pt x="238" y="144"/>
                        </a:lnTo>
                        <a:lnTo>
                          <a:pt x="238" y="142"/>
                        </a:lnTo>
                        <a:lnTo>
                          <a:pt x="235" y="140"/>
                        </a:lnTo>
                        <a:lnTo>
                          <a:pt x="230" y="137"/>
                        </a:lnTo>
                        <a:lnTo>
                          <a:pt x="223" y="135"/>
                        </a:lnTo>
                        <a:lnTo>
                          <a:pt x="218" y="132"/>
                        </a:lnTo>
                        <a:lnTo>
                          <a:pt x="216" y="132"/>
                        </a:lnTo>
                        <a:lnTo>
                          <a:pt x="223" y="117"/>
                        </a:lnTo>
                        <a:lnTo>
                          <a:pt x="205" y="120"/>
                        </a:lnTo>
                        <a:lnTo>
                          <a:pt x="205" y="122"/>
                        </a:lnTo>
                        <a:lnTo>
                          <a:pt x="206" y="125"/>
                        </a:lnTo>
                        <a:lnTo>
                          <a:pt x="206" y="127"/>
                        </a:lnTo>
                        <a:lnTo>
                          <a:pt x="206" y="130"/>
                        </a:lnTo>
                        <a:lnTo>
                          <a:pt x="208" y="134"/>
                        </a:lnTo>
                        <a:lnTo>
                          <a:pt x="208" y="135"/>
                        </a:lnTo>
                        <a:lnTo>
                          <a:pt x="201" y="130"/>
                        </a:lnTo>
                        <a:lnTo>
                          <a:pt x="193" y="127"/>
                        </a:lnTo>
                        <a:lnTo>
                          <a:pt x="186" y="124"/>
                        </a:lnTo>
                        <a:lnTo>
                          <a:pt x="179" y="122"/>
                        </a:lnTo>
                        <a:lnTo>
                          <a:pt x="172" y="118"/>
                        </a:lnTo>
                        <a:lnTo>
                          <a:pt x="164" y="117"/>
                        </a:lnTo>
                        <a:lnTo>
                          <a:pt x="159" y="115"/>
                        </a:lnTo>
                        <a:lnTo>
                          <a:pt x="152" y="115"/>
                        </a:lnTo>
                        <a:lnTo>
                          <a:pt x="147" y="113"/>
                        </a:lnTo>
                        <a:lnTo>
                          <a:pt x="142" y="113"/>
                        </a:lnTo>
                        <a:lnTo>
                          <a:pt x="137" y="113"/>
                        </a:lnTo>
                        <a:lnTo>
                          <a:pt x="133" y="113"/>
                        </a:lnTo>
                        <a:lnTo>
                          <a:pt x="130" y="113"/>
                        </a:lnTo>
                        <a:lnTo>
                          <a:pt x="128" y="113"/>
                        </a:lnTo>
                        <a:lnTo>
                          <a:pt x="127" y="113"/>
                        </a:lnTo>
                        <a:lnTo>
                          <a:pt x="128" y="113"/>
                        </a:lnTo>
                        <a:lnTo>
                          <a:pt x="130" y="112"/>
                        </a:lnTo>
                        <a:lnTo>
                          <a:pt x="133" y="112"/>
                        </a:lnTo>
                        <a:lnTo>
                          <a:pt x="137" y="112"/>
                        </a:lnTo>
                        <a:lnTo>
                          <a:pt x="140" y="110"/>
                        </a:lnTo>
                        <a:lnTo>
                          <a:pt x="142" y="110"/>
                        </a:lnTo>
                        <a:lnTo>
                          <a:pt x="144" y="110"/>
                        </a:lnTo>
                        <a:lnTo>
                          <a:pt x="157" y="110"/>
                        </a:lnTo>
                        <a:lnTo>
                          <a:pt x="164" y="108"/>
                        </a:lnTo>
                        <a:lnTo>
                          <a:pt x="162" y="105"/>
                        </a:lnTo>
                        <a:lnTo>
                          <a:pt x="155" y="105"/>
                        </a:lnTo>
                        <a:lnTo>
                          <a:pt x="149" y="103"/>
                        </a:lnTo>
                        <a:lnTo>
                          <a:pt x="145" y="102"/>
                        </a:lnTo>
                        <a:lnTo>
                          <a:pt x="142" y="102"/>
                        </a:lnTo>
                        <a:lnTo>
                          <a:pt x="111" y="108"/>
                        </a:lnTo>
                        <a:lnTo>
                          <a:pt x="101" y="113"/>
                        </a:lnTo>
                        <a:lnTo>
                          <a:pt x="98" y="115"/>
                        </a:lnTo>
                        <a:lnTo>
                          <a:pt x="95" y="115"/>
                        </a:lnTo>
                        <a:lnTo>
                          <a:pt x="89" y="115"/>
                        </a:lnTo>
                        <a:lnTo>
                          <a:pt x="86" y="115"/>
                        </a:lnTo>
                        <a:lnTo>
                          <a:pt x="81" y="115"/>
                        </a:lnTo>
                        <a:lnTo>
                          <a:pt x="79" y="117"/>
                        </a:lnTo>
                        <a:lnTo>
                          <a:pt x="78" y="117"/>
                        </a:lnTo>
                        <a:lnTo>
                          <a:pt x="64" y="122"/>
                        </a:lnTo>
                        <a:lnTo>
                          <a:pt x="56" y="125"/>
                        </a:lnTo>
                        <a:lnTo>
                          <a:pt x="52" y="125"/>
                        </a:lnTo>
                        <a:lnTo>
                          <a:pt x="54" y="124"/>
                        </a:lnTo>
                        <a:lnTo>
                          <a:pt x="57" y="122"/>
                        </a:lnTo>
                        <a:lnTo>
                          <a:pt x="62" y="118"/>
                        </a:lnTo>
                        <a:lnTo>
                          <a:pt x="66" y="117"/>
                        </a:lnTo>
                        <a:lnTo>
                          <a:pt x="67" y="115"/>
                        </a:lnTo>
                        <a:lnTo>
                          <a:pt x="73" y="110"/>
                        </a:lnTo>
                        <a:lnTo>
                          <a:pt x="74" y="107"/>
                        </a:lnTo>
                        <a:lnTo>
                          <a:pt x="74" y="105"/>
                        </a:lnTo>
                        <a:lnTo>
                          <a:pt x="71" y="105"/>
                        </a:lnTo>
                        <a:lnTo>
                          <a:pt x="67" y="105"/>
                        </a:lnTo>
                        <a:lnTo>
                          <a:pt x="64" y="107"/>
                        </a:lnTo>
                        <a:lnTo>
                          <a:pt x="61" y="107"/>
                        </a:lnTo>
                        <a:lnTo>
                          <a:pt x="59" y="107"/>
                        </a:lnTo>
                        <a:lnTo>
                          <a:pt x="51" y="100"/>
                        </a:lnTo>
                        <a:lnTo>
                          <a:pt x="45" y="96"/>
                        </a:lnTo>
                        <a:lnTo>
                          <a:pt x="44" y="98"/>
                        </a:lnTo>
                        <a:lnTo>
                          <a:pt x="44" y="102"/>
                        </a:lnTo>
                        <a:lnTo>
                          <a:pt x="45" y="105"/>
                        </a:lnTo>
                        <a:lnTo>
                          <a:pt x="49" y="110"/>
                        </a:lnTo>
                        <a:lnTo>
                          <a:pt x="51" y="113"/>
                        </a:lnTo>
                        <a:lnTo>
                          <a:pt x="51" y="115"/>
                        </a:lnTo>
                        <a:lnTo>
                          <a:pt x="44" y="122"/>
                        </a:lnTo>
                        <a:lnTo>
                          <a:pt x="37" y="130"/>
                        </a:lnTo>
                        <a:lnTo>
                          <a:pt x="35" y="132"/>
                        </a:lnTo>
                        <a:lnTo>
                          <a:pt x="32" y="132"/>
                        </a:lnTo>
                        <a:lnTo>
                          <a:pt x="29" y="134"/>
                        </a:lnTo>
                        <a:lnTo>
                          <a:pt x="27" y="135"/>
                        </a:lnTo>
                        <a:lnTo>
                          <a:pt x="23" y="137"/>
                        </a:lnTo>
                        <a:lnTo>
                          <a:pt x="22" y="137"/>
                        </a:lnTo>
                        <a:lnTo>
                          <a:pt x="27" y="130"/>
                        </a:lnTo>
                        <a:lnTo>
                          <a:pt x="29" y="127"/>
                        </a:lnTo>
                        <a:lnTo>
                          <a:pt x="30" y="122"/>
                        </a:lnTo>
                        <a:lnTo>
                          <a:pt x="29" y="120"/>
                        </a:lnTo>
                        <a:lnTo>
                          <a:pt x="27" y="117"/>
                        </a:lnTo>
                        <a:lnTo>
                          <a:pt x="25" y="117"/>
                        </a:lnTo>
                        <a:lnTo>
                          <a:pt x="23" y="115"/>
                        </a:lnTo>
                        <a:lnTo>
                          <a:pt x="23" y="117"/>
                        </a:lnTo>
                        <a:lnTo>
                          <a:pt x="23" y="115"/>
                        </a:lnTo>
                        <a:lnTo>
                          <a:pt x="23" y="113"/>
                        </a:lnTo>
                        <a:lnTo>
                          <a:pt x="23" y="112"/>
                        </a:lnTo>
                        <a:lnTo>
                          <a:pt x="22" y="108"/>
                        </a:lnTo>
                        <a:lnTo>
                          <a:pt x="22" y="107"/>
                        </a:lnTo>
                        <a:lnTo>
                          <a:pt x="22" y="105"/>
                        </a:lnTo>
                        <a:lnTo>
                          <a:pt x="25" y="100"/>
                        </a:lnTo>
                        <a:lnTo>
                          <a:pt x="25" y="93"/>
                        </a:lnTo>
                        <a:lnTo>
                          <a:pt x="22" y="88"/>
                        </a:lnTo>
                        <a:lnTo>
                          <a:pt x="17" y="83"/>
                        </a:lnTo>
                        <a:lnTo>
                          <a:pt x="12" y="80"/>
                        </a:lnTo>
                        <a:lnTo>
                          <a:pt x="7" y="74"/>
                        </a:lnTo>
                        <a:lnTo>
                          <a:pt x="3" y="73"/>
                        </a:lnTo>
                        <a:lnTo>
                          <a:pt x="1" y="73"/>
                        </a:lnTo>
                        <a:lnTo>
                          <a:pt x="0" y="51"/>
                        </a:lnTo>
                        <a:lnTo>
                          <a:pt x="276" y="24"/>
                        </a:lnTo>
                        <a:lnTo>
                          <a:pt x="293" y="56"/>
                        </a:lnTo>
                        <a:lnTo>
                          <a:pt x="572" y="37"/>
                        </a:lnTo>
                        <a:lnTo>
                          <a:pt x="582" y="59"/>
                        </a:lnTo>
                        <a:lnTo>
                          <a:pt x="597" y="59"/>
                        </a:lnTo>
                        <a:lnTo>
                          <a:pt x="597" y="58"/>
                        </a:lnTo>
                        <a:lnTo>
                          <a:pt x="595" y="54"/>
                        </a:lnTo>
                        <a:lnTo>
                          <a:pt x="595" y="51"/>
                        </a:lnTo>
                        <a:lnTo>
                          <a:pt x="595" y="46"/>
                        </a:lnTo>
                        <a:lnTo>
                          <a:pt x="594" y="41"/>
                        </a:lnTo>
                        <a:lnTo>
                          <a:pt x="594" y="36"/>
                        </a:lnTo>
                        <a:lnTo>
                          <a:pt x="594" y="32"/>
                        </a:lnTo>
                        <a:lnTo>
                          <a:pt x="594" y="30"/>
                        </a:lnTo>
                        <a:lnTo>
                          <a:pt x="589" y="22"/>
                        </a:lnTo>
                        <a:lnTo>
                          <a:pt x="589" y="14"/>
                        </a:lnTo>
                        <a:lnTo>
                          <a:pt x="589" y="8"/>
                        </a:lnTo>
                        <a:lnTo>
                          <a:pt x="592" y="5"/>
                        </a:lnTo>
                        <a:lnTo>
                          <a:pt x="595" y="2"/>
                        </a:lnTo>
                        <a:lnTo>
                          <a:pt x="597" y="0"/>
                        </a:lnTo>
                        <a:lnTo>
                          <a:pt x="600" y="0"/>
                        </a:lnTo>
                        <a:lnTo>
                          <a:pt x="602" y="0"/>
                        </a:lnTo>
                        <a:lnTo>
                          <a:pt x="607" y="3"/>
                        </a:lnTo>
                        <a:lnTo>
                          <a:pt x="616" y="5"/>
                        </a:lnTo>
                        <a:lnTo>
                          <a:pt x="622" y="7"/>
                        </a:lnTo>
                        <a:lnTo>
                          <a:pt x="629" y="8"/>
                        </a:lnTo>
                        <a:lnTo>
                          <a:pt x="636" y="8"/>
                        </a:lnTo>
                        <a:lnTo>
                          <a:pt x="639" y="8"/>
                        </a:lnTo>
                        <a:lnTo>
                          <a:pt x="643" y="8"/>
                        </a:lnTo>
                        <a:lnTo>
                          <a:pt x="644" y="8"/>
                        </a:lnTo>
                        <a:lnTo>
                          <a:pt x="650" y="14"/>
                        </a:lnTo>
                      </a:path>
                    </a:pathLst>
                  </a:custGeom>
                  <a:solidFill>
                    <a:schemeClr val="bg2">
                      <a:lumMod val="85000"/>
                    </a:schemeClr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57" name="Freeform 19"/>
                  <p:cNvSpPr>
                    <a:spLocks/>
                  </p:cNvSpPr>
                  <p:nvPr/>
                </p:nvSpPr>
                <p:spPr bwMode="auto">
                  <a:xfrm>
                    <a:off x="4568" y="3099"/>
                    <a:ext cx="95" cy="174"/>
                  </a:xfrm>
                  <a:custGeom>
                    <a:avLst/>
                    <a:gdLst>
                      <a:gd name="T0" fmla="*/ 34 w 95"/>
                      <a:gd name="T1" fmla="*/ 32 h 174"/>
                      <a:gd name="T2" fmla="*/ 0 w 95"/>
                      <a:gd name="T3" fmla="*/ 0 h 174"/>
                      <a:gd name="T4" fmla="*/ 2 w 95"/>
                      <a:gd name="T5" fmla="*/ 7 h 174"/>
                      <a:gd name="T6" fmla="*/ 29 w 95"/>
                      <a:gd name="T7" fmla="*/ 37 h 174"/>
                      <a:gd name="T8" fmla="*/ 27 w 95"/>
                      <a:gd name="T9" fmla="*/ 40 h 174"/>
                      <a:gd name="T10" fmla="*/ 25 w 95"/>
                      <a:gd name="T11" fmla="*/ 40 h 174"/>
                      <a:gd name="T12" fmla="*/ 24 w 95"/>
                      <a:gd name="T13" fmla="*/ 39 h 174"/>
                      <a:gd name="T14" fmla="*/ 20 w 95"/>
                      <a:gd name="T15" fmla="*/ 39 h 174"/>
                      <a:gd name="T16" fmla="*/ 17 w 95"/>
                      <a:gd name="T17" fmla="*/ 37 h 174"/>
                      <a:gd name="T18" fmla="*/ 15 w 95"/>
                      <a:gd name="T19" fmla="*/ 37 h 174"/>
                      <a:gd name="T20" fmla="*/ 15 w 95"/>
                      <a:gd name="T21" fmla="*/ 39 h 174"/>
                      <a:gd name="T22" fmla="*/ 17 w 95"/>
                      <a:gd name="T23" fmla="*/ 42 h 174"/>
                      <a:gd name="T24" fmla="*/ 24 w 95"/>
                      <a:gd name="T25" fmla="*/ 49 h 174"/>
                      <a:gd name="T26" fmla="*/ 25 w 95"/>
                      <a:gd name="T27" fmla="*/ 49 h 174"/>
                      <a:gd name="T28" fmla="*/ 29 w 95"/>
                      <a:gd name="T29" fmla="*/ 49 h 174"/>
                      <a:gd name="T30" fmla="*/ 32 w 95"/>
                      <a:gd name="T31" fmla="*/ 47 h 174"/>
                      <a:gd name="T32" fmla="*/ 34 w 95"/>
                      <a:gd name="T33" fmla="*/ 45 h 174"/>
                      <a:gd name="T34" fmla="*/ 34 w 95"/>
                      <a:gd name="T35" fmla="*/ 45 h 174"/>
                      <a:gd name="T36" fmla="*/ 36 w 95"/>
                      <a:gd name="T37" fmla="*/ 45 h 174"/>
                      <a:gd name="T38" fmla="*/ 37 w 95"/>
                      <a:gd name="T39" fmla="*/ 47 h 174"/>
                      <a:gd name="T40" fmla="*/ 39 w 95"/>
                      <a:gd name="T41" fmla="*/ 49 h 174"/>
                      <a:gd name="T42" fmla="*/ 41 w 95"/>
                      <a:gd name="T43" fmla="*/ 54 h 174"/>
                      <a:gd name="T44" fmla="*/ 41 w 95"/>
                      <a:gd name="T45" fmla="*/ 61 h 174"/>
                      <a:gd name="T46" fmla="*/ 42 w 95"/>
                      <a:gd name="T47" fmla="*/ 73 h 174"/>
                      <a:gd name="T48" fmla="*/ 42 w 95"/>
                      <a:gd name="T49" fmla="*/ 89 h 174"/>
                      <a:gd name="T50" fmla="*/ 42 w 95"/>
                      <a:gd name="T51" fmla="*/ 91 h 174"/>
                      <a:gd name="T52" fmla="*/ 44 w 95"/>
                      <a:gd name="T53" fmla="*/ 93 h 174"/>
                      <a:gd name="T54" fmla="*/ 46 w 95"/>
                      <a:gd name="T55" fmla="*/ 96 h 174"/>
                      <a:gd name="T56" fmla="*/ 47 w 95"/>
                      <a:gd name="T57" fmla="*/ 101 h 174"/>
                      <a:gd name="T58" fmla="*/ 47 w 95"/>
                      <a:gd name="T59" fmla="*/ 105 h 174"/>
                      <a:gd name="T60" fmla="*/ 49 w 95"/>
                      <a:gd name="T61" fmla="*/ 108 h 174"/>
                      <a:gd name="T62" fmla="*/ 51 w 95"/>
                      <a:gd name="T63" fmla="*/ 110 h 174"/>
                      <a:gd name="T64" fmla="*/ 51 w 95"/>
                      <a:gd name="T65" fmla="*/ 111 h 174"/>
                      <a:gd name="T66" fmla="*/ 69 w 95"/>
                      <a:gd name="T67" fmla="*/ 135 h 174"/>
                      <a:gd name="T68" fmla="*/ 88 w 95"/>
                      <a:gd name="T69" fmla="*/ 174 h 174"/>
                      <a:gd name="T70" fmla="*/ 95 w 95"/>
                      <a:gd name="T71" fmla="*/ 171 h 174"/>
                      <a:gd name="T72" fmla="*/ 73 w 95"/>
                      <a:gd name="T73" fmla="*/ 133 h 174"/>
                      <a:gd name="T74" fmla="*/ 73 w 95"/>
                      <a:gd name="T75" fmla="*/ 132 h 174"/>
                      <a:gd name="T76" fmla="*/ 71 w 95"/>
                      <a:gd name="T77" fmla="*/ 132 h 174"/>
                      <a:gd name="T78" fmla="*/ 69 w 95"/>
                      <a:gd name="T79" fmla="*/ 130 h 174"/>
                      <a:gd name="T80" fmla="*/ 68 w 95"/>
                      <a:gd name="T81" fmla="*/ 127 h 174"/>
                      <a:gd name="T82" fmla="*/ 66 w 95"/>
                      <a:gd name="T83" fmla="*/ 123 h 174"/>
                      <a:gd name="T84" fmla="*/ 63 w 95"/>
                      <a:gd name="T85" fmla="*/ 120 h 174"/>
                      <a:gd name="T86" fmla="*/ 61 w 95"/>
                      <a:gd name="T87" fmla="*/ 117 h 174"/>
                      <a:gd name="T88" fmla="*/ 58 w 95"/>
                      <a:gd name="T89" fmla="*/ 111 h 174"/>
                      <a:gd name="T90" fmla="*/ 56 w 95"/>
                      <a:gd name="T91" fmla="*/ 106 h 174"/>
                      <a:gd name="T92" fmla="*/ 52 w 95"/>
                      <a:gd name="T93" fmla="*/ 101 h 174"/>
                      <a:gd name="T94" fmla="*/ 51 w 95"/>
                      <a:gd name="T95" fmla="*/ 96 h 174"/>
                      <a:gd name="T96" fmla="*/ 49 w 95"/>
                      <a:gd name="T97" fmla="*/ 89 h 174"/>
                      <a:gd name="T98" fmla="*/ 47 w 95"/>
                      <a:gd name="T99" fmla="*/ 83 h 174"/>
                      <a:gd name="T100" fmla="*/ 47 w 95"/>
                      <a:gd name="T101" fmla="*/ 78 h 174"/>
                      <a:gd name="T102" fmla="*/ 47 w 95"/>
                      <a:gd name="T103" fmla="*/ 71 h 174"/>
                      <a:gd name="T104" fmla="*/ 49 w 95"/>
                      <a:gd name="T105" fmla="*/ 64 h 174"/>
                      <a:gd name="T106" fmla="*/ 49 w 95"/>
                      <a:gd name="T107" fmla="*/ 62 h 174"/>
                      <a:gd name="T108" fmla="*/ 49 w 95"/>
                      <a:gd name="T109" fmla="*/ 61 h 174"/>
                      <a:gd name="T110" fmla="*/ 47 w 95"/>
                      <a:gd name="T111" fmla="*/ 57 h 174"/>
                      <a:gd name="T112" fmla="*/ 47 w 95"/>
                      <a:gd name="T113" fmla="*/ 54 h 174"/>
                      <a:gd name="T114" fmla="*/ 46 w 95"/>
                      <a:gd name="T115" fmla="*/ 52 h 174"/>
                      <a:gd name="T116" fmla="*/ 46 w 95"/>
                      <a:gd name="T117" fmla="*/ 49 h 174"/>
                      <a:gd name="T118" fmla="*/ 44 w 95"/>
                      <a:gd name="T119" fmla="*/ 47 h 174"/>
                      <a:gd name="T120" fmla="*/ 44 w 95"/>
                      <a:gd name="T121" fmla="*/ 47 h 174"/>
                      <a:gd name="T122" fmla="*/ 39 w 95"/>
                      <a:gd name="T123" fmla="*/ 39 h 174"/>
                      <a:gd name="T124" fmla="*/ 34 w 95"/>
                      <a:gd name="T125" fmla="*/ 32 h 174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60000 65536"/>
                      <a:gd name="T169" fmla="*/ 0 60000 65536"/>
                      <a:gd name="T170" fmla="*/ 0 60000 65536"/>
                      <a:gd name="T171" fmla="*/ 0 60000 65536"/>
                      <a:gd name="T172" fmla="*/ 0 60000 65536"/>
                      <a:gd name="T173" fmla="*/ 0 60000 65536"/>
                      <a:gd name="T174" fmla="*/ 0 60000 65536"/>
                      <a:gd name="T175" fmla="*/ 0 60000 65536"/>
                      <a:gd name="T176" fmla="*/ 0 60000 65536"/>
                      <a:gd name="T177" fmla="*/ 0 60000 65536"/>
                      <a:gd name="T178" fmla="*/ 0 60000 65536"/>
                      <a:gd name="T179" fmla="*/ 0 60000 65536"/>
                      <a:gd name="T180" fmla="*/ 0 60000 65536"/>
                      <a:gd name="T181" fmla="*/ 0 60000 65536"/>
                      <a:gd name="T182" fmla="*/ 0 60000 65536"/>
                      <a:gd name="T183" fmla="*/ 0 60000 65536"/>
                      <a:gd name="T184" fmla="*/ 0 60000 65536"/>
                      <a:gd name="T185" fmla="*/ 0 60000 65536"/>
                      <a:gd name="T186" fmla="*/ 0 60000 65536"/>
                      <a:gd name="T187" fmla="*/ 0 60000 65536"/>
                      <a:gd name="T188" fmla="*/ 0 60000 65536"/>
                      <a:gd name="T189" fmla="*/ 0 w 95"/>
                      <a:gd name="T190" fmla="*/ 0 h 174"/>
                      <a:gd name="T191" fmla="*/ 95 w 95"/>
                      <a:gd name="T192" fmla="*/ 174 h 174"/>
                    </a:gdLst>
                    <a:ahLst/>
                    <a:cxnLst>
                      <a:cxn ang="T126">
                        <a:pos x="T0" y="T1"/>
                      </a:cxn>
                      <a:cxn ang="T127">
                        <a:pos x="T2" y="T3"/>
                      </a:cxn>
                      <a:cxn ang="T128">
                        <a:pos x="T4" y="T5"/>
                      </a:cxn>
                      <a:cxn ang="T129">
                        <a:pos x="T6" y="T7"/>
                      </a:cxn>
                      <a:cxn ang="T130">
                        <a:pos x="T8" y="T9"/>
                      </a:cxn>
                      <a:cxn ang="T131">
                        <a:pos x="T10" y="T11"/>
                      </a:cxn>
                      <a:cxn ang="T132">
                        <a:pos x="T12" y="T13"/>
                      </a:cxn>
                      <a:cxn ang="T133">
                        <a:pos x="T14" y="T15"/>
                      </a:cxn>
                      <a:cxn ang="T134">
                        <a:pos x="T16" y="T17"/>
                      </a:cxn>
                      <a:cxn ang="T135">
                        <a:pos x="T18" y="T19"/>
                      </a:cxn>
                      <a:cxn ang="T136">
                        <a:pos x="T20" y="T21"/>
                      </a:cxn>
                      <a:cxn ang="T137">
                        <a:pos x="T22" y="T23"/>
                      </a:cxn>
                      <a:cxn ang="T138">
                        <a:pos x="T24" y="T25"/>
                      </a:cxn>
                      <a:cxn ang="T139">
                        <a:pos x="T26" y="T27"/>
                      </a:cxn>
                      <a:cxn ang="T140">
                        <a:pos x="T28" y="T29"/>
                      </a:cxn>
                      <a:cxn ang="T141">
                        <a:pos x="T30" y="T31"/>
                      </a:cxn>
                      <a:cxn ang="T142">
                        <a:pos x="T32" y="T33"/>
                      </a:cxn>
                      <a:cxn ang="T143">
                        <a:pos x="T34" y="T35"/>
                      </a:cxn>
                      <a:cxn ang="T144">
                        <a:pos x="T36" y="T37"/>
                      </a:cxn>
                      <a:cxn ang="T145">
                        <a:pos x="T38" y="T39"/>
                      </a:cxn>
                      <a:cxn ang="T146">
                        <a:pos x="T40" y="T41"/>
                      </a:cxn>
                      <a:cxn ang="T147">
                        <a:pos x="T42" y="T43"/>
                      </a:cxn>
                      <a:cxn ang="T148">
                        <a:pos x="T44" y="T45"/>
                      </a:cxn>
                      <a:cxn ang="T149">
                        <a:pos x="T46" y="T47"/>
                      </a:cxn>
                      <a:cxn ang="T150">
                        <a:pos x="T48" y="T49"/>
                      </a:cxn>
                      <a:cxn ang="T151">
                        <a:pos x="T50" y="T51"/>
                      </a:cxn>
                      <a:cxn ang="T152">
                        <a:pos x="T52" y="T53"/>
                      </a:cxn>
                      <a:cxn ang="T153">
                        <a:pos x="T54" y="T55"/>
                      </a:cxn>
                      <a:cxn ang="T154">
                        <a:pos x="T56" y="T57"/>
                      </a:cxn>
                      <a:cxn ang="T155">
                        <a:pos x="T58" y="T59"/>
                      </a:cxn>
                      <a:cxn ang="T156">
                        <a:pos x="T60" y="T61"/>
                      </a:cxn>
                      <a:cxn ang="T157">
                        <a:pos x="T62" y="T63"/>
                      </a:cxn>
                      <a:cxn ang="T158">
                        <a:pos x="T64" y="T65"/>
                      </a:cxn>
                      <a:cxn ang="T159">
                        <a:pos x="T66" y="T67"/>
                      </a:cxn>
                      <a:cxn ang="T160">
                        <a:pos x="T68" y="T69"/>
                      </a:cxn>
                      <a:cxn ang="T161">
                        <a:pos x="T70" y="T71"/>
                      </a:cxn>
                      <a:cxn ang="T162">
                        <a:pos x="T72" y="T73"/>
                      </a:cxn>
                      <a:cxn ang="T163">
                        <a:pos x="T74" y="T75"/>
                      </a:cxn>
                      <a:cxn ang="T164">
                        <a:pos x="T76" y="T77"/>
                      </a:cxn>
                      <a:cxn ang="T165">
                        <a:pos x="T78" y="T79"/>
                      </a:cxn>
                      <a:cxn ang="T166">
                        <a:pos x="T80" y="T81"/>
                      </a:cxn>
                      <a:cxn ang="T167">
                        <a:pos x="T82" y="T83"/>
                      </a:cxn>
                      <a:cxn ang="T168">
                        <a:pos x="T84" y="T85"/>
                      </a:cxn>
                      <a:cxn ang="T169">
                        <a:pos x="T86" y="T87"/>
                      </a:cxn>
                      <a:cxn ang="T170">
                        <a:pos x="T88" y="T89"/>
                      </a:cxn>
                      <a:cxn ang="T171">
                        <a:pos x="T90" y="T91"/>
                      </a:cxn>
                      <a:cxn ang="T172">
                        <a:pos x="T92" y="T93"/>
                      </a:cxn>
                      <a:cxn ang="T173">
                        <a:pos x="T94" y="T95"/>
                      </a:cxn>
                      <a:cxn ang="T174">
                        <a:pos x="T96" y="T97"/>
                      </a:cxn>
                      <a:cxn ang="T175">
                        <a:pos x="T98" y="T99"/>
                      </a:cxn>
                      <a:cxn ang="T176">
                        <a:pos x="T100" y="T101"/>
                      </a:cxn>
                      <a:cxn ang="T177">
                        <a:pos x="T102" y="T103"/>
                      </a:cxn>
                      <a:cxn ang="T178">
                        <a:pos x="T104" y="T105"/>
                      </a:cxn>
                      <a:cxn ang="T179">
                        <a:pos x="T106" y="T107"/>
                      </a:cxn>
                      <a:cxn ang="T180">
                        <a:pos x="T108" y="T109"/>
                      </a:cxn>
                      <a:cxn ang="T181">
                        <a:pos x="T110" y="T111"/>
                      </a:cxn>
                      <a:cxn ang="T182">
                        <a:pos x="T112" y="T113"/>
                      </a:cxn>
                      <a:cxn ang="T183">
                        <a:pos x="T114" y="T115"/>
                      </a:cxn>
                      <a:cxn ang="T184">
                        <a:pos x="T116" y="T117"/>
                      </a:cxn>
                      <a:cxn ang="T185">
                        <a:pos x="T118" y="T119"/>
                      </a:cxn>
                      <a:cxn ang="T186">
                        <a:pos x="T120" y="T121"/>
                      </a:cxn>
                      <a:cxn ang="T187">
                        <a:pos x="T122" y="T123"/>
                      </a:cxn>
                      <a:cxn ang="T188">
                        <a:pos x="T124" y="T125"/>
                      </a:cxn>
                    </a:cxnLst>
                    <a:rect l="T189" t="T190" r="T191" b="T192"/>
                    <a:pathLst>
                      <a:path w="95" h="174">
                        <a:moveTo>
                          <a:pt x="34" y="32"/>
                        </a:moveTo>
                        <a:lnTo>
                          <a:pt x="0" y="0"/>
                        </a:lnTo>
                        <a:lnTo>
                          <a:pt x="2" y="7"/>
                        </a:lnTo>
                        <a:lnTo>
                          <a:pt x="29" y="37"/>
                        </a:lnTo>
                        <a:lnTo>
                          <a:pt x="27" y="40"/>
                        </a:lnTo>
                        <a:lnTo>
                          <a:pt x="25" y="40"/>
                        </a:lnTo>
                        <a:lnTo>
                          <a:pt x="24" y="39"/>
                        </a:lnTo>
                        <a:lnTo>
                          <a:pt x="20" y="39"/>
                        </a:lnTo>
                        <a:lnTo>
                          <a:pt x="17" y="37"/>
                        </a:lnTo>
                        <a:lnTo>
                          <a:pt x="15" y="37"/>
                        </a:lnTo>
                        <a:lnTo>
                          <a:pt x="15" y="39"/>
                        </a:lnTo>
                        <a:lnTo>
                          <a:pt x="17" y="42"/>
                        </a:lnTo>
                        <a:lnTo>
                          <a:pt x="24" y="49"/>
                        </a:lnTo>
                        <a:lnTo>
                          <a:pt x="25" y="49"/>
                        </a:lnTo>
                        <a:lnTo>
                          <a:pt x="29" y="49"/>
                        </a:lnTo>
                        <a:lnTo>
                          <a:pt x="32" y="47"/>
                        </a:lnTo>
                        <a:lnTo>
                          <a:pt x="34" y="45"/>
                        </a:lnTo>
                        <a:lnTo>
                          <a:pt x="36" y="45"/>
                        </a:lnTo>
                        <a:lnTo>
                          <a:pt x="37" y="47"/>
                        </a:lnTo>
                        <a:lnTo>
                          <a:pt x="39" y="49"/>
                        </a:lnTo>
                        <a:lnTo>
                          <a:pt x="41" y="54"/>
                        </a:lnTo>
                        <a:lnTo>
                          <a:pt x="41" y="61"/>
                        </a:lnTo>
                        <a:lnTo>
                          <a:pt x="42" y="73"/>
                        </a:lnTo>
                        <a:lnTo>
                          <a:pt x="42" y="89"/>
                        </a:lnTo>
                        <a:lnTo>
                          <a:pt x="42" y="91"/>
                        </a:lnTo>
                        <a:lnTo>
                          <a:pt x="44" y="93"/>
                        </a:lnTo>
                        <a:lnTo>
                          <a:pt x="46" y="96"/>
                        </a:lnTo>
                        <a:lnTo>
                          <a:pt x="47" y="101"/>
                        </a:lnTo>
                        <a:lnTo>
                          <a:pt x="47" y="105"/>
                        </a:lnTo>
                        <a:lnTo>
                          <a:pt x="49" y="108"/>
                        </a:lnTo>
                        <a:lnTo>
                          <a:pt x="51" y="110"/>
                        </a:lnTo>
                        <a:lnTo>
                          <a:pt x="51" y="111"/>
                        </a:lnTo>
                        <a:lnTo>
                          <a:pt x="69" y="135"/>
                        </a:lnTo>
                        <a:lnTo>
                          <a:pt x="88" y="174"/>
                        </a:lnTo>
                        <a:lnTo>
                          <a:pt x="95" y="171"/>
                        </a:lnTo>
                        <a:lnTo>
                          <a:pt x="73" y="133"/>
                        </a:lnTo>
                        <a:lnTo>
                          <a:pt x="73" y="132"/>
                        </a:lnTo>
                        <a:lnTo>
                          <a:pt x="71" y="132"/>
                        </a:lnTo>
                        <a:lnTo>
                          <a:pt x="69" y="130"/>
                        </a:lnTo>
                        <a:lnTo>
                          <a:pt x="68" y="127"/>
                        </a:lnTo>
                        <a:lnTo>
                          <a:pt x="66" y="123"/>
                        </a:lnTo>
                        <a:lnTo>
                          <a:pt x="63" y="120"/>
                        </a:lnTo>
                        <a:lnTo>
                          <a:pt x="61" y="117"/>
                        </a:lnTo>
                        <a:lnTo>
                          <a:pt x="58" y="111"/>
                        </a:lnTo>
                        <a:lnTo>
                          <a:pt x="56" y="106"/>
                        </a:lnTo>
                        <a:lnTo>
                          <a:pt x="52" y="101"/>
                        </a:lnTo>
                        <a:lnTo>
                          <a:pt x="51" y="96"/>
                        </a:lnTo>
                        <a:lnTo>
                          <a:pt x="49" y="89"/>
                        </a:lnTo>
                        <a:lnTo>
                          <a:pt x="47" y="83"/>
                        </a:lnTo>
                        <a:lnTo>
                          <a:pt x="47" y="78"/>
                        </a:lnTo>
                        <a:lnTo>
                          <a:pt x="47" y="71"/>
                        </a:lnTo>
                        <a:lnTo>
                          <a:pt x="49" y="64"/>
                        </a:lnTo>
                        <a:lnTo>
                          <a:pt x="49" y="62"/>
                        </a:lnTo>
                        <a:lnTo>
                          <a:pt x="49" y="61"/>
                        </a:lnTo>
                        <a:lnTo>
                          <a:pt x="47" y="57"/>
                        </a:lnTo>
                        <a:lnTo>
                          <a:pt x="47" y="54"/>
                        </a:lnTo>
                        <a:lnTo>
                          <a:pt x="46" y="52"/>
                        </a:lnTo>
                        <a:lnTo>
                          <a:pt x="46" y="49"/>
                        </a:lnTo>
                        <a:lnTo>
                          <a:pt x="44" y="47"/>
                        </a:lnTo>
                        <a:lnTo>
                          <a:pt x="39" y="39"/>
                        </a:lnTo>
                        <a:lnTo>
                          <a:pt x="34" y="32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58" name="Freeform 20"/>
                  <p:cNvSpPr>
                    <a:spLocks/>
                  </p:cNvSpPr>
                  <p:nvPr/>
                </p:nvSpPr>
                <p:spPr bwMode="auto">
                  <a:xfrm>
                    <a:off x="4568" y="3099"/>
                    <a:ext cx="95" cy="174"/>
                  </a:xfrm>
                  <a:custGeom>
                    <a:avLst/>
                    <a:gdLst>
                      <a:gd name="T0" fmla="*/ 0 w 95"/>
                      <a:gd name="T1" fmla="*/ 0 h 174"/>
                      <a:gd name="T2" fmla="*/ 29 w 95"/>
                      <a:gd name="T3" fmla="*/ 37 h 174"/>
                      <a:gd name="T4" fmla="*/ 27 w 95"/>
                      <a:gd name="T5" fmla="*/ 40 h 174"/>
                      <a:gd name="T6" fmla="*/ 24 w 95"/>
                      <a:gd name="T7" fmla="*/ 39 h 174"/>
                      <a:gd name="T8" fmla="*/ 17 w 95"/>
                      <a:gd name="T9" fmla="*/ 37 h 174"/>
                      <a:gd name="T10" fmla="*/ 15 w 95"/>
                      <a:gd name="T11" fmla="*/ 39 h 174"/>
                      <a:gd name="T12" fmla="*/ 24 w 95"/>
                      <a:gd name="T13" fmla="*/ 49 h 174"/>
                      <a:gd name="T14" fmla="*/ 25 w 95"/>
                      <a:gd name="T15" fmla="*/ 49 h 174"/>
                      <a:gd name="T16" fmla="*/ 32 w 95"/>
                      <a:gd name="T17" fmla="*/ 47 h 174"/>
                      <a:gd name="T18" fmla="*/ 34 w 95"/>
                      <a:gd name="T19" fmla="*/ 45 h 174"/>
                      <a:gd name="T20" fmla="*/ 36 w 95"/>
                      <a:gd name="T21" fmla="*/ 45 h 174"/>
                      <a:gd name="T22" fmla="*/ 39 w 95"/>
                      <a:gd name="T23" fmla="*/ 49 h 174"/>
                      <a:gd name="T24" fmla="*/ 41 w 95"/>
                      <a:gd name="T25" fmla="*/ 61 h 174"/>
                      <a:gd name="T26" fmla="*/ 42 w 95"/>
                      <a:gd name="T27" fmla="*/ 89 h 174"/>
                      <a:gd name="T28" fmla="*/ 42 w 95"/>
                      <a:gd name="T29" fmla="*/ 91 h 174"/>
                      <a:gd name="T30" fmla="*/ 46 w 95"/>
                      <a:gd name="T31" fmla="*/ 96 h 174"/>
                      <a:gd name="T32" fmla="*/ 47 w 95"/>
                      <a:gd name="T33" fmla="*/ 105 h 174"/>
                      <a:gd name="T34" fmla="*/ 51 w 95"/>
                      <a:gd name="T35" fmla="*/ 110 h 174"/>
                      <a:gd name="T36" fmla="*/ 69 w 95"/>
                      <a:gd name="T37" fmla="*/ 135 h 174"/>
                      <a:gd name="T38" fmla="*/ 95 w 95"/>
                      <a:gd name="T39" fmla="*/ 171 h 174"/>
                      <a:gd name="T40" fmla="*/ 73 w 95"/>
                      <a:gd name="T41" fmla="*/ 133 h 174"/>
                      <a:gd name="T42" fmla="*/ 71 w 95"/>
                      <a:gd name="T43" fmla="*/ 132 h 174"/>
                      <a:gd name="T44" fmla="*/ 68 w 95"/>
                      <a:gd name="T45" fmla="*/ 127 h 174"/>
                      <a:gd name="T46" fmla="*/ 63 w 95"/>
                      <a:gd name="T47" fmla="*/ 120 h 174"/>
                      <a:gd name="T48" fmla="*/ 58 w 95"/>
                      <a:gd name="T49" fmla="*/ 111 h 174"/>
                      <a:gd name="T50" fmla="*/ 52 w 95"/>
                      <a:gd name="T51" fmla="*/ 101 h 174"/>
                      <a:gd name="T52" fmla="*/ 49 w 95"/>
                      <a:gd name="T53" fmla="*/ 89 h 174"/>
                      <a:gd name="T54" fmla="*/ 47 w 95"/>
                      <a:gd name="T55" fmla="*/ 78 h 174"/>
                      <a:gd name="T56" fmla="*/ 49 w 95"/>
                      <a:gd name="T57" fmla="*/ 64 h 174"/>
                      <a:gd name="T58" fmla="*/ 49 w 95"/>
                      <a:gd name="T59" fmla="*/ 62 h 174"/>
                      <a:gd name="T60" fmla="*/ 47 w 95"/>
                      <a:gd name="T61" fmla="*/ 57 h 174"/>
                      <a:gd name="T62" fmla="*/ 46 w 95"/>
                      <a:gd name="T63" fmla="*/ 52 h 174"/>
                      <a:gd name="T64" fmla="*/ 44 w 95"/>
                      <a:gd name="T65" fmla="*/ 47 h 174"/>
                      <a:gd name="T66" fmla="*/ 39 w 95"/>
                      <a:gd name="T67" fmla="*/ 39 h 174"/>
                      <a:gd name="T68" fmla="*/ 0 60000 65536"/>
                      <a:gd name="T69" fmla="*/ 0 60000 65536"/>
                      <a:gd name="T70" fmla="*/ 0 60000 65536"/>
                      <a:gd name="T71" fmla="*/ 0 60000 65536"/>
                      <a:gd name="T72" fmla="*/ 0 60000 65536"/>
                      <a:gd name="T73" fmla="*/ 0 60000 65536"/>
                      <a:gd name="T74" fmla="*/ 0 60000 65536"/>
                      <a:gd name="T75" fmla="*/ 0 60000 65536"/>
                      <a:gd name="T76" fmla="*/ 0 60000 65536"/>
                      <a:gd name="T77" fmla="*/ 0 60000 65536"/>
                      <a:gd name="T78" fmla="*/ 0 60000 65536"/>
                      <a:gd name="T79" fmla="*/ 0 60000 65536"/>
                      <a:gd name="T80" fmla="*/ 0 60000 65536"/>
                      <a:gd name="T81" fmla="*/ 0 60000 65536"/>
                      <a:gd name="T82" fmla="*/ 0 60000 65536"/>
                      <a:gd name="T83" fmla="*/ 0 60000 65536"/>
                      <a:gd name="T84" fmla="*/ 0 60000 65536"/>
                      <a:gd name="T85" fmla="*/ 0 60000 65536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w 95"/>
                      <a:gd name="T103" fmla="*/ 0 h 174"/>
                      <a:gd name="T104" fmla="*/ 95 w 95"/>
                      <a:gd name="T105" fmla="*/ 174 h 174"/>
                    </a:gdLst>
                    <a:ahLst/>
                    <a:cxnLst>
                      <a:cxn ang="T68">
                        <a:pos x="T0" y="T1"/>
                      </a:cxn>
                      <a:cxn ang="T69">
                        <a:pos x="T2" y="T3"/>
                      </a:cxn>
                      <a:cxn ang="T70">
                        <a:pos x="T4" y="T5"/>
                      </a:cxn>
                      <a:cxn ang="T71">
                        <a:pos x="T6" y="T7"/>
                      </a:cxn>
                      <a:cxn ang="T72">
                        <a:pos x="T8" y="T9"/>
                      </a:cxn>
                      <a:cxn ang="T73">
                        <a:pos x="T10" y="T11"/>
                      </a:cxn>
                      <a:cxn ang="T74">
                        <a:pos x="T12" y="T13"/>
                      </a:cxn>
                      <a:cxn ang="T75">
                        <a:pos x="T14" y="T15"/>
                      </a:cxn>
                      <a:cxn ang="T76">
                        <a:pos x="T16" y="T17"/>
                      </a:cxn>
                      <a:cxn ang="T77">
                        <a:pos x="T18" y="T19"/>
                      </a:cxn>
                      <a:cxn ang="T78">
                        <a:pos x="T20" y="T21"/>
                      </a:cxn>
                      <a:cxn ang="T79">
                        <a:pos x="T22" y="T23"/>
                      </a:cxn>
                      <a:cxn ang="T80">
                        <a:pos x="T24" y="T25"/>
                      </a:cxn>
                      <a:cxn ang="T81">
                        <a:pos x="T26" y="T27"/>
                      </a:cxn>
                      <a:cxn ang="T82">
                        <a:pos x="T28" y="T29"/>
                      </a:cxn>
                      <a:cxn ang="T83">
                        <a:pos x="T30" y="T31"/>
                      </a:cxn>
                      <a:cxn ang="T84">
                        <a:pos x="T32" y="T33"/>
                      </a:cxn>
                      <a:cxn ang="T85">
                        <a:pos x="T34" y="T35"/>
                      </a:cxn>
                      <a:cxn ang="T86">
                        <a:pos x="T36" y="T37"/>
                      </a:cxn>
                      <a:cxn ang="T87">
                        <a:pos x="T38" y="T39"/>
                      </a:cxn>
                      <a:cxn ang="T88">
                        <a:pos x="T40" y="T41"/>
                      </a:cxn>
                      <a:cxn ang="T89">
                        <a:pos x="T42" y="T43"/>
                      </a:cxn>
                      <a:cxn ang="T90">
                        <a:pos x="T44" y="T45"/>
                      </a:cxn>
                      <a:cxn ang="T91">
                        <a:pos x="T46" y="T47"/>
                      </a:cxn>
                      <a:cxn ang="T92">
                        <a:pos x="T48" y="T49"/>
                      </a:cxn>
                      <a:cxn ang="T93">
                        <a:pos x="T50" y="T51"/>
                      </a:cxn>
                      <a:cxn ang="T94">
                        <a:pos x="T52" y="T53"/>
                      </a:cxn>
                      <a:cxn ang="T95">
                        <a:pos x="T54" y="T55"/>
                      </a:cxn>
                      <a:cxn ang="T96">
                        <a:pos x="T56" y="T57"/>
                      </a:cxn>
                      <a:cxn ang="T97">
                        <a:pos x="T58" y="T59"/>
                      </a:cxn>
                      <a:cxn ang="T98">
                        <a:pos x="T60" y="T61"/>
                      </a:cxn>
                      <a:cxn ang="T99">
                        <a:pos x="T62" y="T63"/>
                      </a:cxn>
                      <a:cxn ang="T100">
                        <a:pos x="T64" y="T65"/>
                      </a:cxn>
                      <a:cxn ang="T101">
                        <a:pos x="T66" y="T67"/>
                      </a:cxn>
                    </a:cxnLst>
                    <a:rect l="T102" t="T103" r="T104" b="T105"/>
                    <a:pathLst>
                      <a:path w="95" h="174">
                        <a:moveTo>
                          <a:pt x="34" y="32"/>
                        </a:moveTo>
                        <a:lnTo>
                          <a:pt x="0" y="0"/>
                        </a:lnTo>
                        <a:lnTo>
                          <a:pt x="2" y="7"/>
                        </a:lnTo>
                        <a:lnTo>
                          <a:pt x="29" y="37"/>
                        </a:lnTo>
                        <a:lnTo>
                          <a:pt x="27" y="40"/>
                        </a:lnTo>
                        <a:lnTo>
                          <a:pt x="25" y="40"/>
                        </a:lnTo>
                        <a:lnTo>
                          <a:pt x="24" y="39"/>
                        </a:lnTo>
                        <a:lnTo>
                          <a:pt x="20" y="39"/>
                        </a:lnTo>
                        <a:lnTo>
                          <a:pt x="17" y="37"/>
                        </a:lnTo>
                        <a:lnTo>
                          <a:pt x="15" y="37"/>
                        </a:lnTo>
                        <a:lnTo>
                          <a:pt x="15" y="39"/>
                        </a:lnTo>
                        <a:lnTo>
                          <a:pt x="17" y="42"/>
                        </a:lnTo>
                        <a:lnTo>
                          <a:pt x="24" y="49"/>
                        </a:lnTo>
                        <a:lnTo>
                          <a:pt x="25" y="49"/>
                        </a:lnTo>
                        <a:lnTo>
                          <a:pt x="29" y="49"/>
                        </a:lnTo>
                        <a:lnTo>
                          <a:pt x="32" y="47"/>
                        </a:lnTo>
                        <a:lnTo>
                          <a:pt x="34" y="45"/>
                        </a:lnTo>
                        <a:lnTo>
                          <a:pt x="36" y="45"/>
                        </a:lnTo>
                        <a:lnTo>
                          <a:pt x="37" y="47"/>
                        </a:lnTo>
                        <a:lnTo>
                          <a:pt x="39" y="49"/>
                        </a:lnTo>
                        <a:lnTo>
                          <a:pt x="41" y="54"/>
                        </a:lnTo>
                        <a:lnTo>
                          <a:pt x="41" y="61"/>
                        </a:lnTo>
                        <a:lnTo>
                          <a:pt x="42" y="73"/>
                        </a:lnTo>
                        <a:lnTo>
                          <a:pt x="42" y="89"/>
                        </a:lnTo>
                        <a:lnTo>
                          <a:pt x="42" y="91"/>
                        </a:lnTo>
                        <a:lnTo>
                          <a:pt x="44" y="93"/>
                        </a:lnTo>
                        <a:lnTo>
                          <a:pt x="46" y="96"/>
                        </a:lnTo>
                        <a:lnTo>
                          <a:pt x="47" y="101"/>
                        </a:lnTo>
                        <a:lnTo>
                          <a:pt x="47" y="105"/>
                        </a:lnTo>
                        <a:lnTo>
                          <a:pt x="49" y="108"/>
                        </a:lnTo>
                        <a:lnTo>
                          <a:pt x="51" y="110"/>
                        </a:lnTo>
                        <a:lnTo>
                          <a:pt x="51" y="111"/>
                        </a:lnTo>
                        <a:lnTo>
                          <a:pt x="69" y="135"/>
                        </a:lnTo>
                        <a:lnTo>
                          <a:pt x="88" y="174"/>
                        </a:lnTo>
                        <a:lnTo>
                          <a:pt x="95" y="171"/>
                        </a:lnTo>
                        <a:lnTo>
                          <a:pt x="73" y="133"/>
                        </a:lnTo>
                        <a:lnTo>
                          <a:pt x="73" y="132"/>
                        </a:lnTo>
                        <a:lnTo>
                          <a:pt x="71" y="132"/>
                        </a:lnTo>
                        <a:lnTo>
                          <a:pt x="69" y="130"/>
                        </a:lnTo>
                        <a:lnTo>
                          <a:pt x="68" y="127"/>
                        </a:lnTo>
                        <a:lnTo>
                          <a:pt x="66" y="123"/>
                        </a:lnTo>
                        <a:lnTo>
                          <a:pt x="63" y="120"/>
                        </a:lnTo>
                        <a:lnTo>
                          <a:pt x="61" y="117"/>
                        </a:lnTo>
                        <a:lnTo>
                          <a:pt x="58" y="111"/>
                        </a:lnTo>
                        <a:lnTo>
                          <a:pt x="56" y="106"/>
                        </a:lnTo>
                        <a:lnTo>
                          <a:pt x="52" y="101"/>
                        </a:lnTo>
                        <a:lnTo>
                          <a:pt x="51" y="96"/>
                        </a:lnTo>
                        <a:lnTo>
                          <a:pt x="49" y="89"/>
                        </a:lnTo>
                        <a:lnTo>
                          <a:pt x="47" y="83"/>
                        </a:lnTo>
                        <a:lnTo>
                          <a:pt x="47" y="78"/>
                        </a:lnTo>
                        <a:lnTo>
                          <a:pt x="47" y="71"/>
                        </a:lnTo>
                        <a:lnTo>
                          <a:pt x="49" y="64"/>
                        </a:lnTo>
                        <a:lnTo>
                          <a:pt x="49" y="62"/>
                        </a:lnTo>
                        <a:lnTo>
                          <a:pt x="49" y="61"/>
                        </a:lnTo>
                        <a:lnTo>
                          <a:pt x="47" y="57"/>
                        </a:lnTo>
                        <a:lnTo>
                          <a:pt x="47" y="54"/>
                        </a:lnTo>
                        <a:lnTo>
                          <a:pt x="46" y="52"/>
                        </a:lnTo>
                        <a:lnTo>
                          <a:pt x="46" y="49"/>
                        </a:lnTo>
                        <a:lnTo>
                          <a:pt x="44" y="47"/>
                        </a:lnTo>
                        <a:lnTo>
                          <a:pt x="39" y="39"/>
                        </a:lnTo>
                        <a:lnTo>
                          <a:pt x="34" y="32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59" name="Freeform 21"/>
                  <p:cNvSpPr>
                    <a:spLocks/>
                  </p:cNvSpPr>
                  <p:nvPr/>
                </p:nvSpPr>
                <p:spPr bwMode="auto">
                  <a:xfrm>
                    <a:off x="4595" y="3150"/>
                    <a:ext cx="12" cy="37"/>
                  </a:xfrm>
                  <a:custGeom>
                    <a:avLst/>
                    <a:gdLst>
                      <a:gd name="T0" fmla="*/ 10 w 12"/>
                      <a:gd name="T1" fmla="*/ 10 h 37"/>
                      <a:gd name="T2" fmla="*/ 10 w 12"/>
                      <a:gd name="T3" fmla="*/ 8 h 37"/>
                      <a:gd name="T4" fmla="*/ 9 w 12"/>
                      <a:gd name="T5" fmla="*/ 6 h 37"/>
                      <a:gd name="T6" fmla="*/ 9 w 12"/>
                      <a:gd name="T7" fmla="*/ 3 h 37"/>
                      <a:gd name="T8" fmla="*/ 9 w 12"/>
                      <a:gd name="T9" fmla="*/ 1 h 37"/>
                      <a:gd name="T10" fmla="*/ 7 w 12"/>
                      <a:gd name="T11" fmla="*/ 0 h 37"/>
                      <a:gd name="T12" fmla="*/ 5 w 12"/>
                      <a:gd name="T13" fmla="*/ 0 h 37"/>
                      <a:gd name="T14" fmla="*/ 2 w 12"/>
                      <a:gd name="T15" fmla="*/ 3 h 37"/>
                      <a:gd name="T16" fmla="*/ 0 w 12"/>
                      <a:gd name="T17" fmla="*/ 10 h 37"/>
                      <a:gd name="T18" fmla="*/ 0 w 12"/>
                      <a:gd name="T19" fmla="*/ 11 h 37"/>
                      <a:gd name="T20" fmla="*/ 0 w 12"/>
                      <a:gd name="T21" fmla="*/ 13 h 37"/>
                      <a:gd name="T22" fmla="*/ 2 w 12"/>
                      <a:gd name="T23" fmla="*/ 15 h 37"/>
                      <a:gd name="T24" fmla="*/ 2 w 12"/>
                      <a:gd name="T25" fmla="*/ 18 h 37"/>
                      <a:gd name="T26" fmla="*/ 3 w 12"/>
                      <a:gd name="T27" fmla="*/ 20 h 37"/>
                      <a:gd name="T28" fmla="*/ 3 w 12"/>
                      <a:gd name="T29" fmla="*/ 22 h 37"/>
                      <a:gd name="T30" fmla="*/ 5 w 12"/>
                      <a:gd name="T31" fmla="*/ 23 h 37"/>
                      <a:gd name="T32" fmla="*/ 5 w 12"/>
                      <a:gd name="T33" fmla="*/ 25 h 37"/>
                      <a:gd name="T34" fmla="*/ 12 w 12"/>
                      <a:gd name="T35" fmla="*/ 37 h 37"/>
                      <a:gd name="T36" fmla="*/ 10 w 12"/>
                      <a:gd name="T37" fmla="*/ 10 h 37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w 12"/>
                      <a:gd name="T58" fmla="*/ 0 h 37"/>
                      <a:gd name="T59" fmla="*/ 12 w 12"/>
                      <a:gd name="T60" fmla="*/ 37 h 37"/>
                    </a:gdLst>
                    <a:ahLst/>
                    <a:cxnLst>
                      <a:cxn ang="T38">
                        <a:pos x="T0" y="T1"/>
                      </a:cxn>
                      <a:cxn ang="T39">
                        <a:pos x="T2" y="T3"/>
                      </a:cxn>
                      <a:cxn ang="T40">
                        <a:pos x="T4" y="T5"/>
                      </a:cxn>
                      <a:cxn ang="T41">
                        <a:pos x="T6" y="T7"/>
                      </a:cxn>
                      <a:cxn ang="T42">
                        <a:pos x="T8" y="T9"/>
                      </a:cxn>
                      <a:cxn ang="T43">
                        <a:pos x="T10" y="T11"/>
                      </a:cxn>
                      <a:cxn ang="T44">
                        <a:pos x="T12" y="T13"/>
                      </a:cxn>
                      <a:cxn ang="T45">
                        <a:pos x="T14" y="T15"/>
                      </a:cxn>
                      <a:cxn ang="T46">
                        <a:pos x="T16" y="T17"/>
                      </a:cxn>
                      <a:cxn ang="T47">
                        <a:pos x="T18" y="T19"/>
                      </a:cxn>
                      <a:cxn ang="T48">
                        <a:pos x="T20" y="T21"/>
                      </a:cxn>
                      <a:cxn ang="T49">
                        <a:pos x="T22" y="T23"/>
                      </a:cxn>
                      <a:cxn ang="T50">
                        <a:pos x="T24" y="T25"/>
                      </a:cxn>
                      <a:cxn ang="T51">
                        <a:pos x="T26" y="T27"/>
                      </a:cxn>
                      <a:cxn ang="T52">
                        <a:pos x="T28" y="T29"/>
                      </a:cxn>
                      <a:cxn ang="T53">
                        <a:pos x="T30" y="T31"/>
                      </a:cxn>
                      <a:cxn ang="T54">
                        <a:pos x="T32" y="T33"/>
                      </a:cxn>
                      <a:cxn ang="T55">
                        <a:pos x="T34" y="T35"/>
                      </a:cxn>
                      <a:cxn ang="T56">
                        <a:pos x="T36" y="T37"/>
                      </a:cxn>
                    </a:cxnLst>
                    <a:rect l="T57" t="T58" r="T59" b="T60"/>
                    <a:pathLst>
                      <a:path w="12" h="37">
                        <a:moveTo>
                          <a:pt x="10" y="10"/>
                        </a:moveTo>
                        <a:lnTo>
                          <a:pt x="10" y="8"/>
                        </a:lnTo>
                        <a:lnTo>
                          <a:pt x="9" y="6"/>
                        </a:lnTo>
                        <a:lnTo>
                          <a:pt x="9" y="3"/>
                        </a:lnTo>
                        <a:lnTo>
                          <a:pt x="9" y="1"/>
                        </a:lnTo>
                        <a:lnTo>
                          <a:pt x="7" y="0"/>
                        </a:lnTo>
                        <a:lnTo>
                          <a:pt x="5" y="0"/>
                        </a:lnTo>
                        <a:lnTo>
                          <a:pt x="2" y="3"/>
                        </a:lnTo>
                        <a:lnTo>
                          <a:pt x="0" y="10"/>
                        </a:lnTo>
                        <a:lnTo>
                          <a:pt x="0" y="11"/>
                        </a:lnTo>
                        <a:lnTo>
                          <a:pt x="0" y="13"/>
                        </a:lnTo>
                        <a:lnTo>
                          <a:pt x="2" y="15"/>
                        </a:lnTo>
                        <a:lnTo>
                          <a:pt x="2" y="18"/>
                        </a:lnTo>
                        <a:lnTo>
                          <a:pt x="3" y="20"/>
                        </a:lnTo>
                        <a:lnTo>
                          <a:pt x="3" y="22"/>
                        </a:lnTo>
                        <a:lnTo>
                          <a:pt x="5" y="23"/>
                        </a:lnTo>
                        <a:lnTo>
                          <a:pt x="5" y="25"/>
                        </a:lnTo>
                        <a:lnTo>
                          <a:pt x="12" y="37"/>
                        </a:lnTo>
                        <a:lnTo>
                          <a:pt x="10" y="10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60" name="Freeform 22"/>
                  <p:cNvSpPr>
                    <a:spLocks/>
                  </p:cNvSpPr>
                  <p:nvPr/>
                </p:nvSpPr>
                <p:spPr bwMode="auto">
                  <a:xfrm>
                    <a:off x="4595" y="3150"/>
                    <a:ext cx="12" cy="37"/>
                  </a:xfrm>
                  <a:custGeom>
                    <a:avLst/>
                    <a:gdLst>
                      <a:gd name="T0" fmla="*/ 10 w 12"/>
                      <a:gd name="T1" fmla="*/ 10 h 37"/>
                      <a:gd name="T2" fmla="*/ 10 w 12"/>
                      <a:gd name="T3" fmla="*/ 10 h 37"/>
                      <a:gd name="T4" fmla="*/ 10 w 12"/>
                      <a:gd name="T5" fmla="*/ 8 h 37"/>
                      <a:gd name="T6" fmla="*/ 9 w 12"/>
                      <a:gd name="T7" fmla="*/ 6 h 37"/>
                      <a:gd name="T8" fmla="*/ 9 w 12"/>
                      <a:gd name="T9" fmla="*/ 3 h 37"/>
                      <a:gd name="T10" fmla="*/ 9 w 12"/>
                      <a:gd name="T11" fmla="*/ 1 h 37"/>
                      <a:gd name="T12" fmla="*/ 7 w 12"/>
                      <a:gd name="T13" fmla="*/ 0 h 37"/>
                      <a:gd name="T14" fmla="*/ 5 w 12"/>
                      <a:gd name="T15" fmla="*/ 0 h 37"/>
                      <a:gd name="T16" fmla="*/ 2 w 12"/>
                      <a:gd name="T17" fmla="*/ 3 h 37"/>
                      <a:gd name="T18" fmla="*/ 0 w 12"/>
                      <a:gd name="T19" fmla="*/ 10 h 37"/>
                      <a:gd name="T20" fmla="*/ 0 w 12"/>
                      <a:gd name="T21" fmla="*/ 10 h 37"/>
                      <a:gd name="T22" fmla="*/ 0 w 12"/>
                      <a:gd name="T23" fmla="*/ 11 h 37"/>
                      <a:gd name="T24" fmla="*/ 0 w 12"/>
                      <a:gd name="T25" fmla="*/ 13 h 37"/>
                      <a:gd name="T26" fmla="*/ 2 w 12"/>
                      <a:gd name="T27" fmla="*/ 15 h 37"/>
                      <a:gd name="T28" fmla="*/ 2 w 12"/>
                      <a:gd name="T29" fmla="*/ 18 h 37"/>
                      <a:gd name="T30" fmla="*/ 3 w 12"/>
                      <a:gd name="T31" fmla="*/ 20 h 37"/>
                      <a:gd name="T32" fmla="*/ 3 w 12"/>
                      <a:gd name="T33" fmla="*/ 22 h 37"/>
                      <a:gd name="T34" fmla="*/ 5 w 12"/>
                      <a:gd name="T35" fmla="*/ 23 h 37"/>
                      <a:gd name="T36" fmla="*/ 5 w 12"/>
                      <a:gd name="T37" fmla="*/ 25 h 37"/>
                      <a:gd name="T38" fmla="*/ 12 w 12"/>
                      <a:gd name="T39" fmla="*/ 37 h 37"/>
                      <a:gd name="T40" fmla="*/ 10 w 12"/>
                      <a:gd name="T41" fmla="*/ 10 h 37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12"/>
                      <a:gd name="T64" fmla="*/ 0 h 37"/>
                      <a:gd name="T65" fmla="*/ 12 w 12"/>
                      <a:gd name="T66" fmla="*/ 37 h 37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12" h="37">
                        <a:moveTo>
                          <a:pt x="10" y="10"/>
                        </a:moveTo>
                        <a:lnTo>
                          <a:pt x="10" y="10"/>
                        </a:lnTo>
                        <a:lnTo>
                          <a:pt x="10" y="8"/>
                        </a:lnTo>
                        <a:lnTo>
                          <a:pt x="9" y="6"/>
                        </a:lnTo>
                        <a:lnTo>
                          <a:pt x="9" y="3"/>
                        </a:lnTo>
                        <a:lnTo>
                          <a:pt x="9" y="1"/>
                        </a:lnTo>
                        <a:lnTo>
                          <a:pt x="7" y="0"/>
                        </a:lnTo>
                        <a:lnTo>
                          <a:pt x="5" y="0"/>
                        </a:lnTo>
                        <a:lnTo>
                          <a:pt x="2" y="3"/>
                        </a:lnTo>
                        <a:lnTo>
                          <a:pt x="0" y="10"/>
                        </a:lnTo>
                        <a:lnTo>
                          <a:pt x="0" y="11"/>
                        </a:lnTo>
                        <a:lnTo>
                          <a:pt x="0" y="13"/>
                        </a:lnTo>
                        <a:lnTo>
                          <a:pt x="2" y="15"/>
                        </a:lnTo>
                        <a:lnTo>
                          <a:pt x="2" y="18"/>
                        </a:lnTo>
                        <a:lnTo>
                          <a:pt x="3" y="20"/>
                        </a:lnTo>
                        <a:lnTo>
                          <a:pt x="3" y="22"/>
                        </a:lnTo>
                        <a:lnTo>
                          <a:pt x="5" y="23"/>
                        </a:lnTo>
                        <a:lnTo>
                          <a:pt x="5" y="25"/>
                        </a:lnTo>
                        <a:lnTo>
                          <a:pt x="12" y="37"/>
                        </a:lnTo>
                        <a:lnTo>
                          <a:pt x="10" y="10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61" name="Freeform 23"/>
                  <p:cNvSpPr>
                    <a:spLocks/>
                  </p:cNvSpPr>
                  <p:nvPr/>
                </p:nvSpPr>
                <p:spPr bwMode="auto">
                  <a:xfrm>
                    <a:off x="4673" y="3539"/>
                    <a:ext cx="35" cy="61"/>
                  </a:xfrm>
                  <a:custGeom>
                    <a:avLst/>
                    <a:gdLst>
                      <a:gd name="T0" fmla="*/ 35 w 35"/>
                      <a:gd name="T1" fmla="*/ 0 h 61"/>
                      <a:gd name="T2" fmla="*/ 35 w 35"/>
                      <a:gd name="T3" fmla="*/ 0 h 61"/>
                      <a:gd name="T4" fmla="*/ 35 w 35"/>
                      <a:gd name="T5" fmla="*/ 1 h 61"/>
                      <a:gd name="T6" fmla="*/ 35 w 35"/>
                      <a:gd name="T7" fmla="*/ 3 h 61"/>
                      <a:gd name="T8" fmla="*/ 35 w 35"/>
                      <a:gd name="T9" fmla="*/ 5 h 61"/>
                      <a:gd name="T10" fmla="*/ 34 w 35"/>
                      <a:gd name="T11" fmla="*/ 8 h 61"/>
                      <a:gd name="T12" fmla="*/ 34 w 35"/>
                      <a:gd name="T13" fmla="*/ 12 h 61"/>
                      <a:gd name="T14" fmla="*/ 32 w 35"/>
                      <a:gd name="T15" fmla="*/ 15 h 61"/>
                      <a:gd name="T16" fmla="*/ 30 w 35"/>
                      <a:gd name="T17" fmla="*/ 20 h 61"/>
                      <a:gd name="T18" fmla="*/ 29 w 35"/>
                      <a:gd name="T19" fmla="*/ 23 h 61"/>
                      <a:gd name="T20" fmla="*/ 27 w 35"/>
                      <a:gd name="T21" fmla="*/ 29 h 61"/>
                      <a:gd name="T22" fmla="*/ 24 w 35"/>
                      <a:gd name="T23" fmla="*/ 34 h 61"/>
                      <a:gd name="T24" fmla="*/ 20 w 35"/>
                      <a:gd name="T25" fmla="*/ 39 h 61"/>
                      <a:gd name="T26" fmla="*/ 17 w 35"/>
                      <a:gd name="T27" fmla="*/ 44 h 61"/>
                      <a:gd name="T28" fmla="*/ 12 w 35"/>
                      <a:gd name="T29" fmla="*/ 49 h 61"/>
                      <a:gd name="T30" fmla="*/ 7 w 35"/>
                      <a:gd name="T31" fmla="*/ 56 h 61"/>
                      <a:gd name="T32" fmla="*/ 2 w 35"/>
                      <a:gd name="T33" fmla="*/ 61 h 61"/>
                      <a:gd name="T34" fmla="*/ 0 w 35"/>
                      <a:gd name="T35" fmla="*/ 61 h 61"/>
                      <a:gd name="T36" fmla="*/ 0 w 35"/>
                      <a:gd name="T37" fmla="*/ 59 h 61"/>
                      <a:gd name="T38" fmla="*/ 0 w 35"/>
                      <a:gd name="T39" fmla="*/ 57 h 61"/>
                      <a:gd name="T40" fmla="*/ 0 w 35"/>
                      <a:gd name="T41" fmla="*/ 56 h 61"/>
                      <a:gd name="T42" fmla="*/ 19 w 35"/>
                      <a:gd name="T43" fmla="*/ 35 h 61"/>
                      <a:gd name="T44" fmla="*/ 19 w 35"/>
                      <a:gd name="T45" fmla="*/ 27 h 61"/>
                      <a:gd name="T46" fmla="*/ 19 w 35"/>
                      <a:gd name="T47" fmla="*/ 25 h 61"/>
                      <a:gd name="T48" fmla="*/ 20 w 35"/>
                      <a:gd name="T49" fmla="*/ 25 h 61"/>
                      <a:gd name="T50" fmla="*/ 22 w 35"/>
                      <a:gd name="T51" fmla="*/ 23 h 61"/>
                      <a:gd name="T52" fmla="*/ 24 w 35"/>
                      <a:gd name="T53" fmla="*/ 22 h 61"/>
                      <a:gd name="T54" fmla="*/ 25 w 35"/>
                      <a:gd name="T55" fmla="*/ 18 h 61"/>
                      <a:gd name="T56" fmla="*/ 27 w 35"/>
                      <a:gd name="T57" fmla="*/ 15 h 61"/>
                      <a:gd name="T58" fmla="*/ 29 w 35"/>
                      <a:gd name="T59" fmla="*/ 12 h 61"/>
                      <a:gd name="T60" fmla="*/ 29 w 35"/>
                      <a:gd name="T61" fmla="*/ 5 h 61"/>
                      <a:gd name="T62" fmla="*/ 30 w 35"/>
                      <a:gd name="T63" fmla="*/ 3 h 61"/>
                      <a:gd name="T64" fmla="*/ 32 w 35"/>
                      <a:gd name="T65" fmla="*/ 1 h 61"/>
                      <a:gd name="T66" fmla="*/ 34 w 35"/>
                      <a:gd name="T67" fmla="*/ 0 h 61"/>
                      <a:gd name="T68" fmla="*/ 35 w 35"/>
                      <a:gd name="T69" fmla="*/ 0 h 61"/>
                      <a:gd name="T70" fmla="*/ 0 60000 65536"/>
                      <a:gd name="T71" fmla="*/ 0 60000 65536"/>
                      <a:gd name="T72" fmla="*/ 0 60000 65536"/>
                      <a:gd name="T73" fmla="*/ 0 60000 65536"/>
                      <a:gd name="T74" fmla="*/ 0 60000 65536"/>
                      <a:gd name="T75" fmla="*/ 0 60000 65536"/>
                      <a:gd name="T76" fmla="*/ 0 60000 65536"/>
                      <a:gd name="T77" fmla="*/ 0 60000 65536"/>
                      <a:gd name="T78" fmla="*/ 0 60000 65536"/>
                      <a:gd name="T79" fmla="*/ 0 60000 65536"/>
                      <a:gd name="T80" fmla="*/ 0 60000 65536"/>
                      <a:gd name="T81" fmla="*/ 0 60000 65536"/>
                      <a:gd name="T82" fmla="*/ 0 60000 65536"/>
                      <a:gd name="T83" fmla="*/ 0 60000 65536"/>
                      <a:gd name="T84" fmla="*/ 0 60000 65536"/>
                      <a:gd name="T85" fmla="*/ 0 60000 65536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w 35"/>
                      <a:gd name="T106" fmla="*/ 0 h 61"/>
                      <a:gd name="T107" fmla="*/ 35 w 35"/>
                      <a:gd name="T108" fmla="*/ 61 h 61"/>
                    </a:gdLst>
                    <a:ahLst/>
                    <a:cxnLst>
                      <a:cxn ang="T70">
                        <a:pos x="T0" y="T1"/>
                      </a:cxn>
                      <a:cxn ang="T71">
                        <a:pos x="T2" y="T3"/>
                      </a:cxn>
                      <a:cxn ang="T72">
                        <a:pos x="T4" y="T5"/>
                      </a:cxn>
                      <a:cxn ang="T73">
                        <a:pos x="T6" y="T7"/>
                      </a:cxn>
                      <a:cxn ang="T74">
                        <a:pos x="T8" y="T9"/>
                      </a:cxn>
                      <a:cxn ang="T75">
                        <a:pos x="T10" y="T11"/>
                      </a:cxn>
                      <a:cxn ang="T76">
                        <a:pos x="T12" y="T13"/>
                      </a:cxn>
                      <a:cxn ang="T77">
                        <a:pos x="T14" y="T15"/>
                      </a:cxn>
                      <a:cxn ang="T78">
                        <a:pos x="T16" y="T17"/>
                      </a:cxn>
                      <a:cxn ang="T79">
                        <a:pos x="T18" y="T19"/>
                      </a:cxn>
                      <a:cxn ang="T80">
                        <a:pos x="T20" y="T21"/>
                      </a:cxn>
                      <a:cxn ang="T81">
                        <a:pos x="T22" y="T23"/>
                      </a:cxn>
                      <a:cxn ang="T82">
                        <a:pos x="T24" y="T25"/>
                      </a:cxn>
                      <a:cxn ang="T83">
                        <a:pos x="T26" y="T27"/>
                      </a:cxn>
                      <a:cxn ang="T84">
                        <a:pos x="T28" y="T29"/>
                      </a:cxn>
                      <a:cxn ang="T85">
                        <a:pos x="T30" y="T31"/>
                      </a:cxn>
                      <a:cxn ang="T86">
                        <a:pos x="T32" y="T33"/>
                      </a:cxn>
                      <a:cxn ang="T87">
                        <a:pos x="T34" y="T35"/>
                      </a:cxn>
                      <a:cxn ang="T88">
                        <a:pos x="T36" y="T37"/>
                      </a:cxn>
                      <a:cxn ang="T89">
                        <a:pos x="T38" y="T39"/>
                      </a:cxn>
                      <a:cxn ang="T90">
                        <a:pos x="T40" y="T41"/>
                      </a:cxn>
                      <a:cxn ang="T91">
                        <a:pos x="T42" y="T43"/>
                      </a:cxn>
                      <a:cxn ang="T92">
                        <a:pos x="T44" y="T45"/>
                      </a:cxn>
                      <a:cxn ang="T93">
                        <a:pos x="T46" y="T47"/>
                      </a:cxn>
                      <a:cxn ang="T94">
                        <a:pos x="T48" y="T49"/>
                      </a:cxn>
                      <a:cxn ang="T95">
                        <a:pos x="T50" y="T51"/>
                      </a:cxn>
                      <a:cxn ang="T96">
                        <a:pos x="T52" y="T53"/>
                      </a:cxn>
                      <a:cxn ang="T97">
                        <a:pos x="T54" y="T55"/>
                      </a:cxn>
                      <a:cxn ang="T98">
                        <a:pos x="T56" y="T57"/>
                      </a:cxn>
                      <a:cxn ang="T99">
                        <a:pos x="T58" y="T59"/>
                      </a:cxn>
                      <a:cxn ang="T100">
                        <a:pos x="T60" y="T61"/>
                      </a:cxn>
                      <a:cxn ang="T101">
                        <a:pos x="T62" y="T63"/>
                      </a:cxn>
                      <a:cxn ang="T102">
                        <a:pos x="T64" y="T65"/>
                      </a:cxn>
                      <a:cxn ang="T103">
                        <a:pos x="T66" y="T67"/>
                      </a:cxn>
                      <a:cxn ang="T104">
                        <a:pos x="T68" y="T69"/>
                      </a:cxn>
                    </a:cxnLst>
                    <a:rect l="T105" t="T106" r="T107" b="T108"/>
                    <a:pathLst>
                      <a:path w="35" h="61">
                        <a:moveTo>
                          <a:pt x="35" y="0"/>
                        </a:moveTo>
                        <a:lnTo>
                          <a:pt x="35" y="0"/>
                        </a:lnTo>
                        <a:lnTo>
                          <a:pt x="35" y="1"/>
                        </a:lnTo>
                        <a:lnTo>
                          <a:pt x="35" y="3"/>
                        </a:lnTo>
                        <a:lnTo>
                          <a:pt x="35" y="5"/>
                        </a:lnTo>
                        <a:lnTo>
                          <a:pt x="34" y="8"/>
                        </a:lnTo>
                        <a:lnTo>
                          <a:pt x="34" y="12"/>
                        </a:lnTo>
                        <a:lnTo>
                          <a:pt x="32" y="15"/>
                        </a:lnTo>
                        <a:lnTo>
                          <a:pt x="30" y="20"/>
                        </a:lnTo>
                        <a:lnTo>
                          <a:pt x="29" y="23"/>
                        </a:lnTo>
                        <a:lnTo>
                          <a:pt x="27" y="29"/>
                        </a:lnTo>
                        <a:lnTo>
                          <a:pt x="24" y="34"/>
                        </a:lnTo>
                        <a:lnTo>
                          <a:pt x="20" y="39"/>
                        </a:lnTo>
                        <a:lnTo>
                          <a:pt x="17" y="44"/>
                        </a:lnTo>
                        <a:lnTo>
                          <a:pt x="12" y="49"/>
                        </a:lnTo>
                        <a:lnTo>
                          <a:pt x="7" y="56"/>
                        </a:lnTo>
                        <a:lnTo>
                          <a:pt x="2" y="61"/>
                        </a:lnTo>
                        <a:lnTo>
                          <a:pt x="0" y="61"/>
                        </a:lnTo>
                        <a:lnTo>
                          <a:pt x="0" y="59"/>
                        </a:lnTo>
                        <a:lnTo>
                          <a:pt x="0" y="57"/>
                        </a:lnTo>
                        <a:lnTo>
                          <a:pt x="0" y="56"/>
                        </a:lnTo>
                        <a:lnTo>
                          <a:pt x="19" y="35"/>
                        </a:lnTo>
                        <a:lnTo>
                          <a:pt x="19" y="27"/>
                        </a:lnTo>
                        <a:lnTo>
                          <a:pt x="19" y="25"/>
                        </a:lnTo>
                        <a:lnTo>
                          <a:pt x="20" y="25"/>
                        </a:lnTo>
                        <a:lnTo>
                          <a:pt x="22" y="23"/>
                        </a:lnTo>
                        <a:lnTo>
                          <a:pt x="24" y="22"/>
                        </a:lnTo>
                        <a:lnTo>
                          <a:pt x="25" y="18"/>
                        </a:lnTo>
                        <a:lnTo>
                          <a:pt x="27" y="15"/>
                        </a:lnTo>
                        <a:lnTo>
                          <a:pt x="29" y="12"/>
                        </a:lnTo>
                        <a:lnTo>
                          <a:pt x="29" y="5"/>
                        </a:lnTo>
                        <a:lnTo>
                          <a:pt x="30" y="3"/>
                        </a:lnTo>
                        <a:lnTo>
                          <a:pt x="32" y="1"/>
                        </a:lnTo>
                        <a:lnTo>
                          <a:pt x="34" y="0"/>
                        </a:lnTo>
                        <a:lnTo>
                          <a:pt x="35" y="0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62" name="Freeform 24"/>
                  <p:cNvSpPr>
                    <a:spLocks/>
                  </p:cNvSpPr>
                  <p:nvPr/>
                </p:nvSpPr>
                <p:spPr bwMode="auto">
                  <a:xfrm>
                    <a:off x="4673" y="3539"/>
                    <a:ext cx="35" cy="61"/>
                  </a:xfrm>
                  <a:custGeom>
                    <a:avLst/>
                    <a:gdLst>
                      <a:gd name="T0" fmla="*/ 35 w 35"/>
                      <a:gd name="T1" fmla="*/ 0 h 61"/>
                      <a:gd name="T2" fmla="*/ 35 w 35"/>
                      <a:gd name="T3" fmla="*/ 0 h 61"/>
                      <a:gd name="T4" fmla="*/ 35 w 35"/>
                      <a:gd name="T5" fmla="*/ 0 h 61"/>
                      <a:gd name="T6" fmla="*/ 35 w 35"/>
                      <a:gd name="T7" fmla="*/ 1 h 61"/>
                      <a:gd name="T8" fmla="*/ 35 w 35"/>
                      <a:gd name="T9" fmla="*/ 3 h 61"/>
                      <a:gd name="T10" fmla="*/ 35 w 35"/>
                      <a:gd name="T11" fmla="*/ 5 h 61"/>
                      <a:gd name="T12" fmla="*/ 34 w 35"/>
                      <a:gd name="T13" fmla="*/ 8 h 61"/>
                      <a:gd name="T14" fmla="*/ 34 w 35"/>
                      <a:gd name="T15" fmla="*/ 12 h 61"/>
                      <a:gd name="T16" fmla="*/ 32 w 35"/>
                      <a:gd name="T17" fmla="*/ 15 h 61"/>
                      <a:gd name="T18" fmla="*/ 30 w 35"/>
                      <a:gd name="T19" fmla="*/ 20 h 61"/>
                      <a:gd name="T20" fmla="*/ 29 w 35"/>
                      <a:gd name="T21" fmla="*/ 23 h 61"/>
                      <a:gd name="T22" fmla="*/ 27 w 35"/>
                      <a:gd name="T23" fmla="*/ 29 h 61"/>
                      <a:gd name="T24" fmla="*/ 24 w 35"/>
                      <a:gd name="T25" fmla="*/ 34 h 61"/>
                      <a:gd name="T26" fmla="*/ 20 w 35"/>
                      <a:gd name="T27" fmla="*/ 39 h 61"/>
                      <a:gd name="T28" fmla="*/ 17 w 35"/>
                      <a:gd name="T29" fmla="*/ 44 h 61"/>
                      <a:gd name="T30" fmla="*/ 12 w 35"/>
                      <a:gd name="T31" fmla="*/ 49 h 61"/>
                      <a:gd name="T32" fmla="*/ 7 w 35"/>
                      <a:gd name="T33" fmla="*/ 56 h 61"/>
                      <a:gd name="T34" fmla="*/ 2 w 35"/>
                      <a:gd name="T35" fmla="*/ 61 h 61"/>
                      <a:gd name="T36" fmla="*/ 2 w 35"/>
                      <a:gd name="T37" fmla="*/ 61 h 61"/>
                      <a:gd name="T38" fmla="*/ 0 w 35"/>
                      <a:gd name="T39" fmla="*/ 61 h 61"/>
                      <a:gd name="T40" fmla="*/ 0 w 35"/>
                      <a:gd name="T41" fmla="*/ 59 h 61"/>
                      <a:gd name="T42" fmla="*/ 0 w 35"/>
                      <a:gd name="T43" fmla="*/ 57 h 61"/>
                      <a:gd name="T44" fmla="*/ 0 w 35"/>
                      <a:gd name="T45" fmla="*/ 56 h 61"/>
                      <a:gd name="T46" fmla="*/ 19 w 35"/>
                      <a:gd name="T47" fmla="*/ 35 h 61"/>
                      <a:gd name="T48" fmla="*/ 19 w 35"/>
                      <a:gd name="T49" fmla="*/ 27 h 61"/>
                      <a:gd name="T50" fmla="*/ 19 w 35"/>
                      <a:gd name="T51" fmla="*/ 27 h 61"/>
                      <a:gd name="T52" fmla="*/ 19 w 35"/>
                      <a:gd name="T53" fmla="*/ 25 h 61"/>
                      <a:gd name="T54" fmla="*/ 20 w 35"/>
                      <a:gd name="T55" fmla="*/ 25 h 61"/>
                      <a:gd name="T56" fmla="*/ 22 w 35"/>
                      <a:gd name="T57" fmla="*/ 23 h 61"/>
                      <a:gd name="T58" fmla="*/ 24 w 35"/>
                      <a:gd name="T59" fmla="*/ 22 h 61"/>
                      <a:gd name="T60" fmla="*/ 25 w 35"/>
                      <a:gd name="T61" fmla="*/ 18 h 61"/>
                      <a:gd name="T62" fmla="*/ 27 w 35"/>
                      <a:gd name="T63" fmla="*/ 15 h 61"/>
                      <a:gd name="T64" fmla="*/ 29 w 35"/>
                      <a:gd name="T65" fmla="*/ 12 h 61"/>
                      <a:gd name="T66" fmla="*/ 29 w 35"/>
                      <a:gd name="T67" fmla="*/ 5 h 61"/>
                      <a:gd name="T68" fmla="*/ 29 w 35"/>
                      <a:gd name="T69" fmla="*/ 5 h 61"/>
                      <a:gd name="T70" fmla="*/ 30 w 35"/>
                      <a:gd name="T71" fmla="*/ 3 h 61"/>
                      <a:gd name="T72" fmla="*/ 32 w 35"/>
                      <a:gd name="T73" fmla="*/ 1 h 61"/>
                      <a:gd name="T74" fmla="*/ 34 w 35"/>
                      <a:gd name="T75" fmla="*/ 0 h 61"/>
                      <a:gd name="T76" fmla="*/ 35 w 35"/>
                      <a:gd name="T77" fmla="*/ 0 h 61"/>
                      <a:gd name="T78" fmla="*/ 0 60000 65536"/>
                      <a:gd name="T79" fmla="*/ 0 60000 65536"/>
                      <a:gd name="T80" fmla="*/ 0 60000 65536"/>
                      <a:gd name="T81" fmla="*/ 0 60000 65536"/>
                      <a:gd name="T82" fmla="*/ 0 60000 65536"/>
                      <a:gd name="T83" fmla="*/ 0 60000 65536"/>
                      <a:gd name="T84" fmla="*/ 0 60000 65536"/>
                      <a:gd name="T85" fmla="*/ 0 60000 65536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w 35"/>
                      <a:gd name="T118" fmla="*/ 0 h 61"/>
                      <a:gd name="T119" fmla="*/ 35 w 35"/>
                      <a:gd name="T120" fmla="*/ 61 h 61"/>
                    </a:gdLst>
                    <a:ahLst/>
                    <a:cxnLst>
                      <a:cxn ang="T78">
                        <a:pos x="T0" y="T1"/>
                      </a:cxn>
                      <a:cxn ang="T79">
                        <a:pos x="T2" y="T3"/>
                      </a:cxn>
                      <a:cxn ang="T80">
                        <a:pos x="T4" y="T5"/>
                      </a:cxn>
                      <a:cxn ang="T81">
                        <a:pos x="T6" y="T7"/>
                      </a:cxn>
                      <a:cxn ang="T82">
                        <a:pos x="T8" y="T9"/>
                      </a:cxn>
                      <a:cxn ang="T83">
                        <a:pos x="T10" y="T11"/>
                      </a:cxn>
                      <a:cxn ang="T84">
                        <a:pos x="T12" y="T13"/>
                      </a:cxn>
                      <a:cxn ang="T85">
                        <a:pos x="T14" y="T15"/>
                      </a:cxn>
                      <a:cxn ang="T86">
                        <a:pos x="T16" y="T17"/>
                      </a:cxn>
                      <a:cxn ang="T87">
                        <a:pos x="T18" y="T19"/>
                      </a:cxn>
                      <a:cxn ang="T88">
                        <a:pos x="T20" y="T21"/>
                      </a:cxn>
                      <a:cxn ang="T89">
                        <a:pos x="T22" y="T23"/>
                      </a:cxn>
                      <a:cxn ang="T90">
                        <a:pos x="T24" y="T25"/>
                      </a:cxn>
                      <a:cxn ang="T91">
                        <a:pos x="T26" y="T27"/>
                      </a:cxn>
                      <a:cxn ang="T92">
                        <a:pos x="T28" y="T29"/>
                      </a:cxn>
                      <a:cxn ang="T93">
                        <a:pos x="T30" y="T31"/>
                      </a:cxn>
                      <a:cxn ang="T94">
                        <a:pos x="T32" y="T33"/>
                      </a:cxn>
                      <a:cxn ang="T95">
                        <a:pos x="T34" y="T35"/>
                      </a:cxn>
                      <a:cxn ang="T96">
                        <a:pos x="T36" y="T37"/>
                      </a:cxn>
                      <a:cxn ang="T97">
                        <a:pos x="T38" y="T39"/>
                      </a:cxn>
                      <a:cxn ang="T98">
                        <a:pos x="T40" y="T41"/>
                      </a:cxn>
                      <a:cxn ang="T99">
                        <a:pos x="T42" y="T43"/>
                      </a:cxn>
                      <a:cxn ang="T100">
                        <a:pos x="T44" y="T45"/>
                      </a:cxn>
                      <a:cxn ang="T101">
                        <a:pos x="T46" y="T47"/>
                      </a:cxn>
                      <a:cxn ang="T102">
                        <a:pos x="T48" y="T49"/>
                      </a:cxn>
                      <a:cxn ang="T103">
                        <a:pos x="T50" y="T51"/>
                      </a:cxn>
                      <a:cxn ang="T104">
                        <a:pos x="T52" y="T53"/>
                      </a:cxn>
                      <a:cxn ang="T105">
                        <a:pos x="T54" y="T55"/>
                      </a:cxn>
                      <a:cxn ang="T106">
                        <a:pos x="T56" y="T57"/>
                      </a:cxn>
                      <a:cxn ang="T107">
                        <a:pos x="T58" y="T59"/>
                      </a:cxn>
                      <a:cxn ang="T108">
                        <a:pos x="T60" y="T61"/>
                      </a:cxn>
                      <a:cxn ang="T109">
                        <a:pos x="T62" y="T63"/>
                      </a:cxn>
                      <a:cxn ang="T110">
                        <a:pos x="T64" y="T65"/>
                      </a:cxn>
                      <a:cxn ang="T111">
                        <a:pos x="T66" y="T67"/>
                      </a:cxn>
                      <a:cxn ang="T112">
                        <a:pos x="T68" y="T69"/>
                      </a:cxn>
                      <a:cxn ang="T113">
                        <a:pos x="T70" y="T71"/>
                      </a:cxn>
                      <a:cxn ang="T114">
                        <a:pos x="T72" y="T73"/>
                      </a:cxn>
                      <a:cxn ang="T115">
                        <a:pos x="T74" y="T75"/>
                      </a:cxn>
                      <a:cxn ang="T116">
                        <a:pos x="T76" y="T77"/>
                      </a:cxn>
                    </a:cxnLst>
                    <a:rect l="T117" t="T118" r="T119" b="T120"/>
                    <a:pathLst>
                      <a:path w="35" h="61">
                        <a:moveTo>
                          <a:pt x="35" y="0"/>
                        </a:moveTo>
                        <a:lnTo>
                          <a:pt x="35" y="0"/>
                        </a:lnTo>
                        <a:lnTo>
                          <a:pt x="35" y="1"/>
                        </a:lnTo>
                        <a:lnTo>
                          <a:pt x="35" y="3"/>
                        </a:lnTo>
                        <a:lnTo>
                          <a:pt x="35" y="5"/>
                        </a:lnTo>
                        <a:lnTo>
                          <a:pt x="34" y="8"/>
                        </a:lnTo>
                        <a:lnTo>
                          <a:pt x="34" y="12"/>
                        </a:lnTo>
                        <a:lnTo>
                          <a:pt x="32" y="15"/>
                        </a:lnTo>
                        <a:lnTo>
                          <a:pt x="30" y="20"/>
                        </a:lnTo>
                        <a:lnTo>
                          <a:pt x="29" y="23"/>
                        </a:lnTo>
                        <a:lnTo>
                          <a:pt x="27" y="29"/>
                        </a:lnTo>
                        <a:lnTo>
                          <a:pt x="24" y="34"/>
                        </a:lnTo>
                        <a:lnTo>
                          <a:pt x="20" y="39"/>
                        </a:lnTo>
                        <a:lnTo>
                          <a:pt x="17" y="44"/>
                        </a:lnTo>
                        <a:lnTo>
                          <a:pt x="12" y="49"/>
                        </a:lnTo>
                        <a:lnTo>
                          <a:pt x="7" y="56"/>
                        </a:lnTo>
                        <a:lnTo>
                          <a:pt x="2" y="61"/>
                        </a:lnTo>
                        <a:lnTo>
                          <a:pt x="0" y="61"/>
                        </a:lnTo>
                        <a:lnTo>
                          <a:pt x="0" y="59"/>
                        </a:lnTo>
                        <a:lnTo>
                          <a:pt x="0" y="57"/>
                        </a:lnTo>
                        <a:lnTo>
                          <a:pt x="0" y="56"/>
                        </a:lnTo>
                        <a:lnTo>
                          <a:pt x="19" y="35"/>
                        </a:lnTo>
                        <a:lnTo>
                          <a:pt x="19" y="27"/>
                        </a:lnTo>
                        <a:lnTo>
                          <a:pt x="19" y="25"/>
                        </a:lnTo>
                        <a:lnTo>
                          <a:pt x="20" y="25"/>
                        </a:lnTo>
                        <a:lnTo>
                          <a:pt x="22" y="23"/>
                        </a:lnTo>
                        <a:lnTo>
                          <a:pt x="24" y="22"/>
                        </a:lnTo>
                        <a:lnTo>
                          <a:pt x="25" y="18"/>
                        </a:lnTo>
                        <a:lnTo>
                          <a:pt x="27" y="15"/>
                        </a:lnTo>
                        <a:lnTo>
                          <a:pt x="29" y="12"/>
                        </a:lnTo>
                        <a:lnTo>
                          <a:pt x="29" y="5"/>
                        </a:lnTo>
                        <a:lnTo>
                          <a:pt x="30" y="3"/>
                        </a:lnTo>
                        <a:lnTo>
                          <a:pt x="32" y="1"/>
                        </a:lnTo>
                        <a:lnTo>
                          <a:pt x="34" y="0"/>
                        </a:lnTo>
                        <a:lnTo>
                          <a:pt x="35" y="0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63" name="Freeform 25"/>
                  <p:cNvSpPr>
                    <a:spLocks/>
                  </p:cNvSpPr>
                  <p:nvPr/>
                </p:nvSpPr>
                <p:spPr bwMode="auto">
                  <a:xfrm>
                    <a:off x="4710" y="3513"/>
                    <a:ext cx="7" cy="19"/>
                  </a:xfrm>
                  <a:custGeom>
                    <a:avLst/>
                    <a:gdLst>
                      <a:gd name="T0" fmla="*/ 0 w 7"/>
                      <a:gd name="T1" fmla="*/ 11 h 19"/>
                      <a:gd name="T2" fmla="*/ 2 w 7"/>
                      <a:gd name="T3" fmla="*/ 5 h 19"/>
                      <a:gd name="T4" fmla="*/ 2 w 7"/>
                      <a:gd name="T5" fmla="*/ 4 h 19"/>
                      <a:gd name="T6" fmla="*/ 2 w 7"/>
                      <a:gd name="T7" fmla="*/ 0 h 19"/>
                      <a:gd name="T8" fmla="*/ 4 w 7"/>
                      <a:gd name="T9" fmla="*/ 0 h 19"/>
                      <a:gd name="T10" fmla="*/ 5 w 7"/>
                      <a:gd name="T11" fmla="*/ 0 h 19"/>
                      <a:gd name="T12" fmla="*/ 7 w 7"/>
                      <a:gd name="T13" fmla="*/ 4 h 19"/>
                      <a:gd name="T14" fmla="*/ 7 w 7"/>
                      <a:gd name="T15" fmla="*/ 5 h 19"/>
                      <a:gd name="T16" fmla="*/ 7 w 7"/>
                      <a:gd name="T17" fmla="*/ 11 h 19"/>
                      <a:gd name="T18" fmla="*/ 7 w 7"/>
                      <a:gd name="T19" fmla="*/ 14 h 19"/>
                      <a:gd name="T20" fmla="*/ 7 w 7"/>
                      <a:gd name="T21" fmla="*/ 17 h 19"/>
                      <a:gd name="T22" fmla="*/ 5 w 7"/>
                      <a:gd name="T23" fmla="*/ 19 h 19"/>
                      <a:gd name="T24" fmla="*/ 4 w 7"/>
                      <a:gd name="T25" fmla="*/ 19 h 19"/>
                      <a:gd name="T26" fmla="*/ 2 w 7"/>
                      <a:gd name="T27" fmla="*/ 19 h 19"/>
                      <a:gd name="T28" fmla="*/ 2 w 7"/>
                      <a:gd name="T29" fmla="*/ 17 h 19"/>
                      <a:gd name="T30" fmla="*/ 2 w 7"/>
                      <a:gd name="T31" fmla="*/ 14 h 19"/>
                      <a:gd name="T32" fmla="*/ 0 w 7"/>
                      <a:gd name="T33" fmla="*/ 11 h 19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7"/>
                      <a:gd name="T52" fmla="*/ 0 h 19"/>
                      <a:gd name="T53" fmla="*/ 7 w 7"/>
                      <a:gd name="T54" fmla="*/ 19 h 19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7" h="19">
                        <a:moveTo>
                          <a:pt x="0" y="11"/>
                        </a:moveTo>
                        <a:lnTo>
                          <a:pt x="2" y="5"/>
                        </a:lnTo>
                        <a:lnTo>
                          <a:pt x="2" y="4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5" y="0"/>
                        </a:lnTo>
                        <a:lnTo>
                          <a:pt x="7" y="4"/>
                        </a:lnTo>
                        <a:lnTo>
                          <a:pt x="7" y="5"/>
                        </a:lnTo>
                        <a:lnTo>
                          <a:pt x="7" y="11"/>
                        </a:lnTo>
                        <a:lnTo>
                          <a:pt x="7" y="14"/>
                        </a:lnTo>
                        <a:lnTo>
                          <a:pt x="7" y="17"/>
                        </a:lnTo>
                        <a:lnTo>
                          <a:pt x="5" y="19"/>
                        </a:lnTo>
                        <a:lnTo>
                          <a:pt x="4" y="19"/>
                        </a:lnTo>
                        <a:lnTo>
                          <a:pt x="2" y="19"/>
                        </a:lnTo>
                        <a:lnTo>
                          <a:pt x="2" y="17"/>
                        </a:lnTo>
                        <a:lnTo>
                          <a:pt x="2" y="14"/>
                        </a:lnTo>
                        <a:lnTo>
                          <a:pt x="0" y="11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64" name="Freeform 26"/>
                  <p:cNvSpPr>
                    <a:spLocks/>
                  </p:cNvSpPr>
                  <p:nvPr/>
                </p:nvSpPr>
                <p:spPr bwMode="auto">
                  <a:xfrm>
                    <a:off x="4710" y="3513"/>
                    <a:ext cx="7" cy="19"/>
                  </a:xfrm>
                  <a:custGeom>
                    <a:avLst/>
                    <a:gdLst>
                      <a:gd name="T0" fmla="*/ 0 w 7"/>
                      <a:gd name="T1" fmla="*/ 11 h 19"/>
                      <a:gd name="T2" fmla="*/ 0 w 7"/>
                      <a:gd name="T3" fmla="*/ 11 h 19"/>
                      <a:gd name="T4" fmla="*/ 2 w 7"/>
                      <a:gd name="T5" fmla="*/ 5 h 19"/>
                      <a:gd name="T6" fmla="*/ 2 w 7"/>
                      <a:gd name="T7" fmla="*/ 4 h 19"/>
                      <a:gd name="T8" fmla="*/ 2 w 7"/>
                      <a:gd name="T9" fmla="*/ 0 h 19"/>
                      <a:gd name="T10" fmla="*/ 4 w 7"/>
                      <a:gd name="T11" fmla="*/ 0 h 19"/>
                      <a:gd name="T12" fmla="*/ 4 w 7"/>
                      <a:gd name="T13" fmla="*/ 0 h 19"/>
                      <a:gd name="T14" fmla="*/ 5 w 7"/>
                      <a:gd name="T15" fmla="*/ 0 h 19"/>
                      <a:gd name="T16" fmla="*/ 7 w 7"/>
                      <a:gd name="T17" fmla="*/ 4 h 19"/>
                      <a:gd name="T18" fmla="*/ 7 w 7"/>
                      <a:gd name="T19" fmla="*/ 5 h 19"/>
                      <a:gd name="T20" fmla="*/ 7 w 7"/>
                      <a:gd name="T21" fmla="*/ 11 h 19"/>
                      <a:gd name="T22" fmla="*/ 7 w 7"/>
                      <a:gd name="T23" fmla="*/ 11 h 19"/>
                      <a:gd name="T24" fmla="*/ 7 w 7"/>
                      <a:gd name="T25" fmla="*/ 14 h 19"/>
                      <a:gd name="T26" fmla="*/ 7 w 7"/>
                      <a:gd name="T27" fmla="*/ 17 h 19"/>
                      <a:gd name="T28" fmla="*/ 5 w 7"/>
                      <a:gd name="T29" fmla="*/ 19 h 19"/>
                      <a:gd name="T30" fmla="*/ 4 w 7"/>
                      <a:gd name="T31" fmla="*/ 19 h 19"/>
                      <a:gd name="T32" fmla="*/ 4 w 7"/>
                      <a:gd name="T33" fmla="*/ 19 h 19"/>
                      <a:gd name="T34" fmla="*/ 2 w 7"/>
                      <a:gd name="T35" fmla="*/ 19 h 19"/>
                      <a:gd name="T36" fmla="*/ 2 w 7"/>
                      <a:gd name="T37" fmla="*/ 17 h 19"/>
                      <a:gd name="T38" fmla="*/ 2 w 7"/>
                      <a:gd name="T39" fmla="*/ 14 h 19"/>
                      <a:gd name="T40" fmla="*/ 0 w 7"/>
                      <a:gd name="T41" fmla="*/ 11 h 19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7"/>
                      <a:gd name="T64" fmla="*/ 0 h 19"/>
                      <a:gd name="T65" fmla="*/ 7 w 7"/>
                      <a:gd name="T66" fmla="*/ 19 h 19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7" h="19">
                        <a:moveTo>
                          <a:pt x="0" y="11"/>
                        </a:moveTo>
                        <a:lnTo>
                          <a:pt x="0" y="11"/>
                        </a:lnTo>
                        <a:lnTo>
                          <a:pt x="2" y="5"/>
                        </a:lnTo>
                        <a:lnTo>
                          <a:pt x="2" y="4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5" y="0"/>
                        </a:lnTo>
                        <a:lnTo>
                          <a:pt x="7" y="4"/>
                        </a:lnTo>
                        <a:lnTo>
                          <a:pt x="7" y="5"/>
                        </a:lnTo>
                        <a:lnTo>
                          <a:pt x="7" y="11"/>
                        </a:lnTo>
                        <a:lnTo>
                          <a:pt x="7" y="14"/>
                        </a:lnTo>
                        <a:lnTo>
                          <a:pt x="7" y="17"/>
                        </a:lnTo>
                        <a:lnTo>
                          <a:pt x="5" y="19"/>
                        </a:lnTo>
                        <a:lnTo>
                          <a:pt x="4" y="19"/>
                        </a:lnTo>
                        <a:lnTo>
                          <a:pt x="2" y="19"/>
                        </a:lnTo>
                        <a:lnTo>
                          <a:pt x="2" y="17"/>
                        </a:lnTo>
                        <a:lnTo>
                          <a:pt x="2" y="14"/>
                        </a:lnTo>
                        <a:lnTo>
                          <a:pt x="0" y="11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65" name="Freeform 27"/>
                  <p:cNvSpPr>
                    <a:spLocks/>
                  </p:cNvSpPr>
                  <p:nvPr/>
                </p:nvSpPr>
                <p:spPr bwMode="auto">
                  <a:xfrm>
                    <a:off x="4714" y="3488"/>
                    <a:ext cx="5" cy="10"/>
                  </a:xfrm>
                  <a:custGeom>
                    <a:avLst/>
                    <a:gdLst>
                      <a:gd name="T0" fmla="*/ 0 w 5"/>
                      <a:gd name="T1" fmla="*/ 5 h 10"/>
                      <a:gd name="T2" fmla="*/ 0 w 5"/>
                      <a:gd name="T3" fmla="*/ 3 h 10"/>
                      <a:gd name="T4" fmla="*/ 0 w 5"/>
                      <a:gd name="T5" fmla="*/ 2 h 10"/>
                      <a:gd name="T6" fmla="*/ 1 w 5"/>
                      <a:gd name="T7" fmla="*/ 2 h 10"/>
                      <a:gd name="T8" fmla="*/ 1 w 5"/>
                      <a:gd name="T9" fmla="*/ 0 h 10"/>
                      <a:gd name="T10" fmla="*/ 3 w 5"/>
                      <a:gd name="T11" fmla="*/ 2 h 10"/>
                      <a:gd name="T12" fmla="*/ 3 w 5"/>
                      <a:gd name="T13" fmla="*/ 2 h 10"/>
                      <a:gd name="T14" fmla="*/ 3 w 5"/>
                      <a:gd name="T15" fmla="*/ 3 h 10"/>
                      <a:gd name="T16" fmla="*/ 5 w 5"/>
                      <a:gd name="T17" fmla="*/ 5 h 10"/>
                      <a:gd name="T18" fmla="*/ 3 w 5"/>
                      <a:gd name="T19" fmla="*/ 7 h 10"/>
                      <a:gd name="T20" fmla="*/ 3 w 5"/>
                      <a:gd name="T21" fmla="*/ 8 h 10"/>
                      <a:gd name="T22" fmla="*/ 3 w 5"/>
                      <a:gd name="T23" fmla="*/ 10 h 10"/>
                      <a:gd name="T24" fmla="*/ 1 w 5"/>
                      <a:gd name="T25" fmla="*/ 10 h 10"/>
                      <a:gd name="T26" fmla="*/ 1 w 5"/>
                      <a:gd name="T27" fmla="*/ 10 h 10"/>
                      <a:gd name="T28" fmla="*/ 0 w 5"/>
                      <a:gd name="T29" fmla="*/ 8 h 10"/>
                      <a:gd name="T30" fmla="*/ 0 w 5"/>
                      <a:gd name="T31" fmla="*/ 7 h 10"/>
                      <a:gd name="T32" fmla="*/ 0 w 5"/>
                      <a:gd name="T33" fmla="*/ 5 h 10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5"/>
                      <a:gd name="T52" fmla="*/ 0 h 10"/>
                      <a:gd name="T53" fmla="*/ 5 w 5"/>
                      <a:gd name="T54" fmla="*/ 10 h 10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5" h="10">
                        <a:moveTo>
                          <a:pt x="0" y="5"/>
                        </a:moveTo>
                        <a:lnTo>
                          <a:pt x="0" y="3"/>
                        </a:lnTo>
                        <a:lnTo>
                          <a:pt x="0" y="2"/>
                        </a:lnTo>
                        <a:lnTo>
                          <a:pt x="1" y="2"/>
                        </a:lnTo>
                        <a:lnTo>
                          <a:pt x="1" y="0"/>
                        </a:lnTo>
                        <a:lnTo>
                          <a:pt x="3" y="2"/>
                        </a:lnTo>
                        <a:lnTo>
                          <a:pt x="3" y="3"/>
                        </a:lnTo>
                        <a:lnTo>
                          <a:pt x="5" y="5"/>
                        </a:lnTo>
                        <a:lnTo>
                          <a:pt x="3" y="7"/>
                        </a:lnTo>
                        <a:lnTo>
                          <a:pt x="3" y="8"/>
                        </a:lnTo>
                        <a:lnTo>
                          <a:pt x="3" y="10"/>
                        </a:lnTo>
                        <a:lnTo>
                          <a:pt x="1" y="10"/>
                        </a:lnTo>
                        <a:lnTo>
                          <a:pt x="0" y="8"/>
                        </a:lnTo>
                        <a:lnTo>
                          <a:pt x="0" y="7"/>
                        </a:lnTo>
                        <a:lnTo>
                          <a:pt x="0" y="5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66" name="Freeform 28"/>
                  <p:cNvSpPr>
                    <a:spLocks/>
                  </p:cNvSpPr>
                  <p:nvPr/>
                </p:nvSpPr>
                <p:spPr bwMode="auto">
                  <a:xfrm>
                    <a:off x="4714" y="3488"/>
                    <a:ext cx="5" cy="10"/>
                  </a:xfrm>
                  <a:custGeom>
                    <a:avLst/>
                    <a:gdLst>
                      <a:gd name="T0" fmla="*/ 0 w 5"/>
                      <a:gd name="T1" fmla="*/ 5 h 10"/>
                      <a:gd name="T2" fmla="*/ 0 w 5"/>
                      <a:gd name="T3" fmla="*/ 5 h 10"/>
                      <a:gd name="T4" fmla="*/ 0 w 5"/>
                      <a:gd name="T5" fmla="*/ 3 h 10"/>
                      <a:gd name="T6" fmla="*/ 0 w 5"/>
                      <a:gd name="T7" fmla="*/ 2 h 10"/>
                      <a:gd name="T8" fmla="*/ 1 w 5"/>
                      <a:gd name="T9" fmla="*/ 2 h 10"/>
                      <a:gd name="T10" fmla="*/ 1 w 5"/>
                      <a:gd name="T11" fmla="*/ 0 h 10"/>
                      <a:gd name="T12" fmla="*/ 1 w 5"/>
                      <a:gd name="T13" fmla="*/ 0 h 10"/>
                      <a:gd name="T14" fmla="*/ 3 w 5"/>
                      <a:gd name="T15" fmla="*/ 2 h 10"/>
                      <a:gd name="T16" fmla="*/ 3 w 5"/>
                      <a:gd name="T17" fmla="*/ 2 h 10"/>
                      <a:gd name="T18" fmla="*/ 3 w 5"/>
                      <a:gd name="T19" fmla="*/ 3 h 10"/>
                      <a:gd name="T20" fmla="*/ 5 w 5"/>
                      <a:gd name="T21" fmla="*/ 5 h 10"/>
                      <a:gd name="T22" fmla="*/ 5 w 5"/>
                      <a:gd name="T23" fmla="*/ 5 h 10"/>
                      <a:gd name="T24" fmla="*/ 3 w 5"/>
                      <a:gd name="T25" fmla="*/ 7 h 10"/>
                      <a:gd name="T26" fmla="*/ 3 w 5"/>
                      <a:gd name="T27" fmla="*/ 8 h 10"/>
                      <a:gd name="T28" fmla="*/ 3 w 5"/>
                      <a:gd name="T29" fmla="*/ 10 h 10"/>
                      <a:gd name="T30" fmla="*/ 1 w 5"/>
                      <a:gd name="T31" fmla="*/ 10 h 10"/>
                      <a:gd name="T32" fmla="*/ 1 w 5"/>
                      <a:gd name="T33" fmla="*/ 10 h 10"/>
                      <a:gd name="T34" fmla="*/ 1 w 5"/>
                      <a:gd name="T35" fmla="*/ 10 h 10"/>
                      <a:gd name="T36" fmla="*/ 0 w 5"/>
                      <a:gd name="T37" fmla="*/ 8 h 10"/>
                      <a:gd name="T38" fmla="*/ 0 w 5"/>
                      <a:gd name="T39" fmla="*/ 7 h 10"/>
                      <a:gd name="T40" fmla="*/ 0 w 5"/>
                      <a:gd name="T41" fmla="*/ 5 h 10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5"/>
                      <a:gd name="T64" fmla="*/ 0 h 10"/>
                      <a:gd name="T65" fmla="*/ 5 w 5"/>
                      <a:gd name="T66" fmla="*/ 10 h 10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5" h="10">
                        <a:moveTo>
                          <a:pt x="0" y="5"/>
                        </a:moveTo>
                        <a:lnTo>
                          <a:pt x="0" y="5"/>
                        </a:lnTo>
                        <a:lnTo>
                          <a:pt x="0" y="3"/>
                        </a:lnTo>
                        <a:lnTo>
                          <a:pt x="0" y="2"/>
                        </a:lnTo>
                        <a:lnTo>
                          <a:pt x="1" y="2"/>
                        </a:lnTo>
                        <a:lnTo>
                          <a:pt x="1" y="0"/>
                        </a:lnTo>
                        <a:lnTo>
                          <a:pt x="3" y="2"/>
                        </a:lnTo>
                        <a:lnTo>
                          <a:pt x="3" y="3"/>
                        </a:lnTo>
                        <a:lnTo>
                          <a:pt x="5" y="5"/>
                        </a:lnTo>
                        <a:lnTo>
                          <a:pt x="3" y="7"/>
                        </a:lnTo>
                        <a:lnTo>
                          <a:pt x="3" y="8"/>
                        </a:lnTo>
                        <a:lnTo>
                          <a:pt x="3" y="10"/>
                        </a:lnTo>
                        <a:lnTo>
                          <a:pt x="1" y="10"/>
                        </a:lnTo>
                        <a:lnTo>
                          <a:pt x="0" y="8"/>
                        </a:lnTo>
                        <a:lnTo>
                          <a:pt x="0" y="7"/>
                        </a:lnTo>
                        <a:lnTo>
                          <a:pt x="0" y="5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67" name="Freeform 29"/>
                  <p:cNvSpPr>
                    <a:spLocks/>
                  </p:cNvSpPr>
                  <p:nvPr/>
                </p:nvSpPr>
                <p:spPr bwMode="auto">
                  <a:xfrm>
                    <a:off x="4590" y="3632"/>
                    <a:ext cx="8" cy="10"/>
                  </a:xfrm>
                  <a:custGeom>
                    <a:avLst/>
                    <a:gdLst>
                      <a:gd name="T0" fmla="*/ 0 w 8"/>
                      <a:gd name="T1" fmla="*/ 5 h 10"/>
                      <a:gd name="T2" fmla="*/ 2 w 8"/>
                      <a:gd name="T3" fmla="*/ 3 h 10"/>
                      <a:gd name="T4" fmla="*/ 2 w 8"/>
                      <a:gd name="T5" fmla="*/ 0 h 10"/>
                      <a:gd name="T6" fmla="*/ 3 w 8"/>
                      <a:gd name="T7" fmla="*/ 0 h 10"/>
                      <a:gd name="T8" fmla="*/ 5 w 8"/>
                      <a:gd name="T9" fmla="*/ 0 h 10"/>
                      <a:gd name="T10" fmla="*/ 5 w 8"/>
                      <a:gd name="T11" fmla="*/ 0 h 10"/>
                      <a:gd name="T12" fmla="*/ 7 w 8"/>
                      <a:gd name="T13" fmla="*/ 0 h 10"/>
                      <a:gd name="T14" fmla="*/ 8 w 8"/>
                      <a:gd name="T15" fmla="*/ 3 h 10"/>
                      <a:gd name="T16" fmla="*/ 8 w 8"/>
                      <a:gd name="T17" fmla="*/ 5 h 10"/>
                      <a:gd name="T18" fmla="*/ 8 w 8"/>
                      <a:gd name="T19" fmla="*/ 7 h 10"/>
                      <a:gd name="T20" fmla="*/ 7 w 8"/>
                      <a:gd name="T21" fmla="*/ 8 h 10"/>
                      <a:gd name="T22" fmla="*/ 5 w 8"/>
                      <a:gd name="T23" fmla="*/ 10 h 10"/>
                      <a:gd name="T24" fmla="*/ 5 w 8"/>
                      <a:gd name="T25" fmla="*/ 10 h 10"/>
                      <a:gd name="T26" fmla="*/ 3 w 8"/>
                      <a:gd name="T27" fmla="*/ 10 h 10"/>
                      <a:gd name="T28" fmla="*/ 2 w 8"/>
                      <a:gd name="T29" fmla="*/ 8 h 10"/>
                      <a:gd name="T30" fmla="*/ 2 w 8"/>
                      <a:gd name="T31" fmla="*/ 7 h 10"/>
                      <a:gd name="T32" fmla="*/ 0 w 8"/>
                      <a:gd name="T33" fmla="*/ 5 h 10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8"/>
                      <a:gd name="T52" fmla="*/ 0 h 10"/>
                      <a:gd name="T53" fmla="*/ 8 w 8"/>
                      <a:gd name="T54" fmla="*/ 10 h 10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8" h="10">
                        <a:moveTo>
                          <a:pt x="0" y="5"/>
                        </a:moveTo>
                        <a:lnTo>
                          <a:pt x="2" y="3"/>
                        </a:lnTo>
                        <a:lnTo>
                          <a:pt x="2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7" y="0"/>
                        </a:lnTo>
                        <a:lnTo>
                          <a:pt x="8" y="3"/>
                        </a:lnTo>
                        <a:lnTo>
                          <a:pt x="8" y="5"/>
                        </a:lnTo>
                        <a:lnTo>
                          <a:pt x="8" y="7"/>
                        </a:lnTo>
                        <a:lnTo>
                          <a:pt x="7" y="8"/>
                        </a:lnTo>
                        <a:lnTo>
                          <a:pt x="5" y="10"/>
                        </a:lnTo>
                        <a:lnTo>
                          <a:pt x="3" y="10"/>
                        </a:lnTo>
                        <a:lnTo>
                          <a:pt x="2" y="8"/>
                        </a:lnTo>
                        <a:lnTo>
                          <a:pt x="2" y="7"/>
                        </a:lnTo>
                        <a:lnTo>
                          <a:pt x="0" y="5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68" name="Freeform 30"/>
                  <p:cNvSpPr>
                    <a:spLocks/>
                  </p:cNvSpPr>
                  <p:nvPr/>
                </p:nvSpPr>
                <p:spPr bwMode="auto">
                  <a:xfrm>
                    <a:off x="4590" y="3632"/>
                    <a:ext cx="8" cy="10"/>
                  </a:xfrm>
                  <a:custGeom>
                    <a:avLst/>
                    <a:gdLst>
                      <a:gd name="T0" fmla="*/ 0 w 8"/>
                      <a:gd name="T1" fmla="*/ 5 h 10"/>
                      <a:gd name="T2" fmla="*/ 0 w 8"/>
                      <a:gd name="T3" fmla="*/ 5 h 10"/>
                      <a:gd name="T4" fmla="*/ 2 w 8"/>
                      <a:gd name="T5" fmla="*/ 3 h 10"/>
                      <a:gd name="T6" fmla="*/ 2 w 8"/>
                      <a:gd name="T7" fmla="*/ 0 h 10"/>
                      <a:gd name="T8" fmla="*/ 3 w 8"/>
                      <a:gd name="T9" fmla="*/ 0 h 10"/>
                      <a:gd name="T10" fmla="*/ 5 w 8"/>
                      <a:gd name="T11" fmla="*/ 0 h 10"/>
                      <a:gd name="T12" fmla="*/ 5 w 8"/>
                      <a:gd name="T13" fmla="*/ 0 h 10"/>
                      <a:gd name="T14" fmla="*/ 5 w 8"/>
                      <a:gd name="T15" fmla="*/ 0 h 10"/>
                      <a:gd name="T16" fmla="*/ 7 w 8"/>
                      <a:gd name="T17" fmla="*/ 0 h 10"/>
                      <a:gd name="T18" fmla="*/ 8 w 8"/>
                      <a:gd name="T19" fmla="*/ 3 h 10"/>
                      <a:gd name="T20" fmla="*/ 8 w 8"/>
                      <a:gd name="T21" fmla="*/ 5 h 10"/>
                      <a:gd name="T22" fmla="*/ 8 w 8"/>
                      <a:gd name="T23" fmla="*/ 5 h 10"/>
                      <a:gd name="T24" fmla="*/ 8 w 8"/>
                      <a:gd name="T25" fmla="*/ 7 h 10"/>
                      <a:gd name="T26" fmla="*/ 7 w 8"/>
                      <a:gd name="T27" fmla="*/ 8 h 10"/>
                      <a:gd name="T28" fmla="*/ 5 w 8"/>
                      <a:gd name="T29" fmla="*/ 10 h 10"/>
                      <a:gd name="T30" fmla="*/ 5 w 8"/>
                      <a:gd name="T31" fmla="*/ 10 h 10"/>
                      <a:gd name="T32" fmla="*/ 5 w 8"/>
                      <a:gd name="T33" fmla="*/ 10 h 10"/>
                      <a:gd name="T34" fmla="*/ 3 w 8"/>
                      <a:gd name="T35" fmla="*/ 10 h 10"/>
                      <a:gd name="T36" fmla="*/ 2 w 8"/>
                      <a:gd name="T37" fmla="*/ 8 h 10"/>
                      <a:gd name="T38" fmla="*/ 2 w 8"/>
                      <a:gd name="T39" fmla="*/ 7 h 10"/>
                      <a:gd name="T40" fmla="*/ 0 w 8"/>
                      <a:gd name="T41" fmla="*/ 5 h 10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8"/>
                      <a:gd name="T64" fmla="*/ 0 h 10"/>
                      <a:gd name="T65" fmla="*/ 8 w 8"/>
                      <a:gd name="T66" fmla="*/ 10 h 10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8" h="10">
                        <a:moveTo>
                          <a:pt x="0" y="5"/>
                        </a:moveTo>
                        <a:lnTo>
                          <a:pt x="0" y="5"/>
                        </a:lnTo>
                        <a:lnTo>
                          <a:pt x="2" y="3"/>
                        </a:lnTo>
                        <a:lnTo>
                          <a:pt x="2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7" y="0"/>
                        </a:lnTo>
                        <a:lnTo>
                          <a:pt x="8" y="3"/>
                        </a:lnTo>
                        <a:lnTo>
                          <a:pt x="8" y="5"/>
                        </a:lnTo>
                        <a:lnTo>
                          <a:pt x="8" y="7"/>
                        </a:lnTo>
                        <a:lnTo>
                          <a:pt x="7" y="8"/>
                        </a:lnTo>
                        <a:lnTo>
                          <a:pt x="5" y="10"/>
                        </a:lnTo>
                        <a:lnTo>
                          <a:pt x="3" y="10"/>
                        </a:lnTo>
                        <a:lnTo>
                          <a:pt x="2" y="8"/>
                        </a:lnTo>
                        <a:lnTo>
                          <a:pt x="2" y="7"/>
                        </a:lnTo>
                        <a:lnTo>
                          <a:pt x="0" y="5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69" name="Freeform 31"/>
                  <p:cNvSpPr>
                    <a:spLocks/>
                  </p:cNvSpPr>
                  <p:nvPr/>
                </p:nvSpPr>
                <p:spPr bwMode="auto">
                  <a:xfrm>
                    <a:off x="4582" y="3637"/>
                    <a:ext cx="6" cy="8"/>
                  </a:xfrm>
                  <a:custGeom>
                    <a:avLst/>
                    <a:gdLst>
                      <a:gd name="T0" fmla="*/ 0 w 6"/>
                      <a:gd name="T1" fmla="*/ 3 h 8"/>
                      <a:gd name="T2" fmla="*/ 0 w 6"/>
                      <a:gd name="T3" fmla="*/ 3 h 8"/>
                      <a:gd name="T4" fmla="*/ 0 w 6"/>
                      <a:gd name="T5" fmla="*/ 2 h 8"/>
                      <a:gd name="T6" fmla="*/ 1 w 6"/>
                      <a:gd name="T7" fmla="*/ 0 h 8"/>
                      <a:gd name="T8" fmla="*/ 3 w 6"/>
                      <a:gd name="T9" fmla="*/ 0 h 8"/>
                      <a:gd name="T10" fmla="*/ 5 w 6"/>
                      <a:gd name="T11" fmla="*/ 0 h 8"/>
                      <a:gd name="T12" fmla="*/ 5 w 6"/>
                      <a:gd name="T13" fmla="*/ 2 h 8"/>
                      <a:gd name="T14" fmla="*/ 6 w 6"/>
                      <a:gd name="T15" fmla="*/ 3 h 8"/>
                      <a:gd name="T16" fmla="*/ 6 w 6"/>
                      <a:gd name="T17" fmla="*/ 3 h 8"/>
                      <a:gd name="T18" fmla="*/ 6 w 6"/>
                      <a:gd name="T19" fmla="*/ 5 h 8"/>
                      <a:gd name="T20" fmla="*/ 5 w 6"/>
                      <a:gd name="T21" fmla="*/ 7 h 8"/>
                      <a:gd name="T22" fmla="*/ 5 w 6"/>
                      <a:gd name="T23" fmla="*/ 7 h 8"/>
                      <a:gd name="T24" fmla="*/ 3 w 6"/>
                      <a:gd name="T25" fmla="*/ 8 h 8"/>
                      <a:gd name="T26" fmla="*/ 1 w 6"/>
                      <a:gd name="T27" fmla="*/ 7 h 8"/>
                      <a:gd name="T28" fmla="*/ 0 w 6"/>
                      <a:gd name="T29" fmla="*/ 7 h 8"/>
                      <a:gd name="T30" fmla="*/ 0 w 6"/>
                      <a:gd name="T31" fmla="*/ 5 h 8"/>
                      <a:gd name="T32" fmla="*/ 0 w 6"/>
                      <a:gd name="T33" fmla="*/ 3 h 8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6"/>
                      <a:gd name="T52" fmla="*/ 0 h 8"/>
                      <a:gd name="T53" fmla="*/ 6 w 6"/>
                      <a:gd name="T54" fmla="*/ 8 h 8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6" h="8">
                        <a:moveTo>
                          <a:pt x="0" y="3"/>
                        </a:moveTo>
                        <a:lnTo>
                          <a:pt x="0" y="3"/>
                        </a:lnTo>
                        <a:lnTo>
                          <a:pt x="0" y="2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5" y="2"/>
                        </a:lnTo>
                        <a:lnTo>
                          <a:pt x="6" y="3"/>
                        </a:lnTo>
                        <a:lnTo>
                          <a:pt x="6" y="5"/>
                        </a:lnTo>
                        <a:lnTo>
                          <a:pt x="5" y="7"/>
                        </a:lnTo>
                        <a:lnTo>
                          <a:pt x="3" y="8"/>
                        </a:lnTo>
                        <a:lnTo>
                          <a:pt x="1" y="7"/>
                        </a:lnTo>
                        <a:lnTo>
                          <a:pt x="0" y="7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70" name="Freeform 32"/>
                  <p:cNvSpPr>
                    <a:spLocks/>
                  </p:cNvSpPr>
                  <p:nvPr/>
                </p:nvSpPr>
                <p:spPr bwMode="auto">
                  <a:xfrm>
                    <a:off x="4582" y="3637"/>
                    <a:ext cx="6" cy="8"/>
                  </a:xfrm>
                  <a:custGeom>
                    <a:avLst/>
                    <a:gdLst>
                      <a:gd name="T0" fmla="*/ 0 w 6"/>
                      <a:gd name="T1" fmla="*/ 3 h 8"/>
                      <a:gd name="T2" fmla="*/ 0 w 6"/>
                      <a:gd name="T3" fmla="*/ 3 h 8"/>
                      <a:gd name="T4" fmla="*/ 0 w 6"/>
                      <a:gd name="T5" fmla="*/ 3 h 8"/>
                      <a:gd name="T6" fmla="*/ 0 w 6"/>
                      <a:gd name="T7" fmla="*/ 2 h 8"/>
                      <a:gd name="T8" fmla="*/ 1 w 6"/>
                      <a:gd name="T9" fmla="*/ 0 h 8"/>
                      <a:gd name="T10" fmla="*/ 3 w 6"/>
                      <a:gd name="T11" fmla="*/ 0 h 8"/>
                      <a:gd name="T12" fmla="*/ 3 w 6"/>
                      <a:gd name="T13" fmla="*/ 0 h 8"/>
                      <a:gd name="T14" fmla="*/ 5 w 6"/>
                      <a:gd name="T15" fmla="*/ 0 h 8"/>
                      <a:gd name="T16" fmla="*/ 5 w 6"/>
                      <a:gd name="T17" fmla="*/ 2 h 8"/>
                      <a:gd name="T18" fmla="*/ 6 w 6"/>
                      <a:gd name="T19" fmla="*/ 3 h 8"/>
                      <a:gd name="T20" fmla="*/ 6 w 6"/>
                      <a:gd name="T21" fmla="*/ 3 h 8"/>
                      <a:gd name="T22" fmla="*/ 6 w 6"/>
                      <a:gd name="T23" fmla="*/ 3 h 8"/>
                      <a:gd name="T24" fmla="*/ 6 w 6"/>
                      <a:gd name="T25" fmla="*/ 5 h 8"/>
                      <a:gd name="T26" fmla="*/ 5 w 6"/>
                      <a:gd name="T27" fmla="*/ 7 h 8"/>
                      <a:gd name="T28" fmla="*/ 5 w 6"/>
                      <a:gd name="T29" fmla="*/ 7 h 8"/>
                      <a:gd name="T30" fmla="*/ 3 w 6"/>
                      <a:gd name="T31" fmla="*/ 8 h 8"/>
                      <a:gd name="T32" fmla="*/ 3 w 6"/>
                      <a:gd name="T33" fmla="*/ 8 h 8"/>
                      <a:gd name="T34" fmla="*/ 1 w 6"/>
                      <a:gd name="T35" fmla="*/ 7 h 8"/>
                      <a:gd name="T36" fmla="*/ 0 w 6"/>
                      <a:gd name="T37" fmla="*/ 7 h 8"/>
                      <a:gd name="T38" fmla="*/ 0 w 6"/>
                      <a:gd name="T39" fmla="*/ 5 h 8"/>
                      <a:gd name="T40" fmla="*/ 0 w 6"/>
                      <a:gd name="T41" fmla="*/ 3 h 8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6"/>
                      <a:gd name="T64" fmla="*/ 0 h 8"/>
                      <a:gd name="T65" fmla="*/ 6 w 6"/>
                      <a:gd name="T66" fmla="*/ 8 h 8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6" h="8">
                        <a:moveTo>
                          <a:pt x="0" y="3"/>
                        </a:moveTo>
                        <a:lnTo>
                          <a:pt x="0" y="3"/>
                        </a:lnTo>
                        <a:lnTo>
                          <a:pt x="0" y="2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5" y="2"/>
                        </a:lnTo>
                        <a:lnTo>
                          <a:pt x="6" y="3"/>
                        </a:lnTo>
                        <a:lnTo>
                          <a:pt x="6" y="5"/>
                        </a:lnTo>
                        <a:lnTo>
                          <a:pt x="5" y="7"/>
                        </a:lnTo>
                        <a:lnTo>
                          <a:pt x="3" y="8"/>
                        </a:lnTo>
                        <a:lnTo>
                          <a:pt x="1" y="7"/>
                        </a:lnTo>
                        <a:lnTo>
                          <a:pt x="0" y="7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71" name="Freeform 33"/>
                  <p:cNvSpPr>
                    <a:spLocks/>
                  </p:cNvSpPr>
                  <p:nvPr/>
                </p:nvSpPr>
                <p:spPr bwMode="auto">
                  <a:xfrm>
                    <a:off x="4575" y="3644"/>
                    <a:ext cx="3" cy="5"/>
                  </a:xfrm>
                  <a:custGeom>
                    <a:avLst/>
                    <a:gdLst>
                      <a:gd name="T0" fmla="*/ 0 w 3"/>
                      <a:gd name="T1" fmla="*/ 1 h 5"/>
                      <a:gd name="T2" fmla="*/ 0 w 3"/>
                      <a:gd name="T3" fmla="*/ 1 h 5"/>
                      <a:gd name="T4" fmla="*/ 0 w 3"/>
                      <a:gd name="T5" fmla="*/ 0 h 5"/>
                      <a:gd name="T6" fmla="*/ 1 w 3"/>
                      <a:gd name="T7" fmla="*/ 0 h 5"/>
                      <a:gd name="T8" fmla="*/ 1 w 3"/>
                      <a:gd name="T9" fmla="*/ 0 h 5"/>
                      <a:gd name="T10" fmla="*/ 1 w 3"/>
                      <a:gd name="T11" fmla="*/ 0 h 5"/>
                      <a:gd name="T12" fmla="*/ 3 w 3"/>
                      <a:gd name="T13" fmla="*/ 0 h 5"/>
                      <a:gd name="T14" fmla="*/ 3 w 3"/>
                      <a:gd name="T15" fmla="*/ 1 h 5"/>
                      <a:gd name="T16" fmla="*/ 3 w 3"/>
                      <a:gd name="T17" fmla="*/ 1 h 5"/>
                      <a:gd name="T18" fmla="*/ 3 w 3"/>
                      <a:gd name="T19" fmla="*/ 3 h 5"/>
                      <a:gd name="T20" fmla="*/ 3 w 3"/>
                      <a:gd name="T21" fmla="*/ 5 h 5"/>
                      <a:gd name="T22" fmla="*/ 1 w 3"/>
                      <a:gd name="T23" fmla="*/ 5 h 5"/>
                      <a:gd name="T24" fmla="*/ 1 w 3"/>
                      <a:gd name="T25" fmla="*/ 5 h 5"/>
                      <a:gd name="T26" fmla="*/ 1 w 3"/>
                      <a:gd name="T27" fmla="*/ 5 h 5"/>
                      <a:gd name="T28" fmla="*/ 0 w 3"/>
                      <a:gd name="T29" fmla="*/ 5 h 5"/>
                      <a:gd name="T30" fmla="*/ 0 w 3"/>
                      <a:gd name="T31" fmla="*/ 3 h 5"/>
                      <a:gd name="T32" fmla="*/ 0 w 3"/>
                      <a:gd name="T33" fmla="*/ 1 h 5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3"/>
                      <a:gd name="T52" fmla="*/ 0 h 5"/>
                      <a:gd name="T53" fmla="*/ 3 w 3"/>
                      <a:gd name="T54" fmla="*/ 5 h 5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3" h="5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3" y="1"/>
                        </a:lnTo>
                        <a:lnTo>
                          <a:pt x="3" y="3"/>
                        </a:lnTo>
                        <a:lnTo>
                          <a:pt x="3" y="5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72" name="Freeform 34"/>
                  <p:cNvSpPr>
                    <a:spLocks/>
                  </p:cNvSpPr>
                  <p:nvPr/>
                </p:nvSpPr>
                <p:spPr bwMode="auto">
                  <a:xfrm>
                    <a:off x="4575" y="3644"/>
                    <a:ext cx="3" cy="5"/>
                  </a:xfrm>
                  <a:custGeom>
                    <a:avLst/>
                    <a:gdLst>
                      <a:gd name="T0" fmla="*/ 0 w 3"/>
                      <a:gd name="T1" fmla="*/ 1 h 5"/>
                      <a:gd name="T2" fmla="*/ 0 w 3"/>
                      <a:gd name="T3" fmla="*/ 1 h 5"/>
                      <a:gd name="T4" fmla="*/ 0 w 3"/>
                      <a:gd name="T5" fmla="*/ 1 h 5"/>
                      <a:gd name="T6" fmla="*/ 0 w 3"/>
                      <a:gd name="T7" fmla="*/ 0 h 5"/>
                      <a:gd name="T8" fmla="*/ 1 w 3"/>
                      <a:gd name="T9" fmla="*/ 0 h 5"/>
                      <a:gd name="T10" fmla="*/ 1 w 3"/>
                      <a:gd name="T11" fmla="*/ 0 h 5"/>
                      <a:gd name="T12" fmla="*/ 1 w 3"/>
                      <a:gd name="T13" fmla="*/ 0 h 5"/>
                      <a:gd name="T14" fmla="*/ 1 w 3"/>
                      <a:gd name="T15" fmla="*/ 0 h 5"/>
                      <a:gd name="T16" fmla="*/ 3 w 3"/>
                      <a:gd name="T17" fmla="*/ 0 h 5"/>
                      <a:gd name="T18" fmla="*/ 3 w 3"/>
                      <a:gd name="T19" fmla="*/ 1 h 5"/>
                      <a:gd name="T20" fmla="*/ 3 w 3"/>
                      <a:gd name="T21" fmla="*/ 1 h 5"/>
                      <a:gd name="T22" fmla="*/ 3 w 3"/>
                      <a:gd name="T23" fmla="*/ 1 h 5"/>
                      <a:gd name="T24" fmla="*/ 3 w 3"/>
                      <a:gd name="T25" fmla="*/ 3 h 5"/>
                      <a:gd name="T26" fmla="*/ 3 w 3"/>
                      <a:gd name="T27" fmla="*/ 5 h 5"/>
                      <a:gd name="T28" fmla="*/ 1 w 3"/>
                      <a:gd name="T29" fmla="*/ 5 h 5"/>
                      <a:gd name="T30" fmla="*/ 1 w 3"/>
                      <a:gd name="T31" fmla="*/ 5 h 5"/>
                      <a:gd name="T32" fmla="*/ 1 w 3"/>
                      <a:gd name="T33" fmla="*/ 5 h 5"/>
                      <a:gd name="T34" fmla="*/ 1 w 3"/>
                      <a:gd name="T35" fmla="*/ 5 h 5"/>
                      <a:gd name="T36" fmla="*/ 0 w 3"/>
                      <a:gd name="T37" fmla="*/ 5 h 5"/>
                      <a:gd name="T38" fmla="*/ 0 w 3"/>
                      <a:gd name="T39" fmla="*/ 3 h 5"/>
                      <a:gd name="T40" fmla="*/ 0 w 3"/>
                      <a:gd name="T41" fmla="*/ 1 h 5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3"/>
                      <a:gd name="T64" fmla="*/ 0 h 5"/>
                      <a:gd name="T65" fmla="*/ 3 w 3"/>
                      <a:gd name="T66" fmla="*/ 5 h 5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3" h="5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3" y="1"/>
                        </a:lnTo>
                        <a:lnTo>
                          <a:pt x="3" y="3"/>
                        </a:lnTo>
                        <a:lnTo>
                          <a:pt x="3" y="5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73" name="Freeform 35"/>
                  <p:cNvSpPr>
                    <a:spLocks/>
                  </p:cNvSpPr>
                  <p:nvPr/>
                </p:nvSpPr>
                <p:spPr bwMode="auto">
                  <a:xfrm>
                    <a:off x="4566" y="3649"/>
                    <a:ext cx="5" cy="5"/>
                  </a:xfrm>
                  <a:custGeom>
                    <a:avLst/>
                    <a:gdLst>
                      <a:gd name="T0" fmla="*/ 0 w 5"/>
                      <a:gd name="T1" fmla="*/ 3 h 5"/>
                      <a:gd name="T2" fmla="*/ 0 w 5"/>
                      <a:gd name="T3" fmla="*/ 1 h 5"/>
                      <a:gd name="T4" fmla="*/ 2 w 5"/>
                      <a:gd name="T5" fmla="*/ 0 h 5"/>
                      <a:gd name="T6" fmla="*/ 2 w 5"/>
                      <a:gd name="T7" fmla="*/ 0 h 5"/>
                      <a:gd name="T8" fmla="*/ 4 w 5"/>
                      <a:gd name="T9" fmla="*/ 0 h 5"/>
                      <a:gd name="T10" fmla="*/ 4 w 5"/>
                      <a:gd name="T11" fmla="*/ 0 h 5"/>
                      <a:gd name="T12" fmla="*/ 5 w 5"/>
                      <a:gd name="T13" fmla="*/ 0 h 5"/>
                      <a:gd name="T14" fmla="*/ 5 w 5"/>
                      <a:gd name="T15" fmla="*/ 1 h 5"/>
                      <a:gd name="T16" fmla="*/ 5 w 5"/>
                      <a:gd name="T17" fmla="*/ 3 h 5"/>
                      <a:gd name="T18" fmla="*/ 5 w 5"/>
                      <a:gd name="T19" fmla="*/ 3 h 5"/>
                      <a:gd name="T20" fmla="*/ 5 w 5"/>
                      <a:gd name="T21" fmla="*/ 5 h 5"/>
                      <a:gd name="T22" fmla="*/ 4 w 5"/>
                      <a:gd name="T23" fmla="*/ 5 h 5"/>
                      <a:gd name="T24" fmla="*/ 4 w 5"/>
                      <a:gd name="T25" fmla="*/ 5 h 5"/>
                      <a:gd name="T26" fmla="*/ 2 w 5"/>
                      <a:gd name="T27" fmla="*/ 5 h 5"/>
                      <a:gd name="T28" fmla="*/ 2 w 5"/>
                      <a:gd name="T29" fmla="*/ 5 h 5"/>
                      <a:gd name="T30" fmla="*/ 0 w 5"/>
                      <a:gd name="T31" fmla="*/ 3 h 5"/>
                      <a:gd name="T32" fmla="*/ 0 w 5"/>
                      <a:gd name="T33" fmla="*/ 3 h 5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5"/>
                      <a:gd name="T52" fmla="*/ 0 h 5"/>
                      <a:gd name="T53" fmla="*/ 5 w 5"/>
                      <a:gd name="T54" fmla="*/ 5 h 5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5" h="5">
                        <a:moveTo>
                          <a:pt x="0" y="3"/>
                        </a:moveTo>
                        <a:lnTo>
                          <a:pt x="0" y="1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5" y="0"/>
                        </a:lnTo>
                        <a:lnTo>
                          <a:pt x="5" y="1"/>
                        </a:lnTo>
                        <a:lnTo>
                          <a:pt x="5" y="3"/>
                        </a:lnTo>
                        <a:lnTo>
                          <a:pt x="5" y="5"/>
                        </a:lnTo>
                        <a:lnTo>
                          <a:pt x="4" y="5"/>
                        </a:lnTo>
                        <a:lnTo>
                          <a:pt x="2" y="5"/>
                        </a:lnTo>
                        <a:lnTo>
                          <a:pt x="0" y="3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74" name="Freeform 36"/>
                  <p:cNvSpPr>
                    <a:spLocks/>
                  </p:cNvSpPr>
                  <p:nvPr/>
                </p:nvSpPr>
                <p:spPr bwMode="auto">
                  <a:xfrm>
                    <a:off x="4566" y="3649"/>
                    <a:ext cx="5" cy="5"/>
                  </a:xfrm>
                  <a:custGeom>
                    <a:avLst/>
                    <a:gdLst>
                      <a:gd name="T0" fmla="*/ 0 w 5"/>
                      <a:gd name="T1" fmla="*/ 3 h 5"/>
                      <a:gd name="T2" fmla="*/ 0 w 5"/>
                      <a:gd name="T3" fmla="*/ 3 h 5"/>
                      <a:gd name="T4" fmla="*/ 0 w 5"/>
                      <a:gd name="T5" fmla="*/ 1 h 5"/>
                      <a:gd name="T6" fmla="*/ 2 w 5"/>
                      <a:gd name="T7" fmla="*/ 0 h 5"/>
                      <a:gd name="T8" fmla="*/ 2 w 5"/>
                      <a:gd name="T9" fmla="*/ 0 h 5"/>
                      <a:gd name="T10" fmla="*/ 4 w 5"/>
                      <a:gd name="T11" fmla="*/ 0 h 5"/>
                      <a:gd name="T12" fmla="*/ 4 w 5"/>
                      <a:gd name="T13" fmla="*/ 0 h 5"/>
                      <a:gd name="T14" fmla="*/ 4 w 5"/>
                      <a:gd name="T15" fmla="*/ 0 h 5"/>
                      <a:gd name="T16" fmla="*/ 5 w 5"/>
                      <a:gd name="T17" fmla="*/ 0 h 5"/>
                      <a:gd name="T18" fmla="*/ 5 w 5"/>
                      <a:gd name="T19" fmla="*/ 1 h 5"/>
                      <a:gd name="T20" fmla="*/ 5 w 5"/>
                      <a:gd name="T21" fmla="*/ 3 h 5"/>
                      <a:gd name="T22" fmla="*/ 5 w 5"/>
                      <a:gd name="T23" fmla="*/ 3 h 5"/>
                      <a:gd name="T24" fmla="*/ 5 w 5"/>
                      <a:gd name="T25" fmla="*/ 3 h 5"/>
                      <a:gd name="T26" fmla="*/ 5 w 5"/>
                      <a:gd name="T27" fmla="*/ 5 h 5"/>
                      <a:gd name="T28" fmla="*/ 4 w 5"/>
                      <a:gd name="T29" fmla="*/ 5 h 5"/>
                      <a:gd name="T30" fmla="*/ 4 w 5"/>
                      <a:gd name="T31" fmla="*/ 5 h 5"/>
                      <a:gd name="T32" fmla="*/ 4 w 5"/>
                      <a:gd name="T33" fmla="*/ 5 h 5"/>
                      <a:gd name="T34" fmla="*/ 2 w 5"/>
                      <a:gd name="T35" fmla="*/ 5 h 5"/>
                      <a:gd name="T36" fmla="*/ 2 w 5"/>
                      <a:gd name="T37" fmla="*/ 5 h 5"/>
                      <a:gd name="T38" fmla="*/ 0 w 5"/>
                      <a:gd name="T39" fmla="*/ 3 h 5"/>
                      <a:gd name="T40" fmla="*/ 0 w 5"/>
                      <a:gd name="T41" fmla="*/ 3 h 5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5"/>
                      <a:gd name="T64" fmla="*/ 0 h 5"/>
                      <a:gd name="T65" fmla="*/ 5 w 5"/>
                      <a:gd name="T66" fmla="*/ 5 h 5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5" h="5">
                        <a:moveTo>
                          <a:pt x="0" y="3"/>
                        </a:moveTo>
                        <a:lnTo>
                          <a:pt x="0" y="3"/>
                        </a:lnTo>
                        <a:lnTo>
                          <a:pt x="0" y="1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5" y="0"/>
                        </a:lnTo>
                        <a:lnTo>
                          <a:pt x="5" y="1"/>
                        </a:lnTo>
                        <a:lnTo>
                          <a:pt x="5" y="3"/>
                        </a:lnTo>
                        <a:lnTo>
                          <a:pt x="5" y="5"/>
                        </a:lnTo>
                        <a:lnTo>
                          <a:pt x="4" y="5"/>
                        </a:lnTo>
                        <a:lnTo>
                          <a:pt x="2" y="5"/>
                        </a:lnTo>
                        <a:lnTo>
                          <a:pt x="0" y="3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75" name="Freeform 37"/>
                  <p:cNvSpPr>
                    <a:spLocks/>
                  </p:cNvSpPr>
                  <p:nvPr/>
                </p:nvSpPr>
                <p:spPr bwMode="auto">
                  <a:xfrm>
                    <a:off x="4560" y="3656"/>
                    <a:ext cx="5" cy="3"/>
                  </a:xfrm>
                  <a:custGeom>
                    <a:avLst/>
                    <a:gdLst>
                      <a:gd name="T0" fmla="*/ 0 w 5"/>
                      <a:gd name="T1" fmla="*/ 1 h 3"/>
                      <a:gd name="T2" fmla="*/ 0 w 5"/>
                      <a:gd name="T3" fmla="*/ 1 h 3"/>
                      <a:gd name="T4" fmla="*/ 0 w 5"/>
                      <a:gd name="T5" fmla="*/ 0 h 3"/>
                      <a:gd name="T6" fmla="*/ 1 w 5"/>
                      <a:gd name="T7" fmla="*/ 0 h 3"/>
                      <a:gd name="T8" fmla="*/ 1 w 5"/>
                      <a:gd name="T9" fmla="*/ 0 h 3"/>
                      <a:gd name="T10" fmla="*/ 3 w 5"/>
                      <a:gd name="T11" fmla="*/ 0 h 3"/>
                      <a:gd name="T12" fmla="*/ 3 w 5"/>
                      <a:gd name="T13" fmla="*/ 0 h 3"/>
                      <a:gd name="T14" fmla="*/ 5 w 5"/>
                      <a:gd name="T15" fmla="*/ 1 h 3"/>
                      <a:gd name="T16" fmla="*/ 5 w 5"/>
                      <a:gd name="T17" fmla="*/ 1 h 3"/>
                      <a:gd name="T18" fmla="*/ 5 w 5"/>
                      <a:gd name="T19" fmla="*/ 1 h 3"/>
                      <a:gd name="T20" fmla="*/ 3 w 5"/>
                      <a:gd name="T21" fmla="*/ 3 h 3"/>
                      <a:gd name="T22" fmla="*/ 3 w 5"/>
                      <a:gd name="T23" fmla="*/ 3 h 3"/>
                      <a:gd name="T24" fmla="*/ 1 w 5"/>
                      <a:gd name="T25" fmla="*/ 3 h 3"/>
                      <a:gd name="T26" fmla="*/ 1 w 5"/>
                      <a:gd name="T27" fmla="*/ 3 h 3"/>
                      <a:gd name="T28" fmla="*/ 0 w 5"/>
                      <a:gd name="T29" fmla="*/ 3 h 3"/>
                      <a:gd name="T30" fmla="*/ 0 w 5"/>
                      <a:gd name="T31" fmla="*/ 1 h 3"/>
                      <a:gd name="T32" fmla="*/ 0 w 5"/>
                      <a:gd name="T33" fmla="*/ 1 h 3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5"/>
                      <a:gd name="T52" fmla="*/ 0 h 3"/>
                      <a:gd name="T53" fmla="*/ 5 w 5"/>
                      <a:gd name="T54" fmla="*/ 3 h 3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5" h="3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1"/>
                        </a:lnTo>
                        <a:lnTo>
                          <a:pt x="3" y="3"/>
                        </a:lnTo>
                        <a:lnTo>
                          <a:pt x="1" y="3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76" name="Freeform 38"/>
                  <p:cNvSpPr>
                    <a:spLocks/>
                  </p:cNvSpPr>
                  <p:nvPr/>
                </p:nvSpPr>
                <p:spPr bwMode="auto">
                  <a:xfrm>
                    <a:off x="4560" y="3656"/>
                    <a:ext cx="5" cy="3"/>
                  </a:xfrm>
                  <a:custGeom>
                    <a:avLst/>
                    <a:gdLst>
                      <a:gd name="T0" fmla="*/ 0 w 5"/>
                      <a:gd name="T1" fmla="*/ 1 h 3"/>
                      <a:gd name="T2" fmla="*/ 0 w 5"/>
                      <a:gd name="T3" fmla="*/ 1 h 3"/>
                      <a:gd name="T4" fmla="*/ 0 w 5"/>
                      <a:gd name="T5" fmla="*/ 1 h 3"/>
                      <a:gd name="T6" fmla="*/ 0 w 5"/>
                      <a:gd name="T7" fmla="*/ 0 h 3"/>
                      <a:gd name="T8" fmla="*/ 1 w 5"/>
                      <a:gd name="T9" fmla="*/ 0 h 3"/>
                      <a:gd name="T10" fmla="*/ 1 w 5"/>
                      <a:gd name="T11" fmla="*/ 0 h 3"/>
                      <a:gd name="T12" fmla="*/ 1 w 5"/>
                      <a:gd name="T13" fmla="*/ 0 h 3"/>
                      <a:gd name="T14" fmla="*/ 3 w 5"/>
                      <a:gd name="T15" fmla="*/ 0 h 3"/>
                      <a:gd name="T16" fmla="*/ 3 w 5"/>
                      <a:gd name="T17" fmla="*/ 0 h 3"/>
                      <a:gd name="T18" fmla="*/ 5 w 5"/>
                      <a:gd name="T19" fmla="*/ 1 h 3"/>
                      <a:gd name="T20" fmla="*/ 5 w 5"/>
                      <a:gd name="T21" fmla="*/ 1 h 3"/>
                      <a:gd name="T22" fmla="*/ 5 w 5"/>
                      <a:gd name="T23" fmla="*/ 1 h 3"/>
                      <a:gd name="T24" fmla="*/ 5 w 5"/>
                      <a:gd name="T25" fmla="*/ 1 h 3"/>
                      <a:gd name="T26" fmla="*/ 3 w 5"/>
                      <a:gd name="T27" fmla="*/ 3 h 3"/>
                      <a:gd name="T28" fmla="*/ 3 w 5"/>
                      <a:gd name="T29" fmla="*/ 3 h 3"/>
                      <a:gd name="T30" fmla="*/ 1 w 5"/>
                      <a:gd name="T31" fmla="*/ 3 h 3"/>
                      <a:gd name="T32" fmla="*/ 1 w 5"/>
                      <a:gd name="T33" fmla="*/ 3 h 3"/>
                      <a:gd name="T34" fmla="*/ 1 w 5"/>
                      <a:gd name="T35" fmla="*/ 3 h 3"/>
                      <a:gd name="T36" fmla="*/ 0 w 5"/>
                      <a:gd name="T37" fmla="*/ 3 h 3"/>
                      <a:gd name="T38" fmla="*/ 0 w 5"/>
                      <a:gd name="T39" fmla="*/ 1 h 3"/>
                      <a:gd name="T40" fmla="*/ 0 w 5"/>
                      <a:gd name="T41" fmla="*/ 1 h 3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5"/>
                      <a:gd name="T64" fmla="*/ 0 h 3"/>
                      <a:gd name="T65" fmla="*/ 5 w 5"/>
                      <a:gd name="T66" fmla="*/ 3 h 3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5" h="3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1"/>
                        </a:lnTo>
                        <a:lnTo>
                          <a:pt x="3" y="3"/>
                        </a:lnTo>
                        <a:lnTo>
                          <a:pt x="1" y="3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77" name="Freeform 39"/>
                  <p:cNvSpPr>
                    <a:spLocks/>
                  </p:cNvSpPr>
                  <p:nvPr/>
                </p:nvSpPr>
                <p:spPr bwMode="auto">
                  <a:xfrm>
                    <a:off x="4664" y="3600"/>
                    <a:ext cx="4" cy="5"/>
                  </a:xfrm>
                  <a:custGeom>
                    <a:avLst/>
                    <a:gdLst>
                      <a:gd name="T0" fmla="*/ 0 w 4"/>
                      <a:gd name="T1" fmla="*/ 1 h 5"/>
                      <a:gd name="T2" fmla="*/ 0 w 4"/>
                      <a:gd name="T3" fmla="*/ 1 h 5"/>
                      <a:gd name="T4" fmla="*/ 0 w 4"/>
                      <a:gd name="T5" fmla="*/ 0 h 5"/>
                      <a:gd name="T6" fmla="*/ 2 w 4"/>
                      <a:gd name="T7" fmla="*/ 0 h 5"/>
                      <a:gd name="T8" fmla="*/ 2 w 4"/>
                      <a:gd name="T9" fmla="*/ 0 h 5"/>
                      <a:gd name="T10" fmla="*/ 2 w 4"/>
                      <a:gd name="T11" fmla="*/ 0 h 5"/>
                      <a:gd name="T12" fmla="*/ 4 w 4"/>
                      <a:gd name="T13" fmla="*/ 0 h 5"/>
                      <a:gd name="T14" fmla="*/ 4 w 4"/>
                      <a:gd name="T15" fmla="*/ 1 h 5"/>
                      <a:gd name="T16" fmla="*/ 4 w 4"/>
                      <a:gd name="T17" fmla="*/ 1 h 5"/>
                      <a:gd name="T18" fmla="*/ 4 w 4"/>
                      <a:gd name="T19" fmla="*/ 3 h 5"/>
                      <a:gd name="T20" fmla="*/ 4 w 4"/>
                      <a:gd name="T21" fmla="*/ 5 h 5"/>
                      <a:gd name="T22" fmla="*/ 2 w 4"/>
                      <a:gd name="T23" fmla="*/ 5 h 5"/>
                      <a:gd name="T24" fmla="*/ 2 w 4"/>
                      <a:gd name="T25" fmla="*/ 5 h 5"/>
                      <a:gd name="T26" fmla="*/ 2 w 4"/>
                      <a:gd name="T27" fmla="*/ 5 h 5"/>
                      <a:gd name="T28" fmla="*/ 0 w 4"/>
                      <a:gd name="T29" fmla="*/ 5 h 5"/>
                      <a:gd name="T30" fmla="*/ 0 w 4"/>
                      <a:gd name="T31" fmla="*/ 3 h 5"/>
                      <a:gd name="T32" fmla="*/ 0 w 4"/>
                      <a:gd name="T33" fmla="*/ 1 h 5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4"/>
                      <a:gd name="T52" fmla="*/ 0 h 5"/>
                      <a:gd name="T53" fmla="*/ 4 w 4"/>
                      <a:gd name="T54" fmla="*/ 5 h 5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4" h="5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4" y="1"/>
                        </a:lnTo>
                        <a:lnTo>
                          <a:pt x="4" y="3"/>
                        </a:lnTo>
                        <a:lnTo>
                          <a:pt x="4" y="5"/>
                        </a:lnTo>
                        <a:lnTo>
                          <a:pt x="2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78" name="Freeform 40"/>
                  <p:cNvSpPr>
                    <a:spLocks/>
                  </p:cNvSpPr>
                  <p:nvPr/>
                </p:nvSpPr>
                <p:spPr bwMode="auto">
                  <a:xfrm>
                    <a:off x="4664" y="3600"/>
                    <a:ext cx="4" cy="5"/>
                  </a:xfrm>
                  <a:custGeom>
                    <a:avLst/>
                    <a:gdLst>
                      <a:gd name="T0" fmla="*/ 0 w 4"/>
                      <a:gd name="T1" fmla="*/ 1 h 5"/>
                      <a:gd name="T2" fmla="*/ 0 w 4"/>
                      <a:gd name="T3" fmla="*/ 1 h 5"/>
                      <a:gd name="T4" fmla="*/ 0 w 4"/>
                      <a:gd name="T5" fmla="*/ 1 h 5"/>
                      <a:gd name="T6" fmla="*/ 0 w 4"/>
                      <a:gd name="T7" fmla="*/ 0 h 5"/>
                      <a:gd name="T8" fmla="*/ 2 w 4"/>
                      <a:gd name="T9" fmla="*/ 0 h 5"/>
                      <a:gd name="T10" fmla="*/ 2 w 4"/>
                      <a:gd name="T11" fmla="*/ 0 h 5"/>
                      <a:gd name="T12" fmla="*/ 2 w 4"/>
                      <a:gd name="T13" fmla="*/ 0 h 5"/>
                      <a:gd name="T14" fmla="*/ 2 w 4"/>
                      <a:gd name="T15" fmla="*/ 0 h 5"/>
                      <a:gd name="T16" fmla="*/ 4 w 4"/>
                      <a:gd name="T17" fmla="*/ 0 h 5"/>
                      <a:gd name="T18" fmla="*/ 4 w 4"/>
                      <a:gd name="T19" fmla="*/ 1 h 5"/>
                      <a:gd name="T20" fmla="*/ 4 w 4"/>
                      <a:gd name="T21" fmla="*/ 1 h 5"/>
                      <a:gd name="T22" fmla="*/ 4 w 4"/>
                      <a:gd name="T23" fmla="*/ 1 h 5"/>
                      <a:gd name="T24" fmla="*/ 4 w 4"/>
                      <a:gd name="T25" fmla="*/ 3 h 5"/>
                      <a:gd name="T26" fmla="*/ 4 w 4"/>
                      <a:gd name="T27" fmla="*/ 5 h 5"/>
                      <a:gd name="T28" fmla="*/ 2 w 4"/>
                      <a:gd name="T29" fmla="*/ 5 h 5"/>
                      <a:gd name="T30" fmla="*/ 2 w 4"/>
                      <a:gd name="T31" fmla="*/ 5 h 5"/>
                      <a:gd name="T32" fmla="*/ 2 w 4"/>
                      <a:gd name="T33" fmla="*/ 5 h 5"/>
                      <a:gd name="T34" fmla="*/ 2 w 4"/>
                      <a:gd name="T35" fmla="*/ 5 h 5"/>
                      <a:gd name="T36" fmla="*/ 0 w 4"/>
                      <a:gd name="T37" fmla="*/ 5 h 5"/>
                      <a:gd name="T38" fmla="*/ 0 w 4"/>
                      <a:gd name="T39" fmla="*/ 3 h 5"/>
                      <a:gd name="T40" fmla="*/ 0 w 4"/>
                      <a:gd name="T41" fmla="*/ 1 h 5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4"/>
                      <a:gd name="T64" fmla="*/ 0 h 5"/>
                      <a:gd name="T65" fmla="*/ 4 w 4"/>
                      <a:gd name="T66" fmla="*/ 5 h 5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4" h="5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4" y="1"/>
                        </a:lnTo>
                        <a:lnTo>
                          <a:pt x="4" y="3"/>
                        </a:lnTo>
                        <a:lnTo>
                          <a:pt x="4" y="5"/>
                        </a:lnTo>
                        <a:lnTo>
                          <a:pt x="2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79" name="Freeform 41"/>
                  <p:cNvSpPr>
                    <a:spLocks/>
                  </p:cNvSpPr>
                  <p:nvPr/>
                </p:nvSpPr>
                <p:spPr bwMode="auto">
                  <a:xfrm>
                    <a:off x="4653" y="3608"/>
                    <a:ext cx="8" cy="7"/>
                  </a:xfrm>
                  <a:custGeom>
                    <a:avLst/>
                    <a:gdLst>
                      <a:gd name="T0" fmla="*/ 0 w 8"/>
                      <a:gd name="T1" fmla="*/ 4 h 7"/>
                      <a:gd name="T2" fmla="*/ 0 w 8"/>
                      <a:gd name="T3" fmla="*/ 2 h 7"/>
                      <a:gd name="T4" fmla="*/ 1 w 8"/>
                      <a:gd name="T5" fmla="*/ 2 h 7"/>
                      <a:gd name="T6" fmla="*/ 1 w 8"/>
                      <a:gd name="T7" fmla="*/ 0 h 7"/>
                      <a:gd name="T8" fmla="*/ 3 w 8"/>
                      <a:gd name="T9" fmla="*/ 0 h 7"/>
                      <a:gd name="T10" fmla="*/ 5 w 8"/>
                      <a:gd name="T11" fmla="*/ 0 h 7"/>
                      <a:gd name="T12" fmla="*/ 6 w 8"/>
                      <a:gd name="T13" fmla="*/ 2 h 7"/>
                      <a:gd name="T14" fmla="*/ 6 w 8"/>
                      <a:gd name="T15" fmla="*/ 2 h 7"/>
                      <a:gd name="T16" fmla="*/ 8 w 8"/>
                      <a:gd name="T17" fmla="*/ 4 h 7"/>
                      <a:gd name="T18" fmla="*/ 6 w 8"/>
                      <a:gd name="T19" fmla="*/ 5 h 7"/>
                      <a:gd name="T20" fmla="*/ 6 w 8"/>
                      <a:gd name="T21" fmla="*/ 5 h 7"/>
                      <a:gd name="T22" fmla="*/ 5 w 8"/>
                      <a:gd name="T23" fmla="*/ 5 h 7"/>
                      <a:gd name="T24" fmla="*/ 3 w 8"/>
                      <a:gd name="T25" fmla="*/ 7 h 7"/>
                      <a:gd name="T26" fmla="*/ 1 w 8"/>
                      <a:gd name="T27" fmla="*/ 5 h 7"/>
                      <a:gd name="T28" fmla="*/ 1 w 8"/>
                      <a:gd name="T29" fmla="*/ 5 h 7"/>
                      <a:gd name="T30" fmla="*/ 0 w 8"/>
                      <a:gd name="T31" fmla="*/ 5 h 7"/>
                      <a:gd name="T32" fmla="*/ 0 w 8"/>
                      <a:gd name="T33" fmla="*/ 4 h 7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8"/>
                      <a:gd name="T52" fmla="*/ 0 h 7"/>
                      <a:gd name="T53" fmla="*/ 8 w 8"/>
                      <a:gd name="T54" fmla="*/ 7 h 7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8" h="7">
                        <a:moveTo>
                          <a:pt x="0" y="4"/>
                        </a:moveTo>
                        <a:lnTo>
                          <a:pt x="0" y="2"/>
                        </a:lnTo>
                        <a:lnTo>
                          <a:pt x="1" y="2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6" y="2"/>
                        </a:lnTo>
                        <a:lnTo>
                          <a:pt x="8" y="4"/>
                        </a:lnTo>
                        <a:lnTo>
                          <a:pt x="6" y="5"/>
                        </a:lnTo>
                        <a:lnTo>
                          <a:pt x="5" y="5"/>
                        </a:lnTo>
                        <a:lnTo>
                          <a:pt x="3" y="7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4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80" name="Freeform 42"/>
                  <p:cNvSpPr>
                    <a:spLocks/>
                  </p:cNvSpPr>
                  <p:nvPr/>
                </p:nvSpPr>
                <p:spPr bwMode="auto">
                  <a:xfrm>
                    <a:off x="4653" y="3608"/>
                    <a:ext cx="8" cy="7"/>
                  </a:xfrm>
                  <a:custGeom>
                    <a:avLst/>
                    <a:gdLst>
                      <a:gd name="T0" fmla="*/ 0 w 8"/>
                      <a:gd name="T1" fmla="*/ 4 h 7"/>
                      <a:gd name="T2" fmla="*/ 0 w 8"/>
                      <a:gd name="T3" fmla="*/ 4 h 7"/>
                      <a:gd name="T4" fmla="*/ 0 w 8"/>
                      <a:gd name="T5" fmla="*/ 2 h 7"/>
                      <a:gd name="T6" fmla="*/ 1 w 8"/>
                      <a:gd name="T7" fmla="*/ 2 h 7"/>
                      <a:gd name="T8" fmla="*/ 1 w 8"/>
                      <a:gd name="T9" fmla="*/ 0 h 7"/>
                      <a:gd name="T10" fmla="*/ 3 w 8"/>
                      <a:gd name="T11" fmla="*/ 0 h 7"/>
                      <a:gd name="T12" fmla="*/ 3 w 8"/>
                      <a:gd name="T13" fmla="*/ 0 h 7"/>
                      <a:gd name="T14" fmla="*/ 5 w 8"/>
                      <a:gd name="T15" fmla="*/ 0 h 7"/>
                      <a:gd name="T16" fmla="*/ 6 w 8"/>
                      <a:gd name="T17" fmla="*/ 2 h 7"/>
                      <a:gd name="T18" fmla="*/ 6 w 8"/>
                      <a:gd name="T19" fmla="*/ 2 h 7"/>
                      <a:gd name="T20" fmla="*/ 8 w 8"/>
                      <a:gd name="T21" fmla="*/ 4 h 7"/>
                      <a:gd name="T22" fmla="*/ 8 w 8"/>
                      <a:gd name="T23" fmla="*/ 4 h 7"/>
                      <a:gd name="T24" fmla="*/ 6 w 8"/>
                      <a:gd name="T25" fmla="*/ 5 h 7"/>
                      <a:gd name="T26" fmla="*/ 6 w 8"/>
                      <a:gd name="T27" fmla="*/ 5 h 7"/>
                      <a:gd name="T28" fmla="*/ 5 w 8"/>
                      <a:gd name="T29" fmla="*/ 5 h 7"/>
                      <a:gd name="T30" fmla="*/ 3 w 8"/>
                      <a:gd name="T31" fmla="*/ 7 h 7"/>
                      <a:gd name="T32" fmla="*/ 3 w 8"/>
                      <a:gd name="T33" fmla="*/ 7 h 7"/>
                      <a:gd name="T34" fmla="*/ 1 w 8"/>
                      <a:gd name="T35" fmla="*/ 5 h 7"/>
                      <a:gd name="T36" fmla="*/ 1 w 8"/>
                      <a:gd name="T37" fmla="*/ 5 h 7"/>
                      <a:gd name="T38" fmla="*/ 0 w 8"/>
                      <a:gd name="T39" fmla="*/ 5 h 7"/>
                      <a:gd name="T40" fmla="*/ 0 w 8"/>
                      <a:gd name="T41" fmla="*/ 4 h 7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8"/>
                      <a:gd name="T64" fmla="*/ 0 h 7"/>
                      <a:gd name="T65" fmla="*/ 8 w 8"/>
                      <a:gd name="T66" fmla="*/ 7 h 7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8" h="7">
                        <a:moveTo>
                          <a:pt x="0" y="4"/>
                        </a:moveTo>
                        <a:lnTo>
                          <a:pt x="0" y="4"/>
                        </a:lnTo>
                        <a:lnTo>
                          <a:pt x="0" y="2"/>
                        </a:lnTo>
                        <a:lnTo>
                          <a:pt x="1" y="2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6" y="2"/>
                        </a:lnTo>
                        <a:lnTo>
                          <a:pt x="8" y="4"/>
                        </a:lnTo>
                        <a:lnTo>
                          <a:pt x="6" y="5"/>
                        </a:lnTo>
                        <a:lnTo>
                          <a:pt x="5" y="5"/>
                        </a:lnTo>
                        <a:lnTo>
                          <a:pt x="3" y="7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4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81" name="Freeform 43"/>
                  <p:cNvSpPr>
                    <a:spLocks/>
                  </p:cNvSpPr>
                  <p:nvPr/>
                </p:nvSpPr>
                <p:spPr bwMode="auto">
                  <a:xfrm>
                    <a:off x="4626" y="3627"/>
                    <a:ext cx="8" cy="5"/>
                  </a:xfrm>
                  <a:custGeom>
                    <a:avLst/>
                    <a:gdLst>
                      <a:gd name="T0" fmla="*/ 0 w 8"/>
                      <a:gd name="T1" fmla="*/ 3 h 5"/>
                      <a:gd name="T2" fmla="*/ 0 w 8"/>
                      <a:gd name="T3" fmla="*/ 1 h 5"/>
                      <a:gd name="T4" fmla="*/ 0 w 8"/>
                      <a:gd name="T5" fmla="*/ 0 h 5"/>
                      <a:gd name="T6" fmla="*/ 1 w 8"/>
                      <a:gd name="T7" fmla="*/ 0 h 5"/>
                      <a:gd name="T8" fmla="*/ 3 w 8"/>
                      <a:gd name="T9" fmla="*/ 0 h 5"/>
                      <a:gd name="T10" fmla="*/ 6 w 8"/>
                      <a:gd name="T11" fmla="*/ 0 h 5"/>
                      <a:gd name="T12" fmla="*/ 6 w 8"/>
                      <a:gd name="T13" fmla="*/ 0 h 5"/>
                      <a:gd name="T14" fmla="*/ 8 w 8"/>
                      <a:gd name="T15" fmla="*/ 1 h 5"/>
                      <a:gd name="T16" fmla="*/ 8 w 8"/>
                      <a:gd name="T17" fmla="*/ 3 h 5"/>
                      <a:gd name="T18" fmla="*/ 8 w 8"/>
                      <a:gd name="T19" fmla="*/ 3 h 5"/>
                      <a:gd name="T20" fmla="*/ 6 w 8"/>
                      <a:gd name="T21" fmla="*/ 5 h 5"/>
                      <a:gd name="T22" fmla="*/ 6 w 8"/>
                      <a:gd name="T23" fmla="*/ 5 h 5"/>
                      <a:gd name="T24" fmla="*/ 3 w 8"/>
                      <a:gd name="T25" fmla="*/ 5 h 5"/>
                      <a:gd name="T26" fmla="*/ 1 w 8"/>
                      <a:gd name="T27" fmla="*/ 5 h 5"/>
                      <a:gd name="T28" fmla="*/ 0 w 8"/>
                      <a:gd name="T29" fmla="*/ 5 h 5"/>
                      <a:gd name="T30" fmla="*/ 0 w 8"/>
                      <a:gd name="T31" fmla="*/ 3 h 5"/>
                      <a:gd name="T32" fmla="*/ 0 w 8"/>
                      <a:gd name="T33" fmla="*/ 3 h 5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8"/>
                      <a:gd name="T52" fmla="*/ 0 h 5"/>
                      <a:gd name="T53" fmla="*/ 8 w 8"/>
                      <a:gd name="T54" fmla="*/ 5 h 5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8" h="5">
                        <a:moveTo>
                          <a:pt x="0" y="3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6" y="0"/>
                        </a:lnTo>
                        <a:lnTo>
                          <a:pt x="8" y="1"/>
                        </a:lnTo>
                        <a:lnTo>
                          <a:pt x="8" y="3"/>
                        </a:lnTo>
                        <a:lnTo>
                          <a:pt x="6" y="5"/>
                        </a:lnTo>
                        <a:lnTo>
                          <a:pt x="3" y="5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82" name="Freeform 44"/>
                  <p:cNvSpPr>
                    <a:spLocks/>
                  </p:cNvSpPr>
                  <p:nvPr/>
                </p:nvSpPr>
                <p:spPr bwMode="auto">
                  <a:xfrm>
                    <a:off x="4626" y="3627"/>
                    <a:ext cx="8" cy="5"/>
                  </a:xfrm>
                  <a:custGeom>
                    <a:avLst/>
                    <a:gdLst>
                      <a:gd name="T0" fmla="*/ 0 w 8"/>
                      <a:gd name="T1" fmla="*/ 3 h 5"/>
                      <a:gd name="T2" fmla="*/ 0 w 8"/>
                      <a:gd name="T3" fmla="*/ 3 h 5"/>
                      <a:gd name="T4" fmla="*/ 0 w 8"/>
                      <a:gd name="T5" fmla="*/ 1 h 5"/>
                      <a:gd name="T6" fmla="*/ 0 w 8"/>
                      <a:gd name="T7" fmla="*/ 0 h 5"/>
                      <a:gd name="T8" fmla="*/ 1 w 8"/>
                      <a:gd name="T9" fmla="*/ 0 h 5"/>
                      <a:gd name="T10" fmla="*/ 3 w 8"/>
                      <a:gd name="T11" fmla="*/ 0 h 5"/>
                      <a:gd name="T12" fmla="*/ 3 w 8"/>
                      <a:gd name="T13" fmla="*/ 0 h 5"/>
                      <a:gd name="T14" fmla="*/ 6 w 8"/>
                      <a:gd name="T15" fmla="*/ 0 h 5"/>
                      <a:gd name="T16" fmla="*/ 6 w 8"/>
                      <a:gd name="T17" fmla="*/ 0 h 5"/>
                      <a:gd name="T18" fmla="*/ 8 w 8"/>
                      <a:gd name="T19" fmla="*/ 1 h 5"/>
                      <a:gd name="T20" fmla="*/ 8 w 8"/>
                      <a:gd name="T21" fmla="*/ 3 h 5"/>
                      <a:gd name="T22" fmla="*/ 8 w 8"/>
                      <a:gd name="T23" fmla="*/ 3 h 5"/>
                      <a:gd name="T24" fmla="*/ 8 w 8"/>
                      <a:gd name="T25" fmla="*/ 3 h 5"/>
                      <a:gd name="T26" fmla="*/ 6 w 8"/>
                      <a:gd name="T27" fmla="*/ 5 h 5"/>
                      <a:gd name="T28" fmla="*/ 6 w 8"/>
                      <a:gd name="T29" fmla="*/ 5 h 5"/>
                      <a:gd name="T30" fmla="*/ 3 w 8"/>
                      <a:gd name="T31" fmla="*/ 5 h 5"/>
                      <a:gd name="T32" fmla="*/ 3 w 8"/>
                      <a:gd name="T33" fmla="*/ 5 h 5"/>
                      <a:gd name="T34" fmla="*/ 1 w 8"/>
                      <a:gd name="T35" fmla="*/ 5 h 5"/>
                      <a:gd name="T36" fmla="*/ 0 w 8"/>
                      <a:gd name="T37" fmla="*/ 5 h 5"/>
                      <a:gd name="T38" fmla="*/ 0 w 8"/>
                      <a:gd name="T39" fmla="*/ 3 h 5"/>
                      <a:gd name="T40" fmla="*/ 0 w 8"/>
                      <a:gd name="T41" fmla="*/ 3 h 5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8"/>
                      <a:gd name="T64" fmla="*/ 0 h 5"/>
                      <a:gd name="T65" fmla="*/ 8 w 8"/>
                      <a:gd name="T66" fmla="*/ 5 h 5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8" h="5">
                        <a:moveTo>
                          <a:pt x="0" y="3"/>
                        </a:moveTo>
                        <a:lnTo>
                          <a:pt x="0" y="3"/>
                        </a:ln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6" y="0"/>
                        </a:lnTo>
                        <a:lnTo>
                          <a:pt x="8" y="1"/>
                        </a:lnTo>
                        <a:lnTo>
                          <a:pt x="8" y="3"/>
                        </a:lnTo>
                        <a:lnTo>
                          <a:pt x="6" y="5"/>
                        </a:lnTo>
                        <a:lnTo>
                          <a:pt x="3" y="5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</p:grpSp>
            <p:sp>
              <p:nvSpPr>
                <p:cNvPr id="350" name="Freeform 45"/>
                <p:cNvSpPr>
                  <a:spLocks/>
                </p:cNvSpPr>
                <p:nvPr/>
              </p:nvSpPr>
              <p:spPr bwMode="auto">
                <a:xfrm>
                  <a:off x="3079" y="1947"/>
                  <a:ext cx="384" cy="676"/>
                </a:xfrm>
                <a:custGeom>
                  <a:avLst/>
                  <a:gdLst>
                    <a:gd name="T0" fmla="*/ 192 w 395"/>
                    <a:gd name="T1" fmla="*/ 439 h 697"/>
                    <a:gd name="T2" fmla="*/ 218 w 395"/>
                    <a:gd name="T3" fmla="*/ 444 h 697"/>
                    <a:gd name="T4" fmla="*/ 212 w 395"/>
                    <a:gd name="T5" fmla="*/ 429 h 697"/>
                    <a:gd name="T6" fmla="*/ 227 w 395"/>
                    <a:gd name="T7" fmla="*/ 415 h 697"/>
                    <a:gd name="T8" fmla="*/ 238 w 395"/>
                    <a:gd name="T9" fmla="*/ 406 h 697"/>
                    <a:gd name="T10" fmla="*/ 235 w 395"/>
                    <a:gd name="T11" fmla="*/ 393 h 697"/>
                    <a:gd name="T12" fmla="*/ 240 w 395"/>
                    <a:gd name="T13" fmla="*/ 386 h 697"/>
                    <a:gd name="T14" fmla="*/ 238 w 395"/>
                    <a:gd name="T15" fmla="*/ 370 h 697"/>
                    <a:gd name="T16" fmla="*/ 242 w 395"/>
                    <a:gd name="T17" fmla="*/ 359 h 697"/>
                    <a:gd name="T18" fmla="*/ 244 w 395"/>
                    <a:gd name="T19" fmla="*/ 345 h 697"/>
                    <a:gd name="T20" fmla="*/ 260 w 395"/>
                    <a:gd name="T21" fmla="*/ 318 h 697"/>
                    <a:gd name="T22" fmla="*/ 265 w 395"/>
                    <a:gd name="T23" fmla="*/ 308 h 697"/>
                    <a:gd name="T24" fmla="*/ 258 w 395"/>
                    <a:gd name="T25" fmla="*/ 279 h 697"/>
                    <a:gd name="T26" fmla="*/ 258 w 395"/>
                    <a:gd name="T27" fmla="*/ 254 h 697"/>
                    <a:gd name="T28" fmla="*/ 257 w 395"/>
                    <a:gd name="T29" fmla="*/ 230 h 697"/>
                    <a:gd name="T30" fmla="*/ 254 w 395"/>
                    <a:gd name="T31" fmla="*/ 185 h 697"/>
                    <a:gd name="T32" fmla="*/ 249 w 395"/>
                    <a:gd name="T33" fmla="*/ 131 h 697"/>
                    <a:gd name="T34" fmla="*/ 244 w 395"/>
                    <a:gd name="T35" fmla="*/ 86 h 697"/>
                    <a:gd name="T36" fmla="*/ 242 w 395"/>
                    <a:gd name="T37" fmla="*/ 63 h 697"/>
                    <a:gd name="T38" fmla="*/ 233 w 395"/>
                    <a:gd name="T39" fmla="*/ 45 h 697"/>
                    <a:gd name="T40" fmla="*/ 230 w 395"/>
                    <a:gd name="T41" fmla="*/ 37 h 697"/>
                    <a:gd name="T42" fmla="*/ 219 w 395"/>
                    <a:gd name="T43" fmla="*/ 16 h 697"/>
                    <a:gd name="T44" fmla="*/ 45 w 395"/>
                    <a:gd name="T45" fmla="*/ 16 h 697"/>
                    <a:gd name="T46" fmla="*/ 49 w 395"/>
                    <a:gd name="T47" fmla="*/ 16 h 697"/>
                    <a:gd name="T48" fmla="*/ 61 w 395"/>
                    <a:gd name="T49" fmla="*/ 31 h 697"/>
                    <a:gd name="T50" fmla="*/ 68 w 395"/>
                    <a:gd name="T51" fmla="*/ 39 h 697"/>
                    <a:gd name="T52" fmla="*/ 77 w 395"/>
                    <a:gd name="T53" fmla="*/ 55 h 697"/>
                    <a:gd name="T54" fmla="*/ 67 w 395"/>
                    <a:gd name="T55" fmla="*/ 72 h 697"/>
                    <a:gd name="T56" fmla="*/ 66 w 395"/>
                    <a:gd name="T57" fmla="*/ 88 h 697"/>
                    <a:gd name="T58" fmla="*/ 51 w 395"/>
                    <a:gd name="T59" fmla="*/ 93 h 697"/>
                    <a:gd name="T60" fmla="*/ 47 w 395"/>
                    <a:gd name="T61" fmla="*/ 98 h 697"/>
                    <a:gd name="T62" fmla="*/ 20 w 395"/>
                    <a:gd name="T63" fmla="*/ 107 h 697"/>
                    <a:gd name="T64" fmla="*/ 34 w 395"/>
                    <a:gd name="T65" fmla="*/ 133 h 697"/>
                    <a:gd name="T66" fmla="*/ 27 w 395"/>
                    <a:gd name="T67" fmla="*/ 147 h 697"/>
                    <a:gd name="T68" fmla="*/ 22 w 395"/>
                    <a:gd name="T69" fmla="*/ 157 h 697"/>
                    <a:gd name="T70" fmla="*/ 18 w 395"/>
                    <a:gd name="T71" fmla="*/ 164 h 697"/>
                    <a:gd name="T72" fmla="*/ 9 w 395"/>
                    <a:gd name="T73" fmla="*/ 172 h 697"/>
                    <a:gd name="T74" fmla="*/ 14 w 395"/>
                    <a:gd name="T75" fmla="*/ 180 h 697"/>
                    <a:gd name="T76" fmla="*/ 7 w 395"/>
                    <a:gd name="T77" fmla="*/ 190 h 697"/>
                    <a:gd name="T78" fmla="*/ 2 w 395"/>
                    <a:gd name="T79" fmla="*/ 198 h 697"/>
                    <a:gd name="T80" fmla="*/ 7 w 395"/>
                    <a:gd name="T81" fmla="*/ 229 h 697"/>
                    <a:gd name="T82" fmla="*/ 42 w 395"/>
                    <a:gd name="T83" fmla="*/ 268 h 697"/>
                    <a:gd name="T84" fmla="*/ 54 w 395"/>
                    <a:gd name="T85" fmla="*/ 280 h 697"/>
                    <a:gd name="T86" fmla="*/ 63 w 395"/>
                    <a:gd name="T87" fmla="*/ 308 h 697"/>
                    <a:gd name="T88" fmla="*/ 79 w 395"/>
                    <a:gd name="T89" fmla="*/ 301 h 697"/>
                    <a:gd name="T90" fmla="*/ 95 w 395"/>
                    <a:gd name="T91" fmla="*/ 314 h 697"/>
                    <a:gd name="T92" fmla="*/ 87 w 395"/>
                    <a:gd name="T93" fmla="*/ 340 h 697"/>
                    <a:gd name="T94" fmla="*/ 84 w 395"/>
                    <a:gd name="T95" fmla="*/ 356 h 697"/>
                    <a:gd name="T96" fmla="*/ 108 w 395"/>
                    <a:gd name="T97" fmla="*/ 378 h 697"/>
                    <a:gd name="T98" fmla="*/ 113 w 395"/>
                    <a:gd name="T99" fmla="*/ 380 h 697"/>
                    <a:gd name="T100" fmla="*/ 149 w 395"/>
                    <a:gd name="T101" fmla="*/ 422 h 697"/>
                    <a:gd name="T102" fmla="*/ 159 w 395"/>
                    <a:gd name="T103" fmla="*/ 455 h 697"/>
                    <a:gd name="T104" fmla="*/ 162 w 395"/>
                    <a:gd name="T105" fmla="*/ 448 h 697"/>
                    <a:gd name="T106" fmla="*/ 170 w 395"/>
                    <a:gd name="T107" fmla="*/ 444 h 697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w 395"/>
                    <a:gd name="T163" fmla="*/ 0 h 697"/>
                    <a:gd name="T164" fmla="*/ 395 w 395"/>
                    <a:gd name="T165" fmla="*/ 697 h 697"/>
                  </a:gdLst>
                  <a:ahLst/>
                  <a:cxnLst>
                    <a:cxn ang="T108">
                      <a:pos x="T0" y="T1"/>
                    </a:cxn>
                    <a:cxn ang="T109">
                      <a:pos x="T2" y="T3"/>
                    </a:cxn>
                    <a:cxn ang="T110">
                      <a:pos x="T4" y="T5"/>
                    </a:cxn>
                    <a:cxn ang="T111">
                      <a:pos x="T6" y="T7"/>
                    </a:cxn>
                    <a:cxn ang="T112">
                      <a:pos x="T8" y="T9"/>
                    </a:cxn>
                    <a:cxn ang="T113">
                      <a:pos x="T10" y="T11"/>
                    </a:cxn>
                    <a:cxn ang="T114">
                      <a:pos x="T12" y="T13"/>
                    </a:cxn>
                    <a:cxn ang="T115">
                      <a:pos x="T14" y="T15"/>
                    </a:cxn>
                    <a:cxn ang="T116">
                      <a:pos x="T16" y="T17"/>
                    </a:cxn>
                    <a:cxn ang="T117">
                      <a:pos x="T18" y="T19"/>
                    </a:cxn>
                    <a:cxn ang="T118">
                      <a:pos x="T20" y="T21"/>
                    </a:cxn>
                    <a:cxn ang="T119">
                      <a:pos x="T22" y="T23"/>
                    </a:cxn>
                    <a:cxn ang="T120">
                      <a:pos x="T24" y="T25"/>
                    </a:cxn>
                    <a:cxn ang="T121">
                      <a:pos x="T26" y="T27"/>
                    </a:cxn>
                    <a:cxn ang="T122">
                      <a:pos x="T28" y="T29"/>
                    </a:cxn>
                    <a:cxn ang="T123">
                      <a:pos x="T30" y="T31"/>
                    </a:cxn>
                    <a:cxn ang="T124">
                      <a:pos x="T32" y="T33"/>
                    </a:cxn>
                    <a:cxn ang="T125">
                      <a:pos x="T34" y="T35"/>
                    </a:cxn>
                    <a:cxn ang="T126">
                      <a:pos x="T36" y="T37"/>
                    </a:cxn>
                    <a:cxn ang="T127">
                      <a:pos x="T38" y="T39"/>
                    </a:cxn>
                    <a:cxn ang="T128">
                      <a:pos x="T40" y="T41"/>
                    </a:cxn>
                    <a:cxn ang="T129">
                      <a:pos x="T42" y="T43"/>
                    </a:cxn>
                    <a:cxn ang="T130">
                      <a:pos x="T44" y="T45"/>
                    </a:cxn>
                    <a:cxn ang="T131">
                      <a:pos x="T46" y="T47"/>
                    </a:cxn>
                    <a:cxn ang="T132">
                      <a:pos x="T48" y="T49"/>
                    </a:cxn>
                    <a:cxn ang="T133">
                      <a:pos x="T50" y="T51"/>
                    </a:cxn>
                    <a:cxn ang="T134">
                      <a:pos x="T52" y="T53"/>
                    </a:cxn>
                    <a:cxn ang="T135">
                      <a:pos x="T54" y="T55"/>
                    </a:cxn>
                    <a:cxn ang="T136">
                      <a:pos x="T56" y="T57"/>
                    </a:cxn>
                    <a:cxn ang="T137">
                      <a:pos x="T58" y="T59"/>
                    </a:cxn>
                    <a:cxn ang="T138">
                      <a:pos x="T60" y="T61"/>
                    </a:cxn>
                    <a:cxn ang="T139">
                      <a:pos x="T62" y="T63"/>
                    </a:cxn>
                    <a:cxn ang="T140">
                      <a:pos x="T64" y="T65"/>
                    </a:cxn>
                    <a:cxn ang="T141">
                      <a:pos x="T66" y="T67"/>
                    </a:cxn>
                    <a:cxn ang="T142">
                      <a:pos x="T68" y="T69"/>
                    </a:cxn>
                    <a:cxn ang="T143">
                      <a:pos x="T70" y="T71"/>
                    </a:cxn>
                    <a:cxn ang="T144">
                      <a:pos x="T72" y="T73"/>
                    </a:cxn>
                    <a:cxn ang="T145">
                      <a:pos x="T74" y="T75"/>
                    </a:cxn>
                    <a:cxn ang="T146">
                      <a:pos x="T76" y="T77"/>
                    </a:cxn>
                    <a:cxn ang="T147">
                      <a:pos x="T78" y="T79"/>
                    </a:cxn>
                    <a:cxn ang="T148">
                      <a:pos x="T80" y="T81"/>
                    </a:cxn>
                    <a:cxn ang="T149">
                      <a:pos x="T82" y="T83"/>
                    </a:cxn>
                    <a:cxn ang="T150">
                      <a:pos x="T84" y="T85"/>
                    </a:cxn>
                    <a:cxn ang="T151">
                      <a:pos x="T86" y="T87"/>
                    </a:cxn>
                    <a:cxn ang="T152">
                      <a:pos x="T88" y="T89"/>
                    </a:cxn>
                    <a:cxn ang="T153">
                      <a:pos x="T90" y="T91"/>
                    </a:cxn>
                    <a:cxn ang="T154">
                      <a:pos x="T92" y="T93"/>
                    </a:cxn>
                    <a:cxn ang="T155">
                      <a:pos x="T94" y="T95"/>
                    </a:cxn>
                    <a:cxn ang="T156">
                      <a:pos x="T96" y="T97"/>
                    </a:cxn>
                    <a:cxn ang="T157">
                      <a:pos x="T98" y="T99"/>
                    </a:cxn>
                    <a:cxn ang="T158">
                      <a:pos x="T100" y="T101"/>
                    </a:cxn>
                    <a:cxn ang="T159">
                      <a:pos x="T102" y="T103"/>
                    </a:cxn>
                    <a:cxn ang="T160">
                      <a:pos x="T104" y="T105"/>
                    </a:cxn>
                    <a:cxn ang="T161">
                      <a:pos x="T106" y="T107"/>
                    </a:cxn>
                  </a:cxnLst>
                  <a:rect l="T162" t="T163" r="T164" b="T165"/>
                  <a:pathLst>
                    <a:path w="395" h="697">
                      <a:moveTo>
                        <a:pt x="258" y="678"/>
                      </a:moveTo>
                      <a:lnTo>
                        <a:pt x="264" y="672"/>
                      </a:lnTo>
                      <a:lnTo>
                        <a:pt x="269" y="668"/>
                      </a:lnTo>
                      <a:lnTo>
                        <a:pt x="274" y="668"/>
                      </a:lnTo>
                      <a:lnTo>
                        <a:pt x="280" y="668"/>
                      </a:lnTo>
                      <a:lnTo>
                        <a:pt x="285" y="672"/>
                      </a:lnTo>
                      <a:lnTo>
                        <a:pt x="288" y="673"/>
                      </a:lnTo>
                      <a:lnTo>
                        <a:pt x="291" y="677"/>
                      </a:lnTo>
                      <a:lnTo>
                        <a:pt x="295" y="678"/>
                      </a:lnTo>
                      <a:lnTo>
                        <a:pt x="308" y="683"/>
                      </a:lnTo>
                      <a:lnTo>
                        <a:pt x="318" y="685"/>
                      </a:lnTo>
                      <a:lnTo>
                        <a:pt x="324" y="683"/>
                      </a:lnTo>
                      <a:lnTo>
                        <a:pt x="325" y="680"/>
                      </a:lnTo>
                      <a:lnTo>
                        <a:pt x="324" y="677"/>
                      </a:lnTo>
                      <a:lnTo>
                        <a:pt x="324" y="673"/>
                      </a:lnTo>
                      <a:lnTo>
                        <a:pt x="320" y="670"/>
                      </a:lnTo>
                      <a:lnTo>
                        <a:pt x="320" y="668"/>
                      </a:lnTo>
                      <a:lnTo>
                        <a:pt x="315" y="660"/>
                      </a:lnTo>
                      <a:lnTo>
                        <a:pt x="315" y="651"/>
                      </a:lnTo>
                      <a:lnTo>
                        <a:pt x="317" y="646"/>
                      </a:lnTo>
                      <a:lnTo>
                        <a:pt x="322" y="641"/>
                      </a:lnTo>
                      <a:lnTo>
                        <a:pt x="327" y="639"/>
                      </a:lnTo>
                      <a:lnTo>
                        <a:pt x="332" y="636"/>
                      </a:lnTo>
                      <a:lnTo>
                        <a:pt x="337" y="636"/>
                      </a:lnTo>
                      <a:lnTo>
                        <a:pt x="339" y="636"/>
                      </a:lnTo>
                      <a:lnTo>
                        <a:pt x="347" y="634"/>
                      </a:lnTo>
                      <a:lnTo>
                        <a:pt x="354" y="633"/>
                      </a:lnTo>
                      <a:lnTo>
                        <a:pt x="356" y="631"/>
                      </a:lnTo>
                      <a:lnTo>
                        <a:pt x="356" y="628"/>
                      </a:lnTo>
                      <a:lnTo>
                        <a:pt x="354" y="624"/>
                      </a:lnTo>
                      <a:lnTo>
                        <a:pt x="354" y="622"/>
                      </a:lnTo>
                      <a:lnTo>
                        <a:pt x="352" y="621"/>
                      </a:lnTo>
                      <a:lnTo>
                        <a:pt x="351" y="619"/>
                      </a:lnTo>
                      <a:lnTo>
                        <a:pt x="347" y="614"/>
                      </a:lnTo>
                      <a:lnTo>
                        <a:pt x="349" y="606"/>
                      </a:lnTo>
                      <a:lnTo>
                        <a:pt x="349" y="604"/>
                      </a:lnTo>
                      <a:lnTo>
                        <a:pt x="351" y="602"/>
                      </a:lnTo>
                      <a:lnTo>
                        <a:pt x="352" y="600"/>
                      </a:lnTo>
                      <a:lnTo>
                        <a:pt x="354" y="597"/>
                      </a:lnTo>
                      <a:lnTo>
                        <a:pt x="354" y="595"/>
                      </a:lnTo>
                      <a:lnTo>
                        <a:pt x="356" y="594"/>
                      </a:lnTo>
                      <a:lnTo>
                        <a:pt x="356" y="592"/>
                      </a:lnTo>
                      <a:lnTo>
                        <a:pt x="356" y="590"/>
                      </a:lnTo>
                      <a:lnTo>
                        <a:pt x="352" y="585"/>
                      </a:lnTo>
                      <a:lnTo>
                        <a:pt x="351" y="580"/>
                      </a:lnTo>
                      <a:lnTo>
                        <a:pt x="351" y="575"/>
                      </a:lnTo>
                      <a:lnTo>
                        <a:pt x="351" y="572"/>
                      </a:lnTo>
                      <a:lnTo>
                        <a:pt x="354" y="568"/>
                      </a:lnTo>
                      <a:lnTo>
                        <a:pt x="356" y="567"/>
                      </a:lnTo>
                      <a:lnTo>
                        <a:pt x="356" y="565"/>
                      </a:lnTo>
                      <a:lnTo>
                        <a:pt x="357" y="565"/>
                      </a:lnTo>
                      <a:lnTo>
                        <a:pt x="359" y="555"/>
                      </a:lnTo>
                      <a:lnTo>
                        <a:pt x="359" y="553"/>
                      </a:lnTo>
                      <a:lnTo>
                        <a:pt x="359" y="551"/>
                      </a:lnTo>
                      <a:lnTo>
                        <a:pt x="359" y="548"/>
                      </a:lnTo>
                      <a:lnTo>
                        <a:pt x="361" y="543"/>
                      </a:lnTo>
                      <a:lnTo>
                        <a:pt x="361" y="540"/>
                      </a:lnTo>
                      <a:lnTo>
                        <a:pt x="362" y="536"/>
                      </a:lnTo>
                      <a:lnTo>
                        <a:pt x="362" y="533"/>
                      </a:lnTo>
                      <a:lnTo>
                        <a:pt x="362" y="531"/>
                      </a:lnTo>
                      <a:lnTo>
                        <a:pt x="369" y="526"/>
                      </a:lnTo>
                      <a:lnTo>
                        <a:pt x="374" y="518"/>
                      </a:lnTo>
                      <a:lnTo>
                        <a:pt x="378" y="509"/>
                      </a:lnTo>
                      <a:lnTo>
                        <a:pt x="381" y="502"/>
                      </a:lnTo>
                      <a:lnTo>
                        <a:pt x="384" y="494"/>
                      </a:lnTo>
                      <a:lnTo>
                        <a:pt x="386" y="489"/>
                      </a:lnTo>
                      <a:lnTo>
                        <a:pt x="388" y="484"/>
                      </a:lnTo>
                      <a:lnTo>
                        <a:pt x="388" y="482"/>
                      </a:lnTo>
                      <a:lnTo>
                        <a:pt x="390" y="479"/>
                      </a:lnTo>
                      <a:lnTo>
                        <a:pt x="391" y="475"/>
                      </a:lnTo>
                      <a:lnTo>
                        <a:pt x="393" y="474"/>
                      </a:lnTo>
                      <a:lnTo>
                        <a:pt x="395" y="463"/>
                      </a:lnTo>
                      <a:lnTo>
                        <a:pt x="395" y="455"/>
                      </a:lnTo>
                      <a:lnTo>
                        <a:pt x="393" y="446"/>
                      </a:lnTo>
                      <a:lnTo>
                        <a:pt x="390" y="440"/>
                      </a:lnTo>
                      <a:lnTo>
                        <a:pt x="388" y="433"/>
                      </a:lnTo>
                      <a:lnTo>
                        <a:pt x="384" y="428"/>
                      </a:lnTo>
                      <a:lnTo>
                        <a:pt x="383" y="424"/>
                      </a:lnTo>
                      <a:lnTo>
                        <a:pt x="381" y="423"/>
                      </a:lnTo>
                      <a:lnTo>
                        <a:pt x="381" y="419"/>
                      </a:lnTo>
                      <a:lnTo>
                        <a:pt x="381" y="396"/>
                      </a:lnTo>
                      <a:lnTo>
                        <a:pt x="384" y="391"/>
                      </a:lnTo>
                      <a:lnTo>
                        <a:pt x="384" y="389"/>
                      </a:lnTo>
                      <a:lnTo>
                        <a:pt x="384" y="387"/>
                      </a:lnTo>
                      <a:lnTo>
                        <a:pt x="384" y="382"/>
                      </a:lnTo>
                      <a:lnTo>
                        <a:pt x="383" y="377"/>
                      </a:lnTo>
                      <a:lnTo>
                        <a:pt x="383" y="370"/>
                      </a:lnTo>
                      <a:lnTo>
                        <a:pt x="383" y="362"/>
                      </a:lnTo>
                      <a:lnTo>
                        <a:pt x="381" y="353"/>
                      </a:lnTo>
                      <a:lnTo>
                        <a:pt x="381" y="343"/>
                      </a:lnTo>
                      <a:lnTo>
                        <a:pt x="379" y="333"/>
                      </a:lnTo>
                      <a:lnTo>
                        <a:pt x="379" y="321"/>
                      </a:lnTo>
                      <a:lnTo>
                        <a:pt x="378" y="309"/>
                      </a:lnTo>
                      <a:lnTo>
                        <a:pt x="376" y="296"/>
                      </a:lnTo>
                      <a:lnTo>
                        <a:pt x="376" y="284"/>
                      </a:lnTo>
                      <a:lnTo>
                        <a:pt x="374" y="270"/>
                      </a:lnTo>
                      <a:lnTo>
                        <a:pt x="373" y="257"/>
                      </a:lnTo>
                      <a:lnTo>
                        <a:pt x="373" y="243"/>
                      </a:lnTo>
                      <a:lnTo>
                        <a:pt x="371" y="228"/>
                      </a:lnTo>
                      <a:lnTo>
                        <a:pt x="369" y="215"/>
                      </a:lnTo>
                      <a:lnTo>
                        <a:pt x="369" y="201"/>
                      </a:lnTo>
                      <a:lnTo>
                        <a:pt x="368" y="189"/>
                      </a:lnTo>
                      <a:lnTo>
                        <a:pt x="366" y="176"/>
                      </a:lnTo>
                      <a:lnTo>
                        <a:pt x="366" y="164"/>
                      </a:lnTo>
                      <a:lnTo>
                        <a:pt x="364" y="152"/>
                      </a:lnTo>
                      <a:lnTo>
                        <a:pt x="364" y="142"/>
                      </a:lnTo>
                      <a:lnTo>
                        <a:pt x="362" y="132"/>
                      </a:lnTo>
                      <a:lnTo>
                        <a:pt x="362" y="122"/>
                      </a:lnTo>
                      <a:lnTo>
                        <a:pt x="361" y="115"/>
                      </a:lnTo>
                      <a:lnTo>
                        <a:pt x="361" y="108"/>
                      </a:lnTo>
                      <a:lnTo>
                        <a:pt x="361" y="103"/>
                      </a:lnTo>
                      <a:lnTo>
                        <a:pt x="359" y="98"/>
                      </a:lnTo>
                      <a:lnTo>
                        <a:pt x="359" y="96"/>
                      </a:lnTo>
                      <a:lnTo>
                        <a:pt x="359" y="94"/>
                      </a:lnTo>
                      <a:lnTo>
                        <a:pt x="354" y="89"/>
                      </a:lnTo>
                      <a:lnTo>
                        <a:pt x="351" y="84"/>
                      </a:lnTo>
                      <a:lnTo>
                        <a:pt x="349" y="79"/>
                      </a:lnTo>
                      <a:lnTo>
                        <a:pt x="347" y="74"/>
                      </a:lnTo>
                      <a:lnTo>
                        <a:pt x="346" y="69"/>
                      </a:lnTo>
                      <a:lnTo>
                        <a:pt x="346" y="66"/>
                      </a:lnTo>
                      <a:lnTo>
                        <a:pt x="346" y="64"/>
                      </a:lnTo>
                      <a:lnTo>
                        <a:pt x="346" y="62"/>
                      </a:lnTo>
                      <a:lnTo>
                        <a:pt x="344" y="61"/>
                      </a:lnTo>
                      <a:lnTo>
                        <a:pt x="344" y="57"/>
                      </a:lnTo>
                      <a:lnTo>
                        <a:pt x="342" y="54"/>
                      </a:lnTo>
                      <a:lnTo>
                        <a:pt x="342" y="52"/>
                      </a:lnTo>
                      <a:lnTo>
                        <a:pt x="334" y="47"/>
                      </a:lnTo>
                      <a:lnTo>
                        <a:pt x="329" y="42"/>
                      </a:lnTo>
                      <a:lnTo>
                        <a:pt x="325" y="37"/>
                      </a:lnTo>
                      <a:lnTo>
                        <a:pt x="325" y="30"/>
                      </a:lnTo>
                      <a:lnTo>
                        <a:pt x="325" y="25"/>
                      </a:lnTo>
                      <a:lnTo>
                        <a:pt x="325" y="22"/>
                      </a:lnTo>
                      <a:lnTo>
                        <a:pt x="325" y="18"/>
                      </a:lnTo>
                      <a:lnTo>
                        <a:pt x="325" y="0"/>
                      </a:lnTo>
                      <a:lnTo>
                        <a:pt x="325" y="1"/>
                      </a:lnTo>
                      <a:lnTo>
                        <a:pt x="66" y="20"/>
                      </a:lnTo>
                      <a:lnTo>
                        <a:pt x="66" y="22"/>
                      </a:lnTo>
                      <a:lnTo>
                        <a:pt x="66" y="23"/>
                      </a:lnTo>
                      <a:lnTo>
                        <a:pt x="68" y="25"/>
                      </a:lnTo>
                      <a:lnTo>
                        <a:pt x="71" y="27"/>
                      </a:lnTo>
                      <a:lnTo>
                        <a:pt x="73" y="28"/>
                      </a:lnTo>
                      <a:lnTo>
                        <a:pt x="78" y="30"/>
                      </a:lnTo>
                      <a:lnTo>
                        <a:pt x="82" y="34"/>
                      </a:lnTo>
                      <a:lnTo>
                        <a:pt x="87" y="37"/>
                      </a:lnTo>
                      <a:lnTo>
                        <a:pt x="90" y="40"/>
                      </a:lnTo>
                      <a:lnTo>
                        <a:pt x="90" y="44"/>
                      </a:lnTo>
                      <a:lnTo>
                        <a:pt x="90" y="45"/>
                      </a:lnTo>
                      <a:lnTo>
                        <a:pt x="90" y="47"/>
                      </a:lnTo>
                      <a:lnTo>
                        <a:pt x="88" y="49"/>
                      </a:lnTo>
                      <a:lnTo>
                        <a:pt x="88" y="50"/>
                      </a:lnTo>
                      <a:lnTo>
                        <a:pt x="98" y="57"/>
                      </a:lnTo>
                      <a:lnTo>
                        <a:pt x="100" y="57"/>
                      </a:lnTo>
                      <a:lnTo>
                        <a:pt x="102" y="59"/>
                      </a:lnTo>
                      <a:lnTo>
                        <a:pt x="105" y="61"/>
                      </a:lnTo>
                      <a:lnTo>
                        <a:pt x="110" y="64"/>
                      </a:lnTo>
                      <a:lnTo>
                        <a:pt x="112" y="69"/>
                      </a:lnTo>
                      <a:lnTo>
                        <a:pt x="114" y="76"/>
                      </a:lnTo>
                      <a:lnTo>
                        <a:pt x="114" y="84"/>
                      </a:lnTo>
                      <a:lnTo>
                        <a:pt x="112" y="96"/>
                      </a:lnTo>
                      <a:lnTo>
                        <a:pt x="109" y="105"/>
                      </a:lnTo>
                      <a:lnTo>
                        <a:pt x="105" y="108"/>
                      </a:lnTo>
                      <a:lnTo>
                        <a:pt x="102" y="110"/>
                      </a:lnTo>
                      <a:lnTo>
                        <a:pt x="100" y="108"/>
                      </a:lnTo>
                      <a:lnTo>
                        <a:pt x="98" y="110"/>
                      </a:lnTo>
                      <a:lnTo>
                        <a:pt x="98" y="111"/>
                      </a:lnTo>
                      <a:lnTo>
                        <a:pt x="97" y="120"/>
                      </a:lnTo>
                      <a:lnTo>
                        <a:pt x="97" y="133"/>
                      </a:lnTo>
                      <a:lnTo>
                        <a:pt x="97" y="135"/>
                      </a:lnTo>
                      <a:lnTo>
                        <a:pt x="95" y="137"/>
                      </a:lnTo>
                      <a:lnTo>
                        <a:pt x="93" y="138"/>
                      </a:lnTo>
                      <a:lnTo>
                        <a:pt x="90" y="140"/>
                      </a:lnTo>
                      <a:lnTo>
                        <a:pt x="87" y="142"/>
                      </a:lnTo>
                      <a:lnTo>
                        <a:pt x="80" y="142"/>
                      </a:lnTo>
                      <a:lnTo>
                        <a:pt x="78" y="142"/>
                      </a:lnTo>
                      <a:lnTo>
                        <a:pt x="78" y="144"/>
                      </a:lnTo>
                      <a:lnTo>
                        <a:pt x="78" y="145"/>
                      </a:lnTo>
                      <a:lnTo>
                        <a:pt x="76" y="147"/>
                      </a:lnTo>
                      <a:lnTo>
                        <a:pt x="75" y="149"/>
                      </a:lnTo>
                      <a:lnTo>
                        <a:pt x="70" y="150"/>
                      </a:lnTo>
                      <a:lnTo>
                        <a:pt x="63" y="152"/>
                      </a:lnTo>
                      <a:lnTo>
                        <a:pt x="56" y="152"/>
                      </a:lnTo>
                      <a:lnTo>
                        <a:pt x="49" y="154"/>
                      </a:lnTo>
                      <a:lnTo>
                        <a:pt x="43" y="157"/>
                      </a:lnTo>
                      <a:lnTo>
                        <a:pt x="38" y="160"/>
                      </a:lnTo>
                      <a:lnTo>
                        <a:pt x="34" y="164"/>
                      </a:lnTo>
                      <a:lnTo>
                        <a:pt x="34" y="171"/>
                      </a:lnTo>
                      <a:lnTo>
                        <a:pt x="34" y="177"/>
                      </a:lnTo>
                      <a:lnTo>
                        <a:pt x="38" y="186"/>
                      </a:lnTo>
                      <a:lnTo>
                        <a:pt x="41" y="194"/>
                      </a:lnTo>
                      <a:lnTo>
                        <a:pt x="46" y="199"/>
                      </a:lnTo>
                      <a:lnTo>
                        <a:pt x="48" y="204"/>
                      </a:lnTo>
                      <a:lnTo>
                        <a:pt x="49" y="208"/>
                      </a:lnTo>
                      <a:lnTo>
                        <a:pt x="51" y="213"/>
                      </a:lnTo>
                      <a:lnTo>
                        <a:pt x="49" y="216"/>
                      </a:lnTo>
                      <a:lnTo>
                        <a:pt x="46" y="220"/>
                      </a:lnTo>
                      <a:lnTo>
                        <a:pt x="41" y="226"/>
                      </a:lnTo>
                      <a:lnTo>
                        <a:pt x="41" y="230"/>
                      </a:lnTo>
                      <a:lnTo>
                        <a:pt x="39" y="232"/>
                      </a:lnTo>
                      <a:lnTo>
                        <a:pt x="38" y="235"/>
                      </a:lnTo>
                      <a:lnTo>
                        <a:pt x="38" y="237"/>
                      </a:lnTo>
                      <a:lnTo>
                        <a:pt x="36" y="238"/>
                      </a:lnTo>
                      <a:lnTo>
                        <a:pt x="36" y="240"/>
                      </a:lnTo>
                      <a:lnTo>
                        <a:pt x="36" y="242"/>
                      </a:lnTo>
                      <a:lnTo>
                        <a:pt x="34" y="243"/>
                      </a:lnTo>
                      <a:lnTo>
                        <a:pt x="34" y="247"/>
                      </a:lnTo>
                      <a:lnTo>
                        <a:pt x="34" y="248"/>
                      </a:lnTo>
                      <a:lnTo>
                        <a:pt x="32" y="252"/>
                      </a:lnTo>
                      <a:lnTo>
                        <a:pt x="29" y="254"/>
                      </a:lnTo>
                      <a:lnTo>
                        <a:pt x="24" y="255"/>
                      </a:lnTo>
                      <a:lnTo>
                        <a:pt x="19" y="257"/>
                      </a:lnTo>
                      <a:lnTo>
                        <a:pt x="14" y="259"/>
                      </a:lnTo>
                      <a:lnTo>
                        <a:pt x="10" y="260"/>
                      </a:lnTo>
                      <a:lnTo>
                        <a:pt x="9" y="264"/>
                      </a:lnTo>
                      <a:lnTo>
                        <a:pt x="9" y="267"/>
                      </a:lnTo>
                      <a:lnTo>
                        <a:pt x="9" y="270"/>
                      </a:lnTo>
                      <a:lnTo>
                        <a:pt x="10" y="272"/>
                      </a:lnTo>
                      <a:lnTo>
                        <a:pt x="12" y="276"/>
                      </a:lnTo>
                      <a:lnTo>
                        <a:pt x="14" y="277"/>
                      </a:lnTo>
                      <a:lnTo>
                        <a:pt x="14" y="279"/>
                      </a:lnTo>
                      <a:lnTo>
                        <a:pt x="14" y="282"/>
                      </a:lnTo>
                      <a:lnTo>
                        <a:pt x="12" y="284"/>
                      </a:lnTo>
                      <a:lnTo>
                        <a:pt x="10" y="287"/>
                      </a:lnTo>
                      <a:lnTo>
                        <a:pt x="9" y="289"/>
                      </a:lnTo>
                      <a:lnTo>
                        <a:pt x="7" y="291"/>
                      </a:lnTo>
                      <a:lnTo>
                        <a:pt x="5" y="292"/>
                      </a:lnTo>
                      <a:lnTo>
                        <a:pt x="4" y="294"/>
                      </a:lnTo>
                      <a:lnTo>
                        <a:pt x="4" y="296"/>
                      </a:lnTo>
                      <a:lnTo>
                        <a:pt x="4" y="299"/>
                      </a:lnTo>
                      <a:lnTo>
                        <a:pt x="2" y="304"/>
                      </a:lnTo>
                      <a:lnTo>
                        <a:pt x="2" y="309"/>
                      </a:lnTo>
                      <a:lnTo>
                        <a:pt x="0" y="316"/>
                      </a:lnTo>
                      <a:lnTo>
                        <a:pt x="2" y="325"/>
                      </a:lnTo>
                      <a:lnTo>
                        <a:pt x="2" y="333"/>
                      </a:lnTo>
                      <a:lnTo>
                        <a:pt x="4" y="342"/>
                      </a:lnTo>
                      <a:lnTo>
                        <a:pt x="7" y="352"/>
                      </a:lnTo>
                      <a:lnTo>
                        <a:pt x="12" y="360"/>
                      </a:lnTo>
                      <a:lnTo>
                        <a:pt x="17" y="370"/>
                      </a:lnTo>
                      <a:lnTo>
                        <a:pt x="26" y="380"/>
                      </a:lnTo>
                      <a:lnTo>
                        <a:pt x="34" y="391"/>
                      </a:lnTo>
                      <a:lnTo>
                        <a:pt x="46" y="401"/>
                      </a:lnTo>
                      <a:lnTo>
                        <a:pt x="60" y="411"/>
                      </a:lnTo>
                      <a:lnTo>
                        <a:pt x="63" y="413"/>
                      </a:lnTo>
                      <a:lnTo>
                        <a:pt x="68" y="414"/>
                      </a:lnTo>
                      <a:lnTo>
                        <a:pt x="71" y="416"/>
                      </a:lnTo>
                      <a:lnTo>
                        <a:pt x="75" y="419"/>
                      </a:lnTo>
                      <a:lnTo>
                        <a:pt x="78" y="423"/>
                      </a:lnTo>
                      <a:lnTo>
                        <a:pt x="82" y="430"/>
                      </a:lnTo>
                      <a:lnTo>
                        <a:pt x="83" y="440"/>
                      </a:lnTo>
                      <a:lnTo>
                        <a:pt x="85" y="453"/>
                      </a:lnTo>
                      <a:lnTo>
                        <a:pt x="85" y="462"/>
                      </a:lnTo>
                      <a:lnTo>
                        <a:pt x="88" y="468"/>
                      </a:lnTo>
                      <a:lnTo>
                        <a:pt x="90" y="472"/>
                      </a:lnTo>
                      <a:lnTo>
                        <a:pt x="93" y="474"/>
                      </a:lnTo>
                      <a:lnTo>
                        <a:pt x="97" y="474"/>
                      </a:lnTo>
                      <a:lnTo>
                        <a:pt x="102" y="470"/>
                      </a:lnTo>
                      <a:lnTo>
                        <a:pt x="105" y="467"/>
                      </a:lnTo>
                      <a:lnTo>
                        <a:pt x="109" y="463"/>
                      </a:lnTo>
                      <a:lnTo>
                        <a:pt x="112" y="462"/>
                      </a:lnTo>
                      <a:lnTo>
                        <a:pt x="117" y="462"/>
                      </a:lnTo>
                      <a:lnTo>
                        <a:pt x="122" y="463"/>
                      </a:lnTo>
                      <a:lnTo>
                        <a:pt x="129" y="467"/>
                      </a:lnTo>
                      <a:lnTo>
                        <a:pt x="134" y="470"/>
                      </a:lnTo>
                      <a:lnTo>
                        <a:pt x="137" y="475"/>
                      </a:lnTo>
                      <a:lnTo>
                        <a:pt x="141" y="479"/>
                      </a:lnTo>
                      <a:lnTo>
                        <a:pt x="141" y="482"/>
                      </a:lnTo>
                      <a:lnTo>
                        <a:pt x="141" y="485"/>
                      </a:lnTo>
                      <a:lnTo>
                        <a:pt x="137" y="492"/>
                      </a:lnTo>
                      <a:lnTo>
                        <a:pt x="136" y="499"/>
                      </a:lnTo>
                      <a:lnTo>
                        <a:pt x="134" y="507"/>
                      </a:lnTo>
                      <a:lnTo>
                        <a:pt x="132" y="516"/>
                      </a:lnTo>
                      <a:lnTo>
                        <a:pt x="131" y="523"/>
                      </a:lnTo>
                      <a:lnTo>
                        <a:pt x="129" y="526"/>
                      </a:lnTo>
                      <a:lnTo>
                        <a:pt x="129" y="528"/>
                      </a:lnTo>
                      <a:lnTo>
                        <a:pt x="127" y="529"/>
                      </a:lnTo>
                      <a:lnTo>
                        <a:pt x="126" y="533"/>
                      </a:lnTo>
                      <a:lnTo>
                        <a:pt x="124" y="540"/>
                      </a:lnTo>
                      <a:lnTo>
                        <a:pt x="124" y="546"/>
                      </a:lnTo>
                      <a:lnTo>
                        <a:pt x="126" y="553"/>
                      </a:lnTo>
                      <a:lnTo>
                        <a:pt x="129" y="562"/>
                      </a:lnTo>
                      <a:lnTo>
                        <a:pt x="139" y="570"/>
                      </a:lnTo>
                      <a:lnTo>
                        <a:pt x="153" y="577"/>
                      </a:lnTo>
                      <a:lnTo>
                        <a:pt x="156" y="578"/>
                      </a:lnTo>
                      <a:lnTo>
                        <a:pt x="159" y="580"/>
                      </a:lnTo>
                      <a:lnTo>
                        <a:pt x="163" y="582"/>
                      </a:lnTo>
                      <a:lnTo>
                        <a:pt x="164" y="584"/>
                      </a:lnTo>
                      <a:lnTo>
                        <a:pt x="166" y="585"/>
                      </a:lnTo>
                      <a:lnTo>
                        <a:pt x="166" y="594"/>
                      </a:lnTo>
                      <a:lnTo>
                        <a:pt x="183" y="594"/>
                      </a:lnTo>
                      <a:lnTo>
                        <a:pt x="198" y="609"/>
                      </a:lnTo>
                      <a:lnTo>
                        <a:pt x="214" y="614"/>
                      </a:lnTo>
                      <a:lnTo>
                        <a:pt x="215" y="636"/>
                      </a:lnTo>
                      <a:lnTo>
                        <a:pt x="222" y="648"/>
                      </a:lnTo>
                      <a:lnTo>
                        <a:pt x="217" y="665"/>
                      </a:lnTo>
                      <a:lnTo>
                        <a:pt x="217" y="673"/>
                      </a:lnTo>
                      <a:lnTo>
                        <a:pt x="227" y="683"/>
                      </a:lnTo>
                      <a:lnTo>
                        <a:pt x="230" y="692"/>
                      </a:lnTo>
                      <a:lnTo>
                        <a:pt x="237" y="697"/>
                      </a:lnTo>
                      <a:lnTo>
                        <a:pt x="237" y="694"/>
                      </a:lnTo>
                      <a:lnTo>
                        <a:pt x="237" y="690"/>
                      </a:lnTo>
                      <a:lnTo>
                        <a:pt x="237" y="687"/>
                      </a:lnTo>
                      <a:lnTo>
                        <a:pt x="237" y="685"/>
                      </a:lnTo>
                      <a:lnTo>
                        <a:pt x="239" y="685"/>
                      </a:lnTo>
                      <a:lnTo>
                        <a:pt x="242" y="687"/>
                      </a:lnTo>
                      <a:lnTo>
                        <a:pt x="244" y="692"/>
                      </a:lnTo>
                      <a:lnTo>
                        <a:pt x="246" y="692"/>
                      </a:lnTo>
                      <a:lnTo>
                        <a:pt x="246" y="690"/>
                      </a:lnTo>
                      <a:lnTo>
                        <a:pt x="247" y="688"/>
                      </a:lnTo>
                      <a:lnTo>
                        <a:pt x="251" y="685"/>
                      </a:lnTo>
                      <a:lnTo>
                        <a:pt x="252" y="683"/>
                      </a:lnTo>
                      <a:lnTo>
                        <a:pt x="256" y="682"/>
                      </a:lnTo>
                      <a:lnTo>
                        <a:pt x="258" y="680"/>
                      </a:lnTo>
                      <a:lnTo>
                        <a:pt x="258" y="678"/>
                      </a:lnTo>
                      <a:close/>
                    </a:path>
                  </a:pathLst>
                </a:custGeom>
                <a:solidFill>
                  <a:schemeClr val="bg2">
                    <a:lumMod val="85000"/>
                  </a:schemeClr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51" name="Freeform 46"/>
                <p:cNvSpPr>
                  <a:spLocks/>
                </p:cNvSpPr>
                <p:nvPr/>
              </p:nvSpPr>
              <p:spPr bwMode="auto">
                <a:xfrm>
                  <a:off x="2691" y="2198"/>
                  <a:ext cx="644" cy="564"/>
                </a:xfrm>
                <a:custGeom>
                  <a:avLst/>
                  <a:gdLst>
                    <a:gd name="T0" fmla="*/ 79 w 662"/>
                    <a:gd name="T1" fmla="*/ 448 h 570"/>
                    <a:gd name="T2" fmla="*/ 79 w 662"/>
                    <a:gd name="T3" fmla="*/ 427 h 570"/>
                    <a:gd name="T4" fmla="*/ 79 w 662"/>
                    <a:gd name="T5" fmla="*/ 409 h 570"/>
                    <a:gd name="T6" fmla="*/ 79 w 662"/>
                    <a:gd name="T7" fmla="*/ 399 h 570"/>
                    <a:gd name="T8" fmla="*/ 57 w 662"/>
                    <a:gd name="T9" fmla="*/ 146 h 570"/>
                    <a:gd name="T10" fmla="*/ 46 w 662"/>
                    <a:gd name="T11" fmla="*/ 123 h 570"/>
                    <a:gd name="T12" fmla="*/ 55 w 662"/>
                    <a:gd name="T13" fmla="*/ 91 h 570"/>
                    <a:gd name="T14" fmla="*/ 50 w 662"/>
                    <a:gd name="T15" fmla="*/ 86 h 570"/>
                    <a:gd name="T16" fmla="*/ 23 w 662"/>
                    <a:gd name="T17" fmla="*/ 69 h 570"/>
                    <a:gd name="T18" fmla="*/ 10 w 662"/>
                    <a:gd name="T19" fmla="*/ 32 h 570"/>
                    <a:gd name="T20" fmla="*/ 5 w 662"/>
                    <a:gd name="T21" fmla="*/ 22 h 570"/>
                    <a:gd name="T22" fmla="*/ 0 w 662"/>
                    <a:gd name="T23" fmla="*/ 10 h 570"/>
                    <a:gd name="T24" fmla="*/ 263 w 662"/>
                    <a:gd name="T25" fmla="*/ 10 h 570"/>
                    <a:gd name="T26" fmla="*/ 273 w 662"/>
                    <a:gd name="T27" fmla="*/ 28 h 570"/>
                    <a:gd name="T28" fmla="*/ 273 w 662"/>
                    <a:gd name="T29" fmla="*/ 32 h 570"/>
                    <a:gd name="T30" fmla="*/ 271 w 662"/>
                    <a:gd name="T31" fmla="*/ 47 h 570"/>
                    <a:gd name="T32" fmla="*/ 276 w 662"/>
                    <a:gd name="T33" fmla="*/ 74 h 570"/>
                    <a:gd name="T34" fmla="*/ 295 w 662"/>
                    <a:gd name="T35" fmla="*/ 113 h 570"/>
                    <a:gd name="T36" fmla="*/ 318 w 662"/>
                    <a:gd name="T37" fmla="*/ 132 h 570"/>
                    <a:gd name="T38" fmla="*/ 328 w 662"/>
                    <a:gd name="T39" fmla="*/ 140 h 570"/>
                    <a:gd name="T40" fmla="*/ 331 w 662"/>
                    <a:gd name="T41" fmla="*/ 176 h 570"/>
                    <a:gd name="T42" fmla="*/ 340 w 662"/>
                    <a:gd name="T43" fmla="*/ 178 h 570"/>
                    <a:gd name="T44" fmla="*/ 350 w 662"/>
                    <a:gd name="T45" fmla="*/ 170 h 570"/>
                    <a:gd name="T46" fmla="*/ 365 w 662"/>
                    <a:gd name="T47" fmla="*/ 183 h 570"/>
                    <a:gd name="T48" fmla="*/ 365 w 662"/>
                    <a:gd name="T49" fmla="*/ 200 h 570"/>
                    <a:gd name="T50" fmla="*/ 360 w 662"/>
                    <a:gd name="T51" fmla="*/ 223 h 570"/>
                    <a:gd name="T52" fmla="*/ 357 w 662"/>
                    <a:gd name="T53" fmla="*/ 230 h 570"/>
                    <a:gd name="T54" fmla="*/ 358 w 662"/>
                    <a:gd name="T55" fmla="*/ 256 h 570"/>
                    <a:gd name="T56" fmla="*/ 378 w 662"/>
                    <a:gd name="T57" fmla="*/ 274 h 570"/>
                    <a:gd name="T58" fmla="*/ 384 w 662"/>
                    <a:gd name="T59" fmla="*/ 279 h 570"/>
                    <a:gd name="T60" fmla="*/ 396 w 662"/>
                    <a:gd name="T61" fmla="*/ 288 h 570"/>
                    <a:gd name="T62" fmla="*/ 422 w 662"/>
                    <a:gd name="T63" fmla="*/ 329 h 570"/>
                    <a:gd name="T64" fmla="*/ 428 w 662"/>
                    <a:gd name="T65" fmla="*/ 371 h 570"/>
                    <a:gd name="T66" fmla="*/ 433 w 662"/>
                    <a:gd name="T67" fmla="*/ 370 h 570"/>
                    <a:gd name="T68" fmla="*/ 435 w 662"/>
                    <a:gd name="T69" fmla="*/ 367 h 570"/>
                    <a:gd name="T70" fmla="*/ 443 w 662"/>
                    <a:gd name="T71" fmla="*/ 377 h 570"/>
                    <a:gd name="T72" fmla="*/ 447 w 662"/>
                    <a:gd name="T73" fmla="*/ 419 h 570"/>
                    <a:gd name="T74" fmla="*/ 419 w 662"/>
                    <a:gd name="T75" fmla="*/ 459 h 570"/>
                    <a:gd name="T76" fmla="*/ 411 w 662"/>
                    <a:gd name="T77" fmla="*/ 461 h 570"/>
                    <a:gd name="T78" fmla="*/ 421 w 662"/>
                    <a:gd name="T79" fmla="*/ 471 h 570"/>
                    <a:gd name="T80" fmla="*/ 421 w 662"/>
                    <a:gd name="T81" fmla="*/ 475 h 570"/>
                    <a:gd name="T82" fmla="*/ 411 w 662"/>
                    <a:gd name="T83" fmla="*/ 489 h 570"/>
                    <a:gd name="T84" fmla="*/ 370 w 662"/>
                    <a:gd name="T85" fmla="*/ 485 h 570"/>
                    <a:gd name="T86" fmla="*/ 378 w 662"/>
                    <a:gd name="T87" fmla="*/ 465 h 570"/>
                    <a:gd name="T88" fmla="*/ 386 w 662"/>
                    <a:gd name="T89" fmla="*/ 448 h 570"/>
                    <a:gd name="T90" fmla="*/ 376 w 662"/>
                    <a:gd name="T91" fmla="*/ 434 h 570"/>
                    <a:gd name="T92" fmla="*/ 365 w 662"/>
                    <a:gd name="T93" fmla="*/ 436 h 570"/>
                    <a:gd name="T94" fmla="*/ 337 w 662"/>
                    <a:gd name="T95" fmla="*/ 437 h 570"/>
                    <a:gd name="T96" fmla="*/ 294 w 662"/>
                    <a:gd name="T97" fmla="*/ 441 h 570"/>
                    <a:gd name="T98" fmla="*/ 241 w 662"/>
                    <a:gd name="T99" fmla="*/ 444 h 570"/>
                    <a:gd name="T100" fmla="*/ 188 w 662"/>
                    <a:gd name="T101" fmla="*/ 448 h 570"/>
                    <a:gd name="T102" fmla="*/ 140 w 662"/>
                    <a:gd name="T103" fmla="*/ 451 h 570"/>
                    <a:gd name="T104" fmla="*/ 101 w 662"/>
                    <a:gd name="T105" fmla="*/ 452 h 570"/>
                    <a:gd name="T106" fmla="*/ 81 w 662"/>
                    <a:gd name="T107" fmla="*/ 453 h 570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w 662"/>
                    <a:gd name="T163" fmla="*/ 0 h 570"/>
                    <a:gd name="T164" fmla="*/ 662 w 662"/>
                    <a:gd name="T165" fmla="*/ 570 h 570"/>
                  </a:gdLst>
                  <a:ahLst/>
                  <a:cxnLst>
                    <a:cxn ang="T108">
                      <a:pos x="T0" y="T1"/>
                    </a:cxn>
                    <a:cxn ang="T109">
                      <a:pos x="T2" y="T3"/>
                    </a:cxn>
                    <a:cxn ang="T110">
                      <a:pos x="T4" y="T5"/>
                    </a:cxn>
                    <a:cxn ang="T111">
                      <a:pos x="T6" y="T7"/>
                    </a:cxn>
                    <a:cxn ang="T112">
                      <a:pos x="T8" y="T9"/>
                    </a:cxn>
                    <a:cxn ang="T113">
                      <a:pos x="T10" y="T11"/>
                    </a:cxn>
                    <a:cxn ang="T114">
                      <a:pos x="T12" y="T13"/>
                    </a:cxn>
                    <a:cxn ang="T115">
                      <a:pos x="T14" y="T15"/>
                    </a:cxn>
                    <a:cxn ang="T116">
                      <a:pos x="T16" y="T17"/>
                    </a:cxn>
                    <a:cxn ang="T117">
                      <a:pos x="T18" y="T19"/>
                    </a:cxn>
                    <a:cxn ang="T118">
                      <a:pos x="T20" y="T21"/>
                    </a:cxn>
                    <a:cxn ang="T119">
                      <a:pos x="T22" y="T23"/>
                    </a:cxn>
                    <a:cxn ang="T120">
                      <a:pos x="T24" y="T25"/>
                    </a:cxn>
                    <a:cxn ang="T121">
                      <a:pos x="T26" y="T27"/>
                    </a:cxn>
                    <a:cxn ang="T122">
                      <a:pos x="T28" y="T29"/>
                    </a:cxn>
                    <a:cxn ang="T123">
                      <a:pos x="T30" y="T31"/>
                    </a:cxn>
                    <a:cxn ang="T124">
                      <a:pos x="T32" y="T33"/>
                    </a:cxn>
                    <a:cxn ang="T125">
                      <a:pos x="T34" y="T35"/>
                    </a:cxn>
                    <a:cxn ang="T126">
                      <a:pos x="T36" y="T37"/>
                    </a:cxn>
                    <a:cxn ang="T127">
                      <a:pos x="T38" y="T39"/>
                    </a:cxn>
                    <a:cxn ang="T128">
                      <a:pos x="T40" y="T41"/>
                    </a:cxn>
                    <a:cxn ang="T129">
                      <a:pos x="T42" y="T43"/>
                    </a:cxn>
                    <a:cxn ang="T130">
                      <a:pos x="T44" y="T45"/>
                    </a:cxn>
                    <a:cxn ang="T131">
                      <a:pos x="T46" y="T47"/>
                    </a:cxn>
                    <a:cxn ang="T132">
                      <a:pos x="T48" y="T49"/>
                    </a:cxn>
                    <a:cxn ang="T133">
                      <a:pos x="T50" y="T51"/>
                    </a:cxn>
                    <a:cxn ang="T134">
                      <a:pos x="T52" y="T53"/>
                    </a:cxn>
                    <a:cxn ang="T135">
                      <a:pos x="T54" y="T55"/>
                    </a:cxn>
                    <a:cxn ang="T136">
                      <a:pos x="T56" y="T57"/>
                    </a:cxn>
                    <a:cxn ang="T137">
                      <a:pos x="T58" y="T59"/>
                    </a:cxn>
                    <a:cxn ang="T138">
                      <a:pos x="T60" y="T61"/>
                    </a:cxn>
                    <a:cxn ang="T139">
                      <a:pos x="T62" y="T63"/>
                    </a:cxn>
                    <a:cxn ang="T140">
                      <a:pos x="T64" y="T65"/>
                    </a:cxn>
                    <a:cxn ang="T141">
                      <a:pos x="T66" y="T67"/>
                    </a:cxn>
                    <a:cxn ang="T142">
                      <a:pos x="T68" y="T69"/>
                    </a:cxn>
                    <a:cxn ang="T143">
                      <a:pos x="T70" y="T71"/>
                    </a:cxn>
                    <a:cxn ang="T144">
                      <a:pos x="T72" y="T73"/>
                    </a:cxn>
                    <a:cxn ang="T145">
                      <a:pos x="T74" y="T75"/>
                    </a:cxn>
                    <a:cxn ang="T146">
                      <a:pos x="T76" y="T77"/>
                    </a:cxn>
                    <a:cxn ang="T147">
                      <a:pos x="T78" y="T79"/>
                    </a:cxn>
                    <a:cxn ang="T148">
                      <a:pos x="T80" y="T81"/>
                    </a:cxn>
                    <a:cxn ang="T149">
                      <a:pos x="T82" y="T83"/>
                    </a:cxn>
                    <a:cxn ang="T150">
                      <a:pos x="T84" y="T85"/>
                    </a:cxn>
                    <a:cxn ang="T151">
                      <a:pos x="T86" y="T87"/>
                    </a:cxn>
                    <a:cxn ang="T152">
                      <a:pos x="T88" y="T89"/>
                    </a:cxn>
                    <a:cxn ang="T153">
                      <a:pos x="T90" y="T91"/>
                    </a:cxn>
                    <a:cxn ang="T154">
                      <a:pos x="T92" y="T93"/>
                    </a:cxn>
                    <a:cxn ang="T155">
                      <a:pos x="T94" y="T95"/>
                    </a:cxn>
                    <a:cxn ang="T156">
                      <a:pos x="T96" y="T97"/>
                    </a:cxn>
                    <a:cxn ang="T157">
                      <a:pos x="T98" y="T99"/>
                    </a:cxn>
                    <a:cxn ang="T158">
                      <a:pos x="T100" y="T101"/>
                    </a:cxn>
                    <a:cxn ang="T159">
                      <a:pos x="T102" y="T103"/>
                    </a:cxn>
                    <a:cxn ang="T160">
                      <a:pos x="T104" y="T105"/>
                    </a:cxn>
                    <a:cxn ang="T161">
                      <a:pos x="T106" y="T107"/>
                    </a:cxn>
                  </a:cxnLst>
                  <a:rect l="T162" t="T163" r="T164" b="T165"/>
                  <a:pathLst>
                    <a:path w="662" h="570">
                      <a:moveTo>
                        <a:pt x="117" y="524"/>
                      </a:moveTo>
                      <a:lnTo>
                        <a:pt x="117" y="523"/>
                      </a:lnTo>
                      <a:lnTo>
                        <a:pt x="115" y="521"/>
                      </a:lnTo>
                      <a:lnTo>
                        <a:pt x="115" y="518"/>
                      </a:lnTo>
                      <a:lnTo>
                        <a:pt x="115" y="514"/>
                      </a:lnTo>
                      <a:lnTo>
                        <a:pt x="115" y="509"/>
                      </a:lnTo>
                      <a:lnTo>
                        <a:pt x="115" y="504"/>
                      </a:lnTo>
                      <a:lnTo>
                        <a:pt x="115" y="497"/>
                      </a:lnTo>
                      <a:lnTo>
                        <a:pt x="115" y="492"/>
                      </a:lnTo>
                      <a:lnTo>
                        <a:pt x="115" y="487"/>
                      </a:lnTo>
                      <a:lnTo>
                        <a:pt x="115" y="480"/>
                      </a:lnTo>
                      <a:lnTo>
                        <a:pt x="115" y="475"/>
                      </a:lnTo>
                      <a:lnTo>
                        <a:pt x="115" y="470"/>
                      </a:lnTo>
                      <a:lnTo>
                        <a:pt x="115" y="467"/>
                      </a:lnTo>
                      <a:lnTo>
                        <a:pt x="115" y="463"/>
                      </a:lnTo>
                      <a:lnTo>
                        <a:pt x="115" y="462"/>
                      </a:lnTo>
                      <a:lnTo>
                        <a:pt x="115" y="460"/>
                      </a:lnTo>
                      <a:lnTo>
                        <a:pt x="113" y="188"/>
                      </a:lnTo>
                      <a:lnTo>
                        <a:pt x="96" y="188"/>
                      </a:lnTo>
                      <a:lnTo>
                        <a:pt x="85" y="174"/>
                      </a:lnTo>
                      <a:lnTo>
                        <a:pt x="83" y="162"/>
                      </a:lnTo>
                      <a:lnTo>
                        <a:pt x="79" y="155"/>
                      </a:lnTo>
                      <a:lnTo>
                        <a:pt x="66" y="145"/>
                      </a:lnTo>
                      <a:lnTo>
                        <a:pt x="66" y="137"/>
                      </a:lnTo>
                      <a:lnTo>
                        <a:pt x="79" y="118"/>
                      </a:lnTo>
                      <a:lnTo>
                        <a:pt x="83" y="113"/>
                      </a:lnTo>
                      <a:lnTo>
                        <a:pt x="85" y="108"/>
                      </a:lnTo>
                      <a:lnTo>
                        <a:pt x="83" y="105"/>
                      </a:lnTo>
                      <a:lnTo>
                        <a:pt x="81" y="103"/>
                      </a:lnTo>
                      <a:lnTo>
                        <a:pt x="78" y="101"/>
                      </a:lnTo>
                      <a:lnTo>
                        <a:pt x="74" y="100"/>
                      </a:lnTo>
                      <a:lnTo>
                        <a:pt x="73" y="100"/>
                      </a:lnTo>
                      <a:lnTo>
                        <a:pt x="71" y="98"/>
                      </a:lnTo>
                      <a:lnTo>
                        <a:pt x="61" y="100"/>
                      </a:lnTo>
                      <a:lnTo>
                        <a:pt x="49" y="89"/>
                      </a:lnTo>
                      <a:lnTo>
                        <a:pt x="37" y="83"/>
                      </a:lnTo>
                      <a:lnTo>
                        <a:pt x="39" y="84"/>
                      </a:lnTo>
                      <a:lnTo>
                        <a:pt x="27" y="56"/>
                      </a:lnTo>
                      <a:lnTo>
                        <a:pt x="13" y="44"/>
                      </a:lnTo>
                      <a:lnTo>
                        <a:pt x="10" y="32"/>
                      </a:lnTo>
                      <a:lnTo>
                        <a:pt x="10" y="30"/>
                      </a:lnTo>
                      <a:lnTo>
                        <a:pt x="8" y="28"/>
                      </a:lnTo>
                      <a:lnTo>
                        <a:pt x="7" y="25"/>
                      </a:lnTo>
                      <a:lnTo>
                        <a:pt x="5" y="22"/>
                      </a:lnTo>
                      <a:lnTo>
                        <a:pt x="3" y="17"/>
                      </a:lnTo>
                      <a:lnTo>
                        <a:pt x="2" y="13"/>
                      </a:lnTo>
                      <a:lnTo>
                        <a:pt x="0" y="10"/>
                      </a:lnTo>
                      <a:lnTo>
                        <a:pt x="379" y="0"/>
                      </a:lnTo>
                      <a:lnTo>
                        <a:pt x="381" y="1"/>
                      </a:lnTo>
                      <a:lnTo>
                        <a:pt x="382" y="5"/>
                      </a:lnTo>
                      <a:lnTo>
                        <a:pt x="387" y="10"/>
                      </a:lnTo>
                      <a:lnTo>
                        <a:pt x="391" y="15"/>
                      </a:lnTo>
                      <a:lnTo>
                        <a:pt x="396" y="20"/>
                      </a:lnTo>
                      <a:lnTo>
                        <a:pt x="401" y="25"/>
                      </a:lnTo>
                      <a:lnTo>
                        <a:pt x="403" y="28"/>
                      </a:lnTo>
                      <a:lnTo>
                        <a:pt x="404" y="28"/>
                      </a:lnTo>
                      <a:lnTo>
                        <a:pt x="403" y="30"/>
                      </a:lnTo>
                      <a:lnTo>
                        <a:pt x="403" y="32"/>
                      </a:lnTo>
                      <a:lnTo>
                        <a:pt x="403" y="35"/>
                      </a:lnTo>
                      <a:lnTo>
                        <a:pt x="401" y="40"/>
                      </a:lnTo>
                      <a:lnTo>
                        <a:pt x="401" y="45"/>
                      </a:lnTo>
                      <a:lnTo>
                        <a:pt x="399" y="52"/>
                      </a:lnTo>
                      <a:lnTo>
                        <a:pt x="401" y="61"/>
                      </a:lnTo>
                      <a:lnTo>
                        <a:pt x="401" y="69"/>
                      </a:lnTo>
                      <a:lnTo>
                        <a:pt x="403" y="78"/>
                      </a:lnTo>
                      <a:lnTo>
                        <a:pt x="406" y="88"/>
                      </a:lnTo>
                      <a:lnTo>
                        <a:pt x="411" y="96"/>
                      </a:lnTo>
                      <a:lnTo>
                        <a:pt x="416" y="106"/>
                      </a:lnTo>
                      <a:lnTo>
                        <a:pt x="425" y="116"/>
                      </a:lnTo>
                      <a:lnTo>
                        <a:pt x="433" y="127"/>
                      </a:lnTo>
                      <a:lnTo>
                        <a:pt x="445" y="137"/>
                      </a:lnTo>
                      <a:lnTo>
                        <a:pt x="459" y="147"/>
                      </a:lnTo>
                      <a:lnTo>
                        <a:pt x="462" y="149"/>
                      </a:lnTo>
                      <a:lnTo>
                        <a:pt x="467" y="150"/>
                      </a:lnTo>
                      <a:lnTo>
                        <a:pt x="470" y="152"/>
                      </a:lnTo>
                      <a:lnTo>
                        <a:pt x="474" y="155"/>
                      </a:lnTo>
                      <a:lnTo>
                        <a:pt x="477" y="159"/>
                      </a:lnTo>
                      <a:lnTo>
                        <a:pt x="481" y="166"/>
                      </a:lnTo>
                      <a:lnTo>
                        <a:pt x="482" y="176"/>
                      </a:lnTo>
                      <a:lnTo>
                        <a:pt x="484" y="189"/>
                      </a:lnTo>
                      <a:lnTo>
                        <a:pt x="484" y="198"/>
                      </a:lnTo>
                      <a:lnTo>
                        <a:pt x="487" y="204"/>
                      </a:lnTo>
                      <a:lnTo>
                        <a:pt x="489" y="208"/>
                      </a:lnTo>
                      <a:lnTo>
                        <a:pt x="492" y="210"/>
                      </a:lnTo>
                      <a:lnTo>
                        <a:pt x="496" y="210"/>
                      </a:lnTo>
                      <a:lnTo>
                        <a:pt x="501" y="206"/>
                      </a:lnTo>
                      <a:lnTo>
                        <a:pt x="504" y="203"/>
                      </a:lnTo>
                      <a:lnTo>
                        <a:pt x="508" y="199"/>
                      </a:lnTo>
                      <a:lnTo>
                        <a:pt x="511" y="198"/>
                      </a:lnTo>
                      <a:lnTo>
                        <a:pt x="516" y="198"/>
                      </a:lnTo>
                      <a:lnTo>
                        <a:pt x="521" y="199"/>
                      </a:lnTo>
                      <a:lnTo>
                        <a:pt x="528" y="203"/>
                      </a:lnTo>
                      <a:lnTo>
                        <a:pt x="533" y="206"/>
                      </a:lnTo>
                      <a:lnTo>
                        <a:pt x="536" y="211"/>
                      </a:lnTo>
                      <a:lnTo>
                        <a:pt x="540" y="215"/>
                      </a:lnTo>
                      <a:lnTo>
                        <a:pt x="540" y="218"/>
                      </a:lnTo>
                      <a:lnTo>
                        <a:pt x="540" y="221"/>
                      </a:lnTo>
                      <a:lnTo>
                        <a:pt x="536" y="228"/>
                      </a:lnTo>
                      <a:lnTo>
                        <a:pt x="535" y="235"/>
                      </a:lnTo>
                      <a:lnTo>
                        <a:pt x="533" y="243"/>
                      </a:lnTo>
                      <a:lnTo>
                        <a:pt x="531" y="252"/>
                      </a:lnTo>
                      <a:lnTo>
                        <a:pt x="530" y="259"/>
                      </a:lnTo>
                      <a:lnTo>
                        <a:pt x="528" y="262"/>
                      </a:lnTo>
                      <a:lnTo>
                        <a:pt x="528" y="264"/>
                      </a:lnTo>
                      <a:lnTo>
                        <a:pt x="526" y="265"/>
                      </a:lnTo>
                      <a:lnTo>
                        <a:pt x="525" y="269"/>
                      </a:lnTo>
                      <a:lnTo>
                        <a:pt x="523" y="276"/>
                      </a:lnTo>
                      <a:lnTo>
                        <a:pt x="523" y="282"/>
                      </a:lnTo>
                      <a:lnTo>
                        <a:pt x="525" y="289"/>
                      </a:lnTo>
                      <a:lnTo>
                        <a:pt x="528" y="298"/>
                      </a:lnTo>
                      <a:lnTo>
                        <a:pt x="538" y="306"/>
                      </a:lnTo>
                      <a:lnTo>
                        <a:pt x="552" y="313"/>
                      </a:lnTo>
                      <a:lnTo>
                        <a:pt x="555" y="314"/>
                      </a:lnTo>
                      <a:lnTo>
                        <a:pt x="558" y="316"/>
                      </a:lnTo>
                      <a:lnTo>
                        <a:pt x="562" y="318"/>
                      </a:lnTo>
                      <a:lnTo>
                        <a:pt x="563" y="320"/>
                      </a:lnTo>
                      <a:lnTo>
                        <a:pt x="565" y="321"/>
                      </a:lnTo>
                      <a:lnTo>
                        <a:pt x="565" y="330"/>
                      </a:lnTo>
                      <a:lnTo>
                        <a:pt x="582" y="330"/>
                      </a:lnTo>
                      <a:lnTo>
                        <a:pt x="597" y="345"/>
                      </a:lnTo>
                      <a:lnTo>
                        <a:pt x="613" y="350"/>
                      </a:lnTo>
                      <a:lnTo>
                        <a:pt x="614" y="372"/>
                      </a:lnTo>
                      <a:lnTo>
                        <a:pt x="621" y="384"/>
                      </a:lnTo>
                      <a:lnTo>
                        <a:pt x="616" y="401"/>
                      </a:lnTo>
                      <a:lnTo>
                        <a:pt x="616" y="409"/>
                      </a:lnTo>
                      <a:lnTo>
                        <a:pt x="626" y="419"/>
                      </a:lnTo>
                      <a:lnTo>
                        <a:pt x="629" y="428"/>
                      </a:lnTo>
                      <a:lnTo>
                        <a:pt x="636" y="433"/>
                      </a:lnTo>
                      <a:lnTo>
                        <a:pt x="636" y="430"/>
                      </a:lnTo>
                      <a:lnTo>
                        <a:pt x="636" y="426"/>
                      </a:lnTo>
                      <a:lnTo>
                        <a:pt x="636" y="423"/>
                      </a:lnTo>
                      <a:lnTo>
                        <a:pt x="636" y="421"/>
                      </a:lnTo>
                      <a:lnTo>
                        <a:pt x="638" y="421"/>
                      </a:lnTo>
                      <a:lnTo>
                        <a:pt x="641" y="423"/>
                      </a:lnTo>
                      <a:lnTo>
                        <a:pt x="643" y="428"/>
                      </a:lnTo>
                      <a:lnTo>
                        <a:pt x="645" y="430"/>
                      </a:lnTo>
                      <a:lnTo>
                        <a:pt x="648" y="433"/>
                      </a:lnTo>
                      <a:lnTo>
                        <a:pt x="651" y="435"/>
                      </a:lnTo>
                      <a:lnTo>
                        <a:pt x="653" y="436"/>
                      </a:lnTo>
                      <a:lnTo>
                        <a:pt x="662" y="443"/>
                      </a:lnTo>
                      <a:lnTo>
                        <a:pt x="657" y="452"/>
                      </a:lnTo>
                      <a:lnTo>
                        <a:pt x="657" y="487"/>
                      </a:lnTo>
                      <a:lnTo>
                        <a:pt x="638" y="489"/>
                      </a:lnTo>
                      <a:lnTo>
                        <a:pt x="619" y="502"/>
                      </a:lnTo>
                      <a:lnTo>
                        <a:pt x="618" y="531"/>
                      </a:lnTo>
                      <a:lnTo>
                        <a:pt x="616" y="531"/>
                      </a:lnTo>
                      <a:lnTo>
                        <a:pt x="614" y="531"/>
                      </a:lnTo>
                      <a:lnTo>
                        <a:pt x="613" y="531"/>
                      </a:lnTo>
                      <a:lnTo>
                        <a:pt x="609" y="531"/>
                      </a:lnTo>
                      <a:lnTo>
                        <a:pt x="607" y="533"/>
                      </a:lnTo>
                      <a:lnTo>
                        <a:pt x="607" y="534"/>
                      </a:lnTo>
                      <a:lnTo>
                        <a:pt x="609" y="538"/>
                      </a:lnTo>
                      <a:lnTo>
                        <a:pt x="613" y="541"/>
                      </a:lnTo>
                      <a:lnTo>
                        <a:pt x="618" y="545"/>
                      </a:lnTo>
                      <a:lnTo>
                        <a:pt x="619" y="548"/>
                      </a:lnTo>
                      <a:lnTo>
                        <a:pt x="619" y="550"/>
                      </a:lnTo>
                      <a:lnTo>
                        <a:pt x="618" y="550"/>
                      </a:lnTo>
                      <a:lnTo>
                        <a:pt x="616" y="550"/>
                      </a:lnTo>
                      <a:lnTo>
                        <a:pt x="606" y="567"/>
                      </a:lnTo>
                      <a:lnTo>
                        <a:pt x="541" y="570"/>
                      </a:lnTo>
                      <a:lnTo>
                        <a:pt x="541" y="568"/>
                      </a:lnTo>
                      <a:lnTo>
                        <a:pt x="543" y="565"/>
                      </a:lnTo>
                      <a:lnTo>
                        <a:pt x="545" y="562"/>
                      </a:lnTo>
                      <a:lnTo>
                        <a:pt x="547" y="555"/>
                      </a:lnTo>
                      <a:lnTo>
                        <a:pt x="550" y="550"/>
                      </a:lnTo>
                      <a:lnTo>
                        <a:pt x="553" y="543"/>
                      </a:lnTo>
                      <a:lnTo>
                        <a:pt x="557" y="538"/>
                      </a:lnTo>
                      <a:lnTo>
                        <a:pt x="563" y="533"/>
                      </a:lnTo>
                      <a:lnTo>
                        <a:pt x="567" y="528"/>
                      </a:lnTo>
                      <a:lnTo>
                        <a:pt x="569" y="523"/>
                      </a:lnTo>
                      <a:lnTo>
                        <a:pt x="567" y="518"/>
                      </a:lnTo>
                      <a:lnTo>
                        <a:pt x="563" y="512"/>
                      </a:lnTo>
                      <a:lnTo>
                        <a:pt x="560" y="509"/>
                      </a:lnTo>
                      <a:lnTo>
                        <a:pt x="555" y="506"/>
                      </a:lnTo>
                      <a:lnTo>
                        <a:pt x="552" y="504"/>
                      </a:lnTo>
                      <a:lnTo>
                        <a:pt x="548" y="504"/>
                      </a:lnTo>
                      <a:lnTo>
                        <a:pt x="547" y="506"/>
                      </a:lnTo>
                      <a:lnTo>
                        <a:pt x="543" y="506"/>
                      </a:lnTo>
                      <a:lnTo>
                        <a:pt x="536" y="506"/>
                      </a:lnTo>
                      <a:lnTo>
                        <a:pt x="528" y="506"/>
                      </a:lnTo>
                      <a:lnTo>
                        <a:pt x="519" y="507"/>
                      </a:lnTo>
                      <a:lnTo>
                        <a:pt x="508" y="507"/>
                      </a:lnTo>
                      <a:lnTo>
                        <a:pt x="494" y="507"/>
                      </a:lnTo>
                      <a:lnTo>
                        <a:pt x="481" y="509"/>
                      </a:lnTo>
                      <a:lnTo>
                        <a:pt x="465" y="509"/>
                      </a:lnTo>
                      <a:lnTo>
                        <a:pt x="448" y="511"/>
                      </a:lnTo>
                      <a:lnTo>
                        <a:pt x="431" y="511"/>
                      </a:lnTo>
                      <a:lnTo>
                        <a:pt x="413" y="511"/>
                      </a:lnTo>
                      <a:lnTo>
                        <a:pt x="394" y="512"/>
                      </a:lnTo>
                      <a:lnTo>
                        <a:pt x="376" y="512"/>
                      </a:lnTo>
                      <a:lnTo>
                        <a:pt x="355" y="514"/>
                      </a:lnTo>
                      <a:lnTo>
                        <a:pt x="337" y="514"/>
                      </a:lnTo>
                      <a:lnTo>
                        <a:pt x="316" y="516"/>
                      </a:lnTo>
                      <a:lnTo>
                        <a:pt x="296" y="516"/>
                      </a:lnTo>
                      <a:lnTo>
                        <a:pt x="277" y="518"/>
                      </a:lnTo>
                      <a:lnTo>
                        <a:pt x="259" y="518"/>
                      </a:lnTo>
                      <a:lnTo>
                        <a:pt x="240" y="519"/>
                      </a:lnTo>
                      <a:lnTo>
                        <a:pt x="222" y="519"/>
                      </a:lnTo>
                      <a:lnTo>
                        <a:pt x="205" y="521"/>
                      </a:lnTo>
                      <a:lnTo>
                        <a:pt x="189" y="521"/>
                      </a:lnTo>
                      <a:lnTo>
                        <a:pt x="174" y="521"/>
                      </a:lnTo>
                      <a:lnTo>
                        <a:pt x="162" y="523"/>
                      </a:lnTo>
                      <a:lnTo>
                        <a:pt x="149" y="523"/>
                      </a:lnTo>
                      <a:lnTo>
                        <a:pt x="139" y="523"/>
                      </a:lnTo>
                      <a:lnTo>
                        <a:pt x="130" y="523"/>
                      </a:lnTo>
                      <a:lnTo>
                        <a:pt x="123" y="523"/>
                      </a:lnTo>
                      <a:lnTo>
                        <a:pt x="118" y="524"/>
                      </a:lnTo>
                      <a:lnTo>
                        <a:pt x="117" y="524"/>
                      </a:lnTo>
                      <a:close/>
                    </a:path>
                  </a:pathLst>
                </a:custGeom>
                <a:solidFill>
                  <a:schemeClr val="bg2">
                    <a:lumMod val="85000"/>
                  </a:schemeClr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grpSp>
              <p:nvGrpSpPr>
                <p:cNvPr id="352" name="Group 47"/>
                <p:cNvGrpSpPr>
                  <a:grpSpLocks/>
                </p:cNvGrpSpPr>
                <p:nvPr/>
              </p:nvGrpSpPr>
              <p:grpSpPr bwMode="auto">
                <a:xfrm>
                  <a:off x="4042" y="1840"/>
                  <a:ext cx="558" cy="359"/>
                  <a:chOff x="4341" y="1400"/>
                  <a:chExt cx="574" cy="370"/>
                </a:xfrm>
              </p:grpSpPr>
              <p:sp>
                <p:nvSpPr>
                  <p:cNvPr id="353" name="Freeform 48"/>
                  <p:cNvSpPr>
                    <a:spLocks/>
                  </p:cNvSpPr>
                  <p:nvPr/>
                </p:nvSpPr>
                <p:spPr bwMode="auto">
                  <a:xfrm>
                    <a:off x="4341" y="1400"/>
                    <a:ext cx="574" cy="370"/>
                  </a:xfrm>
                  <a:custGeom>
                    <a:avLst/>
                    <a:gdLst>
                      <a:gd name="T0" fmla="*/ 491 w 574"/>
                      <a:gd name="T1" fmla="*/ 287 h 370"/>
                      <a:gd name="T2" fmla="*/ 501 w 574"/>
                      <a:gd name="T3" fmla="*/ 269 h 370"/>
                      <a:gd name="T4" fmla="*/ 518 w 574"/>
                      <a:gd name="T5" fmla="*/ 265 h 370"/>
                      <a:gd name="T6" fmla="*/ 523 w 574"/>
                      <a:gd name="T7" fmla="*/ 265 h 370"/>
                      <a:gd name="T8" fmla="*/ 535 w 574"/>
                      <a:gd name="T9" fmla="*/ 257 h 370"/>
                      <a:gd name="T10" fmla="*/ 545 w 574"/>
                      <a:gd name="T11" fmla="*/ 248 h 370"/>
                      <a:gd name="T12" fmla="*/ 550 w 574"/>
                      <a:gd name="T13" fmla="*/ 238 h 370"/>
                      <a:gd name="T14" fmla="*/ 560 w 574"/>
                      <a:gd name="T15" fmla="*/ 225 h 370"/>
                      <a:gd name="T16" fmla="*/ 569 w 574"/>
                      <a:gd name="T17" fmla="*/ 218 h 370"/>
                      <a:gd name="T18" fmla="*/ 574 w 574"/>
                      <a:gd name="T19" fmla="*/ 211 h 370"/>
                      <a:gd name="T20" fmla="*/ 571 w 574"/>
                      <a:gd name="T21" fmla="*/ 204 h 370"/>
                      <a:gd name="T22" fmla="*/ 567 w 574"/>
                      <a:gd name="T23" fmla="*/ 201 h 370"/>
                      <a:gd name="T24" fmla="*/ 554 w 574"/>
                      <a:gd name="T25" fmla="*/ 189 h 370"/>
                      <a:gd name="T26" fmla="*/ 537 w 574"/>
                      <a:gd name="T27" fmla="*/ 176 h 370"/>
                      <a:gd name="T28" fmla="*/ 520 w 574"/>
                      <a:gd name="T29" fmla="*/ 162 h 370"/>
                      <a:gd name="T30" fmla="*/ 520 w 574"/>
                      <a:gd name="T31" fmla="*/ 144 h 370"/>
                      <a:gd name="T32" fmla="*/ 525 w 574"/>
                      <a:gd name="T33" fmla="*/ 135 h 370"/>
                      <a:gd name="T34" fmla="*/ 538 w 574"/>
                      <a:gd name="T35" fmla="*/ 71 h 370"/>
                      <a:gd name="T36" fmla="*/ 525 w 574"/>
                      <a:gd name="T37" fmla="*/ 56 h 370"/>
                      <a:gd name="T38" fmla="*/ 520 w 574"/>
                      <a:gd name="T39" fmla="*/ 54 h 370"/>
                      <a:gd name="T40" fmla="*/ 511 w 574"/>
                      <a:gd name="T41" fmla="*/ 44 h 370"/>
                      <a:gd name="T42" fmla="*/ 503 w 574"/>
                      <a:gd name="T43" fmla="*/ 30 h 370"/>
                      <a:gd name="T44" fmla="*/ 501 w 574"/>
                      <a:gd name="T45" fmla="*/ 22 h 370"/>
                      <a:gd name="T46" fmla="*/ 493 w 574"/>
                      <a:gd name="T47" fmla="*/ 15 h 370"/>
                      <a:gd name="T48" fmla="*/ 483 w 574"/>
                      <a:gd name="T49" fmla="*/ 12 h 370"/>
                      <a:gd name="T50" fmla="*/ 476 w 574"/>
                      <a:gd name="T51" fmla="*/ 1 h 370"/>
                      <a:gd name="T52" fmla="*/ 459 w 574"/>
                      <a:gd name="T53" fmla="*/ 0 h 370"/>
                      <a:gd name="T54" fmla="*/ 449 w 574"/>
                      <a:gd name="T55" fmla="*/ 3 h 370"/>
                      <a:gd name="T56" fmla="*/ 422 w 574"/>
                      <a:gd name="T57" fmla="*/ 8 h 370"/>
                      <a:gd name="T58" fmla="*/ 383 w 574"/>
                      <a:gd name="T59" fmla="*/ 15 h 370"/>
                      <a:gd name="T60" fmla="*/ 335 w 574"/>
                      <a:gd name="T61" fmla="*/ 25 h 370"/>
                      <a:gd name="T62" fmla="*/ 283 w 574"/>
                      <a:gd name="T63" fmla="*/ 35 h 370"/>
                      <a:gd name="T64" fmla="*/ 230 w 574"/>
                      <a:gd name="T65" fmla="*/ 45 h 370"/>
                      <a:gd name="T66" fmla="*/ 178 w 574"/>
                      <a:gd name="T67" fmla="*/ 56 h 370"/>
                      <a:gd name="T68" fmla="*/ 134 w 574"/>
                      <a:gd name="T69" fmla="*/ 64 h 370"/>
                      <a:gd name="T70" fmla="*/ 98 w 574"/>
                      <a:gd name="T71" fmla="*/ 71 h 370"/>
                      <a:gd name="T72" fmla="*/ 78 w 574"/>
                      <a:gd name="T73" fmla="*/ 74 h 370"/>
                      <a:gd name="T74" fmla="*/ 66 w 574"/>
                      <a:gd name="T75" fmla="*/ 44 h 370"/>
                      <a:gd name="T76" fmla="*/ 49 w 574"/>
                      <a:gd name="T77" fmla="*/ 56 h 370"/>
                      <a:gd name="T78" fmla="*/ 34 w 574"/>
                      <a:gd name="T79" fmla="*/ 67 h 370"/>
                      <a:gd name="T80" fmla="*/ 21 w 574"/>
                      <a:gd name="T81" fmla="*/ 78 h 370"/>
                      <a:gd name="T82" fmla="*/ 9 w 574"/>
                      <a:gd name="T83" fmla="*/ 86 h 370"/>
                      <a:gd name="T84" fmla="*/ 2 w 574"/>
                      <a:gd name="T85" fmla="*/ 91 h 370"/>
                      <a:gd name="T86" fmla="*/ 32 w 574"/>
                      <a:gd name="T87" fmla="*/ 259 h 370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w 574"/>
                      <a:gd name="T133" fmla="*/ 0 h 370"/>
                      <a:gd name="T134" fmla="*/ 574 w 574"/>
                      <a:gd name="T135" fmla="*/ 370 h 370"/>
                    </a:gdLst>
                    <a:ahLst/>
                    <a:cxnLst>
                      <a:cxn ang="T88">
                        <a:pos x="T0" y="T1"/>
                      </a:cxn>
                      <a:cxn ang="T89">
                        <a:pos x="T2" y="T3"/>
                      </a:cxn>
                      <a:cxn ang="T90">
                        <a:pos x="T4" y="T5"/>
                      </a:cxn>
                      <a:cxn ang="T91">
                        <a:pos x="T6" y="T7"/>
                      </a:cxn>
                      <a:cxn ang="T92">
                        <a:pos x="T8" y="T9"/>
                      </a:cxn>
                      <a:cxn ang="T93">
                        <a:pos x="T10" y="T11"/>
                      </a:cxn>
                      <a:cxn ang="T94">
                        <a:pos x="T12" y="T13"/>
                      </a:cxn>
                      <a:cxn ang="T95">
                        <a:pos x="T14" y="T15"/>
                      </a:cxn>
                      <a:cxn ang="T96">
                        <a:pos x="T16" y="T17"/>
                      </a:cxn>
                      <a:cxn ang="T97">
                        <a:pos x="T18" y="T19"/>
                      </a:cxn>
                      <a:cxn ang="T98">
                        <a:pos x="T20" y="T21"/>
                      </a:cxn>
                      <a:cxn ang="T99">
                        <a:pos x="T22" y="T23"/>
                      </a:cxn>
                      <a:cxn ang="T100">
                        <a:pos x="T24" y="T25"/>
                      </a:cxn>
                      <a:cxn ang="T101">
                        <a:pos x="T26" y="T27"/>
                      </a:cxn>
                      <a:cxn ang="T102">
                        <a:pos x="T28" y="T29"/>
                      </a:cxn>
                      <a:cxn ang="T103">
                        <a:pos x="T30" y="T31"/>
                      </a:cxn>
                      <a:cxn ang="T104">
                        <a:pos x="T32" y="T33"/>
                      </a:cxn>
                      <a:cxn ang="T105">
                        <a:pos x="T34" y="T35"/>
                      </a:cxn>
                      <a:cxn ang="T106">
                        <a:pos x="T36" y="T37"/>
                      </a:cxn>
                      <a:cxn ang="T107">
                        <a:pos x="T38" y="T39"/>
                      </a:cxn>
                      <a:cxn ang="T108">
                        <a:pos x="T40" y="T41"/>
                      </a:cxn>
                      <a:cxn ang="T109">
                        <a:pos x="T42" y="T43"/>
                      </a:cxn>
                      <a:cxn ang="T110">
                        <a:pos x="T44" y="T45"/>
                      </a:cxn>
                      <a:cxn ang="T111">
                        <a:pos x="T46" y="T47"/>
                      </a:cxn>
                      <a:cxn ang="T112">
                        <a:pos x="T48" y="T49"/>
                      </a:cxn>
                      <a:cxn ang="T113">
                        <a:pos x="T50" y="T51"/>
                      </a:cxn>
                      <a:cxn ang="T114">
                        <a:pos x="T52" y="T53"/>
                      </a:cxn>
                      <a:cxn ang="T115">
                        <a:pos x="T54" y="T55"/>
                      </a:cxn>
                      <a:cxn ang="T116">
                        <a:pos x="T56" y="T57"/>
                      </a:cxn>
                      <a:cxn ang="T117">
                        <a:pos x="T58" y="T59"/>
                      </a:cxn>
                      <a:cxn ang="T118">
                        <a:pos x="T60" y="T61"/>
                      </a:cxn>
                      <a:cxn ang="T119">
                        <a:pos x="T62" y="T63"/>
                      </a:cxn>
                      <a:cxn ang="T120">
                        <a:pos x="T64" y="T65"/>
                      </a:cxn>
                      <a:cxn ang="T121">
                        <a:pos x="T66" y="T67"/>
                      </a:cxn>
                      <a:cxn ang="T122">
                        <a:pos x="T68" y="T69"/>
                      </a:cxn>
                      <a:cxn ang="T123">
                        <a:pos x="T70" y="T71"/>
                      </a:cxn>
                      <a:cxn ang="T124">
                        <a:pos x="T72" y="T73"/>
                      </a:cxn>
                      <a:cxn ang="T125">
                        <a:pos x="T74" y="T75"/>
                      </a:cxn>
                      <a:cxn ang="T126">
                        <a:pos x="T76" y="T77"/>
                      </a:cxn>
                      <a:cxn ang="T127">
                        <a:pos x="T78" y="T79"/>
                      </a:cxn>
                      <a:cxn ang="T128">
                        <a:pos x="T80" y="T81"/>
                      </a:cxn>
                      <a:cxn ang="T129">
                        <a:pos x="T82" y="T83"/>
                      </a:cxn>
                      <a:cxn ang="T130">
                        <a:pos x="T84" y="T85"/>
                      </a:cxn>
                      <a:cxn ang="T131">
                        <a:pos x="T86" y="T87"/>
                      </a:cxn>
                    </a:cxnLst>
                    <a:rect l="T132" t="T133" r="T134" b="T135"/>
                    <a:pathLst>
                      <a:path w="574" h="370">
                        <a:moveTo>
                          <a:pt x="51" y="370"/>
                        </a:moveTo>
                        <a:lnTo>
                          <a:pt x="146" y="352"/>
                        </a:lnTo>
                        <a:lnTo>
                          <a:pt x="491" y="287"/>
                        </a:lnTo>
                        <a:lnTo>
                          <a:pt x="493" y="277"/>
                        </a:lnTo>
                        <a:lnTo>
                          <a:pt x="496" y="272"/>
                        </a:lnTo>
                        <a:lnTo>
                          <a:pt x="501" y="269"/>
                        </a:lnTo>
                        <a:lnTo>
                          <a:pt x="506" y="265"/>
                        </a:lnTo>
                        <a:lnTo>
                          <a:pt x="513" y="265"/>
                        </a:lnTo>
                        <a:lnTo>
                          <a:pt x="518" y="265"/>
                        </a:lnTo>
                        <a:lnTo>
                          <a:pt x="521" y="265"/>
                        </a:lnTo>
                        <a:lnTo>
                          <a:pt x="523" y="267"/>
                        </a:lnTo>
                        <a:lnTo>
                          <a:pt x="523" y="265"/>
                        </a:lnTo>
                        <a:lnTo>
                          <a:pt x="527" y="264"/>
                        </a:lnTo>
                        <a:lnTo>
                          <a:pt x="530" y="260"/>
                        </a:lnTo>
                        <a:lnTo>
                          <a:pt x="535" y="257"/>
                        </a:lnTo>
                        <a:lnTo>
                          <a:pt x="538" y="254"/>
                        </a:lnTo>
                        <a:lnTo>
                          <a:pt x="543" y="252"/>
                        </a:lnTo>
                        <a:lnTo>
                          <a:pt x="545" y="248"/>
                        </a:lnTo>
                        <a:lnTo>
                          <a:pt x="547" y="248"/>
                        </a:lnTo>
                        <a:lnTo>
                          <a:pt x="547" y="243"/>
                        </a:lnTo>
                        <a:lnTo>
                          <a:pt x="550" y="238"/>
                        </a:lnTo>
                        <a:lnTo>
                          <a:pt x="554" y="233"/>
                        </a:lnTo>
                        <a:lnTo>
                          <a:pt x="557" y="228"/>
                        </a:lnTo>
                        <a:lnTo>
                          <a:pt x="560" y="225"/>
                        </a:lnTo>
                        <a:lnTo>
                          <a:pt x="564" y="221"/>
                        </a:lnTo>
                        <a:lnTo>
                          <a:pt x="567" y="220"/>
                        </a:lnTo>
                        <a:lnTo>
                          <a:pt x="569" y="218"/>
                        </a:lnTo>
                        <a:lnTo>
                          <a:pt x="572" y="216"/>
                        </a:lnTo>
                        <a:lnTo>
                          <a:pt x="574" y="213"/>
                        </a:lnTo>
                        <a:lnTo>
                          <a:pt x="574" y="211"/>
                        </a:lnTo>
                        <a:lnTo>
                          <a:pt x="574" y="208"/>
                        </a:lnTo>
                        <a:lnTo>
                          <a:pt x="572" y="206"/>
                        </a:lnTo>
                        <a:lnTo>
                          <a:pt x="571" y="204"/>
                        </a:lnTo>
                        <a:lnTo>
                          <a:pt x="571" y="203"/>
                        </a:lnTo>
                        <a:lnTo>
                          <a:pt x="569" y="203"/>
                        </a:lnTo>
                        <a:lnTo>
                          <a:pt x="567" y="201"/>
                        </a:lnTo>
                        <a:lnTo>
                          <a:pt x="564" y="199"/>
                        </a:lnTo>
                        <a:lnTo>
                          <a:pt x="559" y="194"/>
                        </a:lnTo>
                        <a:lnTo>
                          <a:pt x="554" y="189"/>
                        </a:lnTo>
                        <a:lnTo>
                          <a:pt x="547" y="184"/>
                        </a:lnTo>
                        <a:lnTo>
                          <a:pt x="542" y="179"/>
                        </a:lnTo>
                        <a:lnTo>
                          <a:pt x="537" y="176"/>
                        </a:lnTo>
                        <a:lnTo>
                          <a:pt x="535" y="174"/>
                        </a:lnTo>
                        <a:lnTo>
                          <a:pt x="525" y="169"/>
                        </a:lnTo>
                        <a:lnTo>
                          <a:pt x="520" y="162"/>
                        </a:lnTo>
                        <a:lnTo>
                          <a:pt x="518" y="155"/>
                        </a:lnTo>
                        <a:lnTo>
                          <a:pt x="518" y="149"/>
                        </a:lnTo>
                        <a:lnTo>
                          <a:pt x="520" y="144"/>
                        </a:lnTo>
                        <a:lnTo>
                          <a:pt x="521" y="138"/>
                        </a:lnTo>
                        <a:lnTo>
                          <a:pt x="523" y="135"/>
                        </a:lnTo>
                        <a:lnTo>
                          <a:pt x="525" y="135"/>
                        </a:lnTo>
                        <a:lnTo>
                          <a:pt x="515" y="118"/>
                        </a:lnTo>
                        <a:lnTo>
                          <a:pt x="532" y="93"/>
                        </a:lnTo>
                        <a:lnTo>
                          <a:pt x="538" y="71"/>
                        </a:lnTo>
                        <a:lnTo>
                          <a:pt x="543" y="62"/>
                        </a:lnTo>
                        <a:lnTo>
                          <a:pt x="525" y="56"/>
                        </a:lnTo>
                        <a:lnTo>
                          <a:pt x="523" y="56"/>
                        </a:lnTo>
                        <a:lnTo>
                          <a:pt x="520" y="54"/>
                        </a:lnTo>
                        <a:lnTo>
                          <a:pt x="518" y="50"/>
                        </a:lnTo>
                        <a:lnTo>
                          <a:pt x="515" y="47"/>
                        </a:lnTo>
                        <a:lnTo>
                          <a:pt x="511" y="44"/>
                        </a:lnTo>
                        <a:lnTo>
                          <a:pt x="508" y="39"/>
                        </a:lnTo>
                        <a:lnTo>
                          <a:pt x="505" y="32"/>
                        </a:lnTo>
                        <a:lnTo>
                          <a:pt x="503" y="30"/>
                        </a:lnTo>
                        <a:lnTo>
                          <a:pt x="503" y="28"/>
                        </a:lnTo>
                        <a:lnTo>
                          <a:pt x="503" y="25"/>
                        </a:lnTo>
                        <a:lnTo>
                          <a:pt x="501" y="22"/>
                        </a:lnTo>
                        <a:lnTo>
                          <a:pt x="499" y="20"/>
                        </a:lnTo>
                        <a:lnTo>
                          <a:pt x="496" y="17"/>
                        </a:lnTo>
                        <a:lnTo>
                          <a:pt x="493" y="15"/>
                        </a:lnTo>
                        <a:lnTo>
                          <a:pt x="486" y="15"/>
                        </a:lnTo>
                        <a:lnTo>
                          <a:pt x="484" y="13"/>
                        </a:lnTo>
                        <a:lnTo>
                          <a:pt x="483" y="12"/>
                        </a:lnTo>
                        <a:lnTo>
                          <a:pt x="481" y="8"/>
                        </a:lnTo>
                        <a:lnTo>
                          <a:pt x="479" y="5"/>
                        </a:lnTo>
                        <a:lnTo>
                          <a:pt x="476" y="1"/>
                        </a:lnTo>
                        <a:lnTo>
                          <a:pt x="471" y="0"/>
                        </a:lnTo>
                        <a:lnTo>
                          <a:pt x="466" y="0"/>
                        </a:lnTo>
                        <a:lnTo>
                          <a:pt x="459" y="0"/>
                        </a:lnTo>
                        <a:lnTo>
                          <a:pt x="457" y="0"/>
                        </a:lnTo>
                        <a:lnTo>
                          <a:pt x="454" y="1"/>
                        </a:lnTo>
                        <a:lnTo>
                          <a:pt x="449" y="3"/>
                        </a:lnTo>
                        <a:lnTo>
                          <a:pt x="442" y="3"/>
                        </a:lnTo>
                        <a:lnTo>
                          <a:pt x="432" y="5"/>
                        </a:lnTo>
                        <a:lnTo>
                          <a:pt x="422" y="8"/>
                        </a:lnTo>
                        <a:lnTo>
                          <a:pt x="410" y="10"/>
                        </a:lnTo>
                        <a:lnTo>
                          <a:pt x="398" y="12"/>
                        </a:lnTo>
                        <a:lnTo>
                          <a:pt x="383" y="15"/>
                        </a:lnTo>
                        <a:lnTo>
                          <a:pt x="367" y="18"/>
                        </a:lnTo>
                        <a:lnTo>
                          <a:pt x="352" y="22"/>
                        </a:lnTo>
                        <a:lnTo>
                          <a:pt x="335" y="25"/>
                        </a:lnTo>
                        <a:lnTo>
                          <a:pt x="318" y="28"/>
                        </a:lnTo>
                        <a:lnTo>
                          <a:pt x="301" y="32"/>
                        </a:lnTo>
                        <a:lnTo>
                          <a:pt x="283" y="35"/>
                        </a:lnTo>
                        <a:lnTo>
                          <a:pt x="266" y="39"/>
                        </a:lnTo>
                        <a:lnTo>
                          <a:pt x="247" y="42"/>
                        </a:lnTo>
                        <a:lnTo>
                          <a:pt x="230" y="45"/>
                        </a:lnTo>
                        <a:lnTo>
                          <a:pt x="212" y="49"/>
                        </a:lnTo>
                        <a:lnTo>
                          <a:pt x="195" y="52"/>
                        </a:lnTo>
                        <a:lnTo>
                          <a:pt x="178" y="56"/>
                        </a:lnTo>
                        <a:lnTo>
                          <a:pt x="163" y="59"/>
                        </a:lnTo>
                        <a:lnTo>
                          <a:pt x="147" y="61"/>
                        </a:lnTo>
                        <a:lnTo>
                          <a:pt x="134" y="64"/>
                        </a:lnTo>
                        <a:lnTo>
                          <a:pt x="120" y="66"/>
                        </a:lnTo>
                        <a:lnTo>
                          <a:pt x="109" y="69"/>
                        </a:lnTo>
                        <a:lnTo>
                          <a:pt x="98" y="71"/>
                        </a:lnTo>
                        <a:lnTo>
                          <a:pt x="90" y="72"/>
                        </a:lnTo>
                        <a:lnTo>
                          <a:pt x="83" y="74"/>
                        </a:lnTo>
                        <a:lnTo>
                          <a:pt x="78" y="74"/>
                        </a:lnTo>
                        <a:lnTo>
                          <a:pt x="75" y="74"/>
                        </a:lnTo>
                        <a:lnTo>
                          <a:pt x="75" y="76"/>
                        </a:lnTo>
                        <a:lnTo>
                          <a:pt x="66" y="44"/>
                        </a:lnTo>
                        <a:lnTo>
                          <a:pt x="61" y="47"/>
                        </a:lnTo>
                        <a:lnTo>
                          <a:pt x="56" y="52"/>
                        </a:lnTo>
                        <a:lnTo>
                          <a:pt x="49" y="56"/>
                        </a:lnTo>
                        <a:lnTo>
                          <a:pt x="44" y="59"/>
                        </a:lnTo>
                        <a:lnTo>
                          <a:pt x="39" y="64"/>
                        </a:lnTo>
                        <a:lnTo>
                          <a:pt x="34" y="67"/>
                        </a:lnTo>
                        <a:lnTo>
                          <a:pt x="29" y="71"/>
                        </a:lnTo>
                        <a:lnTo>
                          <a:pt x="26" y="74"/>
                        </a:lnTo>
                        <a:lnTo>
                          <a:pt x="21" y="78"/>
                        </a:lnTo>
                        <a:lnTo>
                          <a:pt x="15" y="81"/>
                        </a:lnTo>
                        <a:lnTo>
                          <a:pt x="12" y="84"/>
                        </a:lnTo>
                        <a:lnTo>
                          <a:pt x="9" y="86"/>
                        </a:lnTo>
                        <a:lnTo>
                          <a:pt x="7" y="89"/>
                        </a:lnTo>
                        <a:lnTo>
                          <a:pt x="4" y="91"/>
                        </a:lnTo>
                        <a:lnTo>
                          <a:pt x="2" y="91"/>
                        </a:lnTo>
                        <a:lnTo>
                          <a:pt x="2" y="93"/>
                        </a:lnTo>
                        <a:lnTo>
                          <a:pt x="0" y="93"/>
                        </a:lnTo>
                        <a:lnTo>
                          <a:pt x="32" y="259"/>
                        </a:lnTo>
                        <a:lnTo>
                          <a:pt x="51" y="370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354" name="Freeform 49"/>
                  <p:cNvSpPr>
                    <a:spLocks/>
                  </p:cNvSpPr>
                  <p:nvPr/>
                </p:nvSpPr>
                <p:spPr bwMode="auto">
                  <a:xfrm>
                    <a:off x="4341" y="1400"/>
                    <a:ext cx="574" cy="370"/>
                  </a:xfrm>
                  <a:custGeom>
                    <a:avLst/>
                    <a:gdLst>
                      <a:gd name="T0" fmla="*/ 491 w 574"/>
                      <a:gd name="T1" fmla="*/ 287 h 370"/>
                      <a:gd name="T2" fmla="*/ 496 w 574"/>
                      <a:gd name="T3" fmla="*/ 272 h 370"/>
                      <a:gd name="T4" fmla="*/ 513 w 574"/>
                      <a:gd name="T5" fmla="*/ 265 h 370"/>
                      <a:gd name="T6" fmla="*/ 523 w 574"/>
                      <a:gd name="T7" fmla="*/ 267 h 370"/>
                      <a:gd name="T8" fmla="*/ 527 w 574"/>
                      <a:gd name="T9" fmla="*/ 264 h 370"/>
                      <a:gd name="T10" fmla="*/ 538 w 574"/>
                      <a:gd name="T11" fmla="*/ 254 h 370"/>
                      <a:gd name="T12" fmla="*/ 547 w 574"/>
                      <a:gd name="T13" fmla="*/ 248 h 370"/>
                      <a:gd name="T14" fmla="*/ 550 w 574"/>
                      <a:gd name="T15" fmla="*/ 238 h 370"/>
                      <a:gd name="T16" fmla="*/ 560 w 574"/>
                      <a:gd name="T17" fmla="*/ 225 h 370"/>
                      <a:gd name="T18" fmla="*/ 569 w 574"/>
                      <a:gd name="T19" fmla="*/ 218 h 370"/>
                      <a:gd name="T20" fmla="*/ 574 w 574"/>
                      <a:gd name="T21" fmla="*/ 213 h 370"/>
                      <a:gd name="T22" fmla="*/ 572 w 574"/>
                      <a:gd name="T23" fmla="*/ 206 h 370"/>
                      <a:gd name="T24" fmla="*/ 569 w 574"/>
                      <a:gd name="T25" fmla="*/ 203 h 370"/>
                      <a:gd name="T26" fmla="*/ 564 w 574"/>
                      <a:gd name="T27" fmla="*/ 199 h 370"/>
                      <a:gd name="T28" fmla="*/ 547 w 574"/>
                      <a:gd name="T29" fmla="*/ 184 h 370"/>
                      <a:gd name="T30" fmla="*/ 535 w 574"/>
                      <a:gd name="T31" fmla="*/ 174 h 370"/>
                      <a:gd name="T32" fmla="*/ 520 w 574"/>
                      <a:gd name="T33" fmla="*/ 162 h 370"/>
                      <a:gd name="T34" fmla="*/ 520 w 574"/>
                      <a:gd name="T35" fmla="*/ 144 h 370"/>
                      <a:gd name="T36" fmla="*/ 525 w 574"/>
                      <a:gd name="T37" fmla="*/ 135 h 370"/>
                      <a:gd name="T38" fmla="*/ 538 w 574"/>
                      <a:gd name="T39" fmla="*/ 71 h 370"/>
                      <a:gd name="T40" fmla="*/ 525 w 574"/>
                      <a:gd name="T41" fmla="*/ 56 h 370"/>
                      <a:gd name="T42" fmla="*/ 523 w 574"/>
                      <a:gd name="T43" fmla="*/ 56 h 370"/>
                      <a:gd name="T44" fmla="*/ 515 w 574"/>
                      <a:gd name="T45" fmla="*/ 47 h 370"/>
                      <a:gd name="T46" fmla="*/ 505 w 574"/>
                      <a:gd name="T47" fmla="*/ 32 h 370"/>
                      <a:gd name="T48" fmla="*/ 503 w 574"/>
                      <a:gd name="T49" fmla="*/ 28 h 370"/>
                      <a:gd name="T50" fmla="*/ 499 w 574"/>
                      <a:gd name="T51" fmla="*/ 20 h 370"/>
                      <a:gd name="T52" fmla="*/ 486 w 574"/>
                      <a:gd name="T53" fmla="*/ 15 h 370"/>
                      <a:gd name="T54" fmla="*/ 483 w 574"/>
                      <a:gd name="T55" fmla="*/ 12 h 370"/>
                      <a:gd name="T56" fmla="*/ 476 w 574"/>
                      <a:gd name="T57" fmla="*/ 1 h 370"/>
                      <a:gd name="T58" fmla="*/ 459 w 574"/>
                      <a:gd name="T59" fmla="*/ 0 h 370"/>
                      <a:gd name="T60" fmla="*/ 454 w 574"/>
                      <a:gd name="T61" fmla="*/ 1 h 370"/>
                      <a:gd name="T62" fmla="*/ 432 w 574"/>
                      <a:gd name="T63" fmla="*/ 5 h 370"/>
                      <a:gd name="T64" fmla="*/ 398 w 574"/>
                      <a:gd name="T65" fmla="*/ 12 h 370"/>
                      <a:gd name="T66" fmla="*/ 352 w 574"/>
                      <a:gd name="T67" fmla="*/ 22 h 370"/>
                      <a:gd name="T68" fmla="*/ 301 w 574"/>
                      <a:gd name="T69" fmla="*/ 32 h 370"/>
                      <a:gd name="T70" fmla="*/ 247 w 574"/>
                      <a:gd name="T71" fmla="*/ 42 h 370"/>
                      <a:gd name="T72" fmla="*/ 195 w 574"/>
                      <a:gd name="T73" fmla="*/ 52 h 370"/>
                      <a:gd name="T74" fmla="*/ 147 w 574"/>
                      <a:gd name="T75" fmla="*/ 61 h 370"/>
                      <a:gd name="T76" fmla="*/ 109 w 574"/>
                      <a:gd name="T77" fmla="*/ 69 h 370"/>
                      <a:gd name="T78" fmla="*/ 83 w 574"/>
                      <a:gd name="T79" fmla="*/ 74 h 370"/>
                      <a:gd name="T80" fmla="*/ 75 w 574"/>
                      <a:gd name="T81" fmla="*/ 76 h 370"/>
                      <a:gd name="T82" fmla="*/ 61 w 574"/>
                      <a:gd name="T83" fmla="*/ 47 h 370"/>
                      <a:gd name="T84" fmla="*/ 44 w 574"/>
                      <a:gd name="T85" fmla="*/ 59 h 370"/>
                      <a:gd name="T86" fmla="*/ 29 w 574"/>
                      <a:gd name="T87" fmla="*/ 71 h 370"/>
                      <a:gd name="T88" fmla="*/ 15 w 574"/>
                      <a:gd name="T89" fmla="*/ 81 h 370"/>
                      <a:gd name="T90" fmla="*/ 7 w 574"/>
                      <a:gd name="T91" fmla="*/ 89 h 370"/>
                      <a:gd name="T92" fmla="*/ 2 w 574"/>
                      <a:gd name="T93" fmla="*/ 93 h 370"/>
                      <a:gd name="T94" fmla="*/ 51 w 574"/>
                      <a:gd name="T95" fmla="*/ 370 h 370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w 574"/>
                      <a:gd name="T145" fmla="*/ 0 h 370"/>
                      <a:gd name="T146" fmla="*/ 574 w 574"/>
                      <a:gd name="T147" fmla="*/ 370 h 370"/>
                    </a:gdLst>
                    <a:ahLst/>
                    <a:cxnLst>
                      <a:cxn ang="T96">
                        <a:pos x="T0" y="T1"/>
                      </a:cxn>
                      <a:cxn ang="T97">
                        <a:pos x="T2" y="T3"/>
                      </a:cxn>
                      <a:cxn ang="T98">
                        <a:pos x="T4" y="T5"/>
                      </a:cxn>
                      <a:cxn ang="T99">
                        <a:pos x="T6" y="T7"/>
                      </a:cxn>
                      <a:cxn ang="T100">
                        <a:pos x="T8" y="T9"/>
                      </a:cxn>
                      <a:cxn ang="T101">
                        <a:pos x="T10" y="T11"/>
                      </a:cxn>
                      <a:cxn ang="T102">
                        <a:pos x="T12" y="T13"/>
                      </a:cxn>
                      <a:cxn ang="T103">
                        <a:pos x="T14" y="T15"/>
                      </a:cxn>
                      <a:cxn ang="T104">
                        <a:pos x="T16" y="T17"/>
                      </a:cxn>
                      <a:cxn ang="T105">
                        <a:pos x="T18" y="T19"/>
                      </a:cxn>
                      <a:cxn ang="T106">
                        <a:pos x="T20" y="T21"/>
                      </a:cxn>
                      <a:cxn ang="T107">
                        <a:pos x="T22" y="T23"/>
                      </a:cxn>
                      <a:cxn ang="T108">
                        <a:pos x="T24" y="T25"/>
                      </a:cxn>
                      <a:cxn ang="T109">
                        <a:pos x="T26" y="T27"/>
                      </a:cxn>
                      <a:cxn ang="T110">
                        <a:pos x="T28" y="T29"/>
                      </a:cxn>
                      <a:cxn ang="T111">
                        <a:pos x="T30" y="T31"/>
                      </a:cxn>
                      <a:cxn ang="T112">
                        <a:pos x="T32" y="T33"/>
                      </a:cxn>
                      <a:cxn ang="T113">
                        <a:pos x="T34" y="T35"/>
                      </a:cxn>
                      <a:cxn ang="T114">
                        <a:pos x="T36" y="T37"/>
                      </a:cxn>
                      <a:cxn ang="T115">
                        <a:pos x="T38" y="T39"/>
                      </a:cxn>
                      <a:cxn ang="T116">
                        <a:pos x="T40" y="T41"/>
                      </a:cxn>
                      <a:cxn ang="T117">
                        <a:pos x="T42" y="T43"/>
                      </a:cxn>
                      <a:cxn ang="T118">
                        <a:pos x="T44" y="T45"/>
                      </a:cxn>
                      <a:cxn ang="T119">
                        <a:pos x="T46" y="T47"/>
                      </a:cxn>
                      <a:cxn ang="T120">
                        <a:pos x="T48" y="T49"/>
                      </a:cxn>
                      <a:cxn ang="T121">
                        <a:pos x="T50" y="T51"/>
                      </a:cxn>
                      <a:cxn ang="T122">
                        <a:pos x="T52" y="T53"/>
                      </a:cxn>
                      <a:cxn ang="T123">
                        <a:pos x="T54" y="T55"/>
                      </a:cxn>
                      <a:cxn ang="T124">
                        <a:pos x="T56" y="T57"/>
                      </a:cxn>
                      <a:cxn ang="T125">
                        <a:pos x="T58" y="T59"/>
                      </a:cxn>
                      <a:cxn ang="T126">
                        <a:pos x="T60" y="T61"/>
                      </a:cxn>
                      <a:cxn ang="T127">
                        <a:pos x="T62" y="T63"/>
                      </a:cxn>
                      <a:cxn ang="T128">
                        <a:pos x="T64" y="T65"/>
                      </a:cxn>
                      <a:cxn ang="T129">
                        <a:pos x="T66" y="T67"/>
                      </a:cxn>
                      <a:cxn ang="T130">
                        <a:pos x="T68" y="T69"/>
                      </a:cxn>
                      <a:cxn ang="T131">
                        <a:pos x="T70" y="T71"/>
                      </a:cxn>
                      <a:cxn ang="T132">
                        <a:pos x="T72" y="T73"/>
                      </a:cxn>
                      <a:cxn ang="T133">
                        <a:pos x="T74" y="T75"/>
                      </a:cxn>
                      <a:cxn ang="T134">
                        <a:pos x="T76" y="T77"/>
                      </a:cxn>
                      <a:cxn ang="T135">
                        <a:pos x="T78" y="T79"/>
                      </a:cxn>
                      <a:cxn ang="T136">
                        <a:pos x="T80" y="T81"/>
                      </a:cxn>
                      <a:cxn ang="T137">
                        <a:pos x="T82" y="T83"/>
                      </a:cxn>
                      <a:cxn ang="T138">
                        <a:pos x="T84" y="T85"/>
                      </a:cxn>
                      <a:cxn ang="T139">
                        <a:pos x="T86" y="T87"/>
                      </a:cxn>
                      <a:cxn ang="T140">
                        <a:pos x="T88" y="T89"/>
                      </a:cxn>
                      <a:cxn ang="T141">
                        <a:pos x="T90" y="T91"/>
                      </a:cxn>
                      <a:cxn ang="T142">
                        <a:pos x="T92" y="T93"/>
                      </a:cxn>
                      <a:cxn ang="T143">
                        <a:pos x="T94" y="T95"/>
                      </a:cxn>
                    </a:cxnLst>
                    <a:rect l="T144" t="T145" r="T146" b="T147"/>
                    <a:pathLst>
                      <a:path w="574" h="370">
                        <a:moveTo>
                          <a:pt x="51" y="370"/>
                        </a:moveTo>
                        <a:lnTo>
                          <a:pt x="146" y="352"/>
                        </a:lnTo>
                        <a:lnTo>
                          <a:pt x="491" y="287"/>
                        </a:lnTo>
                        <a:lnTo>
                          <a:pt x="493" y="277"/>
                        </a:lnTo>
                        <a:lnTo>
                          <a:pt x="496" y="272"/>
                        </a:lnTo>
                        <a:lnTo>
                          <a:pt x="501" y="269"/>
                        </a:lnTo>
                        <a:lnTo>
                          <a:pt x="506" y="265"/>
                        </a:lnTo>
                        <a:lnTo>
                          <a:pt x="513" y="265"/>
                        </a:lnTo>
                        <a:lnTo>
                          <a:pt x="518" y="265"/>
                        </a:lnTo>
                        <a:lnTo>
                          <a:pt x="521" y="265"/>
                        </a:lnTo>
                        <a:lnTo>
                          <a:pt x="523" y="267"/>
                        </a:lnTo>
                        <a:lnTo>
                          <a:pt x="523" y="265"/>
                        </a:lnTo>
                        <a:lnTo>
                          <a:pt x="527" y="264"/>
                        </a:lnTo>
                        <a:lnTo>
                          <a:pt x="530" y="260"/>
                        </a:lnTo>
                        <a:lnTo>
                          <a:pt x="535" y="257"/>
                        </a:lnTo>
                        <a:lnTo>
                          <a:pt x="538" y="254"/>
                        </a:lnTo>
                        <a:lnTo>
                          <a:pt x="543" y="252"/>
                        </a:lnTo>
                        <a:lnTo>
                          <a:pt x="545" y="248"/>
                        </a:lnTo>
                        <a:lnTo>
                          <a:pt x="547" y="248"/>
                        </a:lnTo>
                        <a:lnTo>
                          <a:pt x="547" y="243"/>
                        </a:lnTo>
                        <a:lnTo>
                          <a:pt x="550" y="238"/>
                        </a:lnTo>
                        <a:lnTo>
                          <a:pt x="554" y="233"/>
                        </a:lnTo>
                        <a:lnTo>
                          <a:pt x="557" y="228"/>
                        </a:lnTo>
                        <a:lnTo>
                          <a:pt x="560" y="225"/>
                        </a:lnTo>
                        <a:lnTo>
                          <a:pt x="564" y="221"/>
                        </a:lnTo>
                        <a:lnTo>
                          <a:pt x="567" y="220"/>
                        </a:lnTo>
                        <a:lnTo>
                          <a:pt x="569" y="218"/>
                        </a:lnTo>
                        <a:lnTo>
                          <a:pt x="572" y="216"/>
                        </a:lnTo>
                        <a:lnTo>
                          <a:pt x="574" y="213"/>
                        </a:lnTo>
                        <a:lnTo>
                          <a:pt x="574" y="211"/>
                        </a:lnTo>
                        <a:lnTo>
                          <a:pt x="574" y="208"/>
                        </a:lnTo>
                        <a:lnTo>
                          <a:pt x="572" y="206"/>
                        </a:lnTo>
                        <a:lnTo>
                          <a:pt x="571" y="204"/>
                        </a:lnTo>
                        <a:lnTo>
                          <a:pt x="571" y="203"/>
                        </a:lnTo>
                        <a:lnTo>
                          <a:pt x="569" y="203"/>
                        </a:lnTo>
                        <a:lnTo>
                          <a:pt x="567" y="201"/>
                        </a:lnTo>
                        <a:lnTo>
                          <a:pt x="564" y="199"/>
                        </a:lnTo>
                        <a:lnTo>
                          <a:pt x="559" y="194"/>
                        </a:lnTo>
                        <a:lnTo>
                          <a:pt x="554" y="189"/>
                        </a:lnTo>
                        <a:lnTo>
                          <a:pt x="547" y="184"/>
                        </a:lnTo>
                        <a:lnTo>
                          <a:pt x="542" y="179"/>
                        </a:lnTo>
                        <a:lnTo>
                          <a:pt x="537" y="176"/>
                        </a:lnTo>
                        <a:lnTo>
                          <a:pt x="535" y="174"/>
                        </a:lnTo>
                        <a:lnTo>
                          <a:pt x="525" y="169"/>
                        </a:lnTo>
                        <a:lnTo>
                          <a:pt x="520" y="162"/>
                        </a:lnTo>
                        <a:lnTo>
                          <a:pt x="518" y="155"/>
                        </a:lnTo>
                        <a:lnTo>
                          <a:pt x="518" y="149"/>
                        </a:lnTo>
                        <a:lnTo>
                          <a:pt x="520" y="144"/>
                        </a:lnTo>
                        <a:lnTo>
                          <a:pt x="521" y="138"/>
                        </a:lnTo>
                        <a:lnTo>
                          <a:pt x="523" y="135"/>
                        </a:lnTo>
                        <a:lnTo>
                          <a:pt x="525" y="135"/>
                        </a:lnTo>
                        <a:lnTo>
                          <a:pt x="515" y="118"/>
                        </a:lnTo>
                        <a:lnTo>
                          <a:pt x="532" y="93"/>
                        </a:lnTo>
                        <a:lnTo>
                          <a:pt x="538" y="71"/>
                        </a:lnTo>
                        <a:lnTo>
                          <a:pt x="543" y="62"/>
                        </a:lnTo>
                        <a:lnTo>
                          <a:pt x="525" y="56"/>
                        </a:lnTo>
                        <a:lnTo>
                          <a:pt x="523" y="56"/>
                        </a:lnTo>
                        <a:lnTo>
                          <a:pt x="520" y="54"/>
                        </a:lnTo>
                        <a:lnTo>
                          <a:pt x="518" y="50"/>
                        </a:lnTo>
                        <a:lnTo>
                          <a:pt x="515" y="47"/>
                        </a:lnTo>
                        <a:lnTo>
                          <a:pt x="511" y="44"/>
                        </a:lnTo>
                        <a:lnTo>
                          <a:pt x="508" y="39"/>
                        </a:lnTo>
                        <a:lnTo>
                          <a:pt x="505" y="32"/>
                        </a:lnTo>
                        <a:lnTo>
                          <a:pt x="503" y="30"/>
                        </a:lnTo>
                        <a:lnTo>
                          <a:pt x="503" y="28"/>
                        </a:lnTo>
                        <a:lnTo>
                          <a:pt x="503" y="25"/>
                        </a:lnTo>
                        <a:lnTo>
                          <a:pt x="501" y="22"/>
                        </a:lnTo>
                        <a:lnTo>
                          <a:pt x="499" y="20"/>
                        </a:lnTo>
                        <a:lnTo>
                          <a:pt x="496" y="17"/>
                        </a:lnTo>
                        <a:lnTo>
                          <a:pt x="493" y="15"/>
                        </a:lnTo>
                        <a:lnTo>
                          <a:pt x="486" y="15"/>
                        </a:lnTo>
                        <a:lnTo>
                          <a:pt x="484" y="13"/>
                        </a:lnTo>
                        <a:lnTo>
                          <a:pt x="483" y="12"/>
                        </a:lnTo>
                        <a:lnTo>
                          <a:pt x="481" y="8"/>
                        </a:lnTo>
                        <a:lnTo>
                          <a:pt x="479" y="5"/>
                        </a:lnTo>
                        <a:lnTo>
                          <a:pt x="476" y="1"/>
                        </a:lnTo>
                        <a:lnTo>
                          <a:pt x="471" y="0"/>
                        </a:lnTo>
                        <a:lnTo>
                          <a:pt x="466" y="0"/>
                        </a:lnTo>
                        <a:lnTo>
                          <a:pt x="459" y="0"/>
                        </a:lnTo>
                        <a:lnTo>
                          <a:pt x="457" y="0"/>
                        </a:lnTo>
                        <a:lnTo>
                          <a:pt x="454" y="1"/>
                        </a:lnTo>
                        <a:lnTo>
                          <a:pt x="449" y="3"/>
                        </a:lnTo>
                        <a:lnTo>
                          <a:pt x="442" y="3"/>
                        </a:lnTo>
                        <a:lnTo>
                          <a:pt x="432" y="5"/>
                        </a:lnTo>
                        <a:lnTo>
                          <a:pt x="422" y="8"/>
                        </a:lnTo>
                        <a:lnTo>
                          <a:pt x="410" y="10"/>
                        </a:lnTo>
                        <a:lnTo>
                          <a:pt x="398" y="12"/>
                        </a:lnTo>
                        <a:lnTo>
                          <a:pt x="383" y="15"/>
                        </a:lnTo>
                        <a:lnTo>
                          <a:pt x="367" y="18"/>
                        </a:lnTo>
                        <a:lnTo>
                          <a:pt x="352" y="22"/>
                        </a:lnTo>
                        <a:lnTo>
                          <a:pt x="335" y="25"/>
                        </a:lnTo>
                        <a:lnTo>
                          <a:pt x="318" y="28"/>
                        </a:lnTo>
                        <a:lnTo>
                          <a:pt x="301" y="32"/>
                        </a:lnTo>
                        <a:lnTo>
                          <a:pt x="283" y="35"/>
                        </a:lnTo>
                        <a:lnTo>
                          <a:pt x="266" y="39"/>
                        </a:lnTo>
                        <a:lnTo>
                          <a:pt x="247" y="42"/>
                        </a:lnTo>
                        <a:lnTo>
                          <a:pt x="230" y="45"/>
                        </a:lnTo>
                        <a:lnTo>
                          <a:pt x="212" y="49"/>
                        </a:lnTo>
                        <a:lnTo>
                          <a:pt x="195" y="52"/>
                        </a:lnTo>
                        <a:lnTo>
                          <a:pt x="178" y="56"/>
                        </a:lnTo>
                        <a:lnTo>
                          <a:pt x="163" y="59"/>
                        </a:lnTo>
                        <a:lnTo>
                          <a:pt x="147" y="61"/>
                        </a:lnTo>
                        <a:lnTo>
                          <a:pt x="134" y="64"/>
                        </a:lnTo>
                        <a:lnTo>
                          <a:pt x="120" y="66"/>
                        </a:lnTo>
                        <a:lnTo>
                          <a:pt x="109" y="69"/>
                        </a:lnTo>
                        <a:lnTo>
                          <a:pt x="98" y="71"/>
                        </a:lnTo>
                        <a:lnTo>
                          <a:pt x="90" y="72"/>
                        </a:lnTo>
                        <a:lnTo>
                          <a:pt x="83" y="74"/>
                        </a:lnTo>
                        <a:lnTo>
                          <a:pt x="78" y="74"/>
                        </a:lnTo>
                        <a:lnTo>
                          <a:pt x="75" y="74"/>
                        </a:lnTo>
                        <a:lnTo>
                          <a:pt x="75" y="76"/>
                        </a:lnTo>
                        <a:lnTo>
                          <a:pt x="66" y="44"/>
                        </a:lnTo>
                        <a:lnTo>
                          <a:pt x="61" y="47"/>
                        </a:lnTo>
                        <a:lnTo>
                          <a:pt x="56" y="52"/>
                        </a:lnTo>
                        <a:lnTo>
                          <a:pt x="49" y="56"/>
                        </a:lnTo>
                        <a:lnTo>
                          <a:pt x="44" y="59"/>
                        </a:lnTo>
                        <a:lnTo>
                          <a:pt x="39" y="64"/>
                        </a:lnTo>
                        <a:lnTo>
                          <a:pt x="34" y="67"/>
                        </a:lnTo>
                        <a:lnTo>
                          <a:pt x="29" y="71"/>
                        </a:lnTo>
                        <a:lnTo>
                          <a:pt x="26" y="74"/>
                        </a:lnTo>
                        <a:lnTo>
                          <a:pt x="21" y="78"/>
                        </a:lnTo>
                        <a:lnTo>
                          <a:pt x="15" y="81"/>
                        </a:lnTo>
                        <a:lnTo>
                          <a:pt x="12" y="84"/>
                        </a:lnTo>
                        <a:lnTo>
                          <a:pt x="9" y="86"/>
                        </a:lnTo>
                        <a:lnTo>
                          <a:pt x="7" y="89"/>
                        </a:lnTo>
                        <a:lnTo>
                          <a:pt x="4" y="91"/>
                        </a:lnTo>
                        <a:lnTo>
                          <a:pt x="2" y="91"/>
                        </a:lnTo>
                        <a:lnTo>
                          <a:pt x="2" y="93"/>
                        </a:lnTo>
                        <a:lnTo>
                          <a:pt x="0" y="93"/>
                        </a:lnTo>
                        <a:lnTo>
                          <a:pt x="32" y="259"/>
                        </a:lnTo>
                        <a:lnTo>
                          <a:pt x="51" y="370"/>
                        </a:lnTo>
                      </a:path>
                    </a:pathLst>
                  </a:custGeom>
                  <a:solidFill>
                    <a:schemeClr val="bg2">
                      <a:lumMod val="85000"/>
                    </a:schemeClr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</p:grpSp>
          </p:grpSp>
          <p:sp>
            <p:nvSpPr>
              <p:cNvPr id="208" name="Freeform 50"/>
              <p:cNvSpPr>
                <a:spLocks/>
              </p:cNvSpPr>
              <p:nvPr/>
            </p:nvSpPr>
            <p:spPr bwMode="auto">
              <a:xfrm>
                <a:off x="4658" y="1344"/>
                <a:ext cx="160" cy="309"/>
              </a:xfrm>
              <a:custGeom>
                <a:avLst/>
                <a:gdLst>
                  <a:gd name="T0" fmla="*/ 47 w 165"/>
                  <a:gd name="T1" fmla="*/ 211 h 318"/>
                  <a:gd name="T2" fmla="*/ 44 w 165"/>
                  <a:gd name="T3" fmla="*/ 199 h 318"/>
                  <a:gd name="T4" fmla="*/ 42 w 165"/>
                  <a:gd name="T5" fmla="*/ 183 h 318"/>
                  <a:gd name="T6" fmla="*/ 39 w 165"/>
                  <a:gd name="T7" fmla="*/ 167 h 318"/>
                  <a:gd name="T8" fmla="*/ 38 w 165"/>
                  <a:gd name="T9" fmla="*/ 154 h 318"/>
                  <a:gd name="T10" fmla="*/ 35 w 165"/>
                  <a:gd name="T11" fmla="*/ 145 h 318"/>
                  <a:gd name="T12" fmla="*/ 29 w 165"/>
                  <a:gd name="T13" fmla="*/ 141 h 318"/>
                  <a:gd name="T14" fmla="*/ 24 w 165"/>
                  <a:gd name="T15" fmla="*/ 145 h 318"/>
                  <a:gd name="T16" fmla="*/ 16 w 165"/>
                  <a:gd name="T17" fmla="*/ 111 h 318"/>
                  <a:gd name="T18" fmla="*/ 0 w 165"/>
                  <a:gd name="T19" fmla="*/ 26 h 318"/>
                  <a:gd name="T20" fmla="*/ 103 w 165"/>
                  <a:gd name="T21" fmla="*/ 10 h 318"/>
                  <a:gd name="T22" fmla="*/ 103 w 165"/>
                  <a:gd name="T23" fmla="*/ 15 h 318"/>
                  <a:gd name="T24" fmla="*/ 103 w 165"/>
                  <a:gd name="T25" fmla="*/ 17 h 318"/>
                  <a:gd name="T26" fmla="*/ 100 w 165"/>
                  <a:gd name="T27" fmla="*/ 21 h 318"/>
                  <a:gd name="T28" fmla="*/ 103 w 165"/>
                  <a:gd name="T29" fmla="*/ 26 h 318"/>
                  <a:gd name="T30" fmla="*/ 106 w 165"/>
                  <a:gd name="T31" fmla="*/ 37 h 318"/>
                  <a:gd name="T32" fmla="*/ 107 w 165"/>
                  <a:gd name="T33" fmla="*/ 43 h 318"/>
                  <a:gd name="T34" fmla="*/ 103 w 165"/>
                  <a:gd name="T35" fmla="*/ 51 h 318"/>
                  <a:gd name="T36" fmla="*/ 94 w 165"/>
                  <a:gd name="T37" fmla="*/ 63 h 318"/>
                  <a:gd name="T38" fmla="*/ 94 w 165"/>
                  <a:gd name="T39" fmla="*/ 64 h 318"/>
                  <a:gd name="T40" fmla="*/ 88 w 165"/>
                  <a:gd name="T41" fmla="*/ 68 h 318"/>
                  <a:gd name="T42" fmla="*/ 89 w 165"/>
                  <a:gd name="T43" fmla="*/ 73 h 318"/>
                  <a:gd name="T44" fmla="*/ 89 w 165"/>
                  <a:gd name="T45" fmla="*/ 83 h 318"/>
                  <a:gd name="T46" fmla="*/ 89 w 165"/>
                  <a:gd name="T47" fmla="*/ 93 h 318"/>
                  <a:gd name="T48" fmla="*/ 88 w 165"/>
                  <a:gd name="T49" fmla="*/ 108 h 318"/>
                  <a:gd name="T50" fmla="*/ 85 w 165"/>
                  <a:gd name="T51" fmla="*/ 115 h 318"/>
                  <a:gd name="T52" fmla="*/ 85 w 165"/>
                  <a:gd name="T53" fmla="*/ 122 h 318"/>
                  <a:gd name="T54" fmla="*/ 83 w 165"/>
                  <a:gd name="T55" fmla="*/ 127 h 318"/>
                  <a:gd name="T56" fmla="*/ 81 w 165"/>
                  <a:gd name="T57" fmla="*/ 139 h 318"/>
                  <a:gd name="T58" fmla="*/ 85 w 165"/>
                  <a:gd name="T59" fmla="*/ 153 h 318"/>
                  <a:gd name="T60" fmla="*/ 85 w 165"/>
                  <a:gd name="T61" fmla="*/ 157 h 318"/>
                  <a:gd name="T62" fmla="*/ 85 w 165"/>
                  <a:gd name="T63" fmla="*/ 164 h 318"/>
                  <a:gd name="T64" fmla="*/ 85 w 165"/>
                  <a:gd name="T65" fmla="*/ 167 h 318"/>
                  <a:gd name="T66" fmla="*/ 88 w 165"/>
                  <a:gd name="T67" fmla="*/ 173 h 318"/>
                  <a:gd name="T68" fmla="*/ 88 w 165"/>
                  <a:gd name="T69" fmla="*/ 180 h 318"/>
                  <a:gd name="T70" fmla="*/ 85 w 165"/>
                  <a:gd name="T71" fmla="*/ 184 h 318"/>
                  <a:gd name="T72" fmla="*/ 85 w 165"/>
                  <a:gd name="T73" fmla="*/ 193 h 318"/>
                  <a:gd name="T74" fmla="*/ 92 w 165"/>
                  <a:gd name="T75" fmla="*/ 201 h 318"/>
                  <a:gd name="T76" fmla="*/ 87 w 165"/>
                  <a:gd name="T77" fmla="*/ 203 h 318"/>
                  <a:gd name="T78" fmla="*/ 78 w 165"/>
                  <a:gd name="T79" fmla="*/ 205 h 318"/>
                  <a:gd name="T80" fmla="*/ 66 w 165"/>
                  <a:gd name="T81" fmla="*/ 208 h 318"/>
                  <a:gd name="T82" fmla="*/ 54 w 165"/>
                  <a:gd name="T83" fmla="*/ 211 h 318"/>
                  <a:gd name="T84" fmla="*/ 47 w 165"/>
                  <a:gd name="T85" fmla="*/ 211 h 318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w 165"/>
                  <a:gd name="T130" fmla="*/ 0 h 318"/>
                  <a:gd name="T131" fmla="*/ 165 w 165"/>
                  <a:gd name="T132" fmla="*/ 318 h 318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T129" t="T130" r="T131" b="T132"/>
                <a:pathLst>
                  <a:path w="165" h="318">
                    <a:moveTo>
                      <a:pt x="73" y="318"/>
                    </a:moveTo>
                    <a:lnTo>
                      <a:pt x="73" y="316"/>
                    </a:lnTo>
                    <a:lnTo>
                      <a:pt x="73" y="315"/>
                    </a:lnTo>
                    <a:lnTo>
                      <a:pt x="71" y="310"/>
                    </a:lnTo>
                    <a:lnTo>
                      <a:pt x="70" y="303"/>
                    </a:lnTo>
                    <a:lnTo>
                      <a:pt x="68" y="296"/>
                    </a:lnTo>
                    <a:lnTo>
                      <a:pt x="68" y="289"/>
                    </a:lnTo>
                    <a:lnTo>
                      <a:pt x="66" y="281"/>
                    </a:lnTo>
                    <a:lnTo>
                      <a:pt x="63" y="272"/>
                    </a:lnTo>
                    <a:lnTo>
                      <a:pt x="61" y="264"/>
                    </a:lnTo>
                    <a:lnTo>
                      <a:pt x="60" y="255"/>
                    </a:lnTo>
                    <a:lnTo>
                      <a:pt x="58" y="249"/>
                    </a:lnTo>
                    <a:lnTo>
                      <a:pt x="58" y="242"/>
                    </a:lnTo>
                    <a:lnTo>
                      <a:pt x="56" y="235"/>
                    </a:lnTo>
                    <a:lnTo>
                      <a:pt x="55" y="230"/>
                    </a:lnTo>
                    <a:lnTo>
                      <a:pt x="55" y="227"/>
                    </a:lnTo>
                    <a:lnTo>
                      <a:pt x="53" y="225"/>
                    </a:lnTo>
                    <a:lnTo>
                      <a:pt x="49" y="216"/>
                    </a:lnTo>
                    <a:lnTo>
                      <a:pt x="46" y="211"/>
                    </a:lnTo>
                    <a:lnTo>
                      <a:pt x="44" y="210"/>
                    </a:lnTo>
                    <a:lnTo>
                      <a:pt x="43" y="210"/>
                    </a:lnTo>
                    <a:lnTo>
                      <a:pt x="41" y="211"/>
                    </a:lnTo>
                    <a:lnTo>
                      <a:pt x="39" y="215"/>
                    </a:lnTo>
                    <a:lnTo>
                      <a:pt x="38" y="216"/>
                    </a:lnTo>
                    <a:lnTo>
                      <a:pt x="34" y="213"/>
                    </a:lnTo>
                    <a:lnTo>
                      <a:pt x="26" y="164"/>
                    </a:lnTo>
                    <a:lnTo>
                      <a:pt x="22" y="128"/>
                    </a:lnTo>
                    <a:lnTo>
                      <a:pt x="16" y="113"/>
                    </a:lnTo>
                    <a:lnTo>
                      <a:pt x="0" y="40"/>
                    </a:lnTo>
                    <a:lnTo>
                      <a:pt x="156" y="0"/>
                    </a:lnTo>
                    <a:lnTo>
                      <a:pt x="158" y="10"/>
                    </a:lnTo>
                    <a:lnTo>
                      <a:pt x="158" y="12"/>
                    </a:lnTo>
                    <a:lnTo>
                      <a:pt x="159" y="15"/>
                    </a:lnTo>
                    <a:lnTo>
                      <a:pt x="159" y="17"/>
                    </a:lnTo>
                    <a:lnTo>
                      <a:pt x="159" y="22"/>
                    </a:lnTo>
                    <a:lnTo>
                      <a:pt x="159" y="25"/>
                    </a:lnTo>
                    <a:lnTo>
                      <a:pt x="158" y="29"/>
                    </a:lnTo>
                    <a:lnTo>
                      <a:pt x="154" y="34"/>
                    </a:lnTo>
                    <a:lnTo>
                      <a:pt x="154" y="35"/>
                    </a:lnTo>
                    <a:lnTo>
                      <a:pt x="156" y="35"/>
                    </a:lnTo>
                    <a:lnTo>
                      <a:pt x="158" y="37"/>
                    </a:lnTo>
                    <a:lnTo>
                      <a:pt x="158" y="40"/>
                    </a:lnTo>
                    <a:lnTo>
                      <a:pt x="159" y="44"/>
                    </a:lnTo>
                    <a:lnTo>
                      <a:pt x="161" y="46"/>
                    </a:lnTo>
                    <a:lnTo>
                      <a:pt x="163" y="51"/>
                    </a:lnTo>
                    <a:lnTo>
                      <a:pt x="165" y="54"/>
                    </a:lnTo>
                    <a:lnTo>
                      <a:pt x="165" y="59"/>
                    </a:lnTo>
                    <a:lnTo>
                      <a:pt x="165" y="62"/>
                    </a:lnTo>
                    <a:lnTo>
                      <a:pt x="165" y="68"/>
                    </a:lnTo>
                    <a:lnTo>
                      <a:pt x="163" y="73"/>
                    </a:lnTo>
                    <a:lnTo>
                      <a:pt x="159" y="78"/>
                    </a:lnTo>
                    <a:lnTo>
                      <a:pt x="156" y="83"/>
                    </a:lnTo>
                    <a:lnTo>
                      <a:pt x="149" y="88"/>
                    </a:lnTo>
                    <a:lnTo>
                      <a:pt x="143" y="93"/>
                    </a:lnTo>
                    <a:lnTo>
                      <a:pt x="143" y="95"/>
                    </a:lnTo>
                    <a:lnTo>
                      <a:pt x="143" y="93"/>
                    </a:lnTo>
                    <a:lnTo>
                      <a:pt x="136" y="100"/>
                    </a:lnTo>
                    <a:lnTo>
                      <a:pt x="136" y="101"/>
                    </a:lnTo>
                    <a:lnTo>
                      <a:pt x="136" y="105"/>
                    </a:lnTo>
                    <a:lnTo>
                      <a:pt x="137" y="108"/>
                    </a:lnTo>
                    <a:lnTo>
                      <a:pt x="137" y="113"/>
                    </a:lnTo>
                    <a:lnTo>
                      <a:pt x="137" y="118"/>
                    </a:lnTo>
                    <a:lnTo>
                      <a:pt x="137" y="123"/>
                    </a:lnTo>
                    <a:lnTo>
                      <a:pt x="137" y="128"/>
                    </a:lnTo>
                    <a:lnTo>
                      <a:pt x="137" y="135"/>
                    </a:lnTo>
                    <a:lnTo>
                      <a:pt x="137" y="140"/>
                    </a:lnTo>
                    <a:lnTo>
                      <a:pt x="137" y="147"/>
                    </a:lnTo>
                    <a:lnTo>
                      <a:pt x="136" y="154"/>
                    </a:lnTo>
                    <a:lnTo>
                      <a:pt x="136" y="159"/>
                    </a:lnTo>
                    <a:lnTo>
                      <a:pt x="134" y="164"/>
                    </a:lnTo>
                    <a:lnTo>
                      <a:pt x="134" y="169"/>
                    </a:lnTo>
                    <a:lnTo>
                      <a:pt x="132" y="172"/>
                    </a:lnTo>
                    <a:lnTo>
                      <a:pt x="132" y="176"/>
                    </a:lnTo>
                    <a:lnTo>
                      <a:pt x="131" y="179"/>
                    </a:lnTo>
                    <a:lnTo>
                      <a:pt x="131" y="183"/>
                    </a:lnTo>
                    <a:lnTo>
                      <a:pt x="131" y="184"/>
                    </a:lnTo>
                    <a:lnTo>
                      <a:pt x="129" y="189"/>
                    </a:lnTo>
                    <a:lnTo>
                      <a:pt x="127" y="194"/>
                    </a:lnTo>
                    <a:lnTo>
                      <a:pt x="126" y="201"/>
                    </a:lnTo>
                    <a:lnTo>
                      <a:pt x="126" y="208"/>
                    </a:lnTo>
                    <a:lnTo>
                      <a:pt x="126" y="215"/>
                    </a:lnTo>
                    <a:lnTo>
                      <a:pt x="127" y="222"/>
                    </a:lnTo>
                    <a:lnTo>
                      <a:pt x="131" y="228"/>
                    </a:lnTo>
                    <a:lnTo>
                      <a:pt x="132" y="228"/>
                    </a:lnTo>
                    <a:lnTo>
                      <a:pt x="132" y="232"/>
                    </a:lnTo>
                    <a:lnTo>
                      <a:pt x="132" y="235"/>
                    </a:lnTo>
                    <a:lnTo>
                      <a:pt x="132" y="238"/>
                    </a:lnTo>
                    <a:lnTo>
                      <a:pt x="132" y="242"/>
                    </a:lnTo>
                    <a:lnTo>
                      <a:pt x="132" y="245"/>
                    </a:lnTo>
                    <a:lnTo>
                      <a:pt x="132" y="247"/>
                    </a:lnTo>
                    <a:lnTo>
                      <a:pt x="132" y="249"/>
                    </a:lnTo>
                    <a:lnTo>
                      <a:pt x="134" y="250"/>
                    </a:lnTo>
                    <a:lnTo>
                      <a:pt x="134" y="254"/>
                    </a:lnTo>
                    <a:lnTo>
                      <a:pt x="136" y="257"/>
                    </a:lnTo>
                    <a:lnTo>
                      <a:pt x="136" y="260"/>
                    </a:lnTo>
                    <a:lnTo>
                      <a:pt x="136" y="266"/>
                    </a:lnTo>
                    <a:lnTo>
                      <a:pt x="136" y="269"/>
                    </a:lnTo>
                    <a:lnTo>
                      <a:pt x="132" y="272"/>
                    </a:lnTo>
                    <a:lnTo>
                      <a:pt x="132" y="274"/>
                    </a:lnTo>
                    <a:lnTo>
                      <a:pt x="132" y="276"/>
                    </a:lnTo>
                    <a:lnTo>
                      <a:pt x="132" y="281"/>
                    </a:lnTo>
                    <a:lnTo>
                      <a:pt x="132" y="284"/>
                    </a:lnTo>
                    <a:lnTo>
                      <a:pt x="132" y="289"/>
                    </a:lnTo>
                    <a:lnTo>
                      <a:pt x="134" y="294"/>
                    </a:lnTo>
                    <a:lnTo>
                      <a:pt x="136" y="298"/>
                    </a:lnTo>
                    <a:lnTo>
                      <a:pt x="141" y="301"/>
                    </a:lnTo>
                    <a:lnTo>
                      <a:pt x="139" y="301"/>
                    </a:lnTo>
                    <a:lnTo>
                      <a:pt x="137" y="301"/>
                    </a:lnTo>
                    <a:lnTo>
                      <a:pt x="134" y="303"/>
                    </a:lnTo>
                    <a:lnTo>
                      <a:pt x="131" y="303"/>
                    </a:lnTo>
                    <a:lnTo>
                      <a:pt x="126" y="304"/>
                    </a:lnTo>
                    <a:lnTo>
                      <a:pt x="119" y="306"/>
                    </a:lnTo>
                    <a:lnTo>
                      <a:pt x="114" y="308"/>
                    </a:lnTo>
                    <a:lnTo>
                      <a:pt x="107" y="310"/>
                    </a:lnTo>
                    <a:lnTo>
                      <a:pt x="100" y="311"/>
                    </a:lnTo>
                    <a:lnTo>
                      <a:pt x="95" y="313"/>
                    </a:lnTo>
                    <a:lnTo>
                      <a:pt x="88" y="315"/>
                    </a:lnTo>
                    <a:lnTo>
                      <a:pt x="83" y="315"/>
                    </a:lnTo>
                    <a:lnTo>
                      <a:pt x="80" y="316"/>
                    </a:lnTo>
                    <a:lnTo>
                      <a:pt x="77" y="316"/>
                    </a:lnTo>
                    <a:lnTo>
                      <a:pt x="73" y="316"/>
                    </a:lnTo>
                    <a:lnTo>
                      <a:pt x="73" y="31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09" name="Freeform 51"/>
              <p:cNvSpPr>
                <a:spLocks/>
              </p:cNvSpPr>
              <p:nvPr/>
            </p:nvSpPr>
            <p:spPr bwMode="auto">
              <a:xfrm>
                <a:off x="192" y="1620"/>
                <a:ext cx="766" cy="1314"/>
              </a:xfrm>
              <a:custGeom>
                <a:avLst/>
                <a:gdLst>
                  <a:gd name="T0" fmla="*/ 78 w 788"/>
                  <a:gd name="T1" fmla="*/ 14 h 1354"/>
                  <a:gd name="T2" fmla="*/ 134 w 788"/>
                  <a:gd name="T3" fmla="*/ 23 h 1354"/>
                  <a:gd name="T4" fmla="*/ 209 w 788"/>
                  <a:gd name="T5" fmla="*/ 44 h 1354"/>
                  <a:gd name="T6" fmla="*/ 292 w 788"/>
                  <a:gd name="T7" fmla="*/ 65 h 1354"/>
                  <a:gd name="T8" fmla="*/ 518 w 788"/>
                  <a:gd name="T9" fmla="*/ 749 h 1354"/>
                  <a:gd name="T10" fmla="*/ 507 w 788"/>
                  <a:gd name="T11" fmla="*/ 786 h 1354"/>
                  <a:gd name="T12" fmla="*/ 496 w 788"/>
                  <a:gd name="T13" fmla="*/ 815 h 1354"/>
                  <a:gd name="T14" fmla="*/ 482 w 788"/>
                  <a:gd name="T15" fmla="*/ 837 h 1354"/>
                  <a:gd name="T16" fmla="*/ 485 w 788"/>
                  <a:gd name="T17" fmla="*/ 869 h 1354"/>
                  <a:gd name="T18" fmla="*/ 467 w 788"/>
                  <a:gd name="T19" fmla="*/ 890 h 1354"/>
                  <a:gd name="T20" fmla="*/ 293 w 788"/>
                  <a:gd name="T21" fmla="*/ 847 h 1354"/>
                  <a:gd name="T22" fmla="*/ 300 w 788"/>
                  <a:gd name="T23" fmla="*/ 834 h 1354"/>
                  <a:gd name="T24" fmla="*/ 285 w 788"/>
                  <a:gd name="T25" fmla="*/ 794 h 1354"/>
                  <a:gd name="T26" fmla="*/ 256 w 788"/>
                  <a:gd name="T27" fmla="*/ 758 h 1354"/>
                  <a:gd name="T28" fmla="*/ 243 w 788"/>
                  <a:gd name="T29" fmla="*/ 758 h 1354"/>
                  <a:gd name="T30" fmla="*/ 236 w 788"/>
                  <a:gd name="T31" fmla="*/ 749 h 1354"/>
                  <a:gd name="T32" fmla="*/ 229 w 788"/>
                  <a:gd name="T33" fmla="*/ 728 h 1354"/>
                  <a:gd name="T34" fmla="*/ 202 w 788"/>
                  <a:gd name="T35" fmla="*/ 720 h 1354"/>
                  <a:gd name="T36" fmla="*/ 181 w 788"/>
                  <a:gd name="T37" fmla="*/ 689 h 1354"/>
                  <a:gd name="T38" fmla="*/ 162 w 788"/>
                  <a:gd name="T39" fmla="*/ 679 h 1354"/>
                  <a:gd name="T40" fmla="*/ 141 w 788"/>
                  <a:gd name="T41" fmla="*/ 670 h 1354"/>
                  <a:gd name="T42" fmla="*/ 113 w 788"/>
                  <a:gd name="T43" fmla="*/ 660 h 1354"/>
                  <a:gd name="T44" fmla="*/ 111 w 788"/>
                  <a:gd name="T45" fmla="*/ 642 h 1354"/>
                  <a:gd name="T46" fmla="*/ 117 w 788"/>
                  <a:gd name="T47" fmla="*/ 606 h 1354"/>
                  <a:gd name="T48" fmla="*/ 105 w 788"/>
                  <a:gd name="T49" fmla="*/ 597 h 1354"/>
                  <a:gd name="T50" fmla="*/ 110 w 788"/>
                  <a:gd name="T51" fmla="*/ 581 h 1354"/>
                  <a:gd name="T52" fmla="*/ 98 w 788"/>
                  <a:gd name="T53" fmla="*/ 565 h 1354"/>
                  <a:gd name="T54" fmla="*/ 75 w 788"/>
                  <a:gd name="T55" fmla="*/ 515 h 1354"/>
                  <a:gd name="T56" fmla="*/ 65 w 788"/>
                  <a:gd name="T57" fmla="*/ 498 h 1354"/>
                  <a:gd name="T58" fmla="*/ 62 w 788"/>
                  <a:gd name="T59" fmla="*/ 490 h 1354"/>
                  <a:gd name="T60" fmla="*/ 67 w 788"/>
                  <a:gd name="T61" fmla="*/ 466 h 1354"/>
                  <a:gd name="T62" fmla="*/ 79 w 788"/>
                  <a:gd name="T63" fmla="*/ 443 h 1354"/>
                  <a:gd name="T64" fmla="*/ 50 w 788"/>
                  <a:gd name="T65" fmla="*/ 419 h 1354"/>
                  <a:gd name="T66" fmla="*/ 50 w 788"/>
                  <a:gd name="T67" fmla="*/ 405 h 1354"/>
                  <a:gd name="T68" fmla="*/ 51 w 788"/>
                  <a:gd name="T69" fmla="*/ 389 h 1354"/>
                  <a:gd name="T70" fmla="*/ 56 w 788"/>
                  <a:gd name="T71" fmla="*/ 365 h 1354"/>
                  <a:gd name="T72" fmla="*/ 63 w 788"/>
                  <a:gd name="T73" fmla="*/ 371 h 1354"/>
                  <a:gd name="T74" fmla="*/ 69 w 788"/>
                  <a:gd name="T75" fmla="*/ 389 h 1354"/>
                  <a:gd name="T76" fmla="*/ 78 w 788"/>
                  <a:gd name="T77" fmla="*/ 391 h 1354"/>
                  <a:gd name="T78" fmla="*/ 75 w 788"/>
                  <a:gd name="T79" fmla="*/ 378 h 1354"/>
                  <a:gd name="T80" fmla="*/ 71 w 788"/>
                  <a:gd name="T81" fmla="*/ 369 h 1354"/>
                  <a:gd name="T82" fmla="*/ 71 w 788"/>
                  <a:gd name="T83" fmla="*/ 350 h 1354"/>
                  <a:gd name="T84" fmla="*/ 99 w 788"/>
                  <a:gd name="T85" fmla="*/ 345 h 1354"/>
                  <a:gd name="T86" fmla="*/ 75 w 788"/>
                  <a:gd name="T87" fmla="*/ 339 h 1354"/>
                  <a:gd name="T88" fmla="*/ 63 w 788"/>
                  <a:gd name="T89" fmla="*/ 344 h 1354"/>
                  <a:gd name="T90" fmla="*/ 44 w 788"/>
                  <a:gd name="T91" fmla="*/ 346 h 1354"/>
                  <a:gd name="T92" fmla="*/ 31 w 788"/>
                  <a:gd name="T93" fmla="*/ 337 h 1354"/>
                  <a:gd name="T94" fmla="*/ 36 w 788"/>
                  <a:gd name="T95" fmla="*/ 304 h 1354"/>
                  <a:gd name="T96" fmla="*/ 17 w 788"/>
                  <a:gd name="T97" fmla="*/ 284 h 1354"/>
                  <a:gd name="T98" fmla="*/ 17 w 788"/>
                  <a:gd name="T99" fmla="*/ 263 h 1354"/>
                  <a:gd name="T100" fmla="*/ 10 w 788"/>
                  <a:gd name="T101" fmla="*/ 248 h 1354"/>
                  <a:gd name="T102" fmla="*/ 17 w 788"/>
                  <a:gd name="T103" fmla="*/ 230 h 1354"/>
                  <a:gd name="T104" fmla="*/ 17 w 788"/>
                  <a:gd name="T105" fmla="*/ 201 h 1354"/>
                  <a:gd name="T106" fmla="*/ 17 w 788"/>
                  <a:gd name="T107" fmla="*/ 176 h 1354"/>
                  <a:gd name="T108" fmla="*/ 17 w 788"/>
                  <a:gd name="T109" fmla="*/ 161 h 1354"/>
                  <a:gd name="T110" fmla="*/ 13 w 788"/>
                  <a:gd name="T111" fmla="*/ 151 h 1354"/>
                  <a:gd name="T112" fmla="*/ 1 w 788"/>
                  <a:gd name="T113" fmla="*/ 123 h 1354"/>
                  <a:gd name="T114" fmla="*/ 30 w 788"/>
                  <a:gd name="T115" fmla="*/ 86 h 1354"/>
                  <a:gd name="T116" fmla="*/ 40 w 788"/>
                  <a:gd name="T117" fmla="*/ 62 h 1354"/>
                  <a:gd name="T118" fmla="*/ 48 w 788"/>
                  <a:gd name="T119" fmla="*/ 32 h 1354"/>
                  <a:gd name="T120" fmla="*/ 49 w 788"/>
                  <a:gd name="T121" fmla="*/ 0 h 1354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w 788"/>
                  <a:gd name="T184" fmla="*/ 0 h 1354"/>
                  <a:gd name="T185" fmla="*/ 788 w 788"/>
                  <a:gd name="T186" fmla="*/ 1354 h 1354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T183" t="T184" r="T185" b="T186"/>
                <a:pathLst>
                  <a:path w="788" h="1354">
                    <a:moveTo>
                      <a:pt x="74" y="0"/>
                    </a:moveTo>
                    <a:lnTo>
                      <a:pt x="77" y="2"/>
                    </a:lnTo>
                    <a:lnTo>
                      <a:pt x="83" y="2"/>
                    </a:lnTo>
                    <a:lnTo>
                      <a:pt x="88" y="5"/>
                    </a:lnTo>
                    <a:lnTo>
                      <a:pt x="93" y="7"/>
                    </a:lnTo>
                    <a:lnTo>
                      <a:pt x="99" y="9"/>
                    </a:lnTo>
                    <a:lnTo>
                      <a:pt x="106" y="10"/>
                    </a:lnTo>
                    <a:lnTo>
                      <a:pt x="115" y="14"/>
                    </a:lnTo>
                    <a:lnTo>
                      <a:pt x="123" y="15"/>
                    </a:lnTo>
                    <a:lnTo>
                      <a:pt x="133" y="19"/>
                    </a:lnTo>
                    <a:lnTo>
                      <a:pt x="143" y="20"/>
                    </a:lnTo>
                    <a:lnTo>
                      <a:pt x="154" y="24"/>
                    </a:lnTo>
                    <a:lnTo>
                      <a:pt x="164" y="27"/>
                    </a:lnTo>
                    <a:lnTo>
                      <a:pt x="176" y="31"/>
                    </a:lnTo>
                    <a:lnTo>
                      <a:pt x="187" y="34"/>
                    </a:lnTo>
                    <a:lnTo>
                      <a:pt x="199" y="37"/>
                    </a:lnTo>
                    <a:lnTo>
                      <a:pt x="213" y="41"/>
                    </a:lnTo>
                    <a:lnTo>
                      <a:pt x="226" y="44"/>
                    </a:lnTo>
                    <a:lnTo>
                      <a:pt x="240" y="48"/>
                    </a:lnTo>
                    <a:lnTo>
                      <a:pt x="253" y="51"/>
                    </a:lnTo>
                    <a:lnTo>
                      <a:pt x="267" y="54"/>
                    </a:lnTo>
                    <a:lnTo>
                      <a:pt x="281" y="59"/>
                    </a:lnTo>
                    <a:lnTo>
                      <a:pt x="296" y="63"/>
                    </a:lnTo>
                    <a:lnTo>
                      <a:pt x="311" y="66"/>
                    </a:lnTo>
                    <a:lnTo>
                      <a:pt x="326" y="71"/>
                    </a:lnTo>
                    <a:lnTo>
                      <a:pt x="341" y="75"/>
                    </a:lnTo>
                    <a:lnTo>
                      <a:pt x="355" y="78"/>
                    </a:lnTo>
                    <a:lnTo>
                      <a:pt x="372" y="83"/>
                    </a:lnTo>
                    <a:lnTo>
                      <a:pt x="385" y="86"/>
                    </a:lnTo>
                    <a:lnTo>
                      <a:pt x="402" y="90"/>
                    </a:lnTo>
                    <a:lnTo>
                      <a:pt x="416" y="93"/>
                    </a:lnTo>
                    <a:lnTo>
                      <a:pt x="433" y="98"/>
                    </a:lnTo>
                    <a:lnTo>
                      <a:pt x="446" y="102"/>
                    </a:lnTo>
                    <a:lnTo>
                      <a:pt x="448" y="100"/>
                    </a:lnTo>
                    <a:lnTo>
                      <a:pt x="353" y="466"/>
                    </a:lnTo>
                    <a:lnTo>
                      <a:pt x="753" y="1070"/>
                    </a:lnTo>
                    <a:lnTo>
                      <a:pt x="756" y="1085"/>
                    </a:lnTo>
                    <a:lnTo>
                      <a:pt x="761" y="1098"/>
                    </a:lnTo>
                    <a:lnTo>
                      <a:pt x="773" y="1124"/>
                    </a:lnTo>
                    <a:lnTo>
                      <a:pt x="771" y="1142"/>
                    </a:lnTo>
                    <a:lnTo>
                      <a:pt x="788" y="1166"/>
                    </a:lnTo>
                    <a:lnTo>
                      <a:pt x="788" y="1175"/>
                    </a:lnTo>
                    <a:lnTo>
                      <a:pt x="781" y="1183"/>
                    </a:lnTo>
                    <a:lnTo>
                      <a:pt x="780" y="1185"/>
                    </a:lnTo>
                    <a:lnTo>
                      <a:pt x="775" y="1185"/>
                    </a:lnTo>
                    <a:lnTo>
                      <a:pt x="768" y="1186"/>
                    </a:lnTo>
                    <a:lnTo>
                      <a:pt x="761" y="1190"/>
                    </a:lnTo>
                    <a:lnTo>
                      <a:pt x="753" y="1195"/>
                    </a:lnTo>
                    <a:lnTo>
                      <a:pt x="746" y="1202"/>
                    </a:lnTo>
                    <a:lnTo>
                      <a:pt x="743" y="1210"/>
                    </a:lnTo>
                    <a:lnTo>
                      <a:pt x="741" y="1219"/>
                    </a:lnTo>
                    <a:lnTo>
                      <a:pt x="741" y="1220"/>
                    </a:lnTo>
                    <a:lnTo>
                      <a:pt x="741" y="1225"/>
                    </a:lnTo>
                    <a:lnTo>
                      <a:pt x="741" y="1230"/>
                    </a:lnTo>
                    <a:lnTo>
                      <a:pt x="739" y="1237"/>
                    </a:lnTo>
                    <a:lnTo>
                      <a:pt x="737" y="1244"/>
                    </a:lnTo>
                    <a:lnTo>
                      <a:pt x="736" y="1251"/>
                    </a:lnTo>
                    <a:lnTo>
                      <a:pt x="731" y="1256"/>
                    </a:lnTo>
                    <a:lnTo>
                      <a:pt x="726" y="1261"/>
                    </a:lnTo>
                    <a:lnTo>
                      <a:pt x="724" y="1263"/>
                    </a:lnTo>
                    <a:lnTo>
                      <a:pt x="722" y="1264"/>
                    </a:lnTo>
                    <a:lnTo>
                      <a:pt x="721" y="1266"/>
                    </a:lnTo>
                    <a:lnTo>
                      <a:pt x="717" y="1268"/>
                    </a:lnTo>
                    <a:lnTo>
                      <a:pt x="715" y="1271"/>
                    </a:lnTo>
                    <a:lnTo>
                      <a:pt x="712" y="1273"/>
                    </a:lnTo>
                    <a:lnTo>
                      <a:pt x="710" y="1274"/>
                    </a:lnTo>
                    <a:lnTo>
                      <a:pt x="707" y="1285"/>
                    </a:lnTo>
                    <a:lnTo>
                      <a:pt x="709" y="1296"/>
                    </a:lnTo>
                    <a:lnTo>
                      <a:pt x="704" y="1313"/>
                    </a:lnTo>
                    <a:lnTo>
                      <a:pt x="721" y="1322"/>
                    </a:lnTo>
                    <a:lnTo>
                      <a:pt x="722" y="1324"/>
                    </a:lnTo>
                    <a:lnTo>
                      <a:pt x="722" y="1327"/>
                    </a:lnTo>
                    <a:lnTo>
                      <a:pt x="722" y="1332"/>
                    </a:lnTo>
                    <a:lnTo>
                      <a:pt x="722" y="1337"/>
                    </a:lnTo>
                    <a:lnTo>
                      <a:pt x="721" y="1344"/>
                    </a:lnTo>
                    <a:lnTo>
                      <a:pt x="719" y="1349"/>
                    </a:lnTo>
                    <a:lnTo>
                      <a:pt x="714" y="1352"/>
                    </a:lnTo>
                    <a:lnTo>
                      <a:pt x="709" y="1354"/>
                    </a:lnTo>
                    <a:lnTo>
                      <a:pt x="693" y="1354"/>
                    </a:lnTo>
                    <a:lnTo>
                      <a:pt x="450" y="1325"/>
                    </a:lnTo>
                    <a:lnTo>
                      <a:pt x="445" y="1317"/>
                    </a:lnTo>
                    <a:lnTo>
                      <a:pt x="450" y="1317"/>
                    </a:lnTo>
                    <a:lnTo>
                      <a:pt x="450" y="1305"/>
                    </a:lnTo>
                    <a:lnTo>
                      <a:pt x="443" y="1300"/>
                    </a:lnTo>
                    <a:lnTo>
                      <a:pt x="436" y="1305"/>
                    </a:lnTo>
                    <a:lnTo>
                      <a:pt x="436" y="1290"/>
                    </a:lnTo>
                    <a:lnTo>
                      <a:pt x="436" y="1288"/>
                    </a:lnTo>
                    <a:lnTo>
                      <a:pt x="438" y="1286"/>
                    </a:lnTo>
                    <a:lnTo>
                      <a:pt x="440" y="1285"/>
                    </a:lnTo>
                    <a:lnTo>
                      <a:pt x="441" y="1283"/>
                    </a:lnTo>
                    <a:lnTo>
                      <a:pt x="441" y="1280"/>
                    </a:lnTo>
                    <a:lnTo>
                      <a:pt x="443" y="1276"/>
                    </a:lnTo>
                    <a:lnTo>
                      <a:pt x="445" y="1271"/>
                    </a:lnTo>
                    <a:lnTo>
                      <a:pt x="445" y="1266"/>
                    </a:lnTo>
                    <a:lnTo>
                      <a:pt x="445" y="1261"/>
                    </a:lnTo>
                    <a:lnTo>
                      <a:pt x="445" y="1254"/>
                    </a:lnTo>
                    <a:lnTo>
                      <a:pt x="441" y="1247"/>
                    </a:lnTo>
                    <a:lnTo>
                      <a:pt x="440" y="1239"/>
                    </a:lnTo>
                    <a:lnTo>
                      <a:pt x="436" y="1230"/>
                    </a:lnTo>
                    <a:lnTo>
                      <a:pt x="431" y="1222"/>
                    </a:lnTo>
                    <a:lnTo>
                      <a:pt x="424" y="1212"/>
                    </a:lnTo>
                    <a:lnTo>
                      <a:pt x="423" y="1210"/>
                    </a:lnTo>
                    <a:lnTo>
                      <a:pt x="421" y="1207"/>
                    </a:lnTo>
                    <a:lnTo>
                      <a:pt x="416" y="1203"/>
                    </a:lnTo>
                    <a:lnTo>
                      <a:pt x="413" y="1198"/>
                    </a:lnTo>
                    <a:lnTo>
                      <a:pt x="409" y="1193"/>
                    </a:lnTo>
                    <a:lnTo>
                      <a:pt x="406" y="1190"/>
                    </a:lnTo>
                    <a:lnTo>
                      <a:pt x="402" y="1186"/>
                    </a:lnTo>
                    <a:lnTo>
                      <a:pt x="401" y="1186"/>
                    </a:lnTo>
                    <a:lnTo>
                      <a:pt x="380" y="1153"/>
                    </a:lnTo>
                    <a:lnTo>
                      <a:pt x="379" y="1151"/>
                    </a:lnTo>
                    <a:lnTo>
                      <a:pt x="379" y="1149"/>
                    </a:lnTo>
                    <a:lnTo>
                      <a:pt x="375" y="1148"/>
                    </a:lnTo>
                    <a:lnTo>
                      <a:pt x="374" y="1148"/>
                    </a:lnTo>
                    <a:lnTo>
                      <a:pt x="370" y="1148"/>
                    </a:lnTo>
                    <a:lnTo>
                      <a:pt x="365" y="1149"/>
                    </a:lnTo>
                    <a:lnTo>
                      <a:pt x="360" y="1153"/>
                    </a:lnTo>
                    <a:lnTo>
                      <a:pt x="358" y="1153"/>
                    </a:lnTo>
                    <a:lnTo>
                      <a:pt x="357" y="1151"/>
                    </a:lnTo>
                    <a:lnTo>
                      <a:pt x="355" y="1149"/>
                    </a:lnTo>
                    <a:lnTo>
                      <a:pt x="353" y="1146"/>
                    </a:lnTo>
                    <a:lnTo>
                      <a:pt x="352" y="1144"/>
                    </a:lnTo>
                    <a:lnTo>
                      <a:pt x="350" y="1142"/>
                    </a:lnTo>
                    <a:lnTo>
                      <a:pt x="355" y="1136"/>
                    </a:lnTo>
                    <a:lnTo>
                      <a:pt x="355" y="1129"/>
                    </a:lnTo>
                    <a:lnTo>
                      <a:pt x="353" y="1126"/>
                    </a:lnTo>
                    <a:lnTo>
                      <a:pt x="353" y="1122"/>
                    </a:lnTo>
                    <a:lnTo>
                      <a:pt x="350" y="1117"/>
                    </a:lnTo>
                    <a:lnTo>
                      <a:pt x="347" y="1114"/>
                    </a:lnTo>
                    <a:lnTo>
                      <a:pt x="341" y="1109"/>
                    </a:lnTo>
                    <a:lnTo>
                      <a:pt x="335" y="1107"/>
                    </a:lnTo>
                    <a:lnTo>
                      <a:pt x="325" y="1105"/>
                    </a:lnTo>
                    <a:lnTo>
                      <a:pt x="323" y="1105"/>
                    </a:lnTo>
                    <a:lnTo>
                      <a:pt x="319" y="1105"/>
                    </a:lnTo>
                    <a:lnTo>
                      <a:pt x="314" y="1104"/>
                    </a:lnTo>
                    <a:lnTo>
                      <a:pt x="309" y="1100"/>
                    </a:lnTo>
                    <a:lnTo>
                      <a:pt x="301" y="1095"/>
                    </a:lnTo>
                    <a:lnTo>
                      <a:pt x="292" y="1087"/>
                    </a:lnTo>
                    <a:lnTo>
                      <a:pt x="281" y="1075"/>
                    </a:lnTo>
                    <a:lnTo>
                      <a:pt x="281" y="1073"/>
                    </a:lnTo>
                    <a:lnTo>
                      <a:pt x="281" y="1071"/>
                    </a:lnTo>
                    <a:lnTo>
                      <a:pt x="279" y="1066"/>
                    </a:lnTo>
                    <a:lnTo>
                      <a:pt x="277" y="1060"/>
                    </a:lnTo>
                    <a:lnTo>
                      <a:pt x="274" y="1054"/>
                    </a:lnTo>
                    <a:lnTo>
                      <a:pt x="269" y="1048"/>
                    </a:lnTo>
                    <a:lnTo>
                      <a:pt x="262" y="1041"/>
                    </a:lnTo>
                    <a:lnTo>
                      <a:pt x="253" y="1034"/>
                    </a:lnTo>
                    <a:lnTo>
                      <a:pt x="252" y="1034"/>
                    </a:lnTo>
                    <a:lnTo>
                      <a:pt x="250" y="1034"/>
                    </a:lnTo>
                    <a:lnTo>
                      <a:pt x="248" y="1034"/>
                    </a:lnTo>
                    <a:lnTo>
                      <a:pt x="245" y="1034"/>
                    </a:lnTo>
                    <a:lnTo>
                      <a:pt x="243" y="1034"/>
                    </a:lnTo>
                    <a:lnTo>
                      <a:pt x="242" y="1034"/>
                    </a:lnTo>
                    <a:lnTo>
                      <a:pt x="240" y="1034"/>
                    </a:lnTo>
                    <a:lnTo>
                      <a:pt x="233" y="1029"/>
                    </a:lnTo>
                    <a:lnTo>
                      <a:pt x="223" y="1029"/>
                    </a:lnTo>
                    <a:lnTo>
                      <a:pt x="221" y="1027"/>
                    </a:lnTo>
                    <a:lnTo>
                      <a:pt x="220" y="1026"/>
                    </a:lnTo>
                    <a:lnTo>
                      <a:pt x="216" y="1022"/>
                    </a:lnTo>
                    <a:lnTo>
                      <a:pt x="209" y="1019"/>
                    </a:lnTo>
                    <a:lnTo>
                      <a:pt x="203" y="1014"/>
                    </a:lnTo>
                    <a:lnTo>
                      <a:pt x="194" y="1012"/>
                    </a:lnTo>
                    <a:lnTo>
                      <a:pt x="182" y="1010"/>
                    </a:lnTo>
                    <a:lnTo>
                      <a:pt x="171" y="1010"/>
                    </a:lnTo>
                    <a:lnTo>
                      <a:pt x="169" y="1009"/>
                    </a:lnTo>
                    <a:lnTo>
                      <a:pt x="169" y="1007"/>
                    </a:lnTo>
                    <a:lnTo>
                      <a:pt x="167" y="1005"/>
                    </a:lnTo>
                    <a:lnTo>
                      <a:pt x="167" y="1004"/>
                    </a:lnTo>
                    <a:lnTo>
                      <a:pt x="165" y="1002"/>
                    </a:lnTo>
                    <a:lnTo>
                      <a:pt x="165" y="1000"/>
                    </a:lnTo>
                    <a:lnTo>
                      <a:pt x="160" y="994"/>
                    </a:lnTo>
                    <a:lnTo>
                      <a:pt x="155" y="994"/>
                    </a:lnTo>
                    <a:lnTo>
                      <a:pt x="155" y="985"/>
                    </a:lnTo>
                    <a:lnTo>
                      <a:pt x="164" y="977"/>
                    </a:lnTo>
                    <a:lnTo>
                      <a:pt x="162" y="965"/>
                    </a:lnTo>
                    <a:lnTo>
                      <a:pt x="169" y="958"/>
                    </a:lnTo>
                    <a:lnTo>
                      <a:pt x="165" y="944"/>
                    </a:lnTo>
                    <a:lnTo>
                      <a:pt x="165" y="943"/>
                    </a:lnTo>
                    <a:lnTo>
                      <a:pt x="169" y="939"/>
                    </a:lnTo>
                    <a:lnTo>
                      <a:pt x="171" y="933"/>
                    </a:lnTo>
                    <a:lnTo>
                      <a:pt x="172" y="928"/>
                    </a:lnTo>
                    <a:lnTo>
                      <a:pt x="174" y="921"/>
                    </a:lnTo>
                    <a:lnTo>
                      <a:pt x="172" y="917"/>
                    </a:lnTo>
                    <a:lnTo>
                      <a:pt x="169" y="914"/>
                    </a:lnTo>
                    <a:lnTo>
                      <a:pt x="162" y="916"/>
                    </a:lnTo>
                    <a:lnTo>
                      <a:pt x="160" y="914"/>
                    </a:lnTo>
                    <a:lnTo>
                      <a:pt x="159" y="912"/>
                    </a:lnTo>
                    <a:lnTo>
                      <a:pt x="157" y="911"/>
                    </a:lnTo>
                    <a:lnTo>
                      <a:pt x="155" y="909"/>
                    </a:lnTo>
                    <a:lnTo>
                      <a:pt x="154" y="907"/>
                    </a:lnTo>
                    <a:lnTo>
                      <a:pt x="154" y="906"/>
                    </a:lnTo>
                    <a:lnTo>
                      <a:pt x="152" y="906"/>
                    </a:lnTo>
                    <a:lnTo>
                      <a:pt x="154" y="904"/>
                    </a:lnTo>
                    <a:lnTo>
                      <a:pt x="155" y="900"/>
                    </a:lnTo>
                    <a:lnTo>
                      <a:pt x="157" y="895"/>
                    </a:lnTo>
                    <a:lnTo>
                      <a:pt x="160" y="890"/>
                    </a:lnTo>
                    <a:lnTo>
                      <a:pt x="162" y="885"/>
                    </a:lnTo>
                    <a:lnTo>
                      <a:pt x="160" y="880"/>
                    </a:lnTo>
                    <a:lnTo>
                      <a:pt x="159" y="877"/>
                    </a:lnTo>
                    <a:lnTo>
                      <a:pt x="154" y="875"/>
                    </a:lnTo>
                    <a:lnTo>
                      <a:pt x="150" y="872"/>
                    </a:lnTo>
                    <a:lnTo>
                      <a:pt x="149" y="868"/>
                    </a:lnTo>
                    <a:lnTo>
                      <a:pt x="147" y="863"/>
                    </a:lnTo>
                    <a:lnTo>
                      <a:pt x="145" y="860"/>
                    </a:lnTo>
                    <a:lnTo>
                      <a:pt x="143" y="855"/>
                    </a:lnTo>
                    <a:lnTo>
                      <a:pt x="142" y="853"/>
                    </a:lnTo>
                    <a:lnTo>
                      <a:pt x="142" y="851"/>
                    </a:lnTo>
                    <a:lnTo>
                      <a:pt x="130" y="840"/>
                    </a:lnTo>
                    <a:lnTo>
                      <a:pt x="128" y="823"/>
                    </a:lnTo>
                    <a:lnTo>
                      <a:pt x="120" y="804"/>
                    </a:lnTo>
                    <a:lnTo>
                      <a:pt x="118" y="796"/>
                    </a:lnTo>
                    <a:lnTo>
                      <a:pt x="111" y="785"/>
                    </a:lnTo>
                    <a:lnTo>
                      <a:pt x="113" y="785"/>
                    </a:lnTo>
                    <a:lnTo>
                      <a:pt x="113" y="784"/>
                    </a:lnTo>
                    <a:lnTo>
                      <a:pt x="113" y="782"/>
                    </a:lnTo>
                    <a:lnTo>
                      <a:pt x="113" y="779"/>
                    </a:lnTo>
                    <a:lnTo>
                      <a:pt x="110" y="775"/>
                    </a:lnTo>
                    <a:lnTo>
                      <a:pt x="108" y="770"/>
                    </a:lnTo>
                    <a:lnTo>
                      <a:pt x="103" y="765"/>
                    </a:lnTo>
                    <a:lnTo>
                      <a:pt x="96" y="758"/>
                    </a:lnTo>
                    <a:lnTo>
                      <a:pt x="94" y="757"/>
                    </a:lnTo>
                    <a:lnTo>
                      <a:pt x="93" y="755"/>
                    </a:lnTo>
                    <a:lnTo>
                      <a:pt x="93" y="753"/>
                    </a:lnTo>
                    <a:lnTo>
                      <a:pt x="93" y="752"/>
                    </a:lnTo>
                    <a:lnTo>
                      <a:pt x="91" y="748"/>
                    </a:lnTo>
                    <a:lnTo>
                      <a:pt x="91" y="746"/>
                    </a:lnTo>
                    <a:lnTo>
                      <a:pt x="91" y="745"/>
                    </a:lnTo>
                    <a:lnTo>
                      <a:pt x="96" y="740"/>
                    </a:lnTo>
                    <a:lnTo>
                      <a:pt x="93" y="721"/>
                    </a:lnTo>
                    <a:lnTo>
                      <a:pt x="98" y="718"/>
                    </a:lnTo>
                    <a:lnTo>
                      <a:pt x="94" y="713"/>
                    </a:lnTo>
                    <a:lnTo>
                      <a:pt x="99" y="708"/>
                    </a:lnTo>
                    <a:lnTo>
                      <a:pt x="99" y="709"/>
                    </a:lnTo>
                    <a:lnTo>
                      <a:pt x="99" y="711"/>
                    </a:lnTo>
                    <a:lnTo>
                      <a:pt x="101" y="713"/>
                    </a:lnTo>
                    <a:lnTo>
                      <a:pt x="105" y="713"/>
                    </a:lnTo>
                    <a:lnTo>
                      <a:pt x="108" y="709"/>
                    </a:lnTo>
                    <a:lnTo>
                      <a:pt x="113" y="704"/>
                    </a:lnTo>
                    <a:lnTo>
                      <a:pt x="115" y="696"/>
                    </a:lnTo>
                    <a:lnTo>
                      <a:pt x="116" y="687"/>
                    </a:lnTo>
                    <a:lnTo>
                      <a:pt x="118" y="680"/>
                    </a:lnTo>
                    <a:lnTo>
                      <a:pt x="116" y="674"/>
                    </a:lnTo>
                    <a:lnTo>
                      <a:pt x="113" y="669"/>
                    </a:lnTo>
                    <a:lnTo>
                      <a:pt x="108" y="667"/>
                    </a:lnTo>
                    <a:lnTo>
                      <a:pt x="106" y="667"/>
                    </a:lnTo>
                    <a:lnTo>
                      <a:pt x="108" y="667"/>
                    </a:lnTo>
                    <a:lnTo>
                      <a:pt x="96" y="665"/>
                    </a:lnTo>
                    <a:lnTo>
                      <a:pt x="76" y="638"/>
                    </a:lnTo>
                    <a:lnTo>
                      <a:pt x="76" y="631"/>
                    </a:lnTo>
                    <a:lnTo>
                      <a:pt x="76" y="630"/>
                    </a:lnTo>
                    <a:lnTo>
                      <a:pt x="74" y="628"/>
                    </a:lnTo>
                    <a:lnTo>
                      <a:pt x="74" y="626"/>
                    </a:lnTo>
                    <a:lnTo>
                      <a:pt x="74" y="623"/>
                    </a:lnTo>
                    <a:lnTo>
                      <a:pt x="74" y="620"/>
                    </a:lnTo>
                    <a:lnTo>
                      <a:pt x="76" y="616"/>
                    </a:lnTo>
                    <a:lnTo>
                      <a:pt x="77" y="611"/>
                    </a:lnTo>
                    <a:lnTo>
                      <a:pt x="77" y="609"/>
                    </a:lnTo>
                    <a:lnTo>
                      <a:pt x="77" y="608"/>
                    </a:lnTo>
                    <a:lnTo>
                      <a:pt x="77" y="604"/>
                    </a:lnTo>
                    <a:lnTo>
                      <a:pt x="77" y="601"/>
                    </a:lnTo>
                    <a:lnTo>
                      <a:pt x="77" y="598"/>
                    </a:lnTo>
                    <a:lnTo>
                      <a:pt x="77" y="594"/>
                    </a:lnTo>
                    <a:lnTo>
                      <a:pt x="77" y="592"/>
                    </a:lnTo>
                    <a:lnTo>
                      <a:pt x="77" y="591"/>
                    </a:lnTo>
                    <a:lnTo>
                      <a:pt x="76" y="586"/>
                    </a:lnTo>
                    <a:lnTo>
                      <a:pt x="76" y="577"/>
                    </a:lnTo>
                    <a:lnTo>
                      <a:pt x="79" y="572"/>
                    </a:lnTo>
                    <a:lnTo>
                      <a:pt x="83" y="559"/>
                    </a:lnTo>
                    <a:lnTo>
                      <a:pt x="83" y="557"/>
                    </a:lnTo>
                    <a:lnTo>
                      <a:pt x="84" y="555"/>
                    </a:lnTo>
                    <a:lnTo>
                      <a:pt x="86" y="554"/>
                    </a:lnTo>
                    <a:lnTo>
                      <a:pt x="88" y="554"/>
                    </a:lnTo>
                    <a:lnTo>
                      <a:pt x="89" y="554"/>
                    </a:lnTo>
                    <a:lnTo>
                      <a:pt x="91" y="555"/>
                    </a:lnTo>
                    <a:lnTo>
                      <a:pt x="93" y="560"/>
                    </a:lnTo>
                    <a:lnTo>
                      <a:pt x="93" y="562"/>
                    </a:lnTo>
                    <a:lnTo>
                      <a:pt x="93" y="564"/>
                    </a:lnTo>
                    <a:lnTo>
                      <a:pt x="93" y="565"/>
                    </a:lnTo>
                    <a:lnTo>
                      <a:pt x="91" y="569"/>
                    </a:lnTo>
                    <a:lnTo>
                      <a:pt x="91" y="570"/>
                    </a:lnTo>
                    <a:lnTo>
                      <a:pt x="89" y="574"/>
                    </a:lnTo>
                    <a:lnTo>
                      <a:pt x="89" y="576"/>
                    </a:lnTo>
                    <a:lnTo>
                      <a:pt x="91" y="579"/>
                    </a:lnTo>
                    <a:lnTo>
                      <a:pt x="99" y="587"/>
                    </a:lnTo>
                    <a:lnTo>
                      <a:pt x="101" y="592"/>
                    </a:lnTo>
                    <a:lnTo>
                      <a:pt x="113" y="606"/>
                    </a:lnTo>
                    <a:lnTo>
                      <a:pt x="115" y="608"/>
                    </a:lnTo>
                    <a:lnTo>
                      <a:pt x="116" y="608"/>
                    </a:lnTo>
                    <a:lnTo>
                      <a:pt x="120" y="606"/>
                    </a:lnTo>
                    <a:lnTo>
                      <a:pt x="118" y="601"/>
                    </a:lnTo>
                    <a:lnTo>
                      <a:pt x="116" y="599"/>
                    </a:lnTo>
                    <a:lnTo>
                      <a:pt x="115" y="596"/>
                    </a:lnTo>
                    <a:lnTo>
                      <a:pt x="113" y="594"/>
                    </a:lnTo>
                    <a:lnTo>
                      <a:pt x="111" y="591"/>
                    </a:lnTo>
                    <a:lnTo>
                      <a:pt x="110" y="587"/>
                    </a:lnTo>
                    <a:lnTo>
                      <a:pt x="110" y="582"/>
                    </a:lnTo>
                    <a:lnTo>
                      <a:pt x="110" y="579"/>
                    </a:lnTo>
                    <a:lnTo>
                      <a:pt x="110" y="577"/>
                    </a:lnTo>
                    <a:lnTo>
                      <a:pt x="110" y="574"/>
                    </a:lnTo>
                    <a:lnTo>
                      <a:pt x="110" y="572"/>
                    </a:lnTo>
                    <a:lnTo>
                      <a:pt x="108" y="570"/>
                    </a:lnTo>
                    <a:lnTo>
                      <a:pt x="106" y="569"/>
                    </a:lnTo>
                    <a:lnTo>
                      <a:pt x="105" y="565"/>
                    </a:lnTo>
                    <a:lnTo>
                      <a:pt x="105" y="564"/>
                    </a:lnTo>
                    <a:lnTo>
                      <a:pt x="105" y="562"/>
                    </a:lnTo>
                    <a:lnTo>
                      <a:pt x="105" y="560"/>
                    </a:lnTo>
                    <a:lnTo>
                      <a:pt x="105" y="559"/>
                    </a:lnTo>
                    <a:lnTo>
                      <a:pt x="105" y="557"/>
                    </a:lnTo>
                    <a:lnTo>
                      <a:pt x="105" y="555"/>
                    </a:lnTo>
                    <a:lnTo>
                      <a:pt x="99" y="543"/>
                    </a:lnTo>
                    <a:lnTo>
                      <a:pt x="99" y="535"/>
                    </a:lnTo>
                    <a:lnTo>
                      <a:pt x="105" y="533"/>
                    </a:lnTo>
                    <a:lnTo>
                      <a:pt x="118" y="528"/>
                    </a:lnTo>
                    <a:lnTo>
                      <a:pt x="121" y="530"/>
                    </a:lnTo>
                    <a:lnTo>
                      <a:pt x="125" y="533"/>
                    </a:lnTo>
                    <a:lnTo>
                      <a:pt x="143" y="537"/>
                    </a:lnTo>
                    <a:lnTo>
                      <a:pt x="149" y="537"/>
                    </a:lnTo>
                    <a:lnTo>
                      <a:pt x="155" y="542"/>
                    </a:lnTo>
                    <a:lnTo>
                      <a:pt x="147" y="532"/>
                    </a:lnTo>
                    <a:lnTo>
                      <a:pt x="147" y="525"/>
                    </a:lnTo>
                    <a:lnTo>
                      <a:pt x="137" y="525"/>
                    </a:lnTo>
                    <a:lnTo>
                      <a:pt x="130" y="528"/>
                    </a:lnTo>
                    <a:lnTo>
                      <a:pt x="123" y="528"/>
                    </a:lnTo>
                    <a:lnTo>
                      <a:pt x="120" y="525"/>
                    </a:lnTo>
                    <a:lnTo>
                      <a:pt x="118" y="523"/>
                    </a:lnTo>
                    <a:lnTo>
                      <a:pt x="116" y="521"/>
                    </a:lnTo>
                    <a:lnTo>
                      <a:pt x="113" y="518"/>
                    </a:lnTo>
                    <a:lnTo>
                      <a:pt x="110" y="516"/>
                    </a:lnTo>
                    <a:lnTo>
                      <a:pt x="106" y="513"/>
                    </a:lnTo>
                    <a:lnTo>
                      <a:pt x="103" y="513"/>
                    </a:lnTo>
                    <a:lnTo>
                      <a:pt x="98" y="515"/>
                    </a:lnTo>
                    <a:lnTo>
                      <a:pt x="96" y="518"/>
                    </a:lnTo>
                    <a:lnTo>
                      <a:pt x="94" y="520"/>
                    </a:lnTo>
                    <a:lnTo>
                      <a:pt x="93" y="521"/>
                    </a:lnTo>
                    <a:lnTo>
                      <a:pt x="93" y="523"/>
                    </a:lnTo>
                    <a:lnTo>
                      <a:pt x="93" y="545"/>
                    </a:lnTo>
                    <a:lnTo>
                      <a:pt x="89" y="548"/>
                    </a:lnTo>
                    <a:lnTo>
                      <a:pt x="83" y="547"/>
                    </a:lnTo>
                    <a:lnTo>
                      <a:pt x="76" y="537"/>
                    </a:lnTo>
                    <a:lnTo>
                      <a:pt x="72" y="533"/>
                    </a:lnTo>
                    <a:lnTo>
                      <a:pt x="66" y="533"/>
                    </a:lnTo>
                    <a:lnTo>
                      <a:pt x="66" y="532"/>
                    </a:lnTo>
                    <a:lnTo>
                      <a:pt x="64" y="528"/>
                    </a:lnTo>
                    <a:lnTo>
                      <a:pt x="62" y="525"/>
                    </a:lnTo>
                    <a:lnTo>
                      <a:pt x="61" y="521"/>
                    </a:lnTo>
                    <a:lnTo>
                      <a:pt x="57" y="516"/>
                    </a:lnTo>
                    <a:lnTo>
                      <a:pt x="54" y="513"/>
                    </a:lnTo>
                    <a:lnTo>
                      <a:pt x="50" y="513"/>
                    </a:lnTo>
                    <a:lnTo>
                      <a:pt x="45" y="513"/>
                    </a:lnTo>
                    <a:lnTo>
                      <a:pt x="45" y="511"/>
                    </a:lnTo>
                    <a:lnTo>
                      <a:pt x="52" y="503"/>
                    </a:lnTo>
                    <a:lnTo>
                      <a:pt x="55" y="498"/>
                    </a:lnTo>
                    <a:lnTo>
                      <a:pt x="54" y="491"/>
                    </a:lnTo>
                    <a:lnTo>
                      <a:pt x="57" y="484"/>
                    </a:lnTo>
                    <a:lnTo>
                      <a:pt x="49" y="474"/>
                    </a:lnTo>
                    <a:lnTo>
                      <a:pt x="50" y="462"/>
                    </a:lnTo>
                    <a:lnTo>
                      <a:pt x="42" y="452"/>
                    </a:lnTo>
                    <a:lnTo>
                      <a:pt x="42" y="449"/>
                    </a:lnTo>
                    <a:lnTo>
                      <a:pt x="40" y="447"/>
                    </a:lnTo>
                    <a:lnTo>
                      <a:pt x="37" y="444"/>
                    </a:lnTo>
                    <a:lnTo>
                      <a:pt x="35" y="440"/>
                    </a:lnTo>
                    <a:lnTo>
                      <a:pt x="32" y="437"/>
                    </a:lnTo>
                    <a:lnTo>
                      <a:pt x="30" y="432"/>
                    </a:lnTo>
                    <a:lnTo>
                      <a:pt x="28" y="427"/>
                    </a:lnTo>
                    <a:lnTo>
                      <a:pt x="28" y="420"/>
                    </a:lnTo>
                    <a:lnTo>
                      <a:pt x="27" y="416"/>
                    </a:lnTo>
                    <a:lnTo>
                      <a:pt x="27" y="413"/>
                    </a:lnTo>
                    <a:lnTo>
                      <a:pt x="23" y="408"/>
                    </a:lnTo>
                    <a:lnTo>
                      <a:pt x="22" y="405"/>
                    </a:lnTo>
                    <a:lnTo>
                      <a:pt x="18" y="400"/>
                    </a:lnTo>
                    <a:lnTo>
                      <a:pt x="17" y="394"/>
                    </a:lnTo>
                    <a:lnTo>
                      <a:pt x="13" y="391"/>
                    </a:lnTo>
                    <a:lnTo>
                      <a:pt x="13" y="389"/>
                    </a:lnTo>
                    <a:lnTo>
                      <a:pt x="11" y="388"/>
                    </a:lnTo>
                    <a:lnTo>
                      <a:pt x="11" y="386"/>
                    </a:lnTo>
                    <a:lnTo>
                      <a:pt x="11" y="384"/>
                    </a:lnTo>
                    <a:lnTo>
                      <a:pt x="10" y="383"/>
                    </a:lnTo>
                    <a:lnTo>
                      <a:pt x="10" y="379"/>
                    </a:lnTo>
                    <a:lnTo>
                      <a:pt x="20" y="369"/>
                    </a:lnTo>
                    <a:lnTo>
                      <a:pt x="20" y="367"/>
                    </a:lnTo>
                    <a:lnTo>
                      <a:pt x="20" y="364"/>
                    </a:lnTo>
                    <a:lnTo>
                      <a:pt x="18" y="362"/>
                    </a:lnTo>
                    <a:lnTo>
                      <a:pt x="18" y="357"/>
                    </a:lnTo>
                    <a:lnTo>
                      <a:pt x="18" y="354"/>
                    </a:lnTo>
                    <a:lnTo>
                      <a:pt x="18" y="349"/>
                    </a:lnTo>
                    <a:lnTo>
                      <a:pt x="17" y="344"/>
                    </a:lnTo>
                    <a:lnTo>
                      <a:pt x="17" y="337"/>
                    </a:lnTo>
                    <a:lnTo>
                      <a:pt x="18" y="332"/>
                    </a:lnTo>
                    <a:lnTo>
                      <a:pt x="18" y="327"/>
                    </a:lnTo>
                    <a:lnTo>
                      <a:pt x="18" y="322"/>
                    </a:lnTo>
                    <a:lnTo>
                      <a:pt x="20" y="317"/>
                    </a:lnTo>
                    <a:lnTo>
                      <a:pt x="23" y="312"/>
                    </a:lnTo>
                    <a:lnTo>
                      <a:pt x="25" y="306"/>
                    </a:lnTo>
                    <a:lnTo>
                      <a:pt x="28" y="303"/>
                    </a:lnTo>
                    <a:lnTo>
                      <a:pt x="28" y="301"/>
                    </a:lnTo>
                    <a:lnTo>
                      <a:pt x="28" y="296"/>
                    </a:lnTo>
                    <a:lnTo>
                      <a:pt x="28" y="291"/>
                    </a:lnTo>
                    <a:lnTo>
                      <a:pt x="30" y="284"/>
                    </a:lnTo>
                    <a:lnTo>
                      <a:pt x="30" y="278"/>
                    </a:lnTo>
                    <a:lnTo>
                      <a:pt x="30" y="271"/>
                    </a:lnTo>
                    <a:lnTo>
                      <a:pt x="30" y="268"/>
                    </a:lnTo>
                    <a:lnTo>
                      <a:pt x="30" y="266"/>
                    </a:lnTo>
                    <a:lnTo>
                      <a:pt x="30" y="264"/>
                    </a:lnTo>
                    <a:lnTo>
                      <a:pt x="28" y="262"/>
                    </a:lnTo>
                    <a:lnTo>
                      <a:pt x="28" y="259"/>
                    </a:lnTo>
                    <a:lnTo>
                      <a:pt x="27" y="256"/>
                    </a:lnTo>
                    <a:lnTo>
                      <a:pt x="23" y="251"/>
                    </a:lnTo>
                    <a:lnTo>
                      <a:pt x="22" y="247"/>
                    </a:lnTo>
                    <a:lnTo>
                      <a:pt x="18" y="244"/>
                    </a:lnTo>
                    <a:lnTo>
                      <a:pt x="17" y="242"/>
                    </a:lnTo>
                    <a:lnTo>
                      <a:pt x="17" y="240"/>
                    </a:lnTo>
                    <a:lnTo>
                      <a:pt x="17" y="237"/>
                    </a:lnTo>
                    <a:lnTo>
                      <a:pt x="17" y="234"/>
                    </a:lnTo>
                    <a:lnTo>
                      <a:pt x="15" y="232"/>
                    </a:lnTo>
                    <a:lnTo>
                      <a:pt x="13" y="230"/>
                    </a:lnTo>
                    <a:lnTo>
                      <a:pt x="10" y="227"/>
                    </a:lnTo>
                    <a:lnTo>
                      <a:pt x="6" y="224"/>
                    </a:lnTo>
                    <a:lnTo>
                      <a:pt x="5" y="218"/>
                    </a:lnTo>
                    <a:lnTo>
                      <a:pt x="3" y="213"/>
                    </a:lnTo>
                    <a:lnTo>
                      <a:pt x="1" y="208"/>
                    </a:lnTo>
                    <a:lnTo>
                      <a:pt x="0" y="202"/>
                    </a:lnTo>
                    <a:lnTo>
                      <a:pt x="0" y="195"/>
                    </a:lnTo>
                    <a:lnTo>
                      <a:pt x="1" y="186"/>
                    </a:lnTo>
                    <a:lnTo>
                      <a:pt x="5" y="178"/>
                    </a:lnTo>
                    <a:lnTo>
                      <a:pt x="10" y="169"/>
                    </a:lnTo>
                    <a:lnTo>
                      <a:pt x="17" y="159"/>
                    </a:lnTo>
                    <a:lnTo>
                      <a:pt x="27" y="149"/>
                    </a:lnTo>
                    <a:lnTo>
                      <a:pt x="39" y="139"/>
                    </a:lnTo>
                    <a:lnTo>
                      <a:pt x="40" y="137"/>
                    </a:lnTo>
                    <a:lnTo>
                      <a:pt x="42" y="136"/>
                    </a:lnTo>
                    <a:lnTo>
                      <a:pt x="44" y="132"/>
                    </a:lnTo>
                    <a:lnTo>
                      <a:pt x="45" y="127"/>
                    </a:lnTo>
                    <a:lnTo>
                      <a:pt x="47" y="122"/>
                    </a:lnTo>
                    <a:lnTo>
                      <a:pt x="49" y="117"/>
                    </a:lnTo>
                    <a:lnTo>
                      <a:pt x="49" y="112"/>
                    </a:lnTo>
                    <a:lnTo>
                      <a:pt x="49" y="107"/>
                    </a:lnTo>
                    <a:lnTo>
                      <a:pt x="49" y="105"/>
                    </a:lnTo>
                    <a:lnTo>
                      <a:pt x="52" y="100"/>
                    </a:lnTo>
                    <a:lnTo>
                      <a:pt x="55" y="93"/>
                    </a:lnTo>
                    <a:lnTo>
                      <a:pt x="61" y="86"/>
                    </a:lnTo>
                    <a:lnTo>
                      <a:pt x="66" y="78"/>
                    </a:lnTo>
                    <a:lnTo>
                      <a:pt x="67" y="70"/>
                    </a:lnTo>
                    <a:lnTo>
                      <a:pt x="69" y="61"/>
                    </a:lnTo>
                    <a:lnTo>
                      <a:pt x="69" y="53"/>
                    </a:lnTo>
                    <a:lnTo>
                      <a:pt x="69" y="51"/>
                    </a:lnTo>
                    <a:lnTo>
                      <a:pt x="69" y="49"/>
                    </a:lnTo>
                    <a:lnTo>
                      <a:pt x="71" y="46"/>
                    </a:lnTo>
                    <a:lnTo>
                      <a:pt x="69" y="44"/>
                    </a:lnTo>
                    <a:lnTo>
                      <a:pt x="69" y="34"/>
                    </a:lnTo>
                    <a:lnTo>
                      <a:pt x="64" y="27"/>
                    </a:lnTo>
                    <a:lnTo>
                      <a:pt x="66" y="24"/>
                    </a:lnTo>
                    <a:lnTo>
                      <a:pt x="74" y="10"/>
                    </a:lnTo>
                    <a:lnTo>
                      <a:pt x="76" y="4"/>
                    </a:lnTo>
                    <a:lnTo>
                      <a:pt x="74" y="0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10" name="Freeform 52"/>
              <p:cNvSpPr>
                <a:spLocks/>
              </p:cNvSpPr>
              <p:nvPr/>
            </p:nvSpPr>
            <p:spPr bwMode="auto">
              <a:xfrm>
                <a:off x="4629" y="2257"/>
                <a:ext cx="39" cy="117"/>
              </a:xfrm>
              <a:custGeom>
                <a:avLst/>
                <a:gdLst>
                  <a:gd name="T0" fmla="*/ 8 w 40"/>
                  <a:gd name="T1" fmla="*/ 17 h 120"/>
                  <a:gd name="T2" fmla="*/ 11 w 40"/>
                  <a:gd name="T3" fmla="*/ 13 h 120"/>
                  <a:gd name="T4" fmla="*/ 13 w 40"/>
                  <a:gd name="T5" fmla="*/ 12 h 120"/>
                  <a:gd name="T6" fmla="*/ 17 w 40"/>
                  <a:gd name="T7" fmla="*/ 8 h 120"/>
                  <a:gd name="T8" fmla="*/ 20 w 40"/>
                  <a:gd name="T9" fmla="*/ 7 h 120"/>
                  <a:gd name="T10" fmla="*/ 20 w 40"/>
                  <a:gd name="T11" fmla="*/ 3 h 120"/>
                  <a:gd name="T12" fmla="*/ 20 w 40"/>
                  <a:gd name="T13" fmla="*/ 1 h 120"/>
                  <a:gd name="T14" fmla="*/ 20 w 40"/>
                  <a:gd name="T15" fmla="*/ 0 h 120"/>
                  <a:gd name="T16" fmla="*/ 25 w 40"/>
                  <a:gd name="T17" fmla="*/ 0 h 120"/>
                  <a:gd name="T18" fmla="*/ 25 w 40"/>
                  <a:gd name="T19" fmla="*/ 0 h 120"/>
                  <a:gd name="T20" fmla="*/ 25 w 40"/>
                  <a:gd name="T21" fmla="*/ 1 h 120"/>
                  <a:gd name="T22" fmla="*/ 25 w 40"/>
                  <a:gd name="T23" fmla="*/ 5 h 120"/>
                  <a:gd name="T24" fmla="*/ 26 w 40"/>
                  <a:gd name="T25" fmla="*/ 7 h 120"/>
                  <a:gd name="T26" fmla="*/ 26 w 40"/>
                  <a:gd name="T27" fmla="*/ 10 h 120"/>
                  <a:gd name="T28" fmla="*/ 26 w 40"/>
                  <a:gd name="T29" fmla="*/ 12 h 120"/>
                  <a:gd name="T30" fmla="*/ 26 w 40"/>
                  <a:gd name="T31" fmla="*/ 13 h 120"/>
                  <a:gd name="T32" fmla="*/ 26 w 40"/>
                  <a:gd name="T33" fmla="*/ 15 h 120"/>
                  <a:gd name="T34" fmla="*/ 21 w 40"/>
                  <a:gd name="T35" fmla="*/ 20 h 120"/>
                  <a:gd name="T36" fmla="*/ 20 w 40"/>
                  <a:gd name="T37" fmla="*/ 20 h 120"/>
                  <a:gd name="T38" fmla="*/ 21 w 40"/>
                  <a:gd name="T39" fmla="*/ 23 h 120"/>
                  <a:gd name="T40" fmla="*/ 20 w 40"/>
                  <a:gd name="T41" fmla="*/ 35 h 120"/>
                  <a:gd name="T42" fmla="*/ 20 w 40"/>
                  <a:gd name="T43" fmla="*/ 43 h 120"/>
                  <a:gd name="T44" fmla="*/ 20 w 40"/>
                  <a:gd name="T45" fmla="*/ 48 h 120"/>
                  <a:gd name="T46" fmla="*/ 15 w 40"/>
                  <a:gd name="T47" fmla="*/ 52 h 120"/>
                  <a:gd name="T48" fmla="*/ 15 w 40"/>
                  <a:gd name="T49" fmla="*/ 56 h 120"/>
                  <a:gd name="T50" fmla="*/ 8 w 40"/>
                  <a:gd name="T51" fmla="*/ 65 h 120"/>
                  <a:gd name="T52" fmla="*/ 8 w 40"/>
                  <a:gd name="T53" fmla="*/ 70 h 120"/>
                  <a:gd name="T54" fmla="*/ 8 w 40"/>
                  <a:gd name="T55" fmla="*/ 72 h 120"/>
                  <a:gd name="T56" fmla="*/ 8 w 40"/>
                  <a:gd name="T57" fmla="*/ 75 h 120"/>
                  <a:gd name="T58" fmla="*/ 8 w 40"/>
                  <a:gd name="T59" fmla="*/ 78 h 120"/>
                  <a:gd name="T60" fmla="*/ 8 w 40"/>
                  <a:gd name="T61" fmla="*/ 83 h 120"/>
                  <a:gd name="T62" fmla="*/ 8 w 40"/>
                  <a:gd name="T63" fmla="*/ 85 h 120"/>
                  <a:gd name="T64" fmla="*/ 6 w 40"/>
                  <a:gd name="T65" fmla="*/ 85 h 120"/>
                  <a:gd name="T66" fmla="*/ 5 w 40"/>
                  <a:gd name="T67" fmla="*/ 82 h 120"/>
                  <a:gd name="T68" fmla="*/ 1 w 40"/>
                  <a:gd name="T69" fmla="*/ 72 h 120"/>
                  <a:gd name="T70" fmla="*/ 1 w 40"/>
                  <a:gd name="T71" fmla="*/ 70 h 120"/>
                  <a:gd name="T72" fmla="*/ 0 w 40"/>
                  <a:gd name="T73" fmla="*/ 67 h 120"/>
                  <a:gd name="T74" fmla="*/ 0 w 40"/>
                  <a:gd name="T75" fmla="*/ 60 h 120"/>
                  <a:gd name="T76" fmla="*/ 0 w 40"/>
                  <a:gd name="T77" fmla="*/ 57 h 120"/>
                  <a:gd name="T78" fmla="*/ 0 w 40"/>
                  <a:gd name="T79" fmla="*/ 55 h 120"/>
                  <a:gd name="T80" fmla="*/ 0 w 40"/>
                  <a:gd name="T81" fmla="*/ 52 h 120"/>
                  <a:gd name="T82" fmla="*/ 0 w 40"/>
                  <a:gd name="T83" fmla="*/ 50 h 120"/>
                  <a:gd name="T84" fmla="*/ 0 w 40"/>
                  <a:gd name="T85" fmla="*/ 49 h 120"/>
                  <a:gd name="T86" fmla="*/ 1 w 40"/>
                  <a:gd name="T87" fmla="*/ 42 h 120"/>
                  <a:gd name="T88" fmla="*/ 8 w 40"/>
                  <a:gd name="T89" fmla="*/ 38 h 120"/>
                  <a:gd name="T90" fmla="*/ 8 w 40"/>
                  <a:gd name="T91" fmla="*/ 26 h 120"/>
                  <a:gd name="T92" fmla="*/ 15 w 40"/>
                  <a:gd name="T93" fmla="*/ 20 h 120"/>
                  <a:gd name="T94" fmla="*/ 17 w 40"/>
                  <a:gd name="T95" fmla="*/ 20 h 120"/>
                  <a:gd name="T96" fmla="*/ 17 w 40"/>
                  <a:gd name="T97" fmla="*/ 20 h 120"/>
                  <a:gd name="T98" fmla="*/ 17 w 40"/>
                  <a:gd name="T99" fmla="*/ 20 h 120"/>
                  <a:gd name="T100" fmla="*/ 13 w 40"/>
                  <a:gd name="T101" fmla="*/ 20 h 120"/>
                  <a:gd name="T102" fmla="*/ 11 w 40"/>
                  <a:gd name="T103" fmla="*/ 18 h 120"/>
                  <a:gd name="T104" fmla="*/ 8 w 40"/>
                  <a:gd name="T105" fmla="*/ 17 h 120"/>
                  <a:gd name="T106" fmla="*/ 8 w 40"/>
                  <a:gd name="T107" fmla="*/ 17 h 120"/>
                  <a:gd name="T108" fmla="*/ 8 w 40"/>
                  <a:gd name="T109" fmla="*/ 17 h 120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w 40"/>
                  <a:gd name="T166" fmla="*/ 0 h 120"/>
                  <a:gd name="T167" fmla="*/ 40 w 40"/>
                  <a:gd name="T168" fmla="*/ 120 h 120"/>
                </a:gdLst>
                <a:ahLst/>
                <a:cxnLst>
                  <a:cxn ang="T110">
                    <a:pos x="T0" y="T1"/>
                  </a:cxn>
                  <a:cxn ang="T111">
                    <a:pos x="T2" y="T3"/>
                  </a:cxn>
                  <a:cxn ang="T112">
                    <a:pos x="T4" y="T5"/>
                  </a:cxn>
                  <a:cxn ang="T113">
                    <a:pos x="T6" y="T7"/>
                  </a:cxn>
                  <a:cxn ang="T114">
                    <a:pos x="T8" y="T9"/>
                  </a:cxn>
                  <a:cxn ang="T115">
                    <a:pos x="T10" y="T11"/>
                  </a:cxn>
                  <a:cxn ang="T116">
                    <a:pos x="T12" y="T13"/>
                  </a:cxn>
                  <a:cxn ang="T117">
                    <a:pos x="T14" y="T15"/>
                  </a:cxn>
                  <a:cxn ang="T118">
                    <a:pos x="T16" y="T17"/>
                  </a:cxn>
                  <a:cxn ang="T119">
                    <a:pos x="T18" y="T19"/>
                  </a:cxn>
                  <a:cxn ang="T120">
                    <a:pos x="T20" y="T21"/>
                  </a:cxn>
                  <a:cxn ang="T121">
                    <a:pos x="T22" y="T23"/>
                  </a:cxn>
                  <a:cxn ang="T122">
                    <a:pos x="T24" y="T25"/>
                  </a:cxn>
                  <a:cxn ang="T123">
                    <a:pos x="T26" y="T27"/>
                  </a:cxn>
                  <a:cxn ang="T124">
                    <a:pos x="T28" y="T29"/>
                  </a:cxn>
                  <a:cxn ang="T125">
                    <a:pos x="T30" y="T31"/>
                  </a:cxn>
                  <a:cxn ang="T126">
                    <a:pos x="T32" y="T33"/>
                  </a:cxn>
                  <a:cxn ang="T127">
                    <a:pos x="T34" y="T35"/>
                  </a:cxn>
                  <a:cxn ang="T128">
                    <a:pos x="T36" y="T37"/>
                  </a:cxn>
                  <a:cxn ang="T129">
                    <a:pos x="T38" y="T39"/>
                  </a:cxn>
                  <a:cxn ang="T130">
                    <a:pos x="T40" y="T41"/>
                  </a:cxn>
                  <a:cxn ang="T131">
                    <a:pos x="T42" y="T43"/>
                  </a:cxn>
                  <a:cxn ang="T132">
                    <a:pos x="T44" y="T45"/>
                  </a:cxn>
                  <a:cxn ang="T133">
                    <a:pos x="T46" y="T47"/>
                  </a:cxn>
                  <a:cxn ang="T134">
                    <a:pos x="T48" y="T49"/>
                  </a:cxn>
                  <a:cxn ang="T135">
                    <a:pos x="T50" y="T51"/>
                  </a:cxn>
                  <a:cxn ang="T136">
                    <a:pos x="T52" y="T53"/>
                  </a:cxn>
                  <a:cxn ang="T137">
                    <a:pos x="T54" y="T55"/>
                  </a:cxn>
                  <a:cxn ang="T138">
                    <a:pos x="T56" y="T57"/>
                  </a:cxn>
                  <a:cxn ang="T139">
                    <a:pos x="T58" y="T59"/>
                  </a:cxn>
                  <a:cxn ang="T140">
                    <a:pos x="T60" y="T61"/>
                  </a:cxn>
                  <a:cxn ang="T141">
                    <a:pos x="T62" y="T63"/>
                  </a:cxn>
                  <a:cxn ang="T142">
                    <a:pos x="T64" y="T65"/>
                  </a:cxn>
                  <a:cxn ang="T143">
                    <a:pos x="T66" y="T67"/>
                  </a:cxn>
                  <a:cxn ang="T144">
                    <a:pos x="T68" y="T69"/>
                  </a:cxn>
                  <a:cxn ang="T145">
                    <a:pos x="T70" y="T71"/>
                  </a:cxn>
                  <a:cxn ang="T146">
                    <a:pos x="T72" y="T73"/>
                  </a:cxn>
                  <a:cxn ang="T147">
                    <a:pos x="T74" y="T75"/>
                  </a:cxn>
                  <a:cxn ang="T148">
                    <a:pos x="T76" y="T77"/>
                  </a:cxn>
                  <a:cxn ang="T149">
                    <a:pos x="T78" y="T79"/>
                  </a:cxn>
                  <a:cxn ang="T150">
                    <a:pos x="T80" y="T81"/>
                  </a:cxn>
                  <a:cxn ang="T151">
                    <a:pos x="T82" y="T83"/>
                  </a:cxn>
                  <a:cxn ang="T152">
                    <a:pos x="T84" y="T85"/>
                  </a:cxn>
                  <a:cxn ang="T153">
                    <a:pos x="T86" y="T87"/>
                  </a:cxn>
                  <a:cxn ang="T154">
                    <a:pos x="T88" y="T89"/>
                  </a:cxn>
                  <a:cxn ang="T155">
                    <a:pos x="T90" y="T91"/>
                  </a:cxn>
                  <a:cxn ang="T156">
                    <a:pos x="T92" y="T93"/>
                  </a:cxn>
                  <a:cxn ang="T157">
                    <a:pos x="T94" y="T95"/>
                  </a:cxn>
                  <a:cxn ang="T158">
                    <a:pos x="T96" y="T97"/>
                  </a:cxn>
                  <a:cxn ang="T159">
                    <a:pos x="T98" y="T99"/>
                  </a:cxn>
                  <a:cxn ang="T160">
                    <a:pos x="T100" y="T101"/>
                  </a:cxn>
                  <a:cxn ang="T161">
                    <a:pos x="T102" y="T103"/>
                  </a:cxn>
                  <a:cxn ang="T162">
                    <a:pos x="T104" y="T105"/>
                  </a:cxn>
                  <a:cxn ang="T163">
                    <a:pos x="T106" y="T107"/>
                  </a:cxn>
                  <a:cxn ang="T164">
                    <a:pos x="T108" y="T109"/>
                  </a:cxn>
                </a:cxnLst>
                <a:rect l="T165" t="T166" r="T167" b="T168"/>
                <a:pathLst>
                  <a:path w="40" h="120">
                    <a:moveTo>
                      <a:pt x="8" y="17"/>
                    </a:moveTo>
                    <a:lnTo>
                      <a:pt x="11" y="13"/>
                    </a:lnTo>
                    <a:lnTo>
                      <a:pt x="13" y="12"/>
                    </a:lnTo>
                    <a:lnTo>
                      <a:pt x="17" y="8"/>
                    </a:lnTo>
                    <a:lnTo>
                      <a:pt x="20" y="7"/>
                    </a:lnTo>
                    <a:lnTo>
                      <a:pt x="23" y="3"/>
                    </a:lnTo>
                    <a:lnTo>
                      <a:pt x="27" y="1"/>
                    </a:lnTo>
                    <a:lnTo>
                      <a:pt x="32" y="0"/>
                    </a:lnTo>
                    <a:lnTo>
                      <a:pt x="39" y="0"/>
                    </a:lnTo>
                    <a:lnTo>
                      <a:pt x="39" y="1"/>
                    </a:lnTo>
                    <a:lnTo>
                      <a:pt x="39" y="5"/>
                    </a:lnTo>
                    <a:lnTo>
                      <a:pt x="40" y="7"/>
                    </a:lnTo>
                    <a:lnTo>
                      <a:pt x="40" y="10"/>
                    </a:lnTo>
                    <a:lnTo>
                      <a:pt x="40" y="12"/>
                    </a:lnTo>
                    <a:lnTo>
                      <a:pt x="40" y="13"/>
                    </a:lnTo>
                    <a:lnTo>
                      <a:pt x="40" y="15"/>
                    </a:lnTo>
                    <a:lnTo>
                      <a:pt x="35" y="23"/>
                    </a:lnTo>
                    <a:lnTo>
                      <a:pt x="33" y="30"/>
                    </a:lnTo>
                    <a:lnTo>
                      <a:pt x="35" y="37"/>
                    </a:lnTo>
                    <a:lnTo>
                      <a:pt x="32" y="49"/>
                    </a:lnTo>
                    <a:lnTo>
                      <a:pt x="27" y="57"/>
                    </a:lnTo>
                    <a:lnTo>
                      <a:pt x="25" y="64"/>
                    </a:lnTo>
                    <a:lnTo>
                      <a:pt x="15" y="73"/>
                    </a:lnTo>
                    <a:lnTo>
                      <a:pt x="15" y="81"/>
                    </a:lnTo>
                    <a:lnTo>
                      <a:pt x="8" y="93"/>
                    </a:lnTo>
                    <a:lnTo>
                      <a:pt x="8" y="98"/>
                    </a:lnTo>
                    <a:lnTo>
                      <a:pt x="8" y="100"/>
                    </a:lnTo>
                    <a:lnTo>
                      <a:pt x="8" y="105"/>
                    </a:lnTo>
                    <a:lnTo>
                      <a:pt x="8" y="110"/>
                    </a:lnTo>
                    <a:lnTo>
                      <a:pt x="8" y="117"/>
                    </a:lnTo>
                    <a:lnTo>
                      <a:pt x="8" y="120"/>
                    </a:lnTo>
                    <a:lnTo>
                      <a:pt x="6" y="120"/>
                    </a:lnTo>
                    <a:lnTo>
                      <a:pt x="5" y="115"/>
                    </a:lnTo>
                    <a:lnTo>
                      <a:pt x="1" y="101"/>
                    </a:lnTo>
                    <a:lnTo>
                      <a:pt x="1" y="98"/>
                    </a:lnTo>
                    <a:lnTo>
                      <a:pt x="0" y="95"/>
                    </a:lnTo>
                    <a:lnTo>
                      <a:pt x="0" y="88"/>
                    </a:lnTo>
                    <a:lnTo>
                      <a:pt x="0" y="83"/>
                    </a:lnTo>
                    <a:lnTo>
                      <a:pt x="0" y="78"/>
                    </a:lnTo>
                    <a:lnTo>
                      <a:pt x="0" y="73"/>
                    </a:lnTo>
                    <a:lnTo>
                      <a:pt x="0" y="69"/>
                    </a:lnTo>
                    <a:lnTo>
                      <a:pt x="0" y="67"/>
                    </a:lnTo>
                    <a:lnTo>
                      <a:pt x="1" y="56"/>
                    </a:lnTo>
                    <a:lnTo>
                      <a:pt x="8" y="52"/>
                    </a:lnTo>
                    <a:lnTo>
                      <a:pt x="8" y="40"/>
                    </a:lnTo>
                    <a:lnTo>
                      <a:pt x="15" y="30"/>
                    </a:lnTo>
                    <a:lnTo>
                      <a:pt x="17" y="27"/>
                    </a:lnTo>
                    <a:lnTo>
                      <a:pt x="17" y="23"/>
                    </a:lnTo>
                    <a:lnTo>
                      <a:pt x="17" y="20"/>
                    </a:lnTo>
                    <a:lnTo>
                      <a:pt x="13" y="20"/>
                    </a:lnTo>
                    <a:lnTo>
                      <a:pt x="11" y="18"/>
                    </a:lnTo>
                    <a:lnTo>
                      <a:pt x="8" y="17"/>
                    </a:lnTo>
                    <a:close/>
                  </a:path>
                </a:pathLst>
              </a:custGeom>
              <a:solidFill>
                <a:srgbClr val="FF9933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11" name="Freeform 53"/>
              <p:cNvSpPr>
                <a:spLocks/>
              </p:cNvSpPr>
              <p:nvPr/>
            </p:nvSpPr>
            <p:spPr bwMode="auto">
              <a:xfrm>
                <a:off x="4629" y="2257"/>
                <a:ext cx="39" cy="117"/>
              </a:xfrm>
              <a:custGeom>
                <a:avLst/>
                <a:gdLst>
                  <a:gd name="T0" fmla="*/ 8 w 40"/>
                  <a:gd name="T1" fmla="*/ 17 h 120"/>
                  <a:gd name="T2" fmla="*/ 8 w 40"/>
                  <a:gd name="T3" fmla="*/ 17 h 120"/>
                  <a:gd name="T4" fmla="*/ 11 w 40"/>
                  <a:gd name="T5" fmla="*/ 13 h 120"/>
                  <a:gd name="T6" fmla="*/ 13 w 40"/>
                  <a:gd name="T7" fmla="*/ 12 h 120"/>
                  <a:gd name="T8" fmla="*/ 17 w 40"/>
                  <a:gd name="T9" fmla="*/ 8 h 120"/>
                  <a:gd name="T10" fmla="*/ 20 w 40"/>
                  <a:gd name="T11" fmla="*/ 7 h 120"/>
                  <a:gd name="T12" fmla="*/ 20 w 40"/>
                  <a:gd name="T13" fmla="*/ 3 h 120"/>
                  <a:gd name="T14" fmla="*/ 20 w 40"/>
                  <a:gd name="T15" fmla="*/ 1 h 120"/>
                  <a:gd name="T16" fmla="*/ 20 w 40"/>
                  <a:gd name="T17" fmla="*/ 0 h 120"/>
                  <a:gd name="T18" fmla="*/ 25 w 40"/>
                  <a:gd name="T19" fmla="*/ 0 h 120"/>
                  <a:gd name="T20" fmla="*/ 25 w 40"/>
                  <a:gd name="T21" fmla="*/ 0 h 120"/>
                  <a:gd name="T22" fmla="*/ 25 w 40"/>
                  <a:gd name="T23" fmla="*/ 0 h 120"/>
                  <a:gd name="T24" fmla="*/ 25 w 40"/>
                  <a:gd name="T25" fmla="*/ 1 h 120"/>
                  <a:gd name="T26" fmla="*/ 25 w 40"/>
                  <a:gd name="T27" fmla="*/ 5 h 120"/>
                  <a:gd name="T28" fmla="*/ 26 w 40"/>
                  <a:gd name="T29" fmla="*/ 7 h 120"/>
                  <a:gd name="T30" fmla="*/ 26 w 40"/>
                  <a:gd name="T31" fmla="*/ 10 h 120"/>
                  <a:gd name="T32" fmla="*/ 26 w 40"/>
                  <a:gd name="T33" fmla="*/ 12 h 120"/>
                  <a:gd name="T34" fmla="*/ 26 w 40"/>
                  <a:gd name="T35" fmla="*/ 13 h 120"/>
                  <a:gd name="T36" fmla="*/ 26 w 40"/>
                  <a:gd name="T37" fmla="*/ 15 h 120"/>
                  <a:gd name="T38" fmla="*/ 21 w 40"/>
                  <a:gd name="T39" fmla="*/ 20 h 120"/>
                  <a:gd name="T40" fmla="*/ 20 w 40"/>
                  <a:gd name="T41" fmla="*/ 20 h 120"/>
                  <a:gd name="T42" fmla="*/ 21 w 40"/>
                  <a:gd name="T43" fmla="*/ 23 h 120"/>
                  <a:gd name="T44" fmla="*/ 20 w 40"/>
                  <a:gd name="T45" fmla="*/ 35 h 120"/>
                  <a:gd name="T46" fmla="*/ 20 w 40"/>
                  <a:gd name="T47" fmla="*/ 43 h 120"/>
                  <a:gd name="T48" fmla="*/ 20 w 40"/>
                  <a:gd name="T49" fmla="*/ 48 h 120"/>
                  <a:gd name="T50" fmla="*/ 15 w 40"/>
                  <a:gd name="T51" fmla="*/ 52 h 120"/>
                  <a:gd name="T52" fmla="*/ 15 w 40"/>
                  <a:gd name="T53" fmla="*/ 56 h 120"/>
                  <a:gd name="T54" fmla="*/ 8 w 40"/>
                  <a:gd name="T55" fmla="*/ 65 h 120"/>
                  <a:gd name="T56" fmla="*/ 8 w 40"/>
                  <a:gd name="T57" fmla="*/ 70 h 120"/>
                  <a:gd name="T58" fmla="*/ 8 w 40"/>
                  <a:gd name="T59" fmla="*/ 70 h 120"/>
                  <a:gd name="T60" fmla="*/ 8 w 40"/>
                  <a:gd name="T61" fmla="*/ 72 h 120"/>
                  <a:gd name="T62" fmla="*/ 8 w 40"/>
                  <a:gd name="T63" fmla="*/ 75 h 120"/>
                  <a:gd name="T64" fmla="*/ 8 w 40"/>
                  <a:gd name="T65" fmla="*/ 78 h 120"/>
                  <a:gd name="T66" fmla="*/ 8 w 40"/>
                  <a:gd name="T67" fmla="*/ 83 h 120"/>
                  <a:gd name="T68" fmla="*/ 8 w 40"/>
                  <a:gd name="T69" fmla="*/ 85 h 120"/>
                  <a:gd name="T70" fmla="*/ 6 w 40"/>
                  <a:gd name="T71" fmla="*/ 85 h 120"/>
                  <a:gd name="T72" fmla="*/ 5 w 40"/>
                  <a:gd name="T73" fmla="*/ 82 h 120"/>
                  <a:gd name="T74" fmla="*/ 1 w 40"/>
                  <a:gd name="T75" fmla="*/ 72 h 120"/>
                  <a:gd name="T76" fmla="*/ 1 w 40"/>
                  <a:gd name="T77" fmla="*/ 72 h 120"/>
                  <a:gd name="T78" fmla="*/ 1 w 40"/>
                  <a:gd name="T79" fmla="*/ 70 h 120"/>
                  <a:gd name="T80" fmla="*/ 0 w 40"/>
                  <a:gd name="T81" fmla="*/ 67 h 120"/>
                  <a:gd name="T82" fmla="*/ 0 w 40"/>
                  <a:gd name="T83" fmla="*/ 60 h 120"/>
                  <a:gd name="T84" fmla="*/ 0 w 40"/>
                  <a:gd name="T85" fmla="*/ 57 h 120"/>
                  <a:gd name="T86" fmla="*/ 0 w 40"/>
                  <a:gd name="T87" fmla="*/ 55 h 120"/>
                  <a:gd name="T88" fmla="*/ 0 w 40"/>
                  <a:gd name="T89" fmla="*/ 52 h 120"/>
                  <a:gd name="T90" fmla="*/ 0 w 40"/>
                  <a:gd name="T91" fmla="*/ 50 h 120"/>
                  <a:gd name="T92" fmla="*/ 0 w 40"/>
                  <a:gd name="T93" fmla="*/ 49 h 120"/>
                  <a:gd name="T94" fmla="*/ 1 w 40"/>
                  <a:gd name="T95" fmla="*/ 42 h 120"/>
                  <a:gd name="T96" fmla="*/ 8 w 40"/>
                  <a:gd name="T97" fmla="*/ 38 h 120"/>
                  <a:gd name="T98" fmla="*/ 8 w 40"/>
                  <a:gd name="T99" fmla="*/ 26 h 120"/>
                  <a:gd name="T100" fmla="*/ 15 w 40"/>
                  <a:gd name="T101" fmla="*/ 20 h 120"/>
                  <a:gd name="T102" fmla="*/ 15 w 40"/>
                  <a:gd name="T103" fmla="*/ 20 h 120"/>
                  <a:gd name="T104" fmla="*/ 17 w 40"/>
                  <a:gd name="T105" fmla="*/ 20 h 120"/>
                  <a:gd name="T106" fmla="*/ 17 w 40"/>
                  <a:gd name="T107" fmla="*/ 20 h 120"/>
                  <a:gd name="T108" fmla="*/ 17 w 40"/>
                  <a:gd name="T109" fmla="*/ 20 h 120"/>
                  <a:gd name="T110" fmla="*/ 13 w 40"/>
                  <a:gd name="T111" fmla="*/ 20 h 120"/>
                  <a:gd name="T112" fmla="*/ 11 w 40"/>
                  <a:gd name="T113" fmla="*/ 18 h 120"/>
                  <a:gd name="T114" fmla="*/ 8 w 40"/>
                  <a:gd name="T115" fmla="*/ 17 h 120"/>
                  <a:gd name="T116" fmla="*/ 8 w 40"/>
                  <a:gd name="T117" fmla="*/ 17 h 120"/>
                  <a:gd name="T118" fmla="*/ 8 w 40"/>
                  <a:gd name="T119" fmla="*/ 17 h 120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w 40"/>
                  <a:gd name="T181" fmla="*/ 0 h 120"/>
                  <a:gd name="T182" fmla="*/ 40 w 40"/>
                  <a:gd name="T183" fmla="*/ 120 h 120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T180" t="T181" r="T182" b="T183"/>
                <a:pathLst>
                  <a:path w="40" h="120">
                    <a:moveTo>
                      <a:pt x="8" y="17"/>
                    </a:moveTo>
                    <a:lnTo>
                      <a:pt x="8" y="17"/>
                    </a:lnTo>
                    <a:lnTo>
                      <a:pt x="11" y="13"/>
                    </a:lnTo>
                    <a:lnTo>
                      <a:pt x="13" y="12"/>
                    </a:lnTo>
                    <a:lnTo>
                      <a:pt x="17" y="8"/>
                    </a:lnTo>
                    <a:lnTo>
                      <a:pt x="20" y="7"/>
                    </a:lnTo>
                    <a:lnTo>
                      <a:pt x="23" y="3"/>
                    </a:lnTo>
                    <a:lnTo>
                      <a:pt x="27" y="1"/>
                    </a:lnTo>
                    <a:lnTo>
                      <a:pt x="32" y="0"/>
                    </a:lnTo>
                    <a:lnTo>
                      <a:pt x="39" y="0"/>
                    </a:lnTo>
                    <a:lnTo>
                      <a:pt x="39" y="1"/>
                    </a:lnTo>
                    <a:lnTo>
                      <a:pt x="39" y="5"/>
                    </a:lnTo>
                    <a:lnTo>
                      <a:pt x="40" y="7"/>
                    </a:lnTo>
                    <a:lnTo>
                      <a:pt x="40" y="10"/>
                    </a:lnTo>
                    <a:lnTo>
                      <a:pt x="40" y="12"/>
                    </a:lnTo>
                    <a:lnTo>
                      <a:pt x="40" y="13"/>
                    </a:lnTo>
                    <a:lnTo>
                      <a:pt x="40" y="15"/>
                    </a:lnTo>
                    <a:lnTo>
                      <a:pt x="35" y="23"/>
                    </a:lnTo>
                    <a:lnTo>
                      <a:pt x="33" y="30"/>
                    </a:lnTo>
                    <a:lnTo>
                      <a:pt x="35" y="37"/>
                    </a:lnTo>
                    <a:lnTo>
                      <a:pt x="32" y="49"/>
                    </a:lnTo>
                    <a:lnTo>
                      <a:pt x="27" y="57"/>
                    </a:lnTo>
                    <a:lnTo>
                      <a:pt x="25" y="64"/>
                    </a:lnTo>
                    <a:lnTo>
                      <a:pt x="15" y="73"/>
                    </a:lnTo>
                    <a:lnTo>
                      <a:pt x="15" y="81"/>
                    </a:lnTo>
                    <a:lnTo>
                      <a:pt x="8" y="93"/>
                    </a:lnTo>
                    <a:lnTo>
                      <a:pt x="8" y="98"/>
                    </a:lnTo>
                    <a:lnTo>
                      <a:pt x="8" y="100"/>
                    </a:lnTo>
                    <a:lnTo>
                      <a:pt x="8" y="105"/>
                    </a:lnTo>
                    <a:lnTo>
                      <a:pt x="8" y="110"/>
                    </a:lnTo>
                    <a:lnTo>
                      <a:pt x="8" y="117"/>
                    </a:lnTo>
                    <a:lnTo>
                      <a:pt x="8" y="120"/>
                    </a:lnTo>
                    <a:lnTo>
                      <a:pt x="6" y="120"/>
                    </a:lnTo>
                    <a:lnTo>
                      <a:pt x="5" y="115"/>
                    </a:lnTo>
                    <a:lnTo>
                      <a:pt x="1" y="101"/>
                    </a:lnTo>
                    <a:lnTo>
                      <a:pt x="1" y="98"/>
                    </a:lnTo>
                    <a:lnTo>
                      <a:pt x="0" y="95"/>
                    </a:lnTo>
                    <a:lnTo>
                      <a:pt x="0" y="88"/>
                    </a:lnTo>
                    <a:lnTo>
                      <a:pt x="0" y="83"/>
                    </a:lnTo>
                    <a:lnTo>
                      <a:pt x="0" y="78"/>
                    </a:lnTo>
                    <a:lnTo>
                      <a:pt x="0" y="73"/>
                    </a:lnTo>
                    <a:lnTo>
                      <a:pt x="0" y="69"/>
                    </a:lnTo>
                    <a:lnTo>
                      <a:pt x="0" y="67"/>
                    </a:lnTo>
                    <a:lnTo>
                      <a:pt x="1" y="56"/>
                    </a:lnTo>
                    <a:lnTo>
                      <a:pt x="8" y="52"/>
                    </a:lnTo>
                    <a:lnTo>
                      <a:pt x="8" y="40"/>
                    </a:lnTo>
                    <a:lnTo>
                      <a:pt x="15" y="30"/>
                    </a:lnTo>
                    <a:lnTo>
                      <a:pt x="17" y="27"/>
                    </a:lnTo>
                    <a:lnTo>
                      <a:pt x="17" y="23"/>
                    </a:lnTo>
                    <a:lnTo>
                      <a:pt x="17" y="20"/>
                    </a:lnTo>
                    <a:lnTo>
                      <a:pt x="13" y="20"/>
                    </a:lnTo>
                    <a:lnTo>
                      <a:pt x="11" y="18"/>
                    </a:lnTo>
                    <a:lnTo>
                      <a:pt x="8" y="1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12" name="Freeform 54"/>
              <p:cNvSpPr>
                <a:spLocks/>
              </p:cNvSpPr>
              <p:nvPr/>
            </p:nvSpPr>
            <p:spPr bwMode="auto">
              <a:xfrm>
                <a:off x="3888" y="2151"/>
                <a:ext cx="768" cy="436"/>
              </a:xfrm>
              <a:custGeom>
                <a:avLst/>
                <a:gdLst>
                  <a:gd name="T0" fmla="*/ 660 w 776"/>
                  <a:gd name="T1" fmla="*/ 262 h 440"/>
                  <a:gd name="T2" fmla="*/ 669 w 776"/>
                  <a:gd name="T3" fmla="*/ 269 h 440"/>
                  <a:gd name="T4" fmla="*/ 641 w 776"/>
                  <a:gd name="T5" fmla="*/ 240 h 440"/>
                  <a:gd name="T6" fmla="*/ 626 w 776"/>
                  <a:gd name="T7" fmla="*/ 236 h 440"/>
                  <a:gd name="T8" fmla="*/ 628 w 776"/>
                  <a:gd name="T9" fmla="*/ 247 h 440"/>
                  <a:gd name="T10" fmla="*/ 620 w 776"/>
                  <a:gd name="T11" fmla="*/ 249 h 440"/>
                  <a:gd name="T12" fmla="*/ 574 w 776"/>
                  <a:gd name="T13" fmla="*/ 221 h 440"/>
                  <a:gd name="T14" fmla="*/ 624 w 776"/>
                  <a:gd name="T15" fmla="*/ 224 h 440"/>
                  <a:gd name="T16" fmla="*/ 606 w 776"/>
                  <a:gd name="T17" fmla="*/ 206 h 440"/>
                  <a:gd name="T18" fmla="*/ 609 w 776"/>
                  <a:gd name="T19" fmla="*/ 170 h 440"/>
                  <a:gd name="T20" fmla="*/ 591 w 776"/>
                  <a:gd name="T21" fmla="*/ 160 h 440"/>
                  <a:gd name="T22" fmla="*/ 599 w 776"/>
                  <a:gd name="T23" fmla="*/ 132 h 440"/>
                  <a:gd name="T24" fmla="*/ 571 w 776"/>
                  <a:gd name="T25" fmla="*/ 113 h 440"/>
                  <a:gd name="T26" fmla="*/ 535 w 776"/>
                  <a:gd name="T27" fmla="*/ 98 h 440"/>
                  <a:gd name="T28" fmla="*/ 524 w 776"/>
                  <a:gd name="T29" fmla="*/ 98 h 440"/>
                  <a:gd name="T30" fmla="*/ 510 w 776"/>
                  <a:gd name="T31" fmla="*/ 96 h 440"/>
                  <a:gd name="T32" fmla="*/ 510 w 776"/>
                  <a:gd name="T33" fmla="*/ 66 h 440"/>
                  <a:gd name="T34" fmla="*/ 524 w 776"/>
                  <a:gd name="T35" fmla="*/ 55 h 440"/>
                  <a:gd name="T36" fmla="*/ 500 w 776"/>
                  <a:gd name="T37" fmla="*/ 29 h 440"/>
                  <a:gd name="T38" fmla="*/ 481 w 776"/>
                  <a:gd name="T39" fmla="*/ 14 h 440"/>
                  <a:gd name="T40" fmla="*/ 469 w 776"/>
                  <a:gd name="T41" fmla="*/ 4 h 440"/>
                  <a:gd name="T42" fmla="*/ 461 w 776"/>
                  <a:gd name="T43" fmla="*/ 10 h 440"/>
                  <a:gd name="T44" fmla="*/ 442 w 776"/>
                  <a:gd name="T45" fmla="*/ 19 h 440"/>
                  <a:gd name="T46" fmla="*/ 415 w 776"/>
                  <a:gd name="T47" fmla="*/ 4 h 440"/>
                  <a:gd name="T48" fmla="*/ 401 w 776"/>
                  <a:gd name="T49" fmla="*/ 41 h 440"/>
                  <a:gd name="T50" fmla="*/ 388 w 776"/>
                  <a:gd name="T51" fmla="*/ 57 h 440"/>
                  <a:gd name="T52" fmla="*/ 381 w 776"/>
                  <a:gd name="T53" fmla="*/ 74 h 440"/>
                  <a:gd name="T54" fmla="*/ 368 w 776"/>
                  <a:gd name="T55" fmla="*/ 71 h 440"/>
                  <a:gd name="T56" fmla="*/ 358 w 776"/>
                  <a:gd name="T57" fmla="*/ 93 h 440"/>
                  <a:gd name="T58" fmla="*/ 355 w 776"/>
                  <a:gd name="T59" fmla="*/ 105 h 440"/>
                  <a:gd name="T60" fmla="*/ 345 w 776"/>
                  <a:gd name="T61" fmla="*/ 125 h 440"/>
                  <a:gd name="T62" fmla="*/ 320 w 776"/>
                  <a:gd name="T63" fmla="*/ 113 h 440"/>
                  <a:gd name="T64" fmla="*/ 315 w 776"/>
                  <a:gd name="T65" fmla="*/ 137 h 440"/>
                  <a:gd name="T66" fmla="*/ 311 w 776"/>
                  <a:gd name="T67" fmla="*/ 150 h 440"/>
                  <a:gd name="T68" fmla="*/ 306 w 776"/>
                  <a:gd name="T69" fmla="*/ 159 h 440"/>
                  <a:gd name="T70" fmla="*/ 300 w 776"/>
                  <a:gd name="T71" fmla="*/ 182 h 440"/>
                  <a:gd name="T72" fmla="*/ 284 w 776"/>
                  <a:gd name="T73" fmla="*/ 213 h 440"/>
                  <a:gd name="T74" fmla="*/ 284 w 776"/>
                  <a:gd name="T75" fmla="*/ 224 h 440"/>
                  <a:gd name="T76" fmla="*/ 271 w 776"/>
                  <a:gd name="T77" fmla="*/ 253 h 440"/>
                  <a:gd name="T78" fmla="*/ 254 w 776"/>
                  <a:gd name="T79" fmla="*/ 253 h 440"/>
                  <a:gd name="T80" fmla="*/ 237 w 776"/>
                  <a:gd name="T81" fmla="*/ 257 h 440"/>
                  <a:gd name="T82" fmla="*/ 234 w 776"/>
                  <a:gd name="T83" fmla="*/ 268 h 440"/>
                  <a:gd name="T84" fmla="*/ 226 w 776"/>
                  <a:gd name="T85" fmla="*/ 271 h 440"/>
                  <a:gd name="T86" fmla="*/ 205 w 776"/>
                  <a:gd name="T87" fmla="*/ 276 h 440"/>
                  <a:gd name="T88" fmla="*/ 192 w 776"/>
                  <a:gd name="T89" fmla="*/ 280 h 440"/>
                  <a:gd name="T90" fmla="*/ 165 w 776"/>
                  <a:gd name="T91" fmla="*/ 285 h 440"/>
                  <a:gd name="T92" fmla="*/ 142 w 776"/>
                  <a:gd name="T93" fmla="*/ 267 h 440"/>
                  <a:gd name="T94" fmla="*/ 126 w 776"/>
                  <a:gd name="T95" fmla="*/ 282 h 440"/>
                  <a:gd name="T96" fmla="*/ 128 w 776"/>
                  <a:gd name="T97" fmla="*/ 278 h 440"/>
                  <a:gd name="T98" fmla="*/ 99 w 776"/>
                  <a:gd name="T99" fmla="*/ 302 h 440"/>
                  <a:gd name="T100" fmla="*/ 84 w 776"/>
                  <a:gd name="T101" fmla="*/ 326 h 440"/>
                  <a:gd name="T102" fmla="*/ 75 w 776"/>
                  <a:gd name="T103" fmla="*/ 339 h 440"/>
                  <a:gd name="T104" fmla="*/ 70 w 776"/>
                  <a:gd name="T105" fmla="*/ 347 h 440"/>
                  <a:gd name="T106" fmla="*/ 50 w 776"/>
                  <a:gd name="T107" fmla="*/ 358 h 440"/>
                  <a:gd name="T108" fmla="*/ 48 w 776"/>
                  <a:gd name="T109" fmla="*/ 364 h 440"/>
                  <a:gd name="T110" fmla="*/ 22 w 776"/>
                  <a:gd name="T111" fmla="*/ 375 h 440"/>
                  <a:gd name="T112" fmla="*/ 0 w 776"/>
                  <a:gd name="T113" fmla="*/ 384 h 440"/>
                  <a:gd name="T114" fmla="*/ 182 w 776"/>
                  <a:gd name="T115" fmla="*/ 358 h 440"/>
                  <a:gd name="T116" fmla="*/ 218 w 776"/>
                  <a:gd name="T117" fmla="*/ 356 h 440"/>
                  <a:gd name="T118" fmla="*/ 284 w 776"/>
                  <a:gd name="T119" fmla="*/ 349 h 440"/>
                  <a:gd name="T120" fmla="*/ 384 w 776"/>
                  <a:gd name="T121" fmla="*/ 334 h 440"/>
                  <a:gd name="T122" fmla="*/ 506 w 776"/>
                  <a:gd name="T123" fmla="*/ 309 h 440"/>
                  <a:gd name="T124" fmla="*/ 654 w 776"/>
                  <a:gd name="T125" fmla="*/ 271 h 440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  <a:gd name="T189" fmla="*/ 0 w 776"/>
                  <a:gd name="T190" fmla="*/ 0 h 440"/>
                  <a:gd name="T191" fmla="*/ 776 w 776"/>
                  <a:gd name="T192" fmla="*/ 440 h 440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T189" t="T190" r="T191" b="T192"/>
                <a:pathLst>
                  <a:path w="776" h="440">
                    <a:moveTo>
                      <a:pt x="761" y="310"/>
                    </a:moveTo>
                    <a:lnTo>
                      <a:pt x="763" y="310"/>
                    </a:lnTo>
                    <a:lnTo>
                      <a:pt x="765" y="312"/>
                    </a:lnTo>
                    <a:lnTo>
                      <a:pt x="766" y="312"/>
                    </a:lnTo>
                    <a:lnTo>
                      <a:pt x="766" y="310"/>
                    </a:lnTo>
                    <a:lnTo>
                      <a:pt x="763" y="298"/>
                    </a:lnTo>
                    <a:lnTo>
                      <a:pt x="763" y="293"/>
                    </a:lnTo>
                    <a:lnTo>
                      <a:pt x="765" y="295"/>
                    </a:lnTo>
                    <a:lnTo>
                      <a:pt x="768" y="298"/>
                    </a:lnTo>
                    <a:lnTo>
                      <a:pt x="770" y="305"/>
                    </a:lnTo>
                    <a:lnTo>
                      <a:pt x="773" y="308"/>
                    </a:lnTo>
                    <a:lnTo>
                      <a:pt x="773" y="310"/>
                    </a:lnTo>
                    <a:lnTo>
                      <a:pt x="776" y="305"/>
                    </a:lnTo>
                    <a:lnTo>
                      <a:pt x="758" y="264"/>
                    </a:lnTo>
                    <a:lnTo>
                      <a:pt x="749" y="263"/>
                    </a:lnTo>
                    <a:lnTo>
                      <a:pt x="743" y="268"/>
                    </a:lnTo>
                    <a:lnTo>
                      <a:pt x="741" y="268"/>
                    </a:lnTo>
                    <a:lnTo>
                      <a:pt x="739" y="268"/>
                    </a:lnTo>
                    <a:lnTo>
                      <a:pt x="736" y="268"/>
                    </a:lnTo>
                    <a:lnTo>
                      <a:pt x="734" y="268"/>
                    </a:lnTo>
                    <a:lnTo>
                      <a:pt x="729" y="264"/>
                    </a:lnTo>
                    <a:lnTo>
                      <a:pt x="726" y="263"/>
                    </a:lnTo>
                    <a:lnTo>
                      <a:pt x="724" y="264"/>
                    </a:lnTo>
                    <a:lnTo>
                      <a:pt x="722" y="266"/>
                    </a:lnTo>
                    <a:lnTo>
                      <a:pt x="722" y="268"/>
                    </a:lnTo>
                    <a:lnTo>
                      <a:pt x="722" y="269"/>
                    </a:lnTo>
                    <a:lnTo>
                      <a:pt x="722" y="271"/>
                    </a:lnTo>
                    <a:lnTo>
                      <a:pt x="722" y="273"/>
                    </a:lnTo>
                    <a:lnTo>
                      <a:pt x="726" y="276"/>
                    </a:lnTo>
                    <a:lnTo>
                      <a:pt x="727" y="280"/>
                    </a:lnTo>
                    <a:lnTo>
                      <a:pt x="726" y="280"/>
                    </a:lnTo>
                    <a:lnTo>
                      <a:pt x="724" y="280"/>
                    </a:lnTo>
                    <a:lnTo>
                      <a:pt x="722" y="280"/>
                    </a:lnTo>
                    <a:lnTo>
                      <a:pt x="719" y="278"/>
                    </a:lnTo>
                    <a:lnTo>
                      <a:pt x="717" y="278"/>
                    </a:lnTo>
                    <a:lnTo>
                      <a:pt x="717" y="276"/>
                    </a:lnTo>
                    <a:lnTo>
                      <a:pt x="707" y="276"/>
                    </a:lnTo>
                    <a:lnTo>
                      <a:pt x="700" y="269"/>
                    </a:lnTo>
                    <a:lnTo>
                      <a:pt x="692" y="266"/>
                    </a:lnTo>
                    <a:lnTo>
                      <a:pt x="682" y="251"/>
                    </a:lnTo>
                    <a:lnTo>
                      <a:pt x="663" y="249"/>
                    </a:lnTo>
                    <a:lnTo>
                      <a:pt x="651" y="247"/>
                    </a:lnTo>
                    <a:lnTo>
                      <a:pt x="633" y="241"/>
                    </a:lnTo>
                    <a:lnTo>
                      <a:pt x="648" y="239"/>
                    </a:lnTo>
                    <a:lnTo>
                      <a:pt x="685" y="244"/>
                    </a:lnTo>
                    <a:lnTo>
                      <a:pt x="710" y="266"/>
                    </a:lnTo>
                    <a:lnTo>
                      <a:pt x="722" y="252"/>
                    </a:lnTo>
                    <a:lnTo>
                      <a:pt x="704" y="239"/>
                    </a:lnTo>
                    <a:lnTo>
                      <a:pt x="683" y="230"/>
                    </a:lnTo>
                    <a:lnTo>
                      <a:pt x="663" y="212"/>
                    </a:lnTo>
                    <a:lnTo>
                      <a:pt x="670" y="214"/>
                    </a:lnTo>
                    <a:lnTo>
                      <a:pt x="690" y="229"/>
                    </a:lnTo>
                    <a:lnTo>
                      <a:pt x="700" y="234"/>
                    </a:lnTo>
                    <a:lnTo>
                      <a:pt x="707" y="229"/>
                    </a:lnTo>
                    <a:lnTo>
                      <a:pt x="699" y="222"/>
                    </a:lnTo>
                    <a:lnTo>
                      <a:pt x="699" y="212"/>
                    </a:lnTo>
                    <a:lnTo>
                      <a:pt x="716" y="220"/>
                    </a:lnTo>
                    <a:lnTo>
                      <a:pt x="716" y="207"/>
                    </a:lnTo>
                    <a:lnTo>
                      <a:pt x="704" y="198"/>
                    </a:lnTo>
                    <a:lnTo>
                      <a:pt x="700" y="190"/>
                    </a:lnTo>
                    <a:lnTo>
                      <a:pt x="682" y="188"/>
                    </a:lnTo>
                    <a:lnTo>
                      <a:pt x="656" y="170"/>
                    </a:lnTo>
                    <a:lnTo>
                      <a:pt x="639" y="151"/>
                    </a:lnTo>
                    <a:lnTo>
                      <a:pt x="661" y="168"/>
                    </a:lnTo>
                    <a:lnTo>
                      <a:pt x="683" y="183"/>
                    </a:lnTo>
                    <a:lnTo>
                      <a:pt x="700" y="185"/>
                    </a:lnTo>
                    <a:lnTo>
                      <a:pt x="700" y="163"/>
                    </a:lnTo>
                    <a:lnTo>
                      <a:pt x="707" y="154"/>
                    </a:lnTo>
                    <a:lnTo>
                      <a:pt x="707" y="149"/>
                    </a:lnTo>
                    <a:lnTo>
                      <a:pt x="700" y="149"/>
                    </a:lnTo>
                    <a:lnTo>
                      <a:pt x="692" y="146"/>
                    </a:lnTo>
                    <a:lnTo>
                      <a:pt x="685" y="142"/>
                    </a:lnTo>
                    <a:lnTo>
                      <a:pt x="677" y="139"/>
                    </a:lnTo>
                    <a:lnTo>
                      <a:pt x="672" y="134"/>
                    </a:lnTo>
                    <a:lnTo>
                      <a:pt x="665" y="131"/>
                    </a:lnTo>
                    <a:lnTo>
                      <a:pt x="661" y="129"/>
                    </a:lnTo>
                    <a:lnTo>
                      <a:pt x="660" y="127"/>
                    </a:lnTo>
                    <a:lnTo>
                      <a:pt x="648" y="127"/>
                    </a:lnTo>
                    <a:lnTo>
                      <a:pt x="638" y="124"/>
                    </a:lnTo>
                    <a:lnTo>
                      <a:pt x="629" y="122"/>
                    </a:lnTo>
                    <a:lnTo>
                      <a:pt x="624" y="119"/>
                    </a:lnTo>
                    <a:lnTo>
                      <a:pt x="621" y="115"/>
                    </a:lnTo>
                    <a:lnTo>
                      <a:pt x="619" y="112"/>
                    </a:lnTo>
                    <a:lnTo>
                      <a:pt x="617" y="110"/>
                    </a:lnTo>
                    <a:lnTo>
                      <a:pt x="614" y="110"/>
                    </a:lnTo>
                    <a:lnTo>
                      <a:pt x="611" y="112"/>
                    </a:lnTo>
                    <a:lnTo>
                      <a:pt x="607" y="112"/>
                    </a:lnTo>
                    <a:lnTo>
                      <a:pt x="604" y="114"/>
                    </a:lnTo>
                    <a:lnTo>
                      <a:pt x="600" y="114"/>
                    </a:lnTo>
                    <a:lnTo>
                      <a:pt x="597" y="115"/>
                    </a:lnTo>
                    <a:lnTo>
                      <a:pt x="592" y="114"/>
                    </a:lnTo>
                    <a:lnTo>
                      <a:pt x="590" y="110"/>
                    </a:lnTo>
                    <a:lnTo>
                      <a:pt x="589" y="104"/>
                    </a:lnTo>
                    <a:lnTo>
                      <a:pt x="589" y="98"/>
                    </a:lnTo>
                    <a:lnTo>
                      <a:pt x="589" y="92"/>
                    </a:lnTo>
                    <a:lnTo>
                      <a:pt x="589" y="87"/>
                    </a:lnTo>
                    <a:lnTo>
                      <a:pt x="590" y="82"/>
                    </a:lnTo>
                    <a:lnTo>
                      <a:pt x="590" y="80"/>
                    </a:lnTo>
                    <a:lnTo>
                      <a:pt x="592" y="80"/>
                    </a:lnTo>
                    <a:lnTo>
                      <a:pt x="594" y="78"/>
                    </a:lnTo>
                    <a:lnTo>
                      <a:pt x="597" y="76"/>
                    </a:lnTo>
                    <a:lnTo>
                      <a:pt x="599" y="75"/>
                    </a:lnTo>
                    <a:lnTo>
                      <a:pt x="606" y="65"/>
                    </a:lnTo>
                    <a:lnTo>
                      <a:pt x="607" y="56"/>
                    </a:lnTo>
                    <a:lnTo>
                      <a:pt x="606" y="48"/>
                    </a:lnTo>
                    <a:lnTo>
                      <a:pt x="600" y="41"/>
                    </a:lnTo>
                    <a:lnTo>
                      <a:pt x="594" y="36"/>
                    </a:lnTo>
                    <a:lnTo>
                      <a:pt x="587" y="32"/>
                    </a:lnTo>
                    <a:lnTo>
                      <a:pt x="582" y="31"/>
                    </a:lnTo>
                    <a:lnTo>
                      <a:pt x="578" y="29"/>
                    </a:lnTo>
                    <a:lnTo>
                      <a:pt x="567" y="29"/>
                    </a:lnTo>
                    <a:lnTo>
                      <a:pt x="560" y="26"/>
                    </a:lnTo>
                    <a:lnTo>
                      <a:pt x="555" y="24"/>
                    </a:lnTo>
                    <a:lnTo>
                      <a:pt x="555" y="19"/>
                    </a:lnTo>
                    <a:lnTo>
                      <a:pt x="555" y="16"/>
                    </a:lnTo>
                    <a:lnTo>
                      <a:pt x="555" y="14"/>
                    </a:lnTo>
                    <a:lnTo>
                      <a:pt x="556" y="10"/>
                    </a:lnTo>
                    <a:lnTo>
                      <a:pt x="556" y="9"/>
                    </a:lnTo>
                    <a:lnTo>
                      <a:pt x="553" y="5"/>
                    </a:lnTo>
                    <a:lnTo>
                      <a:pt x="550" y="2"/>
                    </a:lnTo>
                    <a:lnTo>
                      <a:pt x="545" y="2"/>
                    </a:lnTo>
                    <a:lnTo>
                      <a:pt x="541" y="4"/>
                    </a:lnTo>
                    <a:lnTo>
                      <a:pt x="536" y="5"/>
                    </a:lnTo>
                    <a:lnTo>
                      <a:pt x="533" y="5"/>
                    </a:lnTo>
                    <a:lnTo>
                      <a:pt x="531" y="7"/>
                    </a:lnTo>
                    <a:lnTo>
                      <a:pt x="529" y="9"/>
                    </a:lnTo>
                    <a:lnTo>
                      <a:pt x="531" y="9"/>
                    </a:lnTo>
                    <a:lnTo>
                      <a:pt x="531" y="10"/>
                    </a:lnTo>
                    <a:lnTo>
                      <a:pt x="531" y="14"/>
                    </a:lnTo>
                    <a:lnTo>
                      <a:pt x="531" y="17"/>
                    </a:lnTo>
                    <a:lnTo>
                      <a:pt x="529" y="19"/>
                    </a:lnTo>
                    <a:lnTo>
                      <a:pt x="526" y="21"/>
                    </a:lnTo>
                    <a:lnTo>
                      <a:pt x="521" y="22"/>
                    </a:lnTo>
                    <a:lnTo>
                      <a:pt x="512" y="19"/>
                    </a:lnTo>
                    <a:lnTo>
                      <a:pt x="499" y="14"/>
                    </a:lnTo>
                    <a:lnTo>
                      <a:pt x="497" y="12"/>
                    </a:lnTo>
                    <a:lnTo>
                      <a:pt x="494" y="10"/>
                    </a:lnTo>
                    <a:lnTo>
                      <a:pt x="489" y="9"/>
                    </a:lnTo>
                    <a:lnTo>
                      <a:pt x="484" y="7"/>
                    </a:lnTo>
                    <a:lnTo>
                      <a:pt x="480" y="4"/>
                    </a:lnTo>
                    <a:lnTo>
                      <a:pt x="475" y="2"/>
                    </a:lnTo>
                    <a:lnTo>
                      <a:pt x="472" y="0"/>
                    </a:lnTo>
                    <a:lnTo>
                      <a:pt x="468" y="34"/>
                    </a:lnTo>
                    <a:lnTo>
                      <a:pt x="463" y="39"/>
                    </a:lnTo>
                    <a:lnTo>
                      <a:pt x="463" y="41"/>
                    </a:lnTo>
                    <a:lnTo>
                      <a:pt x="462" y="46"/>
                    </a:lnTo>
                    <a:lnTo>
                      <a:pt x="460" y="51"/>
                    </a:lnTo>
                    <a:lnTo>
                      <a:pt x="457" y="58"/>
                    </a:lnTo>
                    <a:lnTo>
                      <a:pt x="453" y="65"/>
                    </a:lnTo>
                    <a:lnTo>
                      <a:pt x="450" y="68"/>
                    </a:lnTo>
                    <a:lnTo>
                      <a:pt x="446" y="71"/>
                    </a:lnTo>
                    <a:lnTo>
                      <a:pt x="443" y="70"/>
                    </a:lnTo>
                    <a:lnTo>
                      <a:pt x="443" y="71"/>
                    </a:lnTo>
                    <a:lnTo>
                      <a:pt x="443" y="75"/>
                    </a:lnTo>
                    <a:lnTo>
                      <a:pt x="441" y="78"/>
                    </a:lnTo>
                    <a:lnTo>
                      <a:pt x="440" y="83"/>
                    </a:lnTo>
                    <a:lnTo>
                      <a:pt x="438" y="88"/>
                    </a:lnTo>
                    <a:lnTo>
                      <a:pt x="435" y="92"/>
                    </a:lnTo>
                    <a:lnTo>
                      <a:pt x="433" y="92"/>
                    </a:lnTo>
                    <a:lnTo>
                      <a:pt x="430" y="88"/>
                    </a:lnTo>
                    <a:lnTo>
                      <a:pt x="428" y="88"/>
                    </a:lnTo>
                    <a:lnTo>
                      <a:pt x="426" y="87"/>
                    </a:lnTo>
                    <a:lnTo>
                      <a:pt x="424" y="85"/>
                    </a:lnTo>
                    <a:lnTo>
                      <a:pt x="421" y="85"/>
                    </a:lnTo>
                    <a:lnTo>
                      <a:pt x="419" y="87"/>
                    </a:lnTo>
                    <a:lnTo>
                      <a:pt x="416" y="88"/>
                    </a:lnTo>
                    <a:lnTo>
                      <a:pt x="414" y="95"/>
                    </a:lnTo>
                    <a:lnTo>
                      <a:pt x="414" y="105"/>
                    </a:lnTo>
                    <a:lnTo>
                      <a:pt x="414" y="107"/>
                    </a:lnTo>
                    <a:lnTo>
                      <a:pt x="414" y="109"/>
                    </a:lnTo>
                    <a:lnTo>
                      <a:pt x="413" y="112"/>
                    </a:lnTo>
                    <a:lnTo>
                      <a:pt x="413" y="114"/>
                    </a:lnTo>
                    <a:lnTo>
                      <a:pt x="411" y="115"/>
                    </a:lnTo>
                    <a:lnTo>
                      <a:pt x="411" y="117"/>
                    </a:lnTo>
                    <a:lnTo>
                      <a:pt x="411" y="119"/>
                    </a:lnTo>
                    <a:lnTo>
                      <a:pt x="411" y="120"/>
                    </a:lnTo>
                    <a:lnTo>
                      <a:pt x="409" y="124"/>
                    </a:lnTo>
                    <a:lnTo>
                      <a:pt x="408" y="131"/>
                    </a:lnTo>
                    <a:lnTo>
                      <a:pt x="406" y="136"/>
                    </a:lnTo>
                    <a:lnTo>
                      <a:pt x="401" y="139"/>
                    </a:lnTo>
                    <a:lnTo>
                      <a:pt x="396" y="141"/>
                    </a:lnTo>
                    <a:lnTo>
                      <a:pt x="389" y="139"/>
                    </a:lnTo>
                    <a:lnTo>
                      <a:pt x="379" y="132"/>
                    </a:lnTo>
                    <a:lnTo>
                      <a:pt x="377" y="131"/>
                    </a:lnTo>
                    <a:lnTo>
                      <a:pt x="374" y="129"/>
                    </a:lnTo>
                    <a:lnTo>
                      <a:pt x="370" y="127"/>
                    </a:lnTo>
                    <a:lnTo>
                      <a:pt x="367" y="127"/>
                    </a:lnTo>
                    <a:lnTo>
                      <a:pt x="364" y="129"/>
                    </a:lnTo>
                    <a:lnTo>
                      <a:pt x="362" y="132"/>
                    </a:lnTo>
                    <a:lnTo>
                      <a:pt x="362" y="139"/>
                    </a:lnTo>
                    <a:lnTo>
                      <a:pt x="364" y="149"/>
                    </a:lnTo>
                    <a:lnTo>
                      <a:pt x="364" y="151"/>
                    </a:lnTo>
                    <a:lnTo>
                      <a:pt x="364" y="154"/>
                    </a:lnTo>
                    <a:lnTo>
                      <a:pt x="362" y="156"/>
                    </a:lnTo>
                    <a:lnTo>
                      <a:pt x="360" y="158"/>
                    </a:lnTo>
                    <a:lnTo>
                      <a:pt x="360" y="161"/>
                    </a:lnTo>
                    <a:lnTo>
                      <a:pt x="358" y="163"/>
                    </a:lnTo>
                    <a:lnTo>
                      <a:pt x="358" y="164"/>
                    </a:lnTo>
                    <a:lnTo>
                      <a:pt x="357" y="164"/>
                    </a:lnTo>
                    <a:lnTo>
                      <a:pt x="355" y="176"/>
                    </a:lnTo>
                    <a:lnTo>
                      <a:pt x="353" y="178"/>
                    </a:lnTo>
                    <a:lnTo>
                      <a:pt x="352" y="180"/>
                    </a:lnTo>
                    <a:lnTo>
                      <a:pt x="352" y="181"/>
                    </a:lnTo>
                    <a:lnTo>
                      <a:pt x="350" y="185"/>
                    </a:lnTo>
                    <a:lnTo>
                      <a:pt x="348" y="190"/>
                    </a:lnTo>
                    <a:lnTo>
                      <a:pt x="347" y="197"/>
                    </a:lnTo>
                    <a:lnTo>
                      <a:pt x="347" y="203"/>
                    </a:lnTo>
                    <a:lnTo>
                      <a:pt x="347" y="207"/>
                    </a:lnTo>
                    <a:lnTo>
                      <a:pt x="343" y="210"/>
                    </a:lnTo>
                    <a:lnTo>
                      <a:pt x="340" y="215"/>
                    </a:lnTo>
                    <a:lnTo>
                      <a:pt x="336" y="220"/>
                    </a:lnTo>
                    <a:lnTo>
                      <a:pt x="333" y="225"/>
                    </a:lnTo>
                    <a:lnTo>
                      <a:pt x="330" y="230"/>
                    </a:lnTo>
                    <a:lnTo>
                      <a:pt x="328" y="236"/>
                    </a:lnTo>
                    <a:lnTo>
                      <a:pt x="326" y="241"/>
                    </a:lnTo>
                    <a:lnTo>
                      <a:pt x="326" y="242"/>
                    </a:lnTo>
                    <a:lnTo>
                      <a:pt x="326" y="244"/>
                    </a:lnTo>
                    <a:lnTo>
                      <a:pt x="326" y="246"/>
                    </a:lnTo>
                    <a:lnTo>
                      <a:pt x="326" y="249"/>
                    </a:lnTo>
                    <a:lnTo>
                      <a:pt x="326" y="251"/>
                    </a:lnTo>
                    <a:lnTo>
                      <a:pt x="326" y="252"/>
                    </a:lnTo>
                    <a:lnTo>
                      <a:pt x="326" y="254"/>
                    </a:lnTo>
                    <a:lnTo>
                      <a:pt x="331" y="258"/>
                    </a:lnTo>
                    <a:lnTo>
                      <a:pt x="325" y="266"/>
                    </a:lnTo>
                    <a:lnTo>
                      <a:pt x="330" y="273"/>
                    </a:lnTo>
                    <a:lnTo>
                      <a:pt x="313" y="285"/>
                    </a:lnTo>
                    <a:lnTo>
                      <a:pt x="311" y="285"/>
                    </a:lnTo>
                    <a:lnTo>
                      <a:pt x="308" y="283"/>
                    </a:lnTo>
                    <a:lnTo>
                      <a:pt x="304" y="283"/>
                    </a:lnTo>
                    <a:lnTo>
                      <a:pt x="299" y="283"/>
                    </a:lnTo>
                    <a:lnTo>
                      <a:pt x="296" y="285"/>
                    </a:lnTo>
                    <a:lnTo>
                      <a:pt x="291" y="290"/>
                    </a:lnTo>
                    <a:lnTo>
                      <a:pt x="289" y="296"/>
                    </a:lnTo>
                    <a:lnTo>
                      <a:pt x="287" y="295"/>
                    </a:lnTo>
                    <a:lnTo>
                      <a:pt x="286" y="293"/>
                    </a:lnTo>
                    <a:lnTo>
                      <a:pt x="282" y="293"/>
                    </a:lnTo>
                    <a:lnTo>
                      <a:pt x="277" y="291"/>
                    </a:lnTo>
                    <a:lnTo>
                      <a:pt x="274" y="291"/>
                    </a:lnTo>
                    <a:lnTo>
                      <a:pt x="272" y="293"/>
                    </a:lnTo>
                    <a:lnTo>
                      <a:pt x="272" y="296"/>
                    </a:lnTo>
                    <a:lnTo>
                      <a:pt x="274" y="303"/>
                    </a:lnTo>
                    <a:lnTo>
                      <a:pt x="274" y="305"/>
                    </a:lnTo>
                    <a:lnTo>
                      <a:pt x="272" y="307"/>
                    </a:lnTo>
                    <a:lnTo>
                      <a:pt x="270" y="307"/>
                    </a:lnTo>
                    <a:lnTo>
                      <a:pt x="267" y="308"/>
                    </a:lnTo>
                    <a:lnTo>
                      <a:pt x="264" y="310"/>
                    </a:lnTo>
                    <a:lnTo>
                      <a:pt x="262" y="312"/>
                    </a:lnTo>
                    <a:lnTo>
                      <a:pt x="260" y="312"/>
                    </a:lnTo>
                    <a:lnTo>
                      <a:pt x="259" y="313"/>
                    </a:lnTo>
                    <a:lnTo>
                      <a:pt x="255" y="315"/>
                    </a:lnTo>
                    <a:lnTo>
                      <a:pt x="250" y="317"/>
                    </a:lnTo>
                    <a:lnTo>
                      <a:pt x="243" y="318"/>
                    </a:lnTo>
                    <a:lnTo>
                      <a:pt x="238" y="318"/>
                    </a:lnTo>
                    <a:lnTo>
                      <a:pt x="233" y="318"/>
                    </a:lnTo>
                    <a:lnTo>
                      <a:pt x="230" y="317"/>
                    </a:lnTo>
                    <a:lnTo>
                      <a:pt x="228" y="312"/>
                    </a:lnTo>
                    <a:lnTo>
                      <a:pt x="226" y="315"/>
                    </a:lnTo>
                    <a:lnTo>
                      <a:pt x="223" y="318"/>
                    </a:lnTo>
                    <a:lnTo>
                      <a:pt x="220" y="322"/>
                    </a:lnTo>
                    <a:lnTo>
                      <a:pt x="215" y="327"/>
                    </a:lnTo>
                    <a:lnTo>
                      <a:pt x="210" y="329"/>
                    </a:lnTo>
                    <a:lnTo>
                      <a:pt x="204" y="329"/>
                    </a:lnTo>
                    <a:lnTo>
                      <a:pt x="198" y="327"/>
                    </a:lnTo>
                    <a:lnTo>
                      <a:pt x="196" y="327"/>
                    </a:lnTo>
                    <a:lnTo>
                      <a:pt x="193" y="327"/>
                    </a:lnTo>
                    <a:lnTo>
                      <a:pt x="189" y="325"/>
                    </a:lnTo>
                    <a:lnTo>
                      <a:pt x="186" y="324"/>
                    </a:lnTo>
                    <a:lnTo>
                      <a:pt x="181" y="322"/>
                    </a:lnTo>
                    <a:lnTo>
                      <a:pt x="176" y="317"/>
                    </a:lnTo>
                    <a:lnTo>
                      <a:pt x="171" y="312"/>
                    </a:lnTo>
                    <a:lnTo>
                      <a:pt x="167" y="305"/>
                    </a:lnTo>
                    <a:lnTo>
                      <a:pt x="166" y="302"/>
                    </a:lnTo>
                    <a:lnTo>
                      <a:pt x="166" y="298"/>
                    </a:lnTo>
                    <a:lnTo>
                      <a:pt x="166" y="295"/>
                    </a:lnTo>
                    <a:lnTo>
                      <a:pt x="164" y="293"/>
                    </a:lnTo>
                    <a:lnTo>
                      <a:pt x="140" y="325"/>
                    </a:lnTo>
                    <a:lnTo>
                      <a:pt x="140" y="324"/>
                    </a:lnTo>
                    <a:lnTo>
                      <a:pt x="142" y="324"/>
                    </a:lnTo>
                    <a:lnTo>
                      <a:pt x="142" y="322"/>
                    </a:lnTo>
                    <a:lnTo>
                      <a:pt x="144" y="320"/>
                    </a:lnTo>
                    <a:lnTo>
                      <a:pt x="145" y="318"/>
                    </a:lnTo>
                    <a:lnTo>
                      <a:pt x="144" y="318"/>
                    </a:lnTo>
                    <a:lnTo>
                      <a:pt x="142" y="320"/>
                    </a:lnTo>
                    <a:lnTo>
                      <a:pt x="140" y="325"/>
                    </a:lnTo>
                    <a:lnTo>
                      <a:pt x="135" y="330"/>
                    </a:lnTo>
                    <a:lnTo>
                      <a:pt x="130" y="334"/>
                    </a:lnTo>
                    <a:lnTo>
                      <a:pt x="125" y="337"/>
                    </a:lnTo>
                    <a:lnTo>
                      <a:pt x="118" y="340"/>
                    </a:lnTo>
                    <a:lnTo>
                      <a:pt x="113" y="344"/>
                    </a:lnTo>
                    <a:lnTo>
                      <a:pt x="108" y="347"/>
                    </a:lnTo>
                    <a:lnTo>
                      <a:pt x="105" y="351"/>
                    </a:lnTo>
                    <a:lnTo>
                      <a:pt x="103" y="357"/>
                    </a:lnTo>
                    <a:lnTo>
                      <a:pt x="101" y="361"/>
                    </a:lnTo>
                    <a:lnTo>
                      <a:pt x="100" y="364"/>
                    </a:lnTo>
                    <a:lnTo>
                      <a:pt x="98" y="368"/>
                    </a:lnTo>
                    <a:lnTo>
                      <a:pt x="96" y="371"/>
                    </a:lnTo>
                    <a:lnTo>
                      <a:pt x="94" y="373"/>
                    </a:lnTo>
                    <a:lnTo>
                      <a:pt x="93" y="374"/>
                    </a:lnTo>
                    <a:lnTo>
                      <a:pt x="91" y="376"/>
                    </a:lnTo>
                    <a:lnTo>
                      <a:pt x="89" y="379"/>
                    </a:lnTo>
                    <a:lnTo>
                      <a:pt x="89" y="381"/>
                    </a:lnTo>
                    <a:lnTo>
                      <a:pt x="88" y="383"/>
                    </a:lnTo>
                    <a:lnTo>
                      <a:pt x="88" y="384"/>
                    </a:lnTo>
                    <a:lnTo>
                      <a:pt x="88" y="388"/>
                    </a:lnTo>
                    <a:lnTo>
                      <a:pt x="86" y="388"/>
                    </a:lnTo>
                    <a:lnTo>
                      <a:pt x="84" y="390"/>
                    </a:lnTo>
                    <a:lnTo>
                      <a:pt x="84" y="391"/>
                    </a:lnTo>
                    <a:lnTo>
                      <a:pt x="81" y="391"/>
                    </a:lnTo>
                    <a:lnTo>
                      <a:pt x="76" y="395"/>
                    </a:lnTo>
                    <a:lnTo>
                      <a:pt x="71" y="396"/>
                    </a:lnTo>
                    <a:lnTo>
                      <a:pt x="67" y="400"/>
                    </a:lnTo>
                    <a:lnTo>
                      <a:pt x="66" y="401"/>
                    </a:lnTo>
                    <a:lnTo>
                      <a:pt x="64" y="405"/>
                    </a:lnTo>
                    <a:lnTo>
                      <a:pt x="62" y="406"/>
                    </a:lnTo>
                    <a:lnTo>
                      <a:pt x="62" y="408"/>
                    </a:lnTo>
                    <a:lnTo>
                      <a:pt x="61" y="410"/>
                    </a:lnTo>
                    <a:lnTo>
                      <a:pt x="59" y="410"/>
                    </a:lnTo>
                    <a:lnTo>
                      <a:pt x="56" y="412"/>
                    </a:lnTo>
                    <a:lnTo>
                      <a:pt x="52" y="413"/>
                    </a:lnTo>
                    <a:lnTo>
                      <a:pt x="47" y="417"/>
                    </a:lnTo>
                    <a:lnTo>
                      <a:pt x="42" y="418"/>
                    </a:lnTo>
                    <a:lnTo>
                      <a:pt x="37" y="422"/>
                    </a:lnTo>
                    <a:lnTo>
                      <a:pt x="32" y="423"/>
                    </a:lnTo>
                    <a:lnTo>
                      <a:pt x="27" y="427"/>
                    </a:lnTo>
                    <a:lnTo>
                      <a:pt x="22" y="428"/>
                    </a:lnTo>
                    <a:lnTo>
                      <a:pt x="17" y="432"/>
                    </a:lnTo>
                    <a:lnTo>
                      <a:pt x="12" y="434"/>
                    </a:lnTo>
                    <a:lnTo>
                      <a:pt x="8" y="435"/>
                    </a:lnTo>
                    <a:lnTo>
                      <a:pt x="5" y="437"/>
                    </a:lnTo>
                    <a:lnTo>
                      <a:pt x="1" y="439"/>
                    </a:lnTo>
                    <a:lnTo>
                      <a:pt x="0" y="440"/>
                    </a:lnTo>
                    <a:lnTo>
                      <a:pt x="181" y="413"/>
                    </a:lnTo>
                    <a:lnTo>
                      <a:pt x="193" y="406"/>
                    </a:lnTo>
                    <a:lnTo>
                      <a:pt x="208" y="406"/>
                    </a:lnTo>
                    <a:lnTo>
                      <a:pt x="210" y="406"/>
                    </a:lnTo>
                    <a:lnTo>
                      <a:pt x="213" y="406"/>
                    </a:lnTo>
                    <a:lnTo>
                      <a:pt x="218" y="406"/>
                    </a:lnTo>
                    <a:lnTo>
                      <a:pt x="223" y="405"/>
                    </a:lnTo>
                    <a:lnTo>
                      <a:pt x="230" y="405"/>
                    </a:lnTo>
                    <a:lnTo>
                      <a:pt x="238" y="403"/>
                    </a:lnTo>
                    <a:lnTo>
                      <a:pt x="248" y="403"/>
                    </a:lnTo>
                    <a:lnTo>
                      <a:pt x="259" y="401"/>
                    </a:lnTo>
                    <a:lnTo>
                      <a:pt x="270" y="400"/>
                    </a:lnTo>
                    <a:lnTo>
                      <a:pt x="282" y="398"/>
                    </a:lnTo>
                    <a:lnTo>
                      <a:pt x="296" y="396"/>
                    </a:lnTo>
                    <a:lnTo>
                      <a:pt x="311" y="395"/>
                    </a:lnTo>
                    <a:lnTo>
                      <a:pt x="326" y="393"/>
                    </a:lnTo>
                    <a:lnTo>
                      <a:pt x="343" y="391"/>
                    </a:lnTo>
                    <a:lnTo>
                      <a:pt x="360" y="388"/>
                    </a:lnTo>
                    <a:lnTo>
                      <a:pt x="379" y="386"/>
                    </a:lnTo>
                    <a:lnTo>
                      <a:pt x="399" y="383"/>
                    </a:lnTo>
                    <a:lnTo>
                      <a:pt x="419" y="379"/>
                    </a:lnTo>
                    <a:lnTo>
                      <a:pt x="441" y="376"/>
                    </a:lnTo>
                    <a:lnTo>
                      <a:pt x="463" y="373"/>
                    </a:lnTo>
                    <a:lnTo>
                      <a:pt x="485" y="368"/>
                    </a:lnTo>
                    <a:lnTo>
                      <a:pt x="509" y="364"/>
                    </a:lnTo>
                    <a:lnTo>
                      <a:pt x="534" y="359"/>
                    </a:lnTo>
                    <a:lnTo>
                      <a:pt x="560" y="356"/>
                    </a:lnTo>
                    <a:lnTo>
                      <a:pt x="585" y="351"/>
                    </a:lnTo>
                    <a:lnTo>
                      <a:pt x="612" y="344"/>
                    </a:lnTo>
                    <a:lnTo>
                      <a:pt x="639" y="339"/>
                    </a:lnTo>
                    <a:lnTo>
                      <a:pt x="668" y="332"/>
                    </a:lnTo>
                    <a:lnTo>
                      <a:pt x="697" y="327"/>
                    </a:lnTo>
                    <a:lnTo>
                      <a:pt x="726" y="320"/>
                    </a:lnTo>
                    <a:lnTo>
                      <a:pt x="756" y="312"/>
                    </a:lnTo>
                    <a:lnTo>
                      <a:pt x="761" y="31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13" name="Freeform 56"/>
              <p:cNvSpPr>
                <a:spLocks/>
              </p:cNvSpPr>
              <p:nvPr/>
            </p:nvSpPr>
            <p:spPr bwMode="auto">
              <a:xfrm>
                <a:off x="2028" y="1485"/>
                <a:ext cx="671" cy="471"/>
              </a:xfrm>
              <a:custGeom>
                <a:avLst/>
                <a:gdLst>
                  <a:gd name="T0" fmla="*/ 341 w 690"/>
                  <a:gd name="T1" fmla="*/ 339 h 476"/>
                  <a:gd name="T2" fmla="*/ 355 w 690"/>
                  <a:gd name="T3" fmla="*/ 352 h 476"/>
                  <a:gd name="T4" fmla="*/ 363 w 690"/>
                  <a:gd name="T5" fmla="*/ 361 h 476"/>
                  <a:gd name="T6" fmla="*/ 371 w 690"/>
                  <a:gd name="T7" fmla="*/ 366 h 476"/>
                  <a:gd name="T8" fmla="*/ 377 w 690"/>
                  <a:gd name="T9" fmla="*/ 357 h 476"/>
                  <a:gd name="T10" fmla="*/ 415 w 690"/>
                  <a:gd name="T11" fmla="*/ 354 h 476"/>
                  <a:gd name="T12" fmla="*/ 429 w 690"/>
                  <a:gd name="T13" fmla="*/ 366 h 476"/>
                  <a:gd name="T14" fmla="*/ 435 w 690"/>
                  <a:gd name="T15" fmla="*/ 369 h 476"/>
                  <a:gd name="T16" fmla="*/ 448 w 690"/>
                  <a:gd name="T17" fmla="*/ 377 h 476"/>
                  <a:gd name="T18" fmla="*/ 453 w 690"/>
                  <a:gd name="T19" fmla="*/ 389 h 476"/>
                  <a:gd name="T20" fmla="*/ 456 w 690"/>
                  <a:gd name="T21" fmla="*/ 396 h 476"/>
                  <a:gd name="T22" fmla="*/ 463 w 690"/>
                  <a:gd name="T23" fmla="*/ 404 h 476"/>
                  <a:gd name="T24" fmla="*/ 467 w 690"/>
                  <a:gd name="T25" fmla="*/ 410 h 476"/>
                  <a:gd name="T26" fmla="*/ 462 w 690"/>
                  <a:gd name="T27" fmla="*/ 381 h 476"/>
                  <a:gd name="T28" fmla="*/ 466 w 690"/>
                  <a:gd name="T29" fmla="*/ 315 h 476"/>
                  <a:gd name="T30" fmla="*/ 460 w 690"/>
                  <a:gd name="T31" fmla="*/ 305 h 476"/>
                  <a:gd name="T32" fmla="*/ 458 w 690"/>
                  <a:gd name="T33" fmla="*/ 288 h 476"/>
                  <a:gd name="T34" fmla="*/ 465 w 690"/>
                  <a:gd name="T35" fmla="*/ 86 h 476"/>
                  <a:gd name="T36" fmla="*/ 456 w 690"/>
                  <a:gd name="T37" fmla="*/ 76 h 476"/>
                  <a:gd name="T38" fmla="*/ 448 w 690"/>
                  <a:gd name="T39" fmla="*/ 66 h 476"/>
                  <a:gd name="T40" fmla="*/ 442 w 690"/>
                  <a:gd name="T41" fmla="*/ 59 h 476"/>
                  <a:gd name="T42" fmla="*/ 445 w 690"/>
                  <a:gd name="T43" fmla="*/ 47 h 476"/>
                  <a:gd name="T44" fmla="*/ 449 w 690"/>
                  <a:gd name="T45" fmla="*/ 47 h 476"/>
                  <a:gd name="T46" fmla="*/ 459 w 690"/>
                  <a:gd name="T47" fmla="*/ 26 h 476"/>
                  <a:gd name="T48" fmla="*/ 454 w 690"/>
                  <a:gd name="T49" fmla="*/ 27 h 476"/>
                  <a:gd name="T50" fmla="*/ 433 w 690"/>
                  <a:gd name="T51" fmla="*/ 26 h 476"/>
                  <a:gd name="T52" fmla="*/ 395 w 690"/>
                  <a:gd name="T53" fmla="*/ 24 h 476"/>
                  <a:gd name="T54" fmla="*/ 348 w 690"/>
                  <a:gd name="T55" fmla="*/ 22 h 476"/>
                  <a:gd name="T56" fmla="*/ 292 w 690"/>
                  <a:gd name="T57" fmla="*/ 19 h 476"/>
                  <a:gd name="T58" fmla="*/ 234 w 690"/>
                  <a:gd name="T59" fmla="*/ 17 h 476"/>
                  <a:gd name="T60" fmla="*/ 177 w 690"/>
                  <a:gd name="T61" fmla="*/ 14 h 476"/>
                  <a:gd name="T62" fmla="*/ 122 w 690"/>
                  <a:gd name="T63" fmla="*/ 10 h 476"/>
                  <a:gd name="T64" fmla="*/ 76 w 690"/>
                  <a:gd name="T65" fmla="*/ 7 h 476"/>
                  <a:gd name="T66" fmla="*/ 43 w 690"/>
                  <a:gd name="T67" fmla="*/ 4 h 476"/>
                  <a:gd name="T68" fmla="*/ 18 w 690"/>
                  <a:gd name="T69" fmla="*/ 0 h 476"/>
                  <a:gd name="T70" fmla="*/ 0 w 690"/>
                  <a:gd name="T71" fmla="*/ 315 h 476"/>
                  <a:gd name="T72" fmla="*/ 18 w 690"/>
                  <a:gd name="T73" fmla="*/ 318 h 476"/>
                  <a:gd name="T74" fmla="*/ 45 w 690"/>
                  <a:gd name="T75" fmla="*/ 321 h 476"/>
                  <a:gd name="T76" fmla="*/ 80 w 690"/>
                  <a:gd name="T77" fmla="*/ 321 h 476"/>
                  <a:gd name="T78" fmla="*/ 121 w 690"/>
                  <a:gd name="T79" fmla="*/ 324 h 476"/>
                  <a:gd name="T80" fmla="*/ 165 w 690"/>
                  <a:gd name="T81" fmla="*/ 327 h 476"/>
                  <a:gd name="T82" fmla="*/ 211 w 690"/>
                  <a:gd name="T83" fmla="*/ 329 h 476"/>
                  <a:gd name="T84" fmla="*/ 254 w 690"/>
                  <a:gd name="T85" fmla="*/ 330 h 476"/>
                  <a:gd name="T86" fmla="*/ 289 w 690"/>
                  <a:gd name="T87" fmla="*/ 332 h 476"/>
                  <a:gd name="T88" fmla="*/ 317 w 690"/>
                  <a:gd name="T89" fmla="*/ 334 h 476"/>
                  <a:gd name="T90" fmla="*/ 333 w 690"/>
                  <a:gd name="T91" fmla="*/ 335 h 47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w 690"/>
                  <a:gd name="T139" fmla="*/ 0 h 476"/>
                  <a:gd name="T140" fmla="*/ 690 w 690"/>
                  <a:gd name="T141" fmla="*/ 476 h 476"/>
                </a:gdLst>
                <a:ahLst/>
                <a:cxnLst>
                  <a:cxn ang="T92">
                    <a:pos x="T0" y="T1"/>
                  </a:cxn>
                  <a:cxn ang="T93">
                    <a:pos x="T2" y="T3"/>
                  </a:cxn>
                  <a:cxn ang="T94">
                    <a:pos x="T4" y="T5"/>
                  </a:cxn>
                  <a:cxn ang="T95">
                    <a:pos x="T6" y="T7"/>
                  </a:cxn>
                  <a:cxn ang="T96">
                    <a:pos x="T8" y="T9"/>
                  </a:cxn>
                  <a:cxn ang="T97">
                    <a:pos x="T10" y="T11"/>
                  </a:cxn>
                  <a:cxn ang="T98">
                    <a:pos x="T12" y="T13"/>
                  </a:cxn>
                  <a:cxn ang="T99">
                    <a:pos x="T14" y="T15"/>
                  </a:cxn>
                  <a:cxn ang="T100">
                    <a:pos x="T16" y="T17"/>
                  </a:cxn>
                  <a:cxn ang="T101">
                    <a:pos x="T18" y="T19"/>
                  </a:cxn>
                  <a:cxn ang="T102">
                    <a:pos x="T20" y="T21"/>
                  </a:cxn>
                  <a:cxn ang="T103">
                    <a:pos x="T22" y="T23"/>
                  </a:cxn>
                  <a:cxn ang="T104">
                    <a:pos x="T24" y="T25"/>
                  </a:cxn>
                  <a:cxn ang="T105">
                    <a:pos x="T26" y="T27"/>
                  </a:cxn>
                  <a:cxn ang="T106">
                    <a:pos x="T28" y="T29"/>
                  </a:cxn>
                  <a:cxn ang="T107">
                    <a:pos x="T30" y="T31"/>
                  </a:cxn>
                  <a:cxn ang="T108">
                    <a:pos x="T32" y="T33"/>
                  </a:cxn>
                  <a:cxn ang="T109">
                    <a:pos x="T34" y="T35"/>
                  </a:cxn>
                  <a:cxn ang="T110">
                    <a:pos x="T36" y="T37"/>
                  </a:cxn>
                  <a:cxn ang="T111">
                    <a:pos x="T38" y="T39"/>
                  </a:cxn>
                  <a:cxn ang="T112">
                    <a:pos x="T40" y="T41"/>
                  </a:cxn>
                  <a:cxn ang="T113">
                    <a:pos x="T42" y="T43"/>
                  </a:cxn>
                  <a:cxn ang="T114">
                    <a:pos x="T44" y="T45"/>
                  </a:cxn>
                  <a:cxn ang="T115">
                    <a:pos x="T46" y="T47"/>
                  </a:cxn>
                  <a:cxn ang="T116">
                    <a:pos x="T48" y="T49"/>
                  </a:cxn>
                  <a:cxn ang="T117">
                    <a:pos x="T50" y="T51"/>
                  </a:cxn>
                  <a:cxn ang="T118">
                    <a:pos x="T52" y="T53"/>
                  </a:cxn>
                  <a:cxn ang="T119">
                    <a:pos x="T54" y="T55"/>
                  </a:cxn>
                  <a:cxn ang="T120">
                    <a:pos x="T56" y="T57"/>
                  </a:cxn>
                  <a:cxn ang="T121">
                    <a:pos x="T58" y="T59"/>
                  </a:cxn>
                  <a:cxn ang="T122">
                    <a:pos x="T60" y="T61"/>
                  </a:cxn>
                  <a:cxn ang="T123">
                    <a:pos x="T62" y="T63"/>
                  </a:cxn>
                  <a:cxn ang="T124">
                    <a:pos x="T64" y="T65"/>
                  </a:cxn>
                  <a:cxn ang="T125">
                    <a:pos x="T66" y="T67"/>
                  </a:cxn>
                  <a:cxn ang="T126">
                    <a:pos x="T68" y="T69"/>
                  </a:cxn>
                  <a:cxn ang="T127">
                    <a:pos x="T70" y="T71"/>
                  </a:cxn>
                  <a:cxn ang="T128">
                    <a:pos x="T72" y="T73"/>
                  </a:cxn>
                  <a:cxn ang="T129">
                    <a:pos x="T74" y="T75"/>
                  </a:cxn>
                  <a:cxn ang="T130">
                    <a:pos x="T76" y="T77"/>
                  </a:cxn>
                  <a:cxn ang="T131">
                    <a:pos x="T78" y="T79"/>
                  </a:cxn>
                  <a:cxn ang="T132">
                    <a:pos x="T80" y="T81"/>
                  </a:cxn>
                  <a:cxn ang="T133">
                    <a:pos x="T82" y="T83"/>
                  </a:cxn>
                  <a:cxn ang="T134">
                    <a:pos x="T84" y="T85"/>
                  </a:cxn>
                  <a:cxn ang="T135">
                    <a:pos x="T86" y="T87"/>
                  </a:cxn>
                  <a:cxn ang="T136">
                    <a:pos x="T88" y="T89"/>
                  </a:cxn>
                  <a:cxn ang="T137">
                    <a:pos x="T90" y="T91"/>
                  </a:cxn>
                </a:cxnLst>
                <a:rect l="T138" t="T139" r="T140" b="T141"/>
                <a:pathLst>
                  <a:path w="690" h="476">
                    <a:moveTo>
                      <a:pt x="497" y="391"/>
                    </a:moveTo>
                    <a:lnTo>
                      <a:pt x="499" y="391"/>
                    </a:lnTo>
                    <a:lnTo>
                      <a:pt x="504" y="395"/>
                    </a:lnTo>
                    <a:lnTo>
                      <a:pt x="511" y="398"/>
                    </a:lnTo>
                    <a:lnTo>
                      <a:pt x="518" y="403"/>
                    </a:lnTo>
                    <a:lnTo>
                      <a:pt x="525" y="408"/>
                    </a:lnTo>
                    <a:lnTo>
                      <a:pt x="531" y="412"/>
                    </a:lnTo>
                    <a:lnTo>
                      <a:pt x="536" y="415"/>
                    </a:lnTo>
                    <a:lnTo>
                      <a:pt x="538" y="417"/>
                    </a:lnTo>
                    <a:lnTo>
                      <a:pt x="541" y="420"/>
                    </a:lnTo>
                    <a:lnTo>
                      <a:pt x="545" y="422"/>
                    </a:lnTo>
                    <a:lnTo>
                      <a:pt x="548" y="422"/>
                    </a:lnTo>
                    <a:lnTo>
                      <a:pt x="552" y="418"/>
                    </a:lnTo>
                    <a:lnTo>
                      <a:pt x="555" y="417"/>
                    </a:lnTo>
                    <a:lnTo>
                      <a:pt x="558" y="413"/>
                    </a:lnTo>
                    <a:lnTo>
                      <a:pt x="560" y="412"/>
                    </a:lnTo>
                    <a:lnTo>
                      <a:pt x="560" y="410"/>
                    </a:lnTo>
                    <a:lnTo>
                      <a:pt x="613" y="410"/>
                    </a:lnTo>
                    <a:lnTo>
                      <a:pt x="624" y="420"/>
                    </a:lnTo>
                    <a:lnTo>
                      <a:pt x="635" y="420"/>
                    </a:lnTo>
                    <a:lnTo>
                      <a:pt x="635" y="422"/>
                    </a:lnTo>
                    <a:lnTo>
                      <a:pt x="638" y="423"/>
                    </a:lnTo>
                    <a:lnTo>
                      <a:pt x="641" y="425"/>
                    </a:lnTo>
                    <a:lnTo>
                      <a:pt x="643" y="425"/>
                    </a:lnTo>
                    <a:lnTo>
                      <a:pt x="651" y="427"/>
                    </a:lnTo>
                    <a:lnTo>
                      <a:pt x="657" y="430"/>
                    </a:lnTo>
                    <a:lnTo>
                      <a:pt x="662" y="435"/>
                    </a:lnTo>
                    <a:lnTo>
                      <a:pt x="665" y="440"/>
                    </a:lnTo>
                    <a:lnTo>
                      <a:pt x="668" y="445"/>
                    </a:lnTo>
                    <a:lnTo>
                      <a:pt x="670" y="450"/>
                    </a:lnTo>
                    <a:lnTo>
                      <a:pt x="672" y="454"/>
                    </a:lnTo>
                    <a:lnTo>
                      <a:pt x="673" y="456"/>
                    </a:lnTo>
                    <a:lnTo>
                      <a:pt x="675" y="459"/>
                    </a:lnTo>
                    <a:lnTo>
                      <a:pt x="679" y="461"/>
                    </a:lnTo>
                    <a:lnTo>
                      <a:pt x="682" y="466"/>
                    </a:lnTo>
                    <a:lnTo>
                      <a:pt x="684" y="469"/>
                    </a:lnTo>
                    <a:lnTo>
                      <a:pt x="687" y="471"/>
                    </a:lnTo>
                    <a:lnTo>
                      <a:pt x="689" y="474"/>
                    </a:lnTo>
                    <a:lnTo>
                      <a:pt x="690" y="476"/>
                    </a:lnTo>
                    <a:lnTo>
                      <a:pt x="690" y="461"/>
                    </a:lnTo>
                    <a:lnTo>
                      <a:pt x="682" y="440"/>
                    </a:lnTo>
                    <a:lnTo>
                      <a:pt x="673" y="428"/>
                    </a:lnTo>
                    <a:lnTo>
                      <a:pt x="675" y="420"/>
                    </a:lnTo>
                    <a:lnTo>
                      <a:pt x="689" y="366"/>
                    </a:lnTo>
                    <a:lnTo>
                      <a:pt x="675" y="366"/>
                    </a:lnTo>
                    <a:lnTo>
                      <a:pt x="677" y="357"/>
                    </a:lnTo>
                    <a:lnTo>
                      <a:pt x="680" y="352"/>
                    </a:lnTo>
                    <a:lnTo>
                      <a:pt x="679" y="344"/>
                    </a:lnTo>
                    <a:lnTo>
                      <a:pt x="675" y="335"/>
                    </a:lnTo>
                    <a:lnTo>
                      <a:pt x="677" y="330"/>
                    </a:lnTo>
                    <a:lnTo>
                      <a:pt x="689" y="330"/>
                    </a:lnTo>
                    <a:lnTo>
                      <a:pt x="689" y="102"/>
                    </a:lnTo>
                    <a:lnTo>
                      <a:pt x="687" y="100"/>
                    </a:lnTo>
                    <a:lnTo>
                      <a:pt x="685" y="98"/>
                    </a:lnTo>
                    <a:lnTo>
                      <a:pt x="680" y="95"/>
                    </a:lnTo>
                    <a:lnTo>
                      <a:pt x="675" y="90"/>
                    </a:lnTo>
                    <a:lnTo>
                      <a:pt x="670" y="87"/>
                    </a:lnTo>
                    <a:lnTo>
                      <a:pt x="665" y="83"/>
                    </a:lnTo>
                    <a:lnTo>
                      <a:pt x="662" y="80"/>
                    </a:lnTo>
                    <a:lnTo>
                      <a:pt x="660" y="80"/>
                    </a:lnTo>
                    <a:lnTo>
                      <a:pt x="657" y="76"/>
                    </a:lnTo>
                    <a:lnTo>
                      <a:pt x="655" y="73"/>
                    </a:lnTo>
                    <a:lnTo>
                      <a:pt x="655" y="68"/>
                    </a:lnTo>
                    <a:lnTo>
                      <a:pt x="657" y="65"/>
                    </a:lnTo>
                    <a:lnTo>
                      <a:pt x="658" y="61"/>
                    </a:lnTo>
                    <a:lnTo>
                      <a:pt x="660" y="58"/>
                    </a:lnTo>
                    <a:lnTo>
                      <a:pt x="662" y="56"/>
                    </a:lnTo>
                    <a:lnTo>
                      <a:pt x="663" y="54"/>
                    </a:lnTo>
                    <a:lnTo>
                      <a:pt x="679" y="36"/>
                    </a:lnTo>
                    <a:lnTo>
                      <a:pt x="677" y="27"/>
                    </a:lnTo>
                    <a:lnTo>
                      <a:pt x="679" y="26"/>
                    </a:lnTo>
                    <a:lnTo>
                      <a:pt x="679" y="27"/>
                    </a:lnTo>
                    <a:lnTo>
                      <a:pt x="677" y="27"/>
                    </a:lnTo>
                    <a:lnTo>
                      <a:pt x="672" y="27"/>
                    </a:lnTo>
                    <a:lnTo>
                      <a:pt x="663" y="26"/>
                    </a:lnTo>
                    <a:lnTo>
                      <a:pt x="653" y="26"/>
                    </a:lnTo>
                    <a:lnTo>
                      <a:pt x="640" y="26"/>
                    </a:lnTo>
                    <a:lnTo>
                      <a:pt x="623" y="26"/>
                    </a:lnTo>
                    <a:lnTo>
                      <a:pt x="606" y="24"/>
                    </a:lnTo>
                    <a:lnTo>
                      <a:pt x="585" y="24"/>
                    </a:lnTo>
                    <a:lnTo>
                      <a:pt x="563" y="24"/>
                    </a:lnTo>
                    <a:lnTo>
                      <a:pt x="540" y="22"/>
                    </a:lnTo>
                    <a:lnTo>
                      <a:pt x="514" y="22"/>
                    </a:lnTo>
                    <a:lnTo>
                      <a:pt x="489" y="22"/>
                    </a:lnTo>
                    <a:lnTo>
                      <a:pt x="462" y="21"/>
                    </a:lnTo>
                    <a:lnTo>
                      <a:pt x="433" y="19"/>
                    </a:lnTo>
                    <a:lnTo>
                      <a:pt x="404" y="19"/>
                    </a:lnTo>
                    <a:lnTo>
                      <a:pt x="376" y="17"/>
                    </a:lnTo>
                    <a:lnTo>
                      <a:pt x="347" y="17"/>
                    </a:lnTo>
                    <a:lnTo>
                      <a:pt x="318" y="16"/>
                    </a:lnTo>
                    <a:lnTo>
                      <a:pt x="289" y="14"/>
                    </a:lnTo>
                    <a:lnTo>
                      <a:pt x="261" y="14"/>
                    </a:lnTo>
                    <a:lnTo>
                      <a:pt x="233" y="12"/>
                    </a:lnTo>
                    <a:lnTo>
                      <a:pt x="206" y="10"/>
                    </a:lnTo>
                    <a:lnTo>
                      <a:pt x="181" y="10"/>
                    </a:lnTo>
                    <a:lnTo>
                      <a:pt x="156" y="9"/>
                    </a:lnTo>
                    <a:lnTo>
                      <a:pt x="134" y="9"/>
                    </a:lnTo>
                    <a:lnTo>
                      <a:pt x="112" y="7"/>
                    </a:lnTo>
                    <a:lnTo>
                      <a:pt x="93" y="5"/>
                    </a:lnTo>
                    <a:lnTo>
                      <a:pt x="76" y="4"/>
                    </a:lnTo>
                    <a:lnTo>
                      <a:pt x="61" y="4"/>
                    </a:lnTo>
                    <a:lnTo>
                      <a:pt x="49" y="2"/>
                    </a:lnTo>
                    <a:lnTo>
                      <a:pt x="39" y="0"/>
                    </a:lnTo>
                    <a:lnTo>
                      <a:pt x="32" y="0"/>
                    </a:lnTo>
                    <a:lnTo>
                      <a:pt x="22" y="119"/>
                    </a:lnTo>
                    <a:lnTo>
                      <a:pt x="22" y="117"/>
                    </a:lnTo>
                    <a:lnTo>
                      <a:pt x="0" y="366"/>
                    </a:lnTo>
                    <a:lnTo>
                      <a:pt x="7" y="368"/>
                    </a:lnTo>
                    <a:lnTo>
                      <a:pt x="13" y="368"/>
                    </a:lnTo>
                    <a:lnTo>
                      <a:pt x="24" y="369"/>
                    </a:lnTo>
                    <a:lnTo>
                      <a:pt x="35" y="369"/>
                    </a:lnTo>
                    <a:lnTo>
                      <a:pt x="49" y="371"/>
                    </a:lnTo>
                    <a:lnTo>
                      <a:pt x="64" y="373"/>
                    </a:lnTo>
                    <a:lnTo>
                      <a:pt x="81" y="373"/>
                    </a:lnTo>
                    <a:lnTo>
                      <a:pt x="98" y="374"/>
                    </a:lnTo>
                    <a:lnTo>
                      <a:pt x="118" y="374"/>
                    </a:lnTo>
                    <a:lnTo>
                      <a:pt x="137" y="376"/>
                    </a:lnTo>
                    <a:lnTo>
                      <a:pt x="157" y="378"/>
                    </a:lnTo>
                    <a:lnTo>
                      <a:pt x="179" y="378"/>
                    </a:lnTo>
                    <a:lnTo>
                      <a:pt x="201" y="379"/>
                    </a:lnTo>
                    <a:lnTo>
                      <a:pt x="223" y="379"/>
                    </a:lnTo>
                    <a:lnTo>
                      <a:pt x="245" y="381"/>
                    </a:lnTo>
                    <a:lnTo>
                      <a:pt x="267" y="381"/>
                    </a:lnTo>
                    <a:lnTo>
                      <a:pt x="289" y="383"/>
                    </a:lnTo>
                    <a:lnTo>
                      <a:pt x="311" y="384"/>
                    </a:lnTo>
                    <a:lnTo>
                      <a:pt x="333" y="384"/>
                    </a:lnTo>
                    <a:lnTo>
                      <a:pt x="354" y="386"/>
                    </a:lnTo>
                    <a:lnTo>
                      <a:pt x="374" y="386"/>
                    </a:lnTo>
                    <a:lnTo>
                      <a:pt x="393" y="386"/>
                    </a:lnTo>
                    <a:lnTo>
                      <a:pt x="409" y="388"/>
                    </a:lnTo>
                    <a:lnTo>
                      <a:pt x="426" y="388"/>
                    </a:lnTo>
                    <a:lnTo>
                      <a:pt x="443" y="390"/>
                    </a:lnTo>
                    <a:lnTo>
                      <a:pt x="457" y="390"/>
                    </a:lnTo>
                    <a:lnTo>
                      <a:pt x="469" y="390"/>
                    </a:lnTo>
                    <a:lnTo>
                      <a:pt x="479" y="390"/>
                    </a:lnTo>
                    <a:lnTo>
                      <a:pt x="487" y="390"/>
                    </a:lnTo>
                    <a:lnTo>
                      <a:pt x="492" y="391"/>
                    </a:lnTo>
                    <a:lnTo>
                      <a:pt x="496" y="391"/>
                    </a:lnTo>
                    <a:lnTo>
                      <a:pt x="497" y="391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14" name="Freeform 57"/>
              <p:cNvSpPr>
                <a:spLocks/>
              </p:cNvSpPr>
              <p:nvPr/>
            </p:nvSpPr>
            <p:spPr bwMode="auto">
              <a:xfrm>
                <a:off x="2059" y="1121"/>
                <a:ext cx="630" cy="394"/>
              </a:xfrm>
              <a:custGeom>
                <a:avLst/>
                <a:gdLst>
                  <a:gd name="T0" fmla="*/ 0 w 648"/>
                  <a:gd name="T1" fmla="*/ 246 h 406"/>
                  <a:gd name="T2" fmla="*/ 0 w 648"/>
                  <a:gd name="T3" fmla="*/ 233 h 406"/>
                  <a:gd name="T4" fmla="*/ 3 w 648"/>
                  <a:gd name="T5" fmla="*/ 209 h 406"/>
                  <a:gd name="T6" fmla="*/ 7 w 648"/>
                  <a:gd name="T7" fmla="*/ 180 h 406"/>
                  <a:gd name="T8" fmla="*/ 10 w 648"/>
                  <a:gd name="T9" fmla="*/ 147 h 406"/>
                  <a:gd name="T10" fmla="*/ 15 w 648"/>
                  <a:gd name="T11" fmla="*/ 112 h 406"/>
                  <a:gd name="T12" fmla="*/ 18 w 648"/>
                  <a:gd name="T13" fmla="*/ 79 h 406"/>
                  <a:gd name="T14" fmla="*/ 18 w 648"/>
                  <a:gd name="T15" fmla="*/ 47 h 406"/>
                  <a:gd name="T16" fmla="*/ 18 w 648"/>
                  <a:gd name="T17" fmla="*/ 22 h 406"/>
                  <a:gd name="T18" fmla="*/ 18 w 648"/>
                  <a:gd name="T19" fmla="*/ 9 h 406"/>
                  <a:gd name="T20" fmla="*/ 18 w 648"/>
                  <a:gd name="T21" fmla="*/ 0 h 406"/>
                  <a:gd name="T22" fmla="*/ 22 w 648"/>
                  <a:gd name="T23" fmla="*/ 4 h 406"/>
                  <a:gd name="T24" fmla="*/ 44 w 648"/>
                  <a:gd name="T25" fmla="*/ 4 h 406"/>
                  <a:gd name="T26" fmla="*/ 73 w 648"/>
                  <a:gd name="T27" fmla="*/ 7 h 406"/>
                  <a:gd name="T28" fmla="*/ 111 w 648"/>
                  <a:gd name="T29" fmla="*/ 9 h 406"/>
                  <a:gd name="T30" fmla="*/ 157 w 648"/>
                  <a:gd name="T31" fmla="*/ 12 h 406"/>
                  <a:gd name="T32" fmla="*/ 207 w 648"/>
                  <a:gd name="T33" fmla="*/ 15 h 406"/>
                  <a:gd name="T34" fmla="*/ 256 w 648"/>
                  <a:gd name="T35" fmla="*/ 16 h 406"/>
                  <a:gd name="T36" fmla="*/ 303 w 648"/>
                  <a:gd name="T37" fmla="*/ 16 h 406"/>
                  <a:gd name="T38" fmla="*/ 345 w 648"/>
                  <a:gd name="T39" fmla="*/ 16 h 406"/>
                  <a:gd name="T40" fmla="*/ 379 w 648"/>
                  <a:gd name="T41" fmla="*/ 16 h 406"/>
                  <a:gd name="T42" fmla="*/ 401 w 648"/>
                  <a:gd name="T43" fmla="*/ 16 h 406"/>
                  <a:gd name="T44" fmla="*/ 405 w 648"/>
                  <a:gd name="T45" fmla="*/ 44 h 406"/>
                  <a:gd name="T46" fmla="*/ 403 w 648"/>
                  <a:gd name="T47" fmla="*/ 56 h 406"/>
                  <a:gd name="T48" fmla="*/ 403 w 648"/>
                  <a:gd name="T49" fmla="*/ 73 h 406"/>
                  <a:gd name="T50" fmla="*/ 405 w 648"/>
                  <a:gd name="T51" fmla="*/ 91 h 406"/>
                  <a:gd name="T52" fmla="*/ 410 w 648"/>
                  <a:gd name="T53" fmla="*/ 108 h 406"/>
                  <a:gd name="T54" fmla="*/ 415 w 648"/>
                  <a:gd name="T55" fmla="*/ 116 h 406"/>
                  <a:gd name="T56" fmla="*/ 417 w 648"/>
                  <a:gd name="T57" fmla="*/ 128 h 406"/>
                  <a:gd name="T58" fmla="*/ 421 w 648"/>
                  <a:gd name="T59" fmla="*/ 147 h 406"/>
                  <a:gd name="T60" fmla="*/ 422 w 648"/>
                  <a:gd name="T61" fmla="*/ 159 h 406"/>
                  <a:gd name="T62" fmla="*/ 422 w 648"/>
                  <a:gd name="T63" fmla="*/ 173 h 406"/>
                  <a:gd name="T64" fmla="*/ 422 w 648"/>
                  <a:gd name="T65" fmla="*/ 180 h 406"/>
                  <a:gd name="T66" fmla="*/ 426 w 648"/>
                  <a:gd name="T67" fmla="*/ 224 h 406"/>
                  <a:gd name="T68" fmla="*/ 436 w 648"/>
                  <a:gd name="T69" fmla="*/ 266 h 406"/>
                  <a:gd name="T70" fmla="*/ 432 w 648"/>
                  <a:gd name="T71" fmla="*/ 267 h 406"/>
                  <a:gd name="T72" fmla="*/ 410 w 648"/>
                  <a:gd name="T73" fmla="*/ 266 h 406"/>
                  <a:gd name="T74" fmla="*/ 372 w 648"/>
                  <a:gd name="T75" fmla="*/ 264 h 406"/>
                  <a:gd name="T76" fmla="*/ 325 w 648"/>
                  <a:gd name="T77" fmla="*/ 263 h 406"/>
                  <a:gd name="T78" fmla="*/ 270 w 648"/>
                  <a:gd name="T79" fmla="*/ 262 h 406"/>
                  <a:gd name="T80" fmla="*/ 213 w 648"/>
                  <a:gd name="T81" fmla="*/ 261 h 406"/>
                  <a:gd name="T82" fmla="*/ 154 w 648"/>
                  <a:gd name="T83" fmla="*/ 258 h 406"/>
                  <a:gd name="T84" fmla="*/ 101 w 648"/>
                  <a:gd name="T85" fmla="*/ 255 h 406"/>
                  <a:gd name="T86" fmla="*/ 52 w 648"/>
                  <a:gd name="T87" fmla="*/ 254 h 406"/>
                  <a:gd name="T88" fmla="*/ 18 w 648"/>
                  <a:gd name="T89" fmla="*/ 252 h 406"/>
                  <a:gd name="T90" fmla="*/ 0 w 648"/>
                  <a:gd name="T91" fmla="*/ 248 h 40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w 648"/>
                  <a:gd name="T139" fmla="*/ 0 h 406"/>
                  <a:gd name="T140" fmla="*/ 648 w 648"/>
                  <a:gd name="T141" fmla="*/ 406 h 406"/>
                </a:gdLst>
                <a:ahLst/>
                <a:cxnLst>
                  <a:cxn ang="T92">
                    <a:pos x="T0" y="T1"/>
                  </a:cxn>
                  <a:cxn ang="T93">
                    <a:pos x="T2" y="T3"/>
                  </a:cxn>
                  <a:cxn ang="T94">
                    <a:pos x="T4" y="T5"/>
                  </a:cxn>
                  <a:cxn ang="T95">
                    <a:pos x="T6" y="T7"/>
                  </a:cxn>
                  <a:cxn ang="T96">
                    <a:pos x="T8" y="T9"/>
                  </a:cxn>
                  <a:cxn ang="T97">
                    <a:pos x="T10" y="T11"/>
                  </a:cxn>
                  <a:cxn ang="T98">
                    <a:pos x="T12" y="T13"/>
                  </a:cxn>
                  <a:cxn ang="T99">
                    <a:pos x="T14" y="T15"/>
                  </a:cxn>
                  <a:cxn ang="T100">
                    <a:pos x="T16" y="T17"/>
                  </a:cxn>
                  <a:cxn ang="T101">
                    <a:pos x="T18" y="T19"/>
                  </a:cxn>
                  <a:cxn ang="T102">
                    <a:pos x="T20" y="T21"/>
                  </a:cxn>
                  <a:cxn ang="T103">
                    <a:pos x="T22" y="T23"/>
                  </a:cxn>
                  <a:cxn ang="T104">
                    <a:pos x="T24" y="T25"/>
                  </a:cxn>
                  <a:cxn ang="T105">
                    <a:pos x="T26" y="T27"/>
                  </a:cxn>
                  <a:cxn ang="T106">
                    <a:pos x="T28" y="T29"/>
                  </a:cxn>
                  <a:cxn ang="T107">
                    <a:pos x="T30" y="T31"/>
                  </a:cxn>
                  <a:cxn ang="T108">
                    <a:pos x="T32" y="T33"/>
                  </a:cxn>
                  <a:cxn ang="T109">
                    <a:pos x="T34" y="T35"/>
                  </a:cxn>
                  <a:cxn ang="T110">
                    <a:pos x="T36" y="T37"/>
                  </a:cxn>
                  <a:cxn ang="T111">
                    <a:pos x="T38" y="T39"/>
                  </a:cxn>
                  <a:cxn ang="T112">
                    <a:pos x="T40" y="T41"/>
                  </a:cxn>
                  <a:cxn ang="T113">
                    <a:pos x="T42" y="T43"/>
                  </a:cxn>
                  <a:cxn ang="T114">
                    <a:pos x="T44" y="T45"/>
                  </a:cxn>
                  <a:cxn ang="T115">
                    <a:pos x="T46" y="T47"/>
                  </a:cxn>
                  <a:cxn ang="T116">
                    <a:pos x="T48" y="T49"/>
                  </a:cxn>
                  <a:cxn ang="T117">
                    <a:pos x="T50" y="T51"/>
                  </a:cxn>
                  <a:cxn ang="T118">
                    <a:pos x="T52" y="T53"/>
                  </a:cxn>
                  <a:cxn ang="T119">
                    <a:pos x="T54" y="T55"/>
                  </a:cxn>
                  <a:cxn ang="T120">
                    <a:pos x="T56" y="T57"/>
                  </a:cxn>
                  <a:cxn ang="T121">
                    <a:pos x="T58" y="T59"/>
                  </a:cxn>
                  <a:cxn ang="T122">
                    <a:pos x="T60" y="T61"/>
                  </a:cxn>
                  <a:cxn ang="T123">
                    <a:pos x="T62" y="T63"/>
                  </a:cxn>
                  <a:cxn ang="T124">
                    <a:pos x="T64" y="T65"/>
                  </a:cxn>
                  <a:cxn ang="T125">
                    <a:pos x="T66" y="T67"/>
                  </a:cxn>
                  <a:cxn ang="T126">
                    <a:pos x="T68" y="T69"/>
                  </a:cxn>
                  <a:cxn ang="T127">
                    <a:pos x="T70" y="T71"/>
                  </a:cxn>
                  <a:cxn ang="T128">
                    <a:pos x="T72" y="T73"/>
                  </a:cxn>
                  <a:cxn ang="T129">
                    <a:pos x="T74" y="T75"/>
                  </a:cxn>
                  <a:cxn ang="T130">
                    <a:pos x="T76" y="T77"/>
                  </a:cxn>
                  <a:cxn ang="T131">
                    <a:pos x="T78" y="T79"/>
                  </a:cxn>
                  <a:cxn ang="T132">
                    <a:pos x="T80" y="T81"/>
                  </a:cxn>
                  <a:cxn ang="T133">
                    <a:pos x="T82" y="T83"/>
                  </a:cxn>
                  <a:cxn ang="T134">
                    <a:pos x="T84" y="T85"/>
                  </a:cxn>
                  <a:cxn ang="T135">
                    <a:pos x="T86" y="T87"/>
                  </a:cxn>
                  <a:cxn ang="T136">
                    <a:pos x="T88" y="T89"/>
                  </a:cxn>
                  <a:cxn ang="T137">
                    <a:pos x="T90" y="T91"/>
                  </a:cxn>
                </a:cxnLst>
                <a:rect l="T138" t="T139" r="T140" b="T141"/>
                <a:pathLst>
                  <a:path w="648" h="406">
                    <a:moveTo>
                      <a:pt x="0" y="379"/>
                    </a:moveTo>
                    <a:lnTo>
                      <a:pt x="0" y="378"/>
                    </a:lnTo>
                    <a:lnTo>
                      <a:pt x="0" y="374"/>
                    </a:lnTo>
                    <a:lnTo>
                      <a:pt x="0" y="369"/>
                    </a:lnTo>
                    <a:lnTo>
                      <a:pt x="0" y="362"/>
                    </a:lnTo>
                    <a:lnTo>
                      <a:pt x="0" y="354"/>
                    </a:lnTo>
                    <a:lnTo>
                      <a:pt x="2" y="344"/>
                    </a:lnTo>
                    <a:lnTo>
                      <a:pt x="2" y="332"/>
                    </a:lnTo>
                    <a:lnTo>
                      <a:pt x="3" y="318"/>
                    </a:lnTo>
                    <a:lnTo>
                      <a:pt x="3" y="305"/>
                    </a:lnTo>
                    <a:lnTo>
                      <a:pt x="5" y="291"/>
                    </a:lnTo>
                    <a:lnTo>
                      <a:pt x="7" y="274"/>
                    </a:lnTo>
                    <a:lnTo>
                      <a:pt x="9" y="259"/>
                    </a:lnTo>
                    <a:lnTo>
                      <a:pt x="9" y="242"/>
                    </a:lnTo>
                    <a:lnTo>
                      <a:pt x="10" y="224"/>
                    </a:lnTo>
                    <a:lnTo>
                      <a:pt x="12" y="207"/>
                    </a:lnTo>
                    <a:lnTo>
                      <a:pt x="14" y="190"/>
                    </a:lnTo>
                    <a:lnTo>
                      <a:pt x="15" y="171"/>
                    </a:lnTo>
                    <a:lnTo>
                      <a:pt x="17" y="154"/>
                    </a:lnTo>
                    <a:lnTo>
                      <a:pt x="17" y="137"/>
                    </a:lnTo>
                    <a:lnTo>
                      <a:pt x="19" y="120"/>
                    </a:lnTo>
                    <a:lnTo>
                      <a:pt x="20" y="103"/>
                    </a:lnTo>
                    <a:lnTo>
                      <a:pt x="22" y="88"/>
                    </a:lnTo>
                    <a:lnTo>
                      <a:pt x="24" y="73"/>
                    </a:lnTo>
                    <a:lnTo>
                      <a:pt x="25" y="59"/>
                    </a:lnTo>
                    <a:lnTo>
                      <a:pt x="25" y="46"/>
                    </a:lnTo>
                    <a:lnTo>
                      <a:pt x="27" y="36"/>
                    </a:lnTo>
                    <a:lnTo>
                      <a:pt x="27" y="26"/>
                    </a:lnTo>
                    <a:lnTo>
                      <a:pt x="29" y="17"/>
                    </a:lnTo>
                    <a:lnTo>
                      <a:pt x="29" y="9"/>
                    </a:lnTo>
                    <a:lnTo>
                      <a:pt x="29" y="5"/>
                    </a:lnTo>
                    <a:lnTo>
                      <a:pt x="31" y="2"/>
                    </a:lnTo>
                    <a:lnTo>
                      <a:pt x="31" y="0"/>
                    </a:lnTo>
                    <a:lnTo>
                      <a:pt x="31" y="2"/>
                    </a:lnTo>
                    <a:lnTo>
                      <a:pt x="32" y="2"/>
                    </a:lnTo>
                    <a:lnTo>
                      <a:pt x="36" y="4"/>
                    </a:lnTo>
                    <a:lnTo>
                      <a:pt x="42" y="4"/>
                    </a:lnTo>
                    <a:lnTo>
                      <a:pt x="51" y="4"/>
                    </a:lnTo>
                    <a:lnTo>
                      <a:pt x="63" y="4"/>
                    </a:lnTo>
                    <a:lnTo>
                      <a:pt x="75" y="5"/>
                    </a:lnTo>
                    <a:lnTo>
                      <a:pt x="90" y="5"/>
                    </a:lnTo>
                    <a:lnTo>
                      <a:pt x="107" y="7"/>
                    </a:lnTo>
                    <a:lnTo>
                      <a:pt x="125" y="7"/>
                    </a:lnTo>
                    <a:lnTo>
                      <a:pt x="144" y="9"/>
                    </a:lnTo>
                    <a:lnTo>
                      <a:pt x="164" y="9"/>
                    </a:lnTo>
                    <a:lnTo>
                      <a:pt x="186" y="10"/>
                    </a:lnTo>
                    <a:lnTo>
                      <a:pt x="210" y="12"/>
                    </a:lnTo>
                    <a:lnTo>
                      <a:pt x="232" y="12"/>
                    </a:lnTo>
                    <a:lnTo>
                      <a:pt x="257" y="14"/>
                    </a:lnTo>
                    <a:lnTo>
                      <a:pt x="281" y="14"/>
                    </a:lnTo>
                    <a:lnTo>
                      <a:pt x="306" y="15"/>
                    </a:lnTo>
                    <a:lnTo>
                      <a:pt x="330" y="17"/>
                    </a:lnTo>
                    <a:lnTo>
                      <a:pt x="355" y="17"/>
                    </a:lnTo>
                    <a:lnTo>
                      <a:pt x="379" y="19"/>
                    </a:lnTo>
                    <a:lnTo>
                      <a:pt x="403" y="21"/>
                    </a:lnTo>
                    <a:lnTo>
                      <a:pt x="427" y="21"/>
                    </a:lnTo>
                    <a:lnTo>
                      <a:pt x="450" y="22"/>
                    </a:lnTo>
                    <a:lnTo>
                      <a:pt x="471" y="22"/>
                    </a:lnTo>
                    <a:lnTo>
                      <a:pt x="491" y="24"/>
                    </a:lnTo>
                    <a:lnTo>
                      <a:pt x="511" y="24"/>
                    </a:lnTo>
                    <a:lnTo>
                      <a:pt x="530" y="24"/>
                    </a:lnTo>
                    <a:lnTo>
                      <a:pt x="547" y="26"/>
                    </a:lnTo>
                    <a:lnTo>
                      <a:pt x="562" y="26"/>
                    </a:lnTo>
                    <a:lnTo>
                      <a:pt x="574" y="26"/>
                    </a:lnTo>
                    <a:lnTo>
                      <a:pt x="586" y="26"/>
                    </a:lnTo>
                    <a:lnTo>
                      <a:pt x="594" y="26"/>
                    </a:lnTo>
                    <a:lnTo>
                      <a:pt x="601" y="63"/>
                    </a:lnTo>
                    <a:lnTo>
                      <a:pt x="601" y="65"/>
                    </a:lnTo>
                    <a:lnTo>
                      <a:pt x="601" y="66"/>
                    </a:lnTo>
                    <a:lnTo>
                      <a:pt x="601" y="71"/>
                    </a:lnTo>
                    <a:lnTo>
                      <a:pt x="599" y="78"/>
                    </a:lnTo>
                    <a:lnTo>
                      <a:pt x="599" y="85"/>
                    </a:lnTo>
                    <a:lnTo>
                      <a:pt x="599" y="92"/>
                    </a:lnTo>
                    <a:lnTo>
                      <a:pt x="599" y="102"/>
                    </a:lnTo>
                    <a:lnTo>
                      <a:pt x="599" y="110"/>
                    </a:lnTo>
                    <a:lnTo>
                      <a:pt x="599" y="120"/>
                    </a:lnTo>
                    <a:lnTo>
                      <a:pt x="601" y="131"/>
                    </a:lnTo>
                    <a:lnTo>
                      <a:pt x="601" y="139"/>
                    </a:lnTo>
                    <a:lnTo>
                      <a:pt x="603" y="147"/>
                    </a:lnTo>
                    <a:lnTo>
                      <a:pt x="604" y="156"/>
                    </a:lnTo>
                    <a:lnTo>
                      <a:pt x="608" y="164"/>
                    </a:lnTo>
                    <a:lnTo>
                      <a:pt x="611" y="171"/>
                    </a:lnTo>
                    <a:lnTo>
                      <a:pt x="616" y="176"/>
                    </a:lnTo>
                    <a:lnTo>
                      <a:pt x="616" y="178"/>
                    </a:lnTo>
                    <a:lnTo>
                      <a:pt x="616" y="181"/>
                    </a:lnTo>
                    <a:lnTo>
                      <a:pt x="618" y="186"/>
                    </a:lnTo>
                    <a:lnTo>
                      <a:pt x="619" y="195"/>
                    </a:lnTo>
                    <a:lnTo>
                      <a:pt x="621" y="203"/>
                    </a:lnTo>
                    <a:lnTo>
                      <a:pt x="623" y="213"/>
                    </a:lnTo>
                    <a:lnTo>
                      <a:pt x="623" y="224"/>
                    </a:lnTo>
                    <a:lnTo>
                      <a:pt x="625" y="234"/>
                    </a:lnTo>
                    <a:lnTo>
                      <a:pt x="625" y="237"/>
                    </a:lnTo>
                    <a:lnTo>
                      <a:pt x="625" y="242"/>
                    </a:lnTo>
                    <a:lnTo>
                      <a:pt x="625" y="249"/>
                    </a:lnTo>
                    <a:lnTo>
                      <a:pt x="625" y="256"/>
                    </a:lnTo>
                    <a:lnTo>
                      <a:pt x="625" y="263"/>
                    </a:lnTo>
                    <a:lnTo>
                      <a:pt x="625" y="268"/>
                    </a:lnTo>
                    <a:lnTo>
                      <a:pt x="625" y="273"/>
                    </a:lnTo>
                    <a:lnTo>
                      <a:pt x="625" y="274"/>
                    </a:lnTo>
                    <a:lnTo>
                      <a:pt x="633" y="288"/>
                    </a:lnTo>
                    <a:lnTo>
                      <a:pt x="630" y="310"/>
                    </a:lnTo>
                    <a:lnTo>
                      <a:pt x="633" y="340"/>
                    </a:lnTo>
                    <a:lnTo>
                      <a:pt x="643" y="354"/>
                    </a:lnTo>
                    <a:lnTo>
                      <a:pt x="648" y="367"/>
                    </a:lnTo>
                    <a:lnTo>
                      <a:pt x="647" y="405"/>
                    </a:lnTo>
                    <a:lnTo>
                      <a:pt x="647" y="406"/>
                    </a:lnTo>
                    <a:lnTo>
                      <a:pt x="645" y="406"/>
                    </a:lnTo>
                    <a:lnTo>
                      <a:pt x="640" y="406"/>
                    </a:lnTo>
                    <a:lnTo>
                      <a:pt x="631" y="405"/>
                    </a:lnTo>
                    <a:lnTo>
                      <a:pt x="621" y="405"/>
                    </a:lnTo>
                    <a:lnTo>
                      <a:pt x="608" y="405"/>
                    </a:lnTo>
                    <a:lnTo>
                      <a:pt x="591" y="405"/>
                    </a:lnTo>
                    <a:lnTo>
                      <a:pt x="574" y="403"/>
                    </a:lnTo>
                    <a:lnTo>
                      <a:pt x="553" y="403"/>
                    </a:lnTo>
                    <a:lnTo>
                      <a:pt x="531" y="403"/>
                    </a:lnTo>
                    <a:lnTo>
                      <a:pt x="508" y="401"/>
                    </a:lnTo>
                    <a:lnTo>
                      <a:pt x="482" y="401"/>
                    </a:lnTo>
                    <a:lnTo>
                      <a:pt x="457" y="401"/>
                    </a:lnTo>
                    <a:lnTo>
                      <a:pt x="430" y="400"/>
                    </a:lnTo>
                    <a:lnTo>
                      <a:pt x="401" y="398"/>
                    </a:lnTo>
                    <a:lnTo>
                      <a:pt x="372" y="398"/>
                    </a:lnTo>
                    <a:lnTo>
                      <a:pt x="344" y="396"/>
                    </a:lnTo>
                    <a:lnTo>
                      <a:pt x="315" y="396"/>
                    </a:lnTo>
                    <a:lnTo>
                      <a:pt x="286" y="395"/>
                    </a:lnTo>
                    <a:lnTo>
                      <a:pt x="257" y="393"/>
                    </a:lnTo>
                    <a:lnTo>
                      <a:pt x="229" y="393"/>
                    </a:lnTo>
                    <a:lnTo>
                      <a:pt x="201" y="391"/>
                    </a:lnTo>
                    <a:lnTo>
                      <a:pt x="174" y="389"/>
                    </a:lnTo>
                    <a:lnTo>
                      <a:pt x="149" y="389"/>
                    </a:lnTo>
                    <a:lnTo>
                      <a:pt x="124" y="388"/>
                    </a:lnTo>
                    <a:lnTo>
                      <a:pt x="102" y="388"/>
                    </a:lnTo>
                    <a:lnTo>
                      <a:pt x="80" y="386"/>
                    </a:lnTo>
                    <a:lnTo>
                      <a:pt x="61" y="384"/>
                    </a:lnTo>
                    <a:lnTo>
                      <a:pt x="44" y="383"/>
                    </a:lnTo>
                    <a:lnTo>
                      <a:pt x="29" y="383"/>
                    </a:lnTo>
                    <a:lnTo>
                      <a:pt x="17" y="381"/>
                    </a:lnTo>
                    <a:lnTo>
                      <a:pt x="7" y="379"/>
                    </a:lnTo>
                    <a:lnTo>
                      <a:pt x="0" y="37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15" name="Freeform 58"/>
              <p:cNvSpPr>
                <a:spLocks/>
              </p:cNvSpPr>
              <p:nvPr/>
            </p:nvSpPr>
            <p:spPr bwMode="auto">
              <a:xfrm>
                <a:off x="2682" y="1797"/>
                <a:ext cx="572" cy="385"/>
              </a:xfrm>
              <a:custGeom>
                <a:avLst/>
                <a:gdLst>
                  <a:gd name="T0" fmla="*/ 47 w 588"/>
                  <a:gd name="T1" fmla="*/ 239 h 397"/>
                  <a:gd name="T2" fmla="*/ 46 w 588"/>
                  <a:gd name="T3" fmla="*/ 227 h 397"/>
                  <a:gd name="T4" fmla="*/ 47 w 588"/>
                  <a:gd name="T5" fmla="*/ 211 h 397"/>
                  <a:gd name="T6" fmla="*/ 48 w 588"/>
                  <a:gd name="T7" fmla="*/ 204 h 397"/>
                  <a:gd name="T8" fmla="*/ 42 w 588"/>
                  <a:gd name="T9" fmla="*/ 174 h 397"/>
                  <a:gd name="T10" fmla="*/ 32 w 588"/>
                  <a:gd name="T11" fmla="*/ 162 h 397"/>
                  <a:gd name="T12" fmla="*/ 34 w 588"/>
                  <a:gd name="T13" fmla="*/ 153 h 397"/>
                  <a:gd name="T14" fmla="*/ 27 w 588"/>
                  <a:gd name="T15" fmla="*/ 136 h 397"/>
                  <a:gd name="T16" fmla="*/ 20 w 588"/>
                  <a:gd name="T17" fmla="*/ 130 h 397"/>
                  <a:gd name="T18" fmla="*/ 18 w 588"/>
                  <a:gd name="T19" fmla="*/ 119 h 397"/>
                  <a:gd name="T20" fmla="*/ 18 w 588"/>
                  <a:gd name="T21" fmla="*/ 112 h 397"/>
                  <a:gd name="T22" fmla="*/ 0 w 588"/>
                  <a:gd name="T23" fmla="*/ 73 h 397"/>
                  <a:gd name="T24" fmla="*/ 4 w 588"/>
                  <a:gd name="T25" fmla="*/ 26 h 397"/>
                  <a:gd name="T26" fmla="*/ 4 w 588"/>
                  <a:gd name="T27" fmla="*/ 13 h 397"/>
                  <a:gd name="T28" fmla="*/ 18 w 588"/>
                  <a:gd name="T29" fmla="*/ 12 h 397"/>
                  <a:gd name="T30" fmla="*/ 46 w 588"/>
                  <a:gd name="T31" fmla="*/ 12 h 397"/>
                  <a:gd name="T32" fmla="*/ 89 w 588"/>
                  <a:gd name="T33" fmla="*/ 12 h 397"/>
                  <a:gd name="T34" fmla="*/ 141 w 588"/>
                  <a:gd name="T35" fmla="*/ 10 h 397"/>
                  <a:gd name="T36" fmla="*/ 197 w 588"/>
                  <a:gd name="T37" fmla="*/ 10 h 397"/>
                  <a:gd name="T38" fmla="*/ 251 w 588"/>
                  <a:gd name="T39" fmla="*/ 8 h 397"/>
                  <a:gd name="T40" fmla="*/ 294 w 588"/>
                  <a:gd name="T41" fmla="*/ 5 h 397"/>
                  <a:gd name="T42" fmla="*/ 322 w 588"/>
                  <a:gd name="T43" fmla="*/ 1 h 397"/>
                  <a:gd name="T44" fmla="*/ 333 w 588"/>
                  <a:gd name="T45" fmla="*/ 16 h 397"/>
                  <a:gd name="T46" fmla="*/ 337 w 588"/>
                  <a:gd name="T47" fmla="*/ 16 h 397"/>
                  <a:gd name="T48" fmla="*/ 331 w 588"/>
                  <a:gd name="T49" fmla="*/ 36 h 397"/>
                  <a:gd name="T50" fmla="*/ 333 w 588"/>
                  <a:gd name="T51" fmla="*/ 45 h 397"/>
                  <a:gd name="T52" fmla="*/ 339 w 588"/>
                  <a:gd name="T53" fmla="*/ 55 h 397"/>
                  <a:gd name="T54" fmla="*/ 340 w 588"/>
                  <a:gd name="T55" fmla="*/ 63 h 397"/>
                  <a:gd name="T56" fmla="*/ 357 w 588"/>
                  <a:gd name="T57" fmla="*/ 69 h 397"/>
                  <a:gd name="T58" fmla="*/ 362 w 588"/>
                  <a:gd name="T59" fmla="*/ 71 h 397"/>
                  <a:gd name="T60" fmla="*/ 367 w 588"/>
                  <a:gd name="T61" fmla="*/ 80 h 397"/>
                  <a:gd name="T62" fmla="*/ 368 w 588"/>
                  <a:gd name="T63" fmla="*/ 84 h 397"/>
                  <a:gd name="T64" fmla="*/ 378 w 588"/>
                  <a:gd name="T65" fmla="*/ 91 h 397"/>
                  <a:gd name="T66" fmla="*/ 383 w 588"/>
                  <a:gd name="T67" fmla="*/ 98 h 397"/>
                  <a:gd name="T68" fmla="*/ 382 w 588"/>
                  <a:gd name="T69" fmla="*/ 101 h 397"/>
                  <a:gd name="T70" fmla="*/ 393 w 588"/>
                  <a:gd name="T71" fmla="*/ 108 h 397"/>
                  <a:gd name="T72" fmla="*/ 400 w 588"/>
                  <a:gd name="T73" fmla="*/ 123 h 397"/>
                  <a:gd name="T74" fmla="*/ 391 w 588"/>
                  <a:gd name="T75" fmla="*/ 140 h 397"/>
                  <a:gd name="T76" fmla="*/ 388 w 588"/>
                  <a:gd name="T77" fmla="*/ 146 h 397"/>
                  <a:gd name="T78" fmla="*/ 388 w 588"/>
                  <a:gd name="T79" fmla="*/ 156 h 397"/>
                  <a:gd name="T80" fmla="*/ 381 w 588"/>
                  <a:gd name="T81" fmla="*/ 161 h 397"/>
                  <a:gd name="T82" fmla="*/ 375 w 588"/>
                  <a:gd name="T83" fmla="*/ 162 h 397"/>
                  <a:gd name="T84" fmla="*/ 369 w 588"/>
                  <a:gd name="T85" fmla="*/ 166 h 397"/>
                  <a:gd name="T86" fmla="*/ 351 w 588"/>
                  <a:gd name="T87" fmla="*/ 171 h 397"/>
                  <a:gd name="T88" fmla="*/ 345 w 588"/>
                  <a:gd name="T89" fmla="*/ 183 h 397"/>
                  <a:gd name="T90" fmla="*/ 355 w 588"/>
                  <a:gd name="T91" fmla="*/ 201 h 397"/>
                  <a:gd name="T92" fmla="*/ 354 w 588"/>
                  <a:gd name="T93" fmla="*/ 211 h 397"/>
                  <a:gd name="T94" fmla="*/ 348 w 588"/>
                  <a:gd name="T95" fmla="*/ 220 h 397"/>
                  <a:gd name="T96" fmla="*/ 347 w 588"/>
                  <a:gd name="T97" fmla="*/ 225 h 397"/>
                  <a:gd name="T98" fmla="*/ 345 w 588"/>
                  <a:gd name="T99" fmla="*/ 229 h 397"/>
                  <a:gd name="T100" fmla="*/ 339 w 588"/>
                  <a:gd name="T101" fmla="*/ 234 h 397"/>
                  <a:gd name="T102" fmla="*/ 329 w 588"/>
                  <a:gd name="T103" fmla="*/ 241 h 397"/>
                  <a:gd name="T104" fmla="*/ 330 w 588"/>
                  <a:gd name="T105" fmla="*/ 248 h 397"/>
                  <a:gd name="T106" fmla="*/ 331 w 588"/>
                  <a:gd name="T107" fmla="*/ 252 h 397"/>
                  <a:gd name="T108" fmla="*/ 327 w 588"/>
                  <a:gd name="T109" fmla="*/ 257 h 397"/>
                  <a:gd name="T110" fmla="*/ 321 w 588"/>
                  <a:gd name="T111" fmla="*/ 254 h 397"/>
                  <a:gd name="T112" fmla="*/ 310 w 588"/>
                  <a:gd name="T113" fmla="*/ 241 h 397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588"/>
                  <a:gd name="T172" fmla="*/ 0 h 397"/>
                  <a:gd name="T173" fmla="*/ 588 w 588"/>
                  <a:gd name="T174" fmla="*/ 397 h 397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588" h="397">
                    <a:moveTo>
                      <a:pt x="75" y="379"/>
                    </a:moveTo>
                    <a:lnTo>
                      <a:pt x="72" y="375"/>
                    </a:lnTo>
                    <a:lnTo>
                      <a:pt x="70" y="372"/>
                    </a:lnTo>
                    <a:lnTo>
                      <a:pt x="68" y="367"/>
                    </a:lnTo>
                    <a:lnTo>
                      <a:pt x="68" y="362"/>
                    </a:lnTo>
                    <a:lnTo>
                      <a:pt x="66" y="357"/>
                    </a:lnTo>
                    <a:lnTo>
                      <a:pt x="66" y="352"/>
                    </a:lnTo>
                    <a:lnTo>
                      <a:pt x="66" y="347"/>
                    </a:lnTo>
                    <a:lnTo>
                      <a:pt x="66" y="340"/>
                    </a:lnTo>
                    <a:lnTo>
                      <a:pt x="68" y="335"/>
                    </a:lnTo>
                    <a:lnTo>
                      <a:pt x="68" y="330"/>
                    </a:lnTo>
                    <a:lnTo>
                      <a:pt x="68" y="325"/>
                    </a:lnTo>
                    <a:lnTo>
                      <a:pt x="68" y="321"/>
                    </a:lnTo>
                    <a:lnTo>
                      <a:pt x="70" y="318"/>
                    </a:lnTo>
                    <a:lnTo>
                      <a:pt x="70" y="315"/>
                    </a:lnTo>
                    <a:lnTo>
                      <a:pt x="70" y="313"/>
                    </a:lnTo>
                    <a:lnTo>
                      <a:pt x="63" y="304"/>
                    </a:lnTo>
                    <a:lnTo>
                      <a:pt x="61" y="272"/>
                    </a:lnTo>
                    <a:lnTo>
                      <a:pt x="58" y="267"/>
                    </a:lnTo>
                    <a:lnTo>
                      <a:pt x="53" y="264"/>
                    </a:lnTo>
                    <a:lnTo>
                      <a:pt x="50" y="259"/>
                    </a:lnTo>
                    <a:lnTo>
                      <a:pt x="46" y="254"/>
                    </a:lnTo>
                    <a:lnTo>
                      <a:pt x="46" y="249"/>
                    </a:lnTo>
                    <a:lnTo>
                      <a:pt x="46" y="243"/>
                    </a:lnTo>
                    <a:lnTo>
                      <a:pt x="46" y="240"/>
                    </a:lnTo>
                    <a:lnTo>
                      <a:pt x="46" y="237"/>
                    </a:lnTo>
                    <a:lnTo>
                      <a:pt x="48" y="235"/>
                    </a:lnTo>
                    <a:lnTo>
                      <a:pt x="46" y="227"/>
                    </a:lnTo>
                    <a:lnTo>
                      <a:pt x="46" y="218"/>
                    </a:lnTo>
                    <a:lnTo>
                      <a:pt x="44" y="213"/>
                    </a:lnTo>
                    <a:lnTo>
                      <a:pt x="41" y="208"/>
                    </a:lnTo>
                    <a:lnTo>
                      <a:pt x="39" y="205"/>
                    </a:lnTo>
                    <a:lnTo>
                      <a:pt x="38" y="203"/>
                    </a:lnTo>
                    <a:lnTo>
                      <a:pt x="36" y="201"/>
                    </a:lnTo>
                    <a:lnTo>
                      <a:pt x="34" y="199"/>
                    </a:lnTo>
                    <a:lnTo>
                      <a:pt x="29" y="196"/>
                    </a:lnTo>
                    <a:lnTo>
                      <a:pt x="28" y="193"/>
                    </a:lnTo>
                    <a:lnTo>
                      <a:pt x="24" y="188"/>
                    </a:lnTo>
                    <a:lnTo>
                      <a:pt x="24" y="183"/>
                    </a:lnTo>
                    <a:lnTo>
                      <a:pt x="22" y="179"/>
                    </a:lnTo>
                    <a:lnTo>
                      <a:pt x="22" y="174"/>
                    </a:lnTo>
                    <a:lnTo>
                      <a:pt x="22" y="172"/>
                    </a:lnTo>
                    <a:lnTo>
                      <a:pt x="17" y="159"/>
                    </a:lnTo>
                    <a:lnTo>
                      <a:pt x="17" y="144"/>
                    </a:lnTo>
                    <a:lnTo>
                      <a:pt x="9" y="123"/>
                    </a:lnTo>
                    <a:lnTo>
                      <a:pt x="0" y="111"/>
                    </a:lnTo>
                    <a:lnTo>
                      <a:pt x="2" y="103"/>
                    </a:lnTo>
                    <a:lnTo>
                      <a:pt x="16" y="49"/>
                    </a:lnTo>
                    <a:lnTo>
                      <a:pt x="2" y="49"/>
                    </a:lnTo>
                    <a:lnTo>
                      <a:pt x="4" y="40"/>
                    </a:lnTo>
                    <a:lnTo>
                      <a:pt x="7" y="35"/>
                    </a:lnTo>
                    <a:lnTo>
                      <a:pt x="6" y="27"/>
                    </a:lnTo>
                    <a:lnTo>
                      <a:pt x="2" y="18"/>
                    </a:lnTo>
                    <a:lnTo>
                      <a:pt x="4" y="13"/>
                    </a:lnTo>
                    <a:lnTo>
                      <a:pt x="16" y="13"/>
                    </a:lnTo>
                    <a:lnTo>
                      <a:pt x="16" y="12"/>
                    </a:lnTo>
                    <a:lnTo>
                      <a:pt x="19" y="12"/>
                    </a:lnTo>
                    <a:lnTo>
                      <a:pt x="26" y="12"/>
                    </a:lnTo>
                    <a:lnTo>
                      <a:pt x="33" y="12"/>
                    </a:lnTo>
                    <a:lnTo>
                      <a:pt x="43" y="12"/>
                    </a:lnTo>
                    <a:lnTo>
                      <a:pt x="53" y="12"/>
                    </a:lnTo>
                    <a:lnTo>
                      <a:pt x="66" y="12"/>
                    </a:lnTo>
                    <a:lnTo>
                      <a:pt x="80" y="12"/>
                    </a:lnTo>
                    <a:lnTo>
                      <a:pt x="97" y="12"/>
                    </a:lnTo>
                    <a:lnTo>
                      <a:pt x="112" y="12"/>
                    </a:lnTo>
                    <a:lnTo>
                      <a:pt x="131" y="12"/>
                    </a:lnTo>
                    <a:lnTo>
                      <a:pt x="149" y="12"/>
                    </a:lnTo>
                    <a:lnTo>
                      <a:pt x="168" y="12"/>
                    </a:lnTo>
                    <a:lnTo>
                      <a:pt x="188" y="10"/>
                    </a:lnTo>
                    <a:lnTo>
                      <a:pt x="207" y="10"/>
                    </a:lnTo>
                    <a:lnTo>
                      <a:pt x="227" y="10"/>
                    </a:lnTo>
                    <a:lnTo>
                      <a:pt x="249" y="10"/>
                    </a:lnTo>
                    <a:lnTo>
                      <a:pt x="270" y="10"/>
                    </a:lnTo>
                    <a:lnTo>
                      <a:pt x="290" y="10"/>
                    </a:lnTo>
                    <a:lnTo>
                      <a:pt x="310" y="8"/>
                    </a:lnTo>
                    <a:lnTo>
                      <a:pt x="329" y="8"/>
                    </a:lnTo>
                    <a:lnTo>
                      <a:pt x="349" y="8"/>
                    </a:lnTo>
                    <a:lnTo>
                      <a:pt x="368" y="8"/>
                    </a:lnTo>
                    <a:lnTo>
                      <a:pt x="385" y="7"/>
                    </a:lnTo>
                    <a:lnTo>
                      <a:pt x="402" y="7"/>
                    </a:lnTo>
                    <a:lnTo>
                      <a:pt x="418" y="7"/>
                    </a:lnTo>
                    <a:lnTo>
                      <a:pt x="432" y="5"/>
                    </a:lnTo>
                    <a:lnTo>
                      <a:pt x="446" y="5"/>
                    </a:lnTo>
                    <a:lnTo>
                      <a:pt x="456" y="3"/>
                    </a:lnTo>
                    <a:lnTo>
                      <a:pt x="466" y="3"/>
                    </a:lnTo>
                    <a:lnTo>
                      <a:pt x="474" y="1"/>
                    </a:lnTo>
                    <a:lnTo>
                      <a:pt x="479" y="0"/>
                    </a:lnTo>
                    <a:lnTo>
                      <a:pt x="479" y="1"/>
                    </a:lnTo>
                    <a:lnTo>
                      <a:pt x="488" y="22"/>
                    </a:lnTo>
                    <a:lnTo>
                      <a:pt x="490" y="22"/>
                    </a:lnTo>
                    <a:lnTo>
                      <a:pt x="490" y="23"/>
                    </a:lnTo>
                    <a:lnTo>
                      <a:pt x="491" y="23"/>
                    </a:lnTo>
                    <a:lnTo>
                      <a:pt x="493" y="25"/>
                    </a:lnTo>
                    <a:lnTo>
                      <a:pt x="495" y="29"/>
                    </a:lnTo>
                    <a:lnTo>
                      <a:pt x="495" y="34"/>
                    </a:lnTo>
                    <a:lnTo>
                      <a:pt x="493" y="39"/>
                    </a:lnTo>
                    <a:lnTo>
                      <a:pt x="490" y="47"/>
                    </a:lnTo>
                    <a:lnTo>
                      <a:pt x="488" y="52"/>
                    </a:lnTo>
                    <a:lnTo>
                      <a:pt x="486" y="56"/>
                    </a:lnTo>
                    <a:lnTo>
                      <a:pt x="488" y="61"/>
                    </a:lnTo>
                    <a:lnTo>
                      <a:pt x="488" y="64"/>
                    </a:lnTo>
                    <a:lnTo>
                      <a:pt x="490" y="69"/>
                    </a:lnTo>
                    <a:lnTo>
                      <a:pt x="491" y="73"/>
                    </a:lnTo>
                    <a:lnTo>
                      <a:pt x="495" y="76"/>
                    </a:lnTo>
                    <a:lnTo>
                      <a:pt x="496" y="81"/>
                    </a:lnTo>
                    <a:lnTo>
                      <a:pt x="500" y="84"/>
                    </a:lnTo>
                    <a:lnTo>
                      <a:pt x="501" y="89"/>
                    </a:lnTo>
                    <a:lnTo>
                      <a:pt x="501" y="91"/>
                    </a:lnTo>
                    <a:lnTo>
                      <a:pt x="501" y="95"/>
                    </a:lnTo>
                    <a:lnTo>
                      <a:pt x="501" y="96"/>
                    </a:lnTo>
                    <a:lnTo>
                      <a:pt x="501" y="98"/>
                    </a:lnTo>
                    <a:lnTo>
                      <a:pt x="525" y="105"/>
                    </a:lnTo>
                    <a:lnTo>
                      <a:pt x="527" y="106"/>
                    </a:lnTo>
                    <a:lnTo>
                      <a:pt x="530" y="106"/>
                    </a:lnTo>
                    <a:lnTo>
                      <a:pt x="532" y="108"/>
                    </a:lnTo>
                    <a:lnTo>
                      <a:pt x="535" y="111"/>
                    </a:lnTo>
                    <a:lnTo>
                      <a:pt x="537" y="115"/>
                    </a:lnTo>
                    <a:lnTo>
                      <a:pt x="539" y="120"/>
                    </a:lnTo>
                    <a:lnTo>
                      <a:pt x="540" y="125"/>
                    </a:lnTo>
                    <a:lnTo>
                      <a:pt x="540" y="127"/>
                    </a:lnTo>
                    <a:lnTo>
                      <a:pt x="540" y="128"/>
                    </a:lnTo>
                    <a:lnTo>
                      <a:pt x="542" y="130"/>
                    </a:lnTo>
                    <a:lnTo>
                      <a:pt x="545" y="132"/>
                    </a:lnTo>
                    <a:lnTo>
                      <a:pt x="547" y="133"/>
                    </a:lnTo>
                    <a:lnTo>
                      <a:pt x="552" y="135"/>
                    </a:lnTo>
                    <a:lnTo>
                      <a:pt x="556" y="139"/>
                    </a:lnTo>
                    <a:lnTo>
                      <a:pt x="561" y="142"/>
                    </a:lnTo>
                    <a:lnTo>
                      <a:pt x="564" y="145"/>
                    </a:lnTo>
                    <a:lnTo>
                      <a:pt x="564" y="149"/>
                    </a:lnTo>
                    <a:lnTo>
                      <a:pt x="564" y="150"/>
                    </a:lnTo>
                    <a:lnTo>
                      <a:pt x="564" y="152"/>
                    </a:lnTo>
                    <a:lnTo>
                      <a:pt x="562" y="154"/>
                    </a:lnTo>
                    <a:lnTo>
                      <a:pt x="562" y="155"/>
                    </a:lnTo>
                    <a:lnTo>
                      <a:pt x="572" y="162"/>
                    </a:lnTo>
                    <a:lnTo>
                      <a:pt x="574" y="162"/>
                    </a:lnTo>
                    <a:lnTo>
                      <a:pt x="576" y="164"/>
                    </a:lnTo>
                    <a:lnTo>
                      <a:pt x="579" y="166"/>
                    </a:lnTo>
                    <a:lnTo>
                      <a:pt x="584" y="169"/>
                    </a:lnTo>
                    <a:lnTo>
                      <a:pt x="586" y="174"/>
                    </a:lnTo>
                    <a:lnTo>
                      <a:pt x="588" y="181"/>
                    </a:lnTo>
                    <a:lnTo>
                      <a:pt x="588" y="189"/>
                    </a:lnTo>
                    <a:lnTo>
                      <a:pt x="586" y="201"/>
                    </a:lnTo>
                    <a:lnTo>
                      <a:pt x="583" y="210"/>
                    </a:lnTo>
                    <a:lnTo>
                      <a:pt x="579" y="213"/>
                    </a:lnTo>
                    <a:lnTo>
                      <a:pt x="576" y="215"/>
                    </a:lnTo>
                    <a:lnTo>
                      <a:pt x="574" y="213"/>
                    </a:lnTo>
                    <a:lnTo>
                      <a:pt x="572" y="215"/>
                    </a:lnTo>
                    <a:lnTo>
                      <a:pt x="572" y="216"/>
                    </a:lnTo>
                    <a:lnTo>
                      <a:pt x="571" y="225"/>
                    </a:lnTo>
                    <a:lnTo>
                      <a:pt x="571" y="238"/>
                    </a:lnTo>
                    <a:lnTo>
                      <a:pt x="571" y="240"/>
                    </a:lnTo>
                    <a:lnTo>
                      <a:pt x="569" y="242"/>
                    </a:lnTo>
                    <a:lnTo>
                      <a:pt x="567" y="243"/>
                    </a:lnTo>
                    <a:lnTo>
                      <a:pt x="564" y="245"/>
                    </a:lnTo>
                    <a:lnTo>
                      <a:pt x="561" y="247"/>
                    </a:lnTo>
                    <a:lnTo>
                      <a:pt x="554" y="247"/>
                    </a:lnTo>
                    <a:lnTo>
                      <a:pt x="552" y="247"/>
                    </a:lnTo>
                    <a:lnTo>
                      <a:pt x="552" y="249"/>
                    </a:lnTo>
                    <a:lnTo>
                      <a:pt x="552" y="250"/>
                    </a:lnTo>
                    <a:lnTo>
                      <a:pt x="550" y="252"/>
                    </a:lnTo>
                    <a:lnTo>
                      <a:pt x="549" y="254"/>
                    </a:lnTo>
                    <a:lnTo>
                      <a:pt x="544" y="255"/>
                    </a:lnTo>
                    <a:lnTo>
                      <a:pt x="537" y="257"/>
                    </a:lnTo>
                    <a:lnTo>
                      <a:pt x="530" y="257"/>
                    </a:lnTo>
                    <a:lnTo>
                      <a:pt x="523" y="259"/>
                    </a:lnTo>
                    <a:lnTo>
                      <a:pt x="517" y="262"/>
                    </a:lnTo>
                    <a:lnTo>
                      <a:pt x="512" y="265"/>
                    </a:lnTo>
                    <a:lnTo>
                      <a:pt x="508" y="269"/>
                    </a:lnTo>
                    <a:lnTo>
                      <a:pt x="508" y="276"/>
                    </a:lnTo>
                    <a:lnTo>
                      <a:pt x="508" y="282"/>
                    </a:lnTo>
                    <a:lnTo>
                      <a:pt x="512" y="291"/>
                    </a:lnTo>
                    <a:lnTo>
                      <a:pt x="515" y="299"/>
                    </a:lnTo>
                    <a:lnTo>
                      <a:pt x="520" y="304"/>
                    </a:lnTo>
                    <a:lnTo>
                      <a:pt x="522" y="309"/>
                    </a:lnTo>
                    <a:lnTo>
                      <a:pt x="523" y="313"/>
                    </a:lnTo>
                    <a:lnTo>
                      <a:pt x="525" y="318"/>
                    </a:lnTo>
                    <a:lnTo>
                      <a:pt x="523" y="321"/>
                    </a:lnTo>
                    <a:lnTo>
                      <a:pt x="520" y="325"/>
                    </a:lnTo>
                    <a:lnTo>
                      <a:pt x="515" y="331"/>
                    </a:lnTo>
                    <a:lnTo>
                      <a:pt x="515" y="335"/>
                    </a:lnTo>
                    <a:lnTo>
                      <a:pt x="513" y="337"/>
                    </a:lnTo>
                    <a:lnTo>
                      <a:pt x="512" y="340"/>
                    </a:lnTo>
                    <a:lnTo>
                      <a:pt x="512" y="342"/>
                    </a:lnTo>
                    <a:lnTo>
                      <a:pt x="510" y="343"/>
                    </a:lnTo>
                    <a:lnTo>
                      <a:pt x="510" y="345"/>
                    </a:lnTo>
                    <a:lnTo>
                      <a:pt x="510" y="347"/>
                    </a:lnTo>
                    <a:lnTo>
                      <a:pt x="508" y="348"/>
                    </a:lnTo>
                    <a:lnTo>
                      <a:pt x="508" y="352"/>
                    </a:lnTo>
                    <a:lnTo>
                      <a:pt x="508" y="353"/>
                    </a:lnTo>
                    <a:lnTo>
                      <a:pt x="506" y="357"/>
                    </a:lnTo>
                    <a:lnTo>
                      <a:pt x="503" y="359"/>
                    </a:lnTo>
                    <a:lnTo>
                      <a:pt x="498" y="360"/>
                    </a:lnTo>
                    <a:lnTo>
                      <a:pt x="493" y="362"/>
                    </a:lnTo>
                    <a:lnTo>
                      <a:pt x="488" y="364"/>
                    </a:lnTo>
                    <a:lnTo>
                      <a:pt x="484" y="365"/>
                    </a:lnTo>
                    <a:lnTo>
                      <a:pt x="483" y="369"/>
                    </a:lnTo>
                    <a:lnTo>
                      <a:pt x="483" y="372"/>
                    </a:lnTo>
                    <a:lnTo>
                      <a:pt x="483" y="375"/>
                    </a:lnTo>
                    <a:lnTo>
                      <a:pt x="484" y="377"/>
                    </a:lnTo>
                    <a:lnTo>
                      <a:pt x="486" y="381"/>
                    </a:lnTo>
                    <a:lnTo>
                      <a:pt x="488" y="382"/>
                    </a:lnTo>
                    <a:lnTo>
                      <a:pt x="488" y="384"/>
                    </a:lnTo>
                    <a:lnTo>
                      <a:pt x="488" y="387"/>
                    </a:lnTo>
                    <a:lnTo>
                      <a:pt x="486" y="389"/>
                    </a:lnTo>
                    <a:lnTo>
                      <a:pt x="484" y="392"/>
                    </a:lnTo>
                    <a:lnTo>
                      <a:pt x="483" y="394"/>
                    </a:lnTo>
                    <a:lnTo>
                      <a:pt x="481" y="396"/>
                    </a:lnTo>
                    <a:lnTo>
                      <a:pt x="479" y="397"/>
                    </a:lnTo>
                    <a:lnTo>
                      <a:pt x="478" y="397"/>
                    </a:lnTo>
                    <a:lnTo>
                      <a:pt x="476" y="394"/>
                    </a:lnTo>
                    <a:lnTo>
                      <a:pt x="471" y="389"/>
                    </a:lnTo>
                    <a:lnTo>
                      <a:pt x="466" y="384"/>
                    </a:lnTo>
                    <a:lnTo>
                      <a:pt x="462" y="379"/>
                    </a:lnTo>
                    <a:lnTo>
                      <a:pt x="457" y="374"/>
                    </a:lnTo>
                    <a:lnTo>
                      <a:pt x="456" y="370"/>
                    </a:lnTo>
                    <a:lnTo>
                      <a:pt x="454" y="369"/>
                    </a:lnTo>
                    <a:lnTo>
                      <a:pt x="75" y="37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16" name="Freeform 59"/>
              <p:cNvSpPr>
                <a:spLocks/>
              </p:cNvSpPr>
              <p:nvPr/>
            </p:nvSpPr>
            <p:spPr bwMode="auto">
              <a:xfrm>
                <a:off x="2869" y="2644"/>
                <a:ext cx="478" cy="439"/>
              </a:xfrm>
              <a:custGeom>
                <a:avLst/>
                <a:gdLst>
                  <a:gd name="T0" fmla="*/ 242 w 492"/>
                  <a:gd name="T1" fmla="*/ 294 h 452"/>
                  <a:gd name="T2" fmla="*/ 243 w 492"/>
                  <a:gd name="T3" fmla="*/ 287 h 452"/>
                  <a:gd name="T4" fmla="*/ 244 w 492"/>
                  <a:gd name="T5" fmla="*/ 283 h 452"/>
                  <a:gd name="T6" fmla="*/ 247 w 492"/>
                  <a:gd name="T7" fmla="*/ 280 h 452"/>
                  <a:gd name="T8" fmla="*/ 247 w 492"/>
                  <a:gd name="T9" fmla="*/ 276 h 452"/>
                  <a:gd name="T10" fmla="*/ 242 w 492"/>
                  <a:gd name="T11" fmla="*/ 262 h 452"/>
                  <a:gd name="T12" fmla="*/ 237 w 492"/>
                  <a:gd name="T13" fmla="*/ 246 h 452"/>
                  <a:gd name="T14" fmla="*/ 239 w 492"/>
                  <a:gd name="T15" fmla="*/ 241 h 452"/>
                  <a:gd name="T16" fmla="*/ 247 w 492"/>
                  <a:gd name="T17" fmla="*/ 238 h 452"/>
                  <a:gd name="T18" fmla="*/ 247 w 492"/>
                  <a:gd name="T19" fmla="*/ 234 h 452"/>
                  <a:gd name="T20" fmla="*/ 243 w 492"/>
                  <a:gd name="T21" fmla="*/ 233 h 452"/>
                  <a:gd name="T22" fmla="*/ 243 w 492"/>
                  <a:gd name="T23" fmla="*/ 231 h 452"/>
                  <a:gd name="T24" fmla="*/ 247 w 492"/>
                  <a:gd name="T25" fmla="*/ 226 h 452"/>
                  <a:gd name="T26" fmla="*/ 247 w 492"/>
                  <a:gd name="T27" fmla="*/ 222 h 452"/>
                  <a:gd name="T28" fmla="*/ 245 w 492"/>
                  <a:gd name="T29" fmla="*/ 218 h 452"/>
                  <a:gd name="T30" fmla="*/ 247 w 492"/>
                  <a:gd name="T31" fmla="*/ 213 h 452"/>
                  <a:gd name="T32" fmla="*/ 251 w 492"/>
                  <a:gd name="T33" fmla="*/ 210 h 452"/>
                  <a:gd name="T34" fmla="*/ 254 w 492"/>
                  <a:gd name="T35" fmla="*/ 207 h 452"/>
                  <a:gd name="T36" fmla="*/ 253 w 492"/>
                  <a:gd name="T37" fmla="*/ 202 h 452"/>
                  <a:gd name="T38" fmla="*/ 258 w 492"/>
                  <a:gd name="T39" fmla="*/ 190 h 452"/>
                  <a:gd name="T40" fmla="*/ 278 w 492"/>
                  <a:gd name="T41" fmla="*/ 175 h 452"/>
                  <a:gd name="T42" fmla="*/ 294 w 492"/>
                  <a:gd name="T43" fmla="*/ 136 h 452"/>
                  <a:gd name="T44" fmla="*/ 295 w 492"/>
                  <a:gd name="T45" fmla="*/ 134 h 452"/>
                  <a:gd name="T46" fmla="*/ 297 w 492"/>
                  <a:gd name="T47" fmla="*/ 130 h 452"/>
                  <a:gd name="T48" fmla="*/ 293 w 492"/>
                  <a:gd name="T49" fmla="*/ 128 h 452"/>
                  <a:gd name="T50" fmla="*/ 294 w 492"/>
                  <a:gd name="T51" fmla="*/ 125 h 452"/>
                  <a:gd name="T52" fmla="*/ 301 w 492"/>
                  <a:gd name="T53" fmla="*/ 120 h 452"/>
                  <a:gd name="T54" fmla="*/ 306 w 492"/>
                  <a:gd name="T55" fmla="*/ 112 h 452"/>
                  <a:gd name="T56" fmla="*/ 305 w 492"/>
                  <a:gd name="T57" fmla="*/ 103 h 452"/>
                  <a:gd name="T58" fmla="*/ 302 w 492"/>
                  <a:gd name="T59" fmla="*/ 100 h 452"/>
                  <a:gd name="T60" fmla="*/ 307 w 492"/>
                  <a:gd name="T61" fmla="*/ 88 h 452"/>
                  <a:gd name="T62" fmla="*/ 312 w 492"/>
                  <a:gd name="T63" fmla="*/ 83 h 452"/>
                  <a:gd name="T64" fmla="*/ 315 w 492"/>
                  <a:gd name="T65" fmla="*/ 80 h 452"/>
                  <a:gd name="T66" fmla="*/ 320 w 492"/>
                  <a:gd name="T67" fmla="*/ 72 h 452"/>
                  <a:gd name="T68" fmla="*/ 314 w 492"/>
                  <a:gd name="T69" fmla="*/ 68 h 452"/>
                  <a:gd name="T70" fmla="*/ 312 w 492"/>
                  <a:gd name="T71" fmla="*/ 68 h 452"/>
                  <a:gd name="T72" fmla="*/ 317 w 492"/>
                  <a:gd name="T73" fmla="*/ 64 h 452"/>
                  <a:gd name="T74" fmla="*/ 320 w 492"/>
                  <a:gd name="T75" fmla="*/ 60 h 452"/>
                  <a:gd name="T76" fmla="*/ 327 w 492"/>
                  <a:gd name="T77" fmla="*/ 50 h 452"/>
                  <a:gd name="T78" fmla="*/ 329 w 492"/>
                  <a:gd name="T79" fmla="*/ 45 h 452"/>
                  <a:gd name="T80" fmla="*/ 326 w 492"/>
                  <a:gd name="T81" fmla="*/ 43 h 452"/>
                  <a:gd name="T82" fmla="*/ 283 w 492"/>
                  <a:gd name="T83" fmla="*/ 44 h 452"/>
                  <a:gd name="T84" fmla="*/ 287 w 492"/>
                  <a:gd name="T85" fmla="*/ 37 h 452"/>
                  <a:gd name="T86" fmla="*/ 293 w 492"/>
                  <a:gd name="T87" fmla="*/ 20 h 452"/>
                  <a:gd name="T88" fmla="*/ 302 w 492"/>
                  <a:gd name="T89" fmla="*/ 17 h 452"/>
                  <a:gd name="T90" fmla="*/ 295 w 492"/>
                  <a:gd name="T91" fmla="*/ 5 h 452"/>
                  <a:gd name="T92" fmla="*/ 288 w 492"/>
                  <a:gd name="T93" fmla="*/ 0 h 452"/>
                  <a:gd name="T94" fmla="*/ 280 w 492"/>
                  <a:gd name="T95" fmla="*/ 2 h 452"/>
                  <a:gd name="T96" fmla="*/ 261 w 492"/>
                  <a:gd name="T97" fmla="*/ 3 h 452"/>
                  <a:gd name="T98" fmla="*/ 232 w 492"/>
                  <a:gd name="T99" fmla="*/ 5 h 452"/>
                  <a:gd name="T100" fmla="*/ 198 w 492"/>
                  <a:gd name="T101" fmla="*/ 7 h 452"/>
                  <a:gd name="T102" fmla="*/ 158 w 492"/>
                  <a:gd name="T103" fmla="*/ 10 h 452"/>
                  <a:gd name="T104" fmla="*/ 119 w 492"/>
                  <a:gd name="T105" fmla="*/ 12 h 452"/>
                  <a:gd name="T106" fmla="*/ 83 w 492"/>
                  <a:gd name="T107" fmla="*/ 15 h 452"/>
                  <a:gd name="T108" fmla="*/ 48 w 492"/>
                  <a:gd name="T109" fmla="*/ 17 h 452"/>
                  <a:gd name="T110" fmla="*/ 18 w 492"/>
                  <a:gd name="T111" fmla="*/ 17 h 452"/>
                  <a:gd name="T112" fmla="*/ 6 w 492"/>
                  <a:gd name="T113" fmla="*/ 17 h 452"/>
                  <a:gd name="T114" fmla="*/ 17 w 492"/>
                  <a:gd name="T115" fmla="*/ 106 h 452"/>
                  <a:gd name="T116" fmla="*/ 17 w 492"/>
                  <a:gd name="T117" fmla="*/ 258 h 452"/>
                  <a:gd name="T118" fmla="*/ 44 w 492"/>
                  <a:gd name="T119" fmla="*/ 300 h 452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w 492"/>
                  <a:gd name="T181" fmla="*/ 0 h 452"/>
                  <a:gd name="T182" fmla="*/ 492 w 492"/>
                  <a:gd name="T183" fmla="*/ 452 h 452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T180" t="T181" r="T182" b="T183"/>
                <a:pathLst>
                  <a:path w="492" h="452">
                    <a:moveTo>
                      <a:pt x="362" y="443"/>
                    </a:moveTo>
                    <a:lnTo>
                      <a:pt x="362" y="443"/>
                    </a:lnTo>
                    <a:lnTo>
                      <a:pt x="362" y="442"/>
                    </a:lnTo>
                    <a:lnTo>
                      <a:pt x="362" y="438"/>
                    </a:lnTo>
                    <a:lnTo>
                      <a:pt x="362" y="435"/>
                    </a:lnTo>
                    <a:lnTo>
                      <a:pt x="364" y="432"/>
                    </a:lnTo>
                    <a:lnTo>
                      <a:pt x="364" y="428"/>
                    </a:lnTo>
                    <a:lnTo>
                      <a:pt x="365" y="426"/>
                    </a:lnTo>
                    <a:lnTo>
                      <a:pt x="369" y="425"/>
                    </a:lnTo>
                    <a:lnTo>
                      <a:pt x="370" y="423"/>
                    </a:lnTo>
                    <a:lnTo>
                      <a:pt x="370" y="421"/>
                    </a:lnTo>
                    <a:lnTo>
                      <a:pt x="370" y="420"/>
                    </a:lnTo>
                    <a:lnTo>
                      <a:pt x="369" y="416"/>
                    </a:lnTo>
                    <a:lnTo>
                      <a:pt x="369" y="415"/>
                    </a:lnTo>
                    <a:lnTo>
                      <a:pt x="367" y="413"/>
                    </a:lnTo>
                    <a:lnTo>
                      <a:pt x="362" y="393"/>
                    </a:lnTo>
                    <a:lnTo>
                      <a:pt x="360" y="386"/>
                    </a:lnTo>
                    <a:lnTo>
                      <a:pt x="352" y="377"/>
                    </a:lnTo>
                    <a:lnTo>
                      <a:pt x="355" y="369"/>
                    </a:lnTo>
                    <a:lnTo>
                      <a:pt x="355" y="364"/>
                    </a:lnTo>
                    <a:lnTo>
                      <a:pt x="357" y="362"/>
                    </a:lnTo>
                    <a:lnTo>
                      <a:pt x="358" y="362"/>
                    </a:lnTo>
                    <a:lnTo>
                      <a:pt x="362" y="360"/>
                    </a:lnTo>
                    <a:lnTo>
                      <a:pt x="364" y="360"/>
                    </a:lnTo>
                    <a:lnTo>
                      <a:pt x="369" y="357"/>
                    </a:lnTo>
                    <a:lnTo>
                      <a:pt x="370" y="355"/>
                    </a:lnTo>
                    <a:lnTo>
                      <a:pt x="370" y="354"/>
                    </a:lnTo>
                    <a:lnTo>
                      <a:pt x="369" y="352"/>
                    </a:lnTo>
                    <a:lnTo>
                      <a:pt x="367" y="350"/>
                    </a:lnTo>
                    <a:lnTo>
                      <a:pt x="365" y="350"/>
                    </a:lnTo>
                    <a:lnTo>
                      <a:pt x="364" y="350"/>
                    </a:lnTo>
                    <a:lnTo>
                      <a:pt x="362" y="350"/>
                    </a:lnTo>
                    <a:lnTo>
                      <a:pt x="362" y="349"/>
                    </a:lnTo>
                    <a:lnTo>
                      <a:pt x="364" y="347"/>
                    </a:lnTo>
                    <a:lnTo>
                      <a:pt x="365" y="345"/>
                    </a:lnTo>
                    <a:lnTo>
                      <a:pt x="367" y="344"/>
                    </a:lnTo>
                    <a:lnTo>
                      <a:pt x="369" y="340"/>
                    </a:lnTo>
                    <a:lnTo>
                      <a:pt x="370" y="338"/>
                    </a:lnTo>
                    <a:lnTo>
                      <a:pt x="370" y="337"/>
                    </a:lnTo>
                    <a:lnTo>
                      <a:pt x="370" y="335"/>
                    </a:lnTo>
                    <a:lnTo>
                      <a:pt x="369" y="332"/>
                    </a:lnTo>
                    <a:lnTo>
                      <a:pt x="367" y="330"/>
                    </a:lnTo>
                    <a:lnTo>
                      <a:pt x="367" y="327"/>
                    </a:lnTo>
                    <a:lnTo>
                      <a:pt x="367" y="323"/>
                    </a:lnTo>
                    <a:lnTo>
                      <a:pt x="367" y="322"/>
                    </a:lnTo>
                    <a:lnTo>
                      <a:pt x="369" y="320"/>
                    </a:lnTo>
                    <a:lnTo>
                      <a:pt x="370" y="318"/>
                    </a:lnTo>
                    <a:lnTo>
                      <a:pt x="372" y="318"/>
                    </a:lnTo>
                    <a:lnTo>
                      <a:pt x="377" y="316"/>
                    </a:lnTo>
                    <a:lnTo>
                      <a:pt x="380" y="315"/>
                    </a:lnTo>
                    <a:lnTo>
                      <a:pt x="380" y="311"/>
                    </a:lnTo>
                    <a:lnTo>
                      <a:pt x="380" y="310"/>
                    </a:lnTo>
                    <a:lnTo>
                      <a:pt x="380" y="308"/>
                    </a:lnTo>
                    <a:lnTo>
                      <a:pt x="379" y="306"/>
                    </a:lnTo>
                    <a:lnTo>
                      <a:pt x="379" y="305"/>
                    </a:lnTo>
                    <a:lnTo>
                      <a:pt x="377" y="305"/>
                    </a:lnTo>
                    <a:lnTo>
                      <a:pt x="392" y="296"/>
                    </a:lnTo>
                    <a:lnTo>
                      <a:pt x="387" y="286"/>
                    </a:lnTo>
                    <a:lnTo>
                      <a:pt x="402" y="271"/>
                    </a:lnTo>
                    <a:lnTo>
                      <a:pt x="408" y="271"/>
                    </a:lnTo>
                    <a:lnTo>
                      <a:pt x="416" y="262"/>
                    </a:lnTo>
                    <a:lnTo>
                      <a:pt x="416" y="232"/>
                    </a:lnTo>
                    <a:lnTo>
                      <a:pt x="426" y="217"/>
                    </a:lnTo>
                    <a:lnTo>
                      <a:pt x="441" y="205"/>
                    </a:lnTo>
                    <a:lnTo>
                      <a:pt x="441" y="203"/>
                    </a:lnTo>
                    <a:lnTo>
                      <a:pt x="443" y="201"/>
                    </a:lnTo>
                    <a:lnTo>
                      <a:pt x="443" y="198"/>
                    </a:lnTo>
                    <a:lnTo>
                      <a:pt x="443" y="196"/>
                    </a:lnTo>
                    <a:lnTo>
                      <a:pt x="445" y="195"/>
                    </a:lnTo>
                    <a:lnTo>
                      <a:pt x="445" y="193"/>
                    </a:lnTo>
                    <a:lnTo>
                      <a:pt x="440" y="193"/>
                    </a:lnTo>
                    <a:lnTo>
                      <a:pt x="438" y="191"/>
                    </a:lnTo>
                    <a:lnTo>
                      <a:pt x="438" y="190"/>
                    </a:lnTo>
                    <a:lnTo>
                      <a:pt x="441" y="188"/>
                    </a:lnTo>
                    <a:lnTo>
                      <a:pt x="445" y="184"/>
                    </a:lnTo>
                    <a:lnTo>
                      <a:pt x="446" y="183"/>
                    </a:lnTo>
                    <a:lnTo>
                      <a:pt x="450" y="181"/>
                    </a:lnTo>
                    <a:lnTo>
                      <a:pt x="452" y="181"/>
                    </a:lnTo>
                    <a:lnTo>
                      <a:pt x="457" y="174"/>
                    </a:lnTo>
                    <a:lnTo>
                      <a:pt x="458" y="168"/>
                    </a:lnTo>
                    <a:lnTo>
                      <a:pt x="460" y="162"/>
                    </a:lnTo>
                    <a:lnTo>
                      <a:pt x="458" y="157"/>
                    </a:lnTo>
                    <a:lnTo>
                      <a:pt x="457" y="154"/>
                    </a:lnTo>
                    <a:lnTo>
                      <a:pt x="455" y="152"/>
                    </a:lnTo>
                    <a:lnTo>
                      <a:pt x="453" y="149"/>
                    </a:lnTo>
                    <a:lnTo>
                      <a:pt x="458" y="137"/>
                    </a:lnTo>
                    <a:lnTo>
                      <a:pt x="458" y="135"/>
                    </a:lnTo>
                    <a:lnTo>
                      <a:pt x="460" y="134"/>
                    </a:lnTo>
                    <a:lnTo>
                      <a:pt x="462" y="132"/>
                    </a:lnTo>
                    <a:lnTo>
                      <a:pt x="463" y="129"/>
                    </a:lnTo>
                    <a:lnTo>
                      <a:pt x="467" y="125"/>
                    </a:lnTo>
                    <a:lnTo>
                      <a:pt x="468" y="122"/>
                    </a:lnTo>
                    <a:lnTo>
                      <a:pt x="470" y="120"/>
                    </a:lnTo>
                    <a:lnTo>
                      <a:pt x="472" y="120"/>
                    </a:lnTo>
                    <a:lnTo>
                      <a:pt x="477" y="113"/>
                    </a:lnTo>
                    <a:lnTo>
                      <a:pt x="479" y="108"/>
                    </a:lnTo>
                    <a:lnTo>
                      <a:pt x="479" y="107"/>
                    </a:lnTo>
                    <a:lnTo>
                      <a:pt x="477" y="103"/>
                    </a:lnTo>
                    <a:lnTo>
                      <a:pt x="474" y="103"/>
                    </a:lnTo>
                    <a:lnTo>
                      <a:pt x="470" y="102"/>
                    </a:lnTo>
                    <a:lnTo>
                      <a:pt x="468" y="102"/>
                    </a:lnTo>
                    <a:lnTo>
                      <a:pt x="470" y="100"/>
                    </a:lnTo>
                    <a:lnTo>
                      <a:pt x="472" y="98"/>
                    </a:lnTo>
                    <a:lnTo>
                      <a:pt x="474" y="96"/>
                    </a:lnTo>
                    <a:lnTo>
                      <a:pt x="477" y="93"/>
                    </a:lnTo>
                    <a:lnTo>
                      <a:pt x="479" y="91"/>
                    </a:lnTo>
                    <a:lnTo>
                      <a:pt x="480" y="90"/>
                    </a:lnTo>
                    <a:lnTo>
                      <a:pt x="482" y="88"/>
                    </a:lnTo>
                    <a:lnTo>
                      <a:pt x="487" y="81"/>
                    </a:lnTo>
                    <a:lnTo>
                      <a:pt x="490" y="76"/>
                    </a:lnTo>
                    <a:lnTo>
                      <a:pt x="492" y="73"/>
                    </a:lnTo>
                    <a:lnTo>
                      <a:pt x="492" y="69"/>
                    </a:lnTo>
                    <a:lnTo>
                      <a:pt x="492" y="66"/>
                    </a:lnTo>
                    <a:lnTo>
                      <a:pt x="490" y="64"/>
                    </a:lnTo>
                    <a:lnTo>
                      <a:pt x="489" y="63"/>
                    </a:lnTo>
                    <a:lnTo>
                      <a:pt x="424" y="66"/>
                    </a:lnTo>
                    <a:lnTo>
                      <a:pt x="424" y="64"/>
                    </a:lnTo>
                    <a:lnTo>
                      <a:pt x="426" y="61"/>
                    </a:lnTo>
                    <a:lnTo>
                      <a:pt x="428" y="58"/>
                    </a:lnTo>
                    <a:lnTo>
                      <a:pt x="430" y="51"/>
                    </a:lnTo>
                    <a:lnTo>
                      <a:pt x="433" y="46"/>
                    </a:lnTo>
                    <a:lnTo>
                      <a:pt x="436" y="39"/>
                    </a:lnTo>
                    <a:lnTo>
                      <a:pt x="440" y="34"/>
                    </a:lnTo>
                    <a:lnTo>
                      <a:pt x="446" y="29"/>
                    </a:lnTo>
                    <a:lnTo>
                      <a:pt x="450" y="24"/>
                    </a:lnTo>
                    <a:lnTo>
                      <a:pt x="452" y="19"/>
                    </a:lnTo>
                    <a:lnTo>
                      <a:pt x="450" y="14"/>
                    </a:lnTo>
                    <a:lnTo>
                      <a:pt x="446" y="8"/>
                    </a:lnTo>
                    <a:lnTo>
                      <a:pt x="443" y="5"/>
                    </a:lnTo>
                    <a:lnTo>
                      <a:pt x="438" y="2"/>
                    </a:lnTo>
                    <a:lnTo>
                      <a:pt x="435" y="0"/>
                    </a:lnTo>
                    <a:lnTo>
                      <a:pt x="431" y="0"/>
                    </a:lnTo>
                    <a:lnTo>
                      <a:pt x="430" y="2"/>
                    </a:lnTo>
                    <a:lnTo>
                      <a:pt x="426" y="2"/>
                    </a:lnTo>
                    <a:lnTo>
                      <a:pt x="419" y="2"/>
                    </a:lnTo>
                    <a:lnTo>
                      <a:pt x="411" y="2"/>
                    </a:lnTo>
                    <a:lnTo>
                      <a:pt x="402" y="3"/>
                    </a:lnTo>
                    <a:lnTo>
                      <a:pt x="391" y="3"/>
                    </a:lnTo>
                    <a:lnTo>
                      <a:pt x="377" y="3"/>
                    </a:lnTo>
                    <a:lnTo>
                      <a:pt x="364" y="5"/>
                    </a:lnTo>
                    <a:lnTo>
                      <a:pt x="348" y="5"/>
                    </a:lnTo>
                    <a:lnTo>
                      <a:pt x="331" y="7"/>
                    </a:lnTo>
                    <a:lnTo>
                      <a:pt x="314" y="7"/>
                    </a:lnTo>
                    <a:lnTo>
                      <a:pt x="296" y="7"/>
                    </a:lnTo>
                    <a:lnTo>
                      <a:pt x="277" y="8"/>
                    </a:lnTo>
                    <a:lnTo>
                      <a:pt x="259" y="8"/>
                    </a:lnTo>
                    <a:lnTo>
                      <a:pt x="238" y="10"/>
                    </a:lnTo>
                    <a:lnTo>
                      <a:pt x="220" y="10"/>
                    </a:lnTo>
                    <a:lnTo>
                      <a:pt x="199" y="12"/>
                    </a:lnTo>
                    <a:lnTo>
                      <a:pt x="179" y="12"/>
                    </a:lnTo>
                    <a:lnTo>
                      <a:pt x="160" y="14"/>
                    </a:lnTo>
                    <a:lnTo>
                      <a:pt x="142" y="14"/>
                    </a:lnTo>
                    <a:lnTo>
                      <a:pt x="123" y="15"/>
                    </a:lnTo>
                    <a:lnTo>
                      <a:pt x="105" y="15"/>
                    </a:lnTo>
                    <a:lnTo>
                      <a:pt x="88" y="17"/>
                    </a:lnTo>
                    <a:lnTo>
                      <a:pt x="72" y="17"/>
                    </a:lnTo>
                    <a:lnTo>
                      <a:pt x="57" y="17"/>
                    </a:lnTo>
                    <a:lnTo>
                      <a:pt x="45" y="19"/>
                    </a:lnTo>
                    <a:lnTo>
                      <a:pt x="32" y="19"/>
                    </a:lnTo>
                    <a:lnTo>
                      <a:pt x="22" y="19"/>
                    </a:lnTo>
                    <a:lnTo>
                      <a:pt x="13" y="19"/>
                    </a:lnTo>
                    <a:lnTo>
                      <a:pt x="6" y="19"/>
                    </a:lnTo>
                    <a:lnTo>
                      <a:pt x="1" y="20"/>
                    </a:lnTo>
                    <a:lnTo>
                      <a:pt x="0" y="20"/>
                    </a:lnTo>
                    <a:lnTo>
                      <a:pt x="20" y="159"/>
                    </a:lnTo>
                    <a:lnTo>
                      <a:pt x="18" y="377"/>
                    </a:lnTo>
                    <a:lnTo>
                      <a:pt x="17" y="374"/>
                    </a:lnTo>
                    <a:lnTo>
                      <a:pt x="28" y="389"/>
                    </a:lnTo>
                    <a:lnTo>
                      <a:pt x="54" y="386"/>
                    </a:lnTo>
                    <a:lnTo>
                      <a:pt x="64" y="388"/>
                    </a:lnTo>
                    <a:lnTo>
                      <a:pt x="64" y="452"/>
                    </a:lnTo>
                    <a:lnTo>
                      <a:pt x="362" y="443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17" name="Freeform 60"/>
              <p:cNvSpPr>
                <a:spLocks/>
              </p:cNvSpPr>
              <p:nvPr/>
            </p:nvSpPr>
            <p:spPr bwMode="auto">
              <a:xfrm>
                <a:off x="2931" y="3072"/>
                <a:ext cx="540" cy="475"/>
              </a:xfrm>
              <a:custGeom>
                <a:avLst/>
                <a:gdLst>
                  <a:gd name="T0" fmla="*/ 27 w 555"/>
                  <a:gd name="T1" fmla="*/ 234 h 489"/>
                  <a:gd name="T2" fmla="*/ 27 w 555"/>
                  <a:gd name="T3" fmla="*/ 209 h 489"/>
                  <a:gd name="T4" fmla="*/ 43 w 555"/>
                  <a:gd name="T5" fmla="*/ 176 h 489"/>
                  <a:gd name="T6" fmla="*/ 35 w 555"/>
                  <a:gd name="T7" fmla="*/ 153 h 489"/>
                  <a:gd name="T8" fmla="*/ 203 w 555"/>
                  <a:gd name="T9" fmla="*/ 0 h 489"/>
                  <a:gd name="T10" fmla="*/ 204 w 555"/>
                  <a:gd name="T11" fmla="*/ 12 h 489"/>
                  <a:gd name="T12" fmla="*/ 206 w 555"/>
                  <a:gd name="T13" fmla="*/ 30 h 489"/>
                  <a:gd name="T14" fmla="*/ 211 w 555"/>
                  <a:gd name="T15" fmla="*/ 45 h 489"/>
                  <a:gd name="T16" fmla="*/ 217 w 555"/>
                  <a:gd name="T17" fmla="*/ 51 h 489"/>
                  <a:gd name="T18" fmla="*/ 221 w 555"/>
                  <a:gd name="T19" fmla="*/ 63 h 489"/>
                  <a:gd name="T20" fmla="*/ 206 w 555"/>
                  <a:gd name="T21" fmla="*/ 70 h 489"/>
                  <a:gd name="T22" fmla="*/ 209 w 555"/>
                  <a:gd name="T23" fmla="*/ 84 h 489"/>
                  <a:gd name="T24" fmla="*/ 193 w 555"/>
                  <a:gd name="T25" fmla="*/ 118 h 489"/>
                  <a:gd name="T26" fmla="*/ 188 w 555"/>
                  <a:gd name="T27" fmla="*/ 130 h 489"/>
                  <a:gd name="T28" fmla="*/ 186 w 555"/>
                  <a:gd name="T29" fmla="*/ 141 h 489"/>
                  <a:gd name="T30" fmla="*/ 177 w 555"/>
                  <a:gd name="T31" fmla="*/ 153 h 489"/>
                  <a:gd name="T32" fmla="*/ 180 w 555"/>
                  <a:gd name="T33" fmla="*/ 162 h 489"/>
                  <a:gd name="T34" fmla="*/ 313 w 555"/>
                  <a:gd name="T35" fmla="*/ 179 h 489"/>
                  <a:gd name="T36" fmla="*/ 318 w 555"/>
                  <a:gd name="T37" fmla="*/ 202 h 489"/>
                  <a:gd name="T38" fmla="*/ 326 w 555"/>
                  <a:gd name="T39" fmla="*/ 227 h 489"/>
                  <a:gd name="T40" fmla="*/ 304 w 555"/>
                  <a:gd name="T41" fmla="*/ 222 h 489"/>
                  <a:gd name="T42" fmla="*/ 282 w 555"/>
                  <a:gd name="T43" fmla="*/ 220 h 489"/>
                  <a:gd name="T44" fmla="*/ 273 w 555"/>
                  <a:gd name="T45" fmla="*/ 230 h 489"/>
                  <a:gd name="T46" fmla="*/ 289 w 555"/>
                  <a:gd name="T47" fmla="*/ 242 h 489"/>
                  <a:gd name="T48" fmla="*/ 312 w 555"/>
                  <a:gd name="T49" fmla="*/ 234 h 489"/>
                  <a:gd name="T50" fmla="*/ 322 w 555"/>
                  <a:gd name="T51" fmla="*/ 242 h 489"/>
                  <a:gd name="T52" fmla="*/ 322 w 555"/>
                  <a:gd name="T53" fmla="*/ 249 h 489"/>
                  <a:gd name="T54" fmla="*/ 333 w 555"/>
                  <a:gd name="T55" fmla="*/ 247 h 489"/>
                  <a:gd name="T56" fmla="*/ 341 w 555"/>
                  <a:gd name="T57" fmla="*/ 238 h 489"/>
                  <a:gd name="T58" fmla="*/ 342 w 555"/>
                  <a:gd name="T59" fmla="*/ 242 h 489"/>
                  <a:gd name="T60" fmla="*/ 344 w 555"/>
                  <a:gd name="T61" fmla="*/ 263 h 489"/>
                  <a:gd name="T62" fmla="*/ 332 w 555"/>
                  <a:gd name="T63" fmla="*/ 284 h 489"/>
                  <a:gd name="T64" fmla="*/ 370 w 555"/>
                  <a:gd name="T65" fmla="*/ 304 h 489"/>
                  <a:gd name="T66" fmla="*/ 360 w 555"/>
                  <a:gd name="T67" fmla="*/ 320 h 489"/>
                  <a:gd name="T68" fmla="*/ 352 w 555"/>
                  <a:gd name="T69" fmla="*/ 314 h 489"/>
                  <a:gd name="T70" fmla="*/ 342 w 555"/>
                  <a:gd name="T71" fmla="*/ 304 h 489"/>
                  <a:gd name="T72" fmla="*/ 321 w 555"/>
                  <a:gd name="T73" fmla="*/ 300 h 489"/>
                  <a:gd name="T74" fmla="*/ 315 w 555"/>
                  <a:gd name="T75" fmla="*/ 288 h 489"/>
                  <a:gd name="T76" fmla="*/ 291 w 555"/>
                  <a:gd name="T77" fmla="*/ 283 h 489"/>
                  <a:gd name="T78" fmla="*/ 301 w 555"/>
                  <a:gd name="T79" fmla="*/ 300 h 489"/>
                  <a:gd name="T80" fmla="*/ 301 w 555"/>
                  <a:gd name="T81" fmla="*/ 310 h 489"/>
                  <a:gd name="T82" fmla="*/ 290 w 555"/>
                  <a:gd name="T83" fmla="*/ 322 h 489"/>
                  <a:gd name="T84" fmla="*/ 265 w 555"/>
                  <a:gd name="T85" fmla="*/ 313 h 489"/>
                  <a:gd name="T86" fmla="*/ 239 w 555"/>
                  <a:gd name="T87" fmla="*/ 318 h 489"/>
                  <a:gd name="T88" fmla="*/ 223 w 555"/>
                  <a:gd name="T89" fmla="*/ 314 h 489"/>
                  <a:gd name="T90" fmla="*/ 193 w 555"/>
                  <a:gd name="T91" fmla="*/ 291 h 489"/>
                  <a:gd name="T92" fmla="*/ 185 w 555"/>
                  <a:gd name="T93" fmla="*/ 278 h 489"/>
                  <a:gd name="T94" fmla="*/ 173 w 555"/>
                  <a:gd name="T95" fmla="*/ 275 h 489"/>
                  <a:gd name="T96" fmla="*/ 167 w 555"/>
                  <a:gd name="T97" fmla="*/ 268 h 489"/>
                  <a:gd name="T98" fmla="*/ 139 w 555"/>
                  <a:gd name="T99" fmla="*/ 292 h 489"/>
                  <a:gd name="T100" fmla="*/ 114 w 555"/>
                  <a:gd name="T101" fmla="*/ 290 h 489"/>
                  <a:gd name="T102" fmla="*/ 77 w 555"/>
                  <a:gd name="T103" fmla="*/ 278 h 489"/>
                  <a:gd name="T104" fmla="*/ 60 w 555"/>
                  <a:gd name="T105" fmla="*/ 276 h 489"/>
                  <a:gd name="T106" fmla="*/ 57 w 555"/>
                  <a:gd name="T107" fmla="*/ 272 h 489"/>
                  <a:gd name="T108" fmla="*/ 28 w 555"/>
                  <a:gd name="T109" fmla="*/ 280 h 489"/>
                  <a:gd name="T110" fmla="*/ 18 w 555"/>
                  <a:gd name="T111" fmla="*/ 275 h 489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555"/>
                  <a:gd name="T169" fmla="*/ 0 h 489"/>
                  <a:gd name="T170" fmla="*/ 555 w 555"/>
                  <a:gd name="T171" fmla="*/ 489 h 489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555" h="489">
                    <a:moveTo>
                      <a:pt x="41" y="390"/>
                    </a:moveTo>
                    <a:lnTo>
                      <a:pt x="47" y="381"/>
                    </a:lnTo>
                    <a:lnTo>
                      <a:pt x="51" y="373"/>
                    </a:lnTo>
                    <a:lnTo>
                      <a:pt x="51" y="366"/>
                    </a:lnTo>
                    <a:lnTo>
                      <a:pt x="49" y="361"/>
                    </a:lnTo>
                    <a:lnTo>
                      <a:pt x="46" y="356"/>
                    </a:lnTo>
                    <a:lnTo>
                      <a:pt x="44" y="352"/>
                    </a:lnTo>
                    <a:lnTo>
                      <a:pt x="41" y="351"/>
                    </a:lnTo>
                    <a:lnTo>
                      <a:pt x="44" y="329"/>
                    </a:lnTo>
                    <a:lnTo>
                      <a:pt x="42" y="327"/>
                    </a:lnTo>
                    <a:lnTo>
                      <a:pt x="41" y="325"/>
                    </a:lnTo>
                    <a:lnTo>
                      <a:pt x="39" y="322"/>
                    </a:lnTo>
                    <a:lnTo>
                      <a:pt x="39" y="319"/>
                    </a:lnTo>
                    <a:lnTo>
                      <a:pt x="41" y="313"/>
                    </a:lnTo>
                    <a:lnTo>
                      <a:pt x="44" y="307"/>
                    </a:lnTo>
                    <a:lnTo>
                      <a:pt x="51" y="298"/>
                    </a:lnTo>
                    <a:lnTo>
                      <a:pt x="54" y="293"/>
                    </a:lnTo>
                    <a:lnTo>
                      <a:pt x="56" y="288"/>
                    </a:lnTo>
                    <a:lnTo>
                      <a:pt x="58" y="281"/>
                    </a:lnTo>
                    <a:lnTo>
                      <a:pt x="59" y="276"/>
                    </a:lnTo>
                    <a:lnTo>
                      <a:pt x="59" y="271"/>
                    </a:lnTo>
                    <a:lnTo>
                      <a:pt x="59" y="264"/>
                    </a:lnTo>
                    <a:lnTo>
                      <a:pt x="59" y="259"/>
                    </a:lnTo>
                    <a:lnTo>
                      <a:pt x="58" y="254"/>
                    </a:lnTo>
                    <a:lnTo>
                      <a:pt x="56" y="249"/>
                    </a:lnTo>
                    <a:lnTo>
                      <a:pt x="54" y="244"/>
                    </a:lnTo>
                    <a:lnTo>
                      <a:pt x="54" y="241"/>
                    </a:lnTo>
                    <a:lnTo>
                      <a:pt x="52" y="236"/>
                    </a:lnTo>
                    <a:lnTo>
                      <a:pt x="51" y="232"/>
                    </a:lnTo>
                    <a:lnTo>
                      <a:pt x="49" y="231"/>
                    </a:lnTo>
                    <a:lnTo>
                      <a:pt x="49" y="229"/>
                    </a:lnTo>
                    <a:lnTo>
                      <a:pt x="42" y="209"/>
                    </a:lnTo>
                    <a:lnTo>
                      <a:pt x="29" y="195"/>
                    </a:lnTo>
                    <a:lnTo>
                      <a:pt x="29" y="165"/>
                    </a:lnTo>
                    <a:lnTo>
                      <a:pt x="5" y="134"/>
                    </a:lnTo>
                    <a:lnTo>
                      <a:pt x="0" y="9"/>
                    </a:lnTo>
                    <a:lnTo>
                      <a:pt x="298" y="0"/>
                    </a:lnTo>
                    <a:lnTo>
                      <a:pt x="296" y="0"/>
                    </a:lnTo>
                    <a:lnTo>
                      <a:pt x="296" y="2"/>
                    </a:lnTo>
                    <a:lnTo>
                      <a:pt x="296" y="4"/>
                    </a:lnTo>
                    <a:lnTo>
                      <a:pt x="296" y="5"/>
                    </a:lnTo>
                    <a:lnTo>
                      <a:pt x="296" y="9"/>
                    </a:lnTo>
                    <a:lnTo>
                      <a:pt x="296" y="11"/>
                    </a:lnTo>
                    <a:lnTo>
                      <a:pt x="298" y="12"/>
                    </a:lnTo>
                    <a:lnTo>
                      <a:pt x="300" y="12"/>
                    </a:lnTo>
                    <a:lnTo>
                      <a:pt x="301" y="11"/>
                    </a:lnTo>
                    <a:lnTo>
                      <a:pt x="303" y="11"/>
                    </a:lnTo>
                    <a:lnTo>
                      <a:pt x="305" y="14"/>
                    </a:lnTo>
                    <a:lnTo>
                      <a:pt x="305" y="16"/>
                    </a:lnTo>
                    <a:lnTo>
                      <a:pt x="306" y="17"/>
                    </a:lnTo>
                    <a:lnTo>
                      <a:pt x="305" y="29"/>
                    </a:lnTo>
                    <a:lnTo>
                      <a:pt x="311" y="34"/>
                    </a:lnTo>
                    <a:lnTo>
                      <a:pt x="303" y="44"/>
                    </a:lnTo>
                    <a:lnTo>
                      <a:pt x="305" y="49"/>
                    </a:lnTo>
                    <a:lnTo>
                      <a:pt x="316" y="48"/>
                    </a:lnTo>
                    <a:lnTo>
                      <a:pt x="316" y="60"/>
                    </a:lnTo>
                    <a:lnTo>
                      <a:pt x="315" y="60"/>
                    </a:lnTo>
                    <a:lnTo>
                      <a:pt x="315" y="61"/>
                    </a:lnTo>
                    <a:lnTo>
                      <a:pt x="313" y="63"/>
                    </a:lnTo>
                    <a:lnTo>
                      <a:pt x="311" y="65"/>
                    </a:lnTo>
                    <a:lnTo>
                      <a:pt x="310" y="66"/>
                    </a:lnTo>
                    <a:lnTo>
                      <a:pt x="311" y="68"/>
                    </a:lnTo>
                    <a:lnTo>
                      <a:pt x="313" y="70"/>
                    </a:lnTo>
                    <a:lnTo>
                      <a:pt x="320" y="70"/>
                    </a:lnTo>
                    <a:lnTo>
                      <a:pt x="320" y="71"/>
                    </a:lnTo>
                    <a:lnTo>
                      <a:pt x="320" y="73"/>
                    </a:lnTo>
                    <a:lnTo>
                      <a:pt x="318" y="75"/>
                    </a:lnTo>
                    <a:lnTo>
                      <a:pt x="318" y="78"/>
                    </a:lnTo>
                    <a:lnTo>
                      <a:pt x="320" y="80"/>
                    </a:lnTo>
                    <a:lnTo>
                      <a:pt x="323" y="82"/>
                    </a:lnTo>
                    <a:lnTo>
                      <a:pt x="328" y="82"/>
                    </a:lnTo>
                    <a:lnTo>
                      <a:pt x="327" y="85"/>
                    </a:lnTo>
                    <a:lnTo>
                      <a:pt x="325" y="87"/>
                    </a:lnTo>
                    <a:lnTo>
                      <a:pt x="325" y="90"/>
                    </a:lnTo>
                    <a:lnTo>
                      <a:pt x="323" y="93"/>
                    </a:lnTo>
                    <a:lnTo>
                      <a:pt x="322" y="97"/>
                    </a:lnTo>
                    <a:lnTo>
                      <a:pt x="320" y="99"/>
                    </a:lnTo>
                    <a:lnTo>
                      <a:pt x="320" y="100"/>
                    </a:lnTo>
                    <a:lnTo>
                      <a:pt x="318" y="100"/>
                    </a:lnTo>
                    <a:lnTo>
                      <a:pt x="315" y="100"/>
                    </a:lnTo>
                    <a:lnTo>
                      <a:pt x="310" y="102"/>
                    </a:lnTo>
                    <a:lnTo>
                      <a:pt x="306" y="102"/>
                    </a:lnTo>
                    <a:lnTo>
                      <a:pt x="303" y="104"/>
                    </a:lnTo>
                    <a:lnTo>
                      <a:pt x="303" y="105"/>
                    </a:lnTo>
                    <a:lnTo>
                      <a:pt x="306" y="107"/>
                    </a:lnTo>
                    <a:lnTo>
                      <a:pt x="313" y="110"/>
                    </a:lnTo>
                    <a:lnTo>
                      <a:pt x="313" y="112"/>
                    </a:lnTo>
                    <a:lnTo>
                      <a:pt x="313" y="114"/>
                    </a:lnTo>
                    <a:lnTo>
                      <a:pt x="311" y="119"/>
                    </a:lnTo>
                    <a:lnTo>
                      <a:pt x="308" y="122"/>
                    </a:lnTo>
                    <a:lnTo>
                      <a:pt x="306" y="126"/>
                    </a:lnTo>
                    <a:lnTo>
                      <a:pt x="303" y="129"/>
                    </a:lnTo>
                    <a:lnTo>
                      <a:pt x="303" y="132"/>
                    </a:lnTo>
                    <a:lnTo>
                      <a:pt x="301" y="134"/>
                    </a:lnTo>
                    <a:lnTo>
                      <a:pt x="300" y="146"/>
                    </a:lnTo>
                    <a:lnTo>
                      <a:pt x="291" y="146"/>
                    </a:lnTo>
                    <a:lnTo>
                      <a:pt x="284" y="173"/>
                    </a:lnTo>
                    <a:lnTo>
                      <a:pt x="276" y="178"/>
                    </a:lnTo>
                    <a:lnTo>
                      <a:pt x="284" y="178"/>
                    </a:lnTo>
                    <a:lnTo>
                      <a:pt x="284" y="180"/>
                    </a:lnTo>
                    <a:lnTo>
                      <a:pt x="283" y="180"/>
                    </a:lnTo>
                    <a:lnTo>
                      <a:pt x="279" y="183"/>
                    </a:lnTo>
                    <a:lnTo>
                      <a:pt x="278" y="185"/>
                    </a:lnTo>
                    <a:lnTo>
                      <a:pt x="274" y="188"/>
                    </a:lnTo>
                    <a:lnTo>
                      <a:pt x="274" y="190"/>
                    </a:lnTo>
                    <a:lnTo>
                      <a:pt x="274" y="193"/>
                    </a:lnTo>
                    <a:lnTo>
                      <a:pt x="276" y="195"/>
                    </a:lnTo>
                    <a:lnTo>
                      <a:pt x="276" y="197"/>
                    </a:lnTo>
                    <a:lnTo>
                      <a:pt x="274" y="198"/>
                    </a:lnTo>
                    <a:lnTo>
                      <a:pt x="272" y="200"/>
                    </a:lnTo>
                    <a:lnTo>
                      <a:pt x="269" y="203"/>
                    </a:lnTo>
                    <a:lnTo>
                      <a:pt x="269" y="207"/>
                    </a:lnTo>
                    <a:lnTo>
                      <a:pt x="267" y="209"/>
                    </a:lnTo>
                    <a:lnTo>
                      <a:pt x="269" y="210"/>
                    </a:lnTo>
                    <a:lnTo>
                      <a:pt x="272" y="210"/>
                    </a:lnTo>
                    <a:lnTo>
                      <a:pt x="274" y="212"/>
                    </a:lnTo>
                    <a:lnTo>
                      <a:pt x="274" y="215"/>
                    </a:lnTo>
                    <a:lnTo>
                      <a:pt x="272" y="217"/>
                    </a:lnTo>
                    <a:lnTo>
                      <a:pt x="267" y="222"/>
                    </a:lnTo>
                    <a:lnTo>
                      <a:pt x="264" y="224"/>
                    </a:lnTo>
                    <a:lnTo>
                      <a:pt x="261" y="225"/>
                    </a:lnTo>
                    <a:lnTo>
                      <a:pt x="259" y="227"/>
                    </a:lnTo>
                    <a:lnTo>
                      <a:pt x="259" y="231"/>
                    </a:lnTo>
                    <a:lnTo>
                      <a:pt x="259" y="232"/>
                    </a:lnTo>
                    <a:lnTo>
                      <a:pt x="261" y="234"/>
                    </a:lnTo>
                    <a:lnTo>
                      <a:pt x="262" y="236"/>
                    </a:lnTo>
                    <a:lnTo>
                      <a:pt x="264" y="236"/>
                    </a:lnTo>
                    <a:lnTo>
                      <a:pt x="266" y="237"/>
                    </a:lnTo>
                    <a:lnTo>
                      <a:pt x="264" y="239"/>
                    </a:lnTo>
                    <a:lnTo>
                      <a:pt x="264" y="242"/>
                    </a:lnTo>
                    <a:lnTo>
                      <a:pt x="264" y="244"/>
                    </a:lnTo>
                    <a:lnTo>
                      <a:pt x="262" y="247"/>
                    </a:lnTo>
                    <a:lnTo>
                      <a:pt x="262" y="251"/>
                    </a:lnTo>
                    <a:lnTo>
                      <a:pt x="262" y="253"/>
                    </a:lnTo>
                    <a:lnTo>
                      <a:pt x="262" y="254"/>
                    </a:lnTo>
                    <a:lnTo>
                      <a:pt x="462" y="241"/>
                    </a:lnTo>
                    <a:lnTo>
                      <a:pt x="462" y="264"/>
                    </a:lnTo>
                    <a:lnTo>
                      <a:pt x="460" y="264"/>
                    </a:lnTo>
                    <a:lnTo>
                      <a:pt x="459" y="268"/>
                    </a:lnTo>
                    <a:lnTo>
                      <a:pt x="457" y="273"/>
                    </a:lnTo>
                    <a:lnTo>
                      <a:pt x="455" y="276"/>
                    </a:lnTo>
                    <a:lnTo>
                      <a:pt x="454" y="283"/>
                    </a:lnTo>
                    <a:lnTo>
                      <a:pt x="454" y="288"/>
                    </a:lnTo>
                    <a:lnTo>
                      <a:pt x="457" y="293"/>
                    </a:lnTo>
                    <a:lnTo>
                      <a:pt x="462" y="297"/>
                    </a:lnTo>
                    <a:lnTo>
                      <a:pt x="464" y="298"/>
                    </a:lnTo>
                    <a:lnTo>
                      <a:pt x="467" y="302"/>
                    </a:lnTo>
                    <a:lnTo>
                      <a:pt x="470" y="307"/>
                    </a:lnTo>
                    <a:lnTo>
                      <a:pt x="476" y="313"/>
                    </a:lnTo>
                    <a:lnTo>
                      <a:pt x="479" y="320"/>
                    </a:lnTo>
                    <a:lnTo>
                      <a:pt x="482" y="327"/>
                    </a:lnTo>
                    <a:lnTo>
                      <a:pt x="482" y="335"/>
                    </a:lnTo>
                    <a:lnTo>
                      <a:pt x="481" y="342"/>
                    </a:lnTo>
                    <a:lnTo>
                      <a:pt x="479" y="342"/>
                    </a:lnTo>
                    <a:lnTo>
                      <a:pt x="477" y="342"/>
                    </a:lnTo>
                    <a:lnTo>
                      <a:pt x="474" y="342"/>
                    </a:lnTo>
                    <a:lnTo>
                      <a:pt x="472" y="342"/>
                    </a:lnTo>
                    <a:lnTo>
                      <a:pt x="470" y="342"/>
                    </a:lnTo>
                    <a:lnTo>
                      <a:pt x="469" y="342"/>
                    </a:lnTo>
                    <a:lnTo>
                      <a:pt x="467" y="342"/>
                    </a:lnTo>
                    <a:lnTo>
                      <a:pt x="450" y="334"/>
                    </a:lnTo>
                    <a:lnTo>
                      <a:pt x="445" y="335"/>
                    </a:lnTo>
                    <a:lnTo>
                      <a:pt x="443" y="334"/>
                    </a:lnTo>
                    <a:lnTo>
                      <a:pt x="442" y="332"/>
                    </a:lnTo>
                    <a:lnTo>
                      <a:pt x="440" y="329"/>
                    </a:lnTo>
                    <a:lnTo>
                      <a:pt x="437" y="325"/>
                    </a:lnTo>
                    <a:lnTo>
                      <a:pt x="432" y="322"/>
                    </a:lnTo>
                    <a:lnTo>
                      <a:pt x="426" y="322"/>
                    </a:lnTo>
                    <a:lnTo>
                      <a:pt x="421" y="324"/>
                    </a:lnTo>
                    <a:lnTo>
                      <a:pt x="415" y="329"/>
                    </a:lnTo>
                    <a:lnTo>
                      <a:pt x="413" y="330"/>
                    </a:lnTo>
                    <a:lnTo>
                      <a:pt x="411" y="332"/>
                    </a:lnTo>
                    <a:lnTo>
                      <a:pt x="410" y="335"/>
                    </a:lnTo>
                    <a:lnTo>
                      <a:pt x="408" y="339"/>
                    </a:lnTo>
                    <a:lnTo>
                      <a:pt x="404" y="341"/>
                    </a:lnTo>
                    <a:lnTo>
                      <a:pt x="403" y="344"/>
                    </a:lnTo>
                    <a:lnTo>
                      <a:pt x="403" y="346"/>
                    </a:lnTo>
                    <a:lnTo>
                      <a:pt x="401" y="346"/>
                    </a:lnTo>
                    <a:lnTo>
                      <a:pt x="401" y="347"/>
                    </a:lnTo>
                    <a:lnTo>
                      <a:pt x="399" y="349"/>
                    </a:lnTo>
                    <a:lnTo>
                      <a:pt x="398" y="352"/>
                    </a:lnTo>
                    <a:lnTo>
                      <a:pt x="398" y="356"/>
                    </a:lnTo>
                    <a:lnTo>
                      <a:pt x="399" y="359"/>
                    </a:lnTo>
                    <a:lnTo>
                      <a:pt x="403" y="361"/>
                    </a:lnTo>
                    <a:lnTo>
                      <a:pt x="411" y="364"/>
                    </a:lnTo>
                    <a:lnTo>
                      <a:pt x="423" y="364"/>
                    </a:lnTo>
                    <a:lnTo>
                      <a:pt x="426" y="366"/>
                    </a:lnTo>
                    <a:lnTo>
                      <a:pt x="428" y="366"/>
                    </a:lnTo>
                    <a:lnTo>
                      <a:pt x="433" y="366"/>
                    </a:lnTo>
                    <a:lnTo>
                      <a:pt x="437" y="364"/>
                    </a:lnTo>
                    <a:lnTo>
                      <a:pt x="443" y="363"/>
                    </a:lnTo>
                    <a:lnTo>
                      <a:pt x="450" y="359"/>
                    </a:lnTo>
                    <a:lnTo>
                      <a:pt x="457" y="352"/>
                    </a:lnTo>
                    <a:lnTo>
                      <a:pt x="459" y="352"/>
                    </a:lnTo>
                    <a:lnTo>
                      <a:pt x="462" y="352"/>
                    </a:lnTo>
                    <a:lnTo>
                      <a:pt x="464" y="356"/>
                    </a:lnTo>
                    <a:lnTo>
                      <a:pt x="465" y="356"/>
                    </a:lnTo>
                    <a:lnTo>
                      <a:pt x="474" y="347"/>
                    </a:lnTo>
                    <a:lnTo>
                      <a:pt x="481" y="352"/>
                    </a:lnTo>
                    <a:lnTo>
                      <a:pt x="474" y="363"/>
                    </a:lnTo>
                    <a:lnTo>
                      <a:pt x="472" y="363"/>
                    </a:lnTo>
                    <a:lnTo>
                      <a:pt x="469" y="364"/>
                    </a:lnTo>
                    <a:lnTo>
                      <a:pt x="465" y="366"/>
                    </a:lnTo>
                    <a:lnTo>
                      <a:pt x="462" y="368"/>
                    </a:lnTo>
                    <a:lnTo>
                      <a:pt x="460" y="369"/>
                    </a:lnTo>
                    <a:lnTo>
                      <a:pt x="459" y="373"/>
                    </a:lnTo>
                    <a:lnTo>
                      <a:pt x="462" y="373"/>
                    </a:lnTo>
                    <a:lnTo>
                      <a:pt x="470" y="374"/>
                    </a:lnTo>
                    <a:lnTo>
                      <a:pt x="472" y="374"/>
                    </a:lnTo>
                    <a:lnTo>
                      <a:pt x="474" y="376"/>
                    </a:lnTo>
                    <a:lnTo>
                      <a:pt x="479" y="378"/>
                    </a:lnTo>
                    <a:lnTo>
                      <a:pt x="484" y="379"/>
                    </a:lnTo>
                    <a:lnTo>
                      <a:pt x="487" y="381"/>
                    </a:lnTo>
                    <a:lnTo>
                      <a:pt x="491" y="379"/>
                    </a:lnTo>
                    <a:lnTo>
                      <a:pt x="491" y="378"/>
                    </a:lnTo>
                    <a:lnTo>
                      <a:pt x="489" y="373"/>
                    </a:lnTo>
                    <a:lnTo>
                      <a:pt x="489" y="371"/>
                    </a:lnTo>
                    <a:lnTo>
                      <a:pt x="491" y="369"/>
                    </a:lnTo>
                    <a:lnTo>
                      <a:pt x="492" y="368"/>
                    </a:lnTo>
                    <a:lnTo>
                      <a:pt x="494" y="364"/>
                    </a:lnTo>
                    <a:lnTo>
                      <a:pt x="496" y="363"/>
                    </a:lnTo>
                    <a:lnTo>
                      <a:pt x="496" y="361"/>
                    </a:lnTo>
                    <a:lnTo>
                      <a:pt x="498" y="359"/>
                    </a:lnTo>
                    <a:lnTo>
                      <a:pt x="499" y="357"/>
                    </a:lnTo>
                    <a:lnTo>
                      <a:pt x="503" y="357"/>
                    </a:lnTo>
                    <a:lnTo>
                      <a:pt x="504" y="357"/>
                    </a:lnTo>
                    <a:lnTo>
                      <a:pt x="506" y="357"/>
                    </a:lnTo>
                    <a:lnTo>
                      <a:pt x="504" y="359"/>
                    </a:lnTo>
                    <a:lnTo>
                      <a:pt x="503" y="361"/>
                    </a:lnTo>
                    <a:lnTo>
                      <a:pt x="503" y="364"/>
                    </a:lnTo>
                    <a:lnTo>
                      <a:pt x="504" y="366"/>
                    </a:lnTo>
                    <a:lnTo>
                      <a:pt x="506" y="369"/>
                    </a:lnTo>
                    <a:lnTo>
                      <a:pt x="508" y="369"/>
                    </a:lnTo>
                    <a:lnTo>
                      <a:pt x="506" y="383"/>
                    </a:lnTo>
                    <a:lnTo>
                      <a:pt x="509" y="388"/>
                    </a:lnTo>
                    <a:lnTo>
                      <a:pt x="523" y="388"/>
                    </a:lnTo>
                    <a:lnTo>
                      <a:pt x="521" y="395"/>
                    </a:lnTo>
                    <a:lnTo>
                      <a:pt x="506" y="395"/>
                    </a:lnTo>
                    <a:lnTo>
                      <a:pt x="499" y="400"/>
                    </a:lnTo>
                    <a:lnTo>
                      <a:pt x="486" y="400"/>
                    </a:lnTo>
                    <a:lnTo>
                      <a:pt x="486" y="417"/>
                    </a:lnTo>
                    <a:lnTo>
                      <a:pt x="486" y="418"/>
                    </a:lnTo>
                    <a:lnTo>
                      <a:pt x="486" y="422"/>
                    </a:lnTo>
                    <a:lnTo>
                      <a:pt x="486" y="423"/>
                    </a:lnTo>
                    <a:lnTo>
                      <a:pt x="486" y="427"/>
                    </a:lnTo>
                    <a:lnTo>
                      <a:pt x="487" y="429"/>
                    </a:lnTo>
                    <a:lnTo>
                      <a:pt x="489" y="430"/>
                    </a:lnTo>
                    <a:lnTo>
                      <a:pt x="494" y="432"/>
                    </a:lnTo>
                    <a:lnTo>
                      <a:pt x="499" y="437"/>
                    </a:lnTo>
                    <a:lnTo>
                      <a:pt x="504" y="442"/>
                    </a:lnTo>
                    <a:lnTo>
                      <a:pt x="516" y="442"/>
                    </a:lnTo>
                    <a:lnTo>
                      <a:pt x="523" y="449"/>
                    </a:lnTo>
                    <a:lnTo>
                      <a:pt x="543" y="456"/>
                    </a:lnTo>
                    <a:lnTo>
                      <a:pt x="542" y="462"/>
                    </a:lnTo>
                    <a:lnTo>
                      <a:pt x="555" y="462"/>
                    </a:lnTo>
                    <a:lnTo>
                      <a:pt x="553" y="474"/>
                    </a:lnTo>
                    <a:lnTo>
                      <a:pt x="542" y="479"/>
                    </a:lnTo>
                    <a:lnTo>
                      <a:pt x="540" y="486"/>
                    </a:lnTo>
                    <a:lnTo>
                      <a:pt x="531" y="478"/>
                    </a:lnTo>
                    <a:lnTo>
                      <a:pt x="530" y="478"/>
                    </a:lnTo>
                    <a:lnTo>
                      <a:pt x="528" y="481"/>
                    </a:lnTo>
                    <a:lnTo>
                      <a:pt x="525" y="484"/>
                    </a:lnTo>
                    <a:lnTo>
                      <a:pt x="521" y="488"/>
                    </a:lnTo>
                    <a:lnTo>
                      <a:pt x="520" y="489"/>
                    </a:lnTo>
                    <a:lnTo>
                      <a:pt x="518" y="489"/>
                    </a:lnTo>
                    <a:lnTo>
                      <a:pt x="518" y="486"/>
                    </a:lnTo>
                    <a:lnTo>
                      <a:pt x="521" y="478"/>
                    </a:lnTo>
                    <a:lnTo>
                      <a:pt x="521" y="474"/>
                    </a:lnTo>
                    <a:lnTo>
                      <a:pt x="518" y="471"/>
                    </a:lnTo>
                    <a:lnTo>
                      <a:pt x="514" y="469"/>
                    </a:lnTo>
                    <a:lnTo>
                      <a:pt x="513" y="467"/>
                    </a:lnTo>
                    <a:lnTo>
                      <a:pt x="513" y="466"/>
                    </a:lnTo>
                    <a:lnTo>
                      <a:pt x="513" y="464"/>
                    </a:lnTo>
                    <a:lnTo>
                      <a:pt x="511" y="462"/>
                    </a:lnTo>
                    <a:lnTo>
                      <a:pt x="508" y="461"/>
                    </a:lnTo>
                    <a:lnTo>
                      <a:pt x="503" y="457"/>
                    </a:lnTo>
                    <a:lnTo>
                      <a:pt x="494" y="456"/>
                    </a:lnTo>
                    <a:lnTo>
                      <a:pt x="484" y="454"/>
                    </a:lnTo>
                    <a:lnTo>
                      <a:pt x="481" y="454"/>
                    </a:lnTo>
                    <a:lnTo>
                      <a:pt x="477" y="454"/>
                    </a:lnTo>
                    <a:lnTo>
                      <a:pt x="476" y="452"/>
                    </a:lnTo>
                    <a:lnTo>
                      <a:pt x="472" y="452"/>
                    </a:lnTo>
                    <a:lnTo>
                      <a:pt x="470" y="452"/>
                    </a:lnTo>
                    <a:lnTo>
                      <a:pt x="469" y="451"/>
                    </a:lnTo>
                    <a:lnTo>
                      <a:pt x="469" y="447"/>
                    </a:lnTo>
                    <a:lnTo>
                      <a:pt x="467" y="442"/>
                    </a:lnTo>
                    <a:lnTo>
                      <a:pt x="465" y="439"/>
                    </a:lnTo>
                    <a:lnTo>
                      <a:pt x="464" y="435"/>
                    </a:lnTo>
                    <a:lnTo>
                      <a:pt x="462" y="432"/>
                    </a:lnTo>
                    <a:lnTo>
                      <a:pt x="459" y="432"/>
                    </a:lnTo>
                    <a:lnTo>
                      <a:pt x="454" y="435"/>
                    </a:lnTo>
                    <a:lnTo>
                      <a:pt x="452" y="435"/>
                    </a:lnTo>
                    <a:lnTo>
                      <a:pt x="447" y="432"/>
                    </a:lnTo>
                    <a:lnTo>
                      <a:pt x="440" y="429"/>
                    </a:lnTo>
                    <a:lnTo>
                      <a:pt x="435" y="425"/>
                    </a:lnTo>
                    <a:lnTo>
                      <a:pt x="430" y="423"/>
                    </a:lnTo>
                    <a:lnTo>
                      <a:pt x="428" y="425"/>
                    </a:lnTo>
                    <a:lnTo>
                      <a:pt x="433" y="430"/>
                    </a:lnTo>
                    <a:lnTo>
                      <a:pt x="443" y="440"/>
                    </a:lnTo>
                    <a:lnTo>
                      <a:pt x="443" y="444"/>
                    </a:lnTo>
                    <a:lnTo>
                      <a:pt x="443" y="445"/>
                    </a:lnTo>
                    <a:lnTo>
                      <a:pt x="445" y="449"/>
                    </a:lnTo>
                    <a:lnTo>
                      <a:pt x="445" y="451"/>
                    </a:lnTo>
                    <a:lnTo>
                      <a:pt x="443" y="451"/>
                    </a:lnTo>
                    <a:lnTo>
                      <a:pt x="442" y="451"/>
                    </a:lnTo>
                    <a:lnTo>
                      <a:pt x="438" y="449"/>
                    </a:lnTo>
                    <a:lnTo>
                      <a:pt x="435" y="451"/>
                    </a:lnTo>
                    <a:lnTo>
                      <a:pt x="433" y="451"/>
                    </a:lnTo>
                    <a:lnTo>
                      <a:pt x="432" y="452"/>
                    </a:lnTo>
                    <a:lnTo>
                      <a:pt x="433" y="456"/>
                    </a:lnTo>
                    <a:lnTo>
                      <a:pt x="437" y="461"/>
                    </a:lnTo>
                    <a:lnTo>
                      <a:pt x="438" y="462"/>
                    </a:lnTo>
                    <a:lnTo>
                      <a:pt x="442" y="466"/>
                    </a:lnTo>
                    <a:lnTo>
                      <a:pt x="445" y="469"/>
                    </a:lnTo>
                    <a:lnTo>
                      <a:pt x="445" y="471"/>
                    </a:lnTo>
                    <a:lnTo>
                      <a:pt x="432" y="484"/>
                    </a:lnTo>
                    <a:lnTo>
                      <a:pt x="430" y="484"/>
                    </a:lnTo>
                    <a:lnTo>
                      <a:pt x="428" y="484"/>
                    </a:lnTo>
                    <a:lnTo>
                      <a:pt x="425" y="483"/>
                    </a:lnTo>
                    <a:lnTo>
                      <a:pt x="425" y="481"/>
                    </a:lnTo>
                    <a:lnTo>
                      <a:pt x="423" y="478"/>
                    </a:lnTo>
                    <a:lnTo>
                      <a:pt x="423" y="473"/>
                    </a:lnTo>
                    <a:lnTo>
                      <a:pt x="411" y="459"/>
                    </a:lnTo>
                    <a:lnTo>
                      <a:pt x="401" y="454"/>
                    </a:lnTo>
                    <a:lnTo>
                      <a:pt x="393" y="462"/>
                    </a:lnTo>
                    <a:lnTo>
                      <a:pt x="386" y="459"/>
                    </a:lnTo>
                    <a:lnTo>
                      <a:pt x="388" y="469"/>
                    </a:lnTo>
                    <a:lnTo>
                      <a:pt x="369" y="484"/>
                    </a:lnTo>
                    <a:lnTo>
                      <a:pt x="366" y="486"/>
                    </a:lnTo>
                    <a:lnTo>
                      <a:pt x="362" y="486"/>
                    </a:lnTo>
                    <a:lnTo>
                      <a:pt x="359" y="486"/>
                    </a:lnTo>
                    <a:lnTo>
                      <a:pt x="355" y="484"/>
                    </a:lnTo>
                    <a:lnTo>
                      <a:pt x="352" y="481"/>
                    </a:lnTo>
                    <a:lnTo>
                      <a:pt x="352" y="478"/>
                    </a:lnTo>
                    <a:lnTo>
                      <a:pt x="355" y="471"/>
                    </a:lnTo>
                    <a:lnTo>
                      <a:pt x="355" y="469"/>
                    </a:lnTo>
                    <a:lnTo>
                      <a:pt x="359" y="467"/>
                    </a:lnTo>
                    <a:lnTo>
                      <a:pt x="360" y="466"/>
                    </a:lnTo>
                    <a:lnTo>
                      <a:pt x="362" y="466"/>
                    </a:lnTo>
                    <a:lnTo>
                      <a:pt x="345" y="467"/>
                    </a:lnTo>
                    <a:lnTo>
                      <a:pt x="342" y="478"/>
                    </a:lnTo>
                    <a:lnTo>
                      <a:pt x="327" y="471"/>
                    </a:lnTo>
                    <a:lnTo>
                      <a:pt x="330" y="462"/>
                    </a:lnTo>
                    <a:lnTo>
                      <a:pt x="308" y="440"/>
                    </a:lnTo>
                    <a:lnTo>
                      <a:pt x="301" y="440"/>
                    </a:lnTo>
                    <a:lnTo>
                      <a:pt x="289" y="435"/>
                    </a:lnTo>
                    <a:lnTo>
                      <a:pt x="288" y="437"/>
                    </a:lnTo>
                    <a:lnTo>
                      <a:pt x="286" y="437"/>
                    </a:lnTo>
                    <a:lnTo>
                      <a:pt x="284" y="439"/>
                    </a:lnTo>
                    <a:lnTo>
                      <a:pt x="281" y="439"/>
                    </a:lnTo>
                    <a:lnTo>
                      <a:pt x="281" y="437"/>
                    </a:lnTo>
                    <a:lnTo>
                      <a:pt x="279" y="435"/>
                    </a:lnTo>
                    <a:lnTo>
                      <a:pt x="278" y="432"/>
                    </a:lnTo>
                    <a:lnTo>
                      <a:pt x="278" y="423"/>
                    </a:lnTo>
                    <a:lnTo>
                      <a:pt x="271" y="420"/>
                    </a:lnTo>
                    <a:lnTo>
                      <a:pt x="271" y="418"/>
                    </a:lnTo>
                    <a:lnTo>
                      <a:pt x="271" y="417"/>
                    </a:lnTo>
                    <a:lnTo>
                      <a:pt x="269" y="413"/>
                    </a:lnTo>
                    <a:lnTo>
                      <a:pt x="269" y="412"/>
                    </a:lnTo>
                    <a:lnTo>
                      <a:pt x="267" y="408"/>
                    </a:lnTo>
                    <a:lnTo>
                      <a:pt x="264" y="407"/>
                    </a:lnTo>
                    <a:lnTo>
                      <a:pt x="261" y="408"/>
                    </a:lnTo>
                    <a:lnTo>
                      <a:pt x="256" y="412"/>
                    </a:lnTo>
                    <a:lnTo>
                      <a:pt x="254" y="413"/>
                    </a:lnTo>
                    <a:lnTo>
                      <a:pt x="252" y="415"/>
                    </a:lnTo>
                    <a:lnTo>
                      <a:pt x="250" y="417"/>
                    </a:lnTo>
                    <a:lnTo>
                      <a:pt x="247" y="417"/>
                    </a:lnTo>
                    <a:lnTo>
                      <a:pt x="245" y="415"/>
                    </a:lnTo>
                    <a:lnTo>
                      <a:pt x="244" y="412"/>
                    </a:lnTo>
                    <a:lnTo>
                      <a:pt x="244" y="405"/>
                    </a:lnTo>
                    <a:lnTo>
                      <a:pt x="245" y="403"/>
                    </a:lnTo>
                    <a:lnTo>
                      <a:pt x="245" y="401"/>
                    </a:lnTo>
                    <a:lnTo>
                      <a:pt x="245" y="400"/>
                    </a:lnTo>
                    <a:lnTo>
                      <a:pt x="232" y="401"/>
                    </a:lnTo>
                    <a:lnTo>
                      <a:pt x="215" y="412"/>
                    </a:lnTo>
                    <a:lnTo>
                      <a:pt x="210" y="415"/>
                    </a:lnTo>
                    <a:lnTo>
                      <a:pt x="225" y="429"/>
                    </a:lnTo>
                    <a:lnTo>
                      <a:pt x="223" y="435"/>
                    </a:lnTo>
                    <a:lnTo>
                      <a:pt x="203" y="440"/>
                    </a:lnTo>
                    <a:lnTo>
                      <a:pt x="200" y="440"/>
                    </a:lnTo>
                    <a:lnTo>
                      <a:pt x="196" y="440"/>
                    </a:lnTo>
                    <a:lnTo>
                      <a:pt x="193" y="440"/>
                    </a:lnTo>
                    <a:lnTo>
                      <a:pt x="186" y="440"/>
                    </a:lnTo>
                    <a:lnTo>
                      <a:pt x="179" y="439"/>
                    </a:lnTo>
                    <a:lnTo>
                      <a:pt x="173" y="439"/>
                    </a:lnTo>
                    <a:lnTo>
                      <a:pt x="166" y="437"/>
                    </a:lnTo>
                    <a:lnTo>
                      <a:pt x="159" y="435"/>
                    </a:lnTo>
                    <a:lnTo>
                      <a:pt x="151" y="434"/>
                    </a:lnTo>
                    <a:lnTo>
                      <a:pt x="142" y="432"/>
                    </a:lnTo>
                    <a:lnTo>
                      <a:pt x="135" y="430"/>
                    </a:lnTo>
                    <a:lnTo>
                      <a:pt x="129" y="427"/>
                    </a:lnTo>
                    <a:lnTo>
                      <a:pt x="122" y="423"/>
                    </a:lnTo>
                    <a:lnTo>
                      <a:pt x="117" y="420"/>
                    </a:lnTo>
                    <a:lnTo>
                      <a:pt x="112" y="417"/>
                    </a:lnTo>
                    <a:lnTo>
                      <a:pt x="108" y="417"/>
                    </a:lnTo>
                    <a:lnTo>
                      <a:pt x="105" y="417"/>
                    </a:lnTo>
                    <a:lnTo>
                      <a:pt x="100" y="415"/>
                    </a:lnTo>
                    <a:lnTo>
                      <a:pt x="95" y="415"/>
                    </a:lnTo>
                    <a:lnTo>
                      <a:pt x="91" y="415"/>
                    </a:lnTo>
                    <a:lnTo>
                      <a:pt x="90" y="415"/>
                    </a:lnTo>
                    <a:lnTo>
                      <a:pt x="88" y="415"/>
                    </a:lnTo>
                    <a:lnTo>
                      <a:pt x="90" y="407"/>
                    </a:lnTo>
                    <a:lnTo>
                      <a:pt x="98" y="400"/>
                    </a:lnTo>
                    <a:lnTo>
                      <a:pt x="88" y="381"/>
                    </a:lnTo>
                    <a:lnTo>
                      <a:pt x="81" y="391"/>
                    </a:lnTo>
                    <a:lnTo>
                      <a:pt x="85" y="396"/>
                    </a:lnTo>
                    <a:lnTo>
                      <a:pt x="81" y="400"/>
                    </a:lnTo>
                    <a:lnTo>
                      <a:pt x="76" y="405"/>
                    </a:lnTo>
                    <a:lnTo>
                      <a:pt x="85" y="408"/>
                    </a:lnTo>
                    <a:lnTo>
                      <a:pt x="81" y="417"/>
                    </a:lnTo>
                    <a:lnTo>
                      <a:pt x="76" y="417"/>
                    </a:lnTo>
                    <a:lnTo>
                      <a:pt x="71" y="417"/>
                    </a:lnTo>
                    <a:lnTo>
                      <a:pt x="64" y="417"/>
                    </a:lnTo>
                    <a:lnTo>
                      <a:pt x="56" y="417"/>
                    </a:lnTo>
                    <a:lnTo>
                      <a:pt x="49" y="418"/>
                    </a:lnTo>
                    <a:lnTo>
                      <a:pt x="42" y="420"/>
                    </a:lnTo>
                    <a:lnTo>
                      <a:pt x="36" y="423"/>
                    </a:lnTo>
                    <a:lnTo>
                      <a:pt x="34" y="423"/>
                    </a:lnTo>
                    <a:lnTo>
                      <a:pt x="32" y="422"/>
                    </a:lnTo>
                    <a:lnTo>
                      <a:pt x="32" y="420"/>
                    </a:lnTo>
                    <a:lnTo>
                      <a:pt x="30" y="417"/>
                    </a:lnTo>
                    <a:lnTo>
                      <a:pt x="29" y="415"/>
                    </a:lnTo>
                    <a:lnTo>
                      <a:pt x="29" y="413"/>
                    </a:lnTo>
                    <a:lnTo>
                      <a:pt x="27" y="413"/>
                    </a:lnTo>
                    <a:lnTo>
                      <a:pt x="39" y="400"/>
                    </a:lnTo>
                    <a:lnTo>
                      <a:pt x="41" y="39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18" name="Freeform 61"/>
              <p:cNvSpPr>
                <a:spLocks/>
              </p:cNvSpPr>
              <p:nvPr/>
            </p:nvSpPr>
            <p:spPr bwMode="auto">
              <a:xfrm>
                <a:off x="3486" y="1959"/>
                <a:ext cx="289" cy="512"/>
              </a:xfrm>
              <a:custGeom>
                <a:avLst/>
                <a:gdLst>
                  <a:gd name="T0" fmla="*/ 0 w 298"/>
                  <a:gd name="T1" fmla="*/ 333 h 528"/>
                  <a:gd name="T2" fmla="*/ 5 w 298"/>
                  <a:gd name="T3" fmla="*/ 327 h 528"/>
                  <a:gd name="T4" fmla="*/ 7 w 298"/>
                  <a:gd name="T5" fmla="*/ 317 h 528"/>
                  <a:gd name="T6" fmla="*/ 10 w 298"/>
                  <a:gd name="T7" fmla="*/ 307 h 528"/>
                  <a:gd name="T8" fmla="*/ 16 w 298"/>
                  <a:gd name="T9" fmla="*/ 297 h 528"/>
                  <a:gd name="T10" fmla="*/ 20 w 298"/>
                  <a:gd name="T11" fmla="*/ 277 h 528"/>
                  <a:gd name="T12" fmla="*/ 24 w 298"/>
                  <a:gd name="T13" fmla="*/ 271 h 528"/>
                  <a:gd name="T14" fmla="*/ 29 w 298"/>
                  <a:gd name="T15" fmla="*/ 255 h 528"/>
                  <a:gd name="T16" fmla="*/ 18 w 298"/>
                  <a:gd name="T17" fmla="*/ 238 h 528"/>
                  <a:gd name="T18" fmla="*/ 16 w 298"/>
                  <a:gd name="T19" fmla="*/ 217 h 528"/>
                  <a:gd name="T20" fmla="*/ 18 w 298"/>
                  <a:gd name="T21" fmla="*/ 208 h 528"/>
                  <a:gd name="T22" fmla="*/ 16 w 298"/>
                  <a:gd name="T23" fmla="*/ 189 h 528"/>
                  <a:gd name="T24" fmla="*/ 16 w 298"/>
                  <a:gd name="T25" fmla="*/ 161 h 528"/>
                  <a:gd name="T26" fmla="*/ 16 w 298"/>
                  <a:gd name="T27" fmla="*/ 127 h 528"/>
                  <a:gd name="T28" fmla="*/ 16 w 298"/>
                  <a:gd name="T29" fmla="*/ 91 h 528"/>
                  <a:gd name="T30" fmla="*/ 12 w 298"/>
                  <a:gd name="T31" fmla="*/ 59 h 528"/>
                  <a:gd name="T32" fmla="*/ 9 w 298"/>
                  <a:gd name="T33" fmla="*/ 37 h 528"/>
                  <a:gd name="T34" fmla="*/ 7 w 298"/>
                  <a:gd name="T35" fmla="*/ 20 h 528"/>
                  <a:gd name="T36" fmla="*/ 9 w 298"/>
                  <a:gd name="T37" fmla="*/ 22 h 528"/>
                  <a:gd name="T38" fmla="*/ 16 w 298"/>
                  <a:gd name="T39" fmla="*/ 29 h 528"/>
                  <a:gd name="T40" fmla="*/ 18 w 298"/>
                  <a:gd name="T41" fmla="*/ 30 h 528"/>
                  <a:gd name="T42" fmla="*/ 41 w 298"/>
                  <a:gd name="T43" fmla="*/ 16 h 528"/>
                  <a:gd name="T44" fmla="*/ 168 w 298"/>
                  <a:gd name="T45" fmla="*/ 16 h 528"/>
                  <a:gd name="T46" fmla="*/ 191 w 298"/>
                  <a:gd name="T47" fmla="*/ 218 h 528"/>
                  <a:gd name="T48" fmla="*/ 189 w 298"/>
                  <a:gd name="T49" fmla="*/ 228 h 528"/>
                  <a:gd name="T50" fmla="*/ 192 w 298"/>
                  <a:gd name="T51" fmla="*/ 238 h 528"/>
                  <a:gd name="T52" fmla="*/ 193 w 298"/>
                  <a:gd name="T53" fmla="*/ 245 h 528"/>
                  <a:gd name="T54" fmla="*/ 179 w 298"/>
                  <a:gd name="T55" fmla="*/ 247 h 528"/>
                  <a:gd name="T56" fmla="*/ 170 w 298"/>
                  <a:gd name="T57" fmla="*/ 249 h 528"/>
                  <a:gd name="T58" fmla="*/ 166 w 298"/>
                  <a:gd name="T59" fmla="*/ 249 h 528"/>
                  <a:gd name="T60" fmla="*/ 156 w 298"/>
                  <a:gd name="T61" fmla="*/ 256 h 528"/>
                  <a:gd name="T62" fmla="*/ 159 w 298"/>
                  <a:gd name="T63" fmla="*/ 267 h 528"/>
                  <a:gd name="T64" fmla="*/ 156 w 298"/>
                  <a:gd name="T65" fmla="*/ 271 h 528"/>
                  <a:gd name="T66" fmla="*/ 149 w 298"/>
                  <a:gd name="T67" fmla="*/ 278 h 528"/>
                  <a:gd name="T68" fmla="*/ 146 w 298"/>
                  <a:gd name="T69" fmla="*/ 286 h 528"/>
                  <a:gd name="T70" fmla="*/ 146 w 298"/>
                  <a:gd name="T71" fmla="*/ 288 h 528"/>
                  <a:gd name="T72" fmla="*/ 143 w 298"/>
                  <a:gd name="T73" fmla="*/ 289 h 528"/>
                  <a:gd name="T74" fmla="*/ 137 w 298"/>
                  <a:gd name="T75" fmla="*/ 293 h 528"/>
                  <a:gd name="T76" fmla="*/ 133 w 298"/>
                  <a:gd name="T77" fmla="*/ 306 h 528"/>
                  <a:gd name="T78" fmla="*/ 132 w 298"/>
                  <a:gd name="T79" fmla="*/ 311 h 528"/>
                  <a:gd name="T80" fmla="*/ 123 w 298"/>
                  <a:gd name="T81" fmla="*/ 315 h 528"/>
                  <a:gd name="T82" fmla="*/ 110 w 298"/>
                  <a:gd name="T83" fmla="*/ 306 h 528"/>
                  <a:gd name="T84" fmla="*/ 104 w 298"/>
                  <a:gd name="T85" fmla="*/ 302 h 528"/>
                  <a:gd name="T86" fmla="*/ 98 w 298"/>
                  <a:gd name="T87" fmla="*/ 317 h 528"/>
                  <a:gd name="T88" fmla="*/ 92 w 298"/>
                  <a:gd name="T89" fmla="*/ 332 h 528"/>
                  <a:gd name="T90" fmla="*/ 81 w 298"/>
                  <a:gd name="T91" fmla="*/ 324 h 528"/>
                  <a:gd name="T92" fmla="*/ 76 w 298"/>
                  <a:gd name="T93" fmla="*/ 321 h 528"/>
                  <a:gd name="T94" fmla="*/ 67 w 298"/>
                  <a:gd name="T95" fmla="*/ 332 h 528"/>
                  <a:gd name="T96" fmla="*/ 59 w 298"/>
                  <a:gd name="T97" fmla="*/ 337 h 528"/>
                  <a:gd name="T98" fmla="*/ 48 w 298"/>
                  <a:gd name="T99" fmla="*/ 332 h 528"/>
                  <a:gd name="T100" fmla="*/ 42 w 298"/>
                  <a:gd name="T101" fmla="*/ 328 h 528"/>
                  <a:gd name="T102" fmla="*/ 37 w 298"/>
                  <a:gd name="T103" fmla="*/ 329 h 528"/>
                  <a:gd name="T104" fmla="*/ 32 w 298"/>
                  <a:gd name="T105" fmla="*/ 328 h 528"/>
                  <a:gd name="T106" fmla="*/ 32 w 298"/>
                  <a:gd name="T107" fmla="*/ 336 h 528"/>
                  <a:gd name="T108" fmla="*/ 29 w 298"/>
                  <a:gd name="T109" fmla="*/ 339 h 528"/>
                  <a:gd name="T110" fmla="*/ 16 w 298"/>
                  <a:gd name="T111" fmla="*/ 335 h 528"/>
                  <a:gd name="T112" fmla="*/ 12 w 298"/>
                  <a:gd name="T113" fmla="*/ 333 h 528"/>
                  <a:gd name="T114" fmla="*/ 16 w 298"/>
                  <a:gd name="T115" fmla="*/ 339 h 528"/>
                  <a:gd name="T116" fmla="*/ 10 w 298"/>
                  <a:gd name="T117" fmla="*/ 343 h 528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298"/>
                  <a:gd name="T178" fmla="*/ 0 h 528"/>
                  <a:gd name="T179" fmla="*/ 298 w 298"/>
                  <a:gd name="T180" fmla="*/ 528 h 528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298" h="528">
                    <a:moveTo>
                      <a:pt x="7" y="528"/>
                    </a:moveTo>
                    <a:lnTo>
                      <a:pt x="2" y="523"/>
                    </a:lnTo>
                    <a:lnTo>
                      <a:pt x="0" y="518"/>
                    </a:lnTo>
                    <a:lnTo>
                      <a:pt x="0" y="513"/>
                    </a:lnTo>
                    <a:lnTo>
                      <a:pt x="0" y="510"/>
                    </a:lnTo>
                    <a:lnTo>
                      <a:pt x="2" y="506"/>
                    </a:lnTo>
                    <a:lnTo>
                      <a:pt x="4" y="505"/>
                    </a:lnTo>
                    <a:lnTo>
                      <a:pt x="5" y="503"/>
                    </a:lnTo>
                    <a:lnTo>
                      <a:pt x="7" y="493"/>
                    </a:lnTo>
                    <a:lnTo>
                      <a:pt x="7" y="491"/>
                    </a:lnTo>
                    <a:lnTo>
                      <a:pt x="7" y="489"/>
                    </a:lnTo>
                    <a:lnTo>
                      <a:pt x="7" y="486"/>
                    </a:lnTo>
                    <a:lnTo>
                      <a:pt x="9" y="481"/>
                    </a:lnTo>
                    <a:lnTo>
                      <a:pt x="9" y="478"/>
                    </a:lnTo>
                    <a:lnTo>
                      <a:pt x="10" y="474"/>
                    </a:lnTo>
                    <a:lnTo>
                      <a:pt x="10" y="471"/>
                    </a:lnTo>
                    <a:lnTo>
                      <a:pt x="10" y="469"/>
                    </a:lnTo>
                    <a:lnTo>
                      <a:pt x="17" y="464"/>
                    </a:lnTo>
                    <a:lnTo>
                      <a:pt x="22" y="456"/>
                    </a:lnTo>
                    <a:lnTo>
                      <a:pt x="26" y="447"/>
                    </a:lnTo>
                    <a:lnTo>
                      <a:pt x="29" y="440"/>
                    </a:lnTo>
                    <a:lnTo>
                      <a:pt x="32" y="432"/>
                    </a:lnTo>
                    <a:lnTo>
                      <a:pt x="34" y="427"/>
                    </a:lnTo>
                    <a:lnTo>
                      <a:pt x="36" y="422"/>
                    </a:lnTo>
                    <a:lnTo>
                      <a:pt x="36" y="420"/>
                    </a:lnTo>
                    <a:lnTo>
                      <a:pt x="38" y="417"/>
                    </a:lnTo>
                    <a:lnTo>
                      <a:pt x="39" y="413"/>
                    </a:lnTo>
                    <a:lnTo>
                      <a:pt x="41" y="412"/>
                    </a:lnTo>
                    <a:lnTo>
                      <a:pt x="43" y="401"/>
                    </a:lnTo>
                    <a:lnTo>
                      <a:pt x="43" y="393"/>
                    </a:lnTo>
                    <a:lnTo>
                      <a:pt x="41" y="384"/>
                    </a:lnTo>
                    <a:lnTo>
                      <a:pt x="38" y="378"/>
                    </a:lnTo>
                    <a:lnTo>
                      <a:pt x="36" y="371"/>
                    </a:lnTo>
                    <a:lnTo>
                      <a:pt x="32" y="366"/>
                    </a:lnTo>
                    <a:lnTo>
                      <a:pt x="31" y="362"/>
                    </a:lnTo>
                    <a:lnTo>
                      <a:pt x="29" y="361"/>
                    </a:lnTo>
                    <a:lnTo>
                      <a:pt x="29" y="357"/>
                    </a:lnTo>
                    <a:lnTo>
                      <a:pt x="29" y="334"/>
                    </a:lnTo>
                    <a:lnTo>
                      <a:pt x="32" y="329"/>
                    </a:lnTo>
                    <a:lnTo>
                      <a:pt x="32" y="327"/>
                    </a:lnTo>
                    <a:lnTo>
                      <a:pt x="32" y="325"/>
                    </a:lnTo>
                    <a:lnTo>
                      <a:pt x="32" y="320"/>
                    </a:lnTo>
                    <a:lnTo>
                      <a:pt x="31" y="315"/>
                    </a:lnTo>
                    <a:lnTo>
                      <a:pt x="31" y="308"/>
                    </a:lnTo>
                    <a:lnTo>
                      <a:pt x="31" y="300"/>
                    </a:lnTo>
                    <a:lnTo>
                      <a:pt x="29" y="291"/>
                    </a:lnTo>
                    <a:lnTo>
                      <a:pt x="29" y="281"/>
                    </a:lnTo>
                    <a:lnTo>
                      <a:pt x="27" y="271"/>
                    </a:lnTo>
                    <a:lnTo>
                      <a:pt x="27" y="259"/>
                    </a:lnTo>
                    <a:lnTo>
                      <a:pt x="26" y="247"/>
                    </a:lnTo>
                    <a:lnTo>
                      <a:pt x="24" y="234"/>
                    </a:lnTo>
                    <a:lnTo>
                      <a:pt x="24" y="222"/>
                    </a:lnTo>
                    <a:lnTo>
                      <a:pt x="22" y="208"/>
                    </a:lnTo>
                    <a:lnTo>
                      <a:pt x="21" y="195"/>
                    </a:lnTo>
                    <a:lnTo>
                      <a:pt x="21" y="181"/>
                    </a:lnTo>
                    <a:lnTo>
                      <a:pt x="19" y="166"/>
                    </a:lnTo>
                    <a:lnTo>
                      <a:pt x="17" y="153"/>
                    </a:lnTo>
                    <a:lnTo>
                      <a:pt x="17" y="139"/>
                    </a:lnTo>
                    <a:lnTo>
                      <a:pt x="16" y="127"/>
                    </a:lnTo>
                    <a:lnTo>
                      <a:pt x="14" y="114"/>
                    </a:lnTo>
                    <a:lnTo>
                      <a:pt x="14" y="102"/>
                    </a:lnTo>
                    <a:lnTo>
                      <a:pt x="12" y="90"/>
                    </a:lnTo>
                    <a:lnTo>
                      <a:pt x="12" y="80"/>
                    </a:lnTo>
                    <a:lnTo>
                      <a:pt x="10" y="70"/>
                    </a:lnTo>
                    <a:lnTo>
                      <a:pt x="10" y="60"/>
                    </a:lnTo>
                    <a:lnTo>
                      <a:pt x="9" y="53"/>
                    </a:lnTo>
                    <a:lnTo>
                      <a:pt x="9" y="46"/>
                    </a:lnTo>
                    <a:lnTo>
                      <a:pt x="9" y="41"/>
                    </a:lnTo>
                    <a:lnTo>
                      <a:pt x="7" y="36"/>
                    </a:lnTo>
                    <a:lnTo>
                      <a:pt x="7" y="34"/>
                    </a:lnTo>
                    <a:lnTo>
                      <a:pt x="7" y="32"/>
                    </a:lnTo>
                    <a:lnTo>
                      <a:pt x="7" y="34"/>
                    </a:lnTo>
                    <a:lnTo>
                      <a:pt x="9" y="36"/>
                    </a:lnTo>
                    <a:lnTo>
                      <a:pt x="10" y="38"/>
                    </a:lnTo>
                    <a:lnTo>
                      <a:pt x="12" y="39"/>
                    </a:lnTo>
                    <a:lnTo>
                      <a:pt x="14" y="41"/>
                    </a:lnTo>
                    <a:lnTo>
                      <a:pt x="16" y="43"/>
                    </a:lnTo>
                    <a:lnTo>
                      <a:pt x="19" y="44"/>
                    </a:lnTo>
                    <a:lnTo>
                      <a:pt x="22" y="44"/>
                    </a:lnTo>
                    <a:lnTo>
                      <a:pt x="27" y="44"/>
                    </a:lnTo>
                    <a:lnTo>
                      <a:pt x="32" y="44"/>
                    </a:lnTo>
                    <a:lnTo>
                      <a:pt x="38" y="43"/>
                    </a:lnTo>
                    <a:lnTo>
                      <a:pt x="46" y="39"/>
                    </a:lnTo>
                    <a:lnTo>
                      <a:pt x="53" y="36"/>
                    </a:lnTo>
                    <a:lnTo>
                      <a:pt x="61" y="29"/>
                    </a:lnTo>
                    <a:lnTo>
                      <a:pt x="71" y="22"/>
                    </a:lnTo>
                    <a:lnTo>
                      <a:pt x="70" y="22"/>
                    </a:lnTo>
                    <a:lnTo>
                      <a:pt x="254" y="0"/>
                    </a:lnTo>
                    <a:lnTo>
                      <a:pt x="258" y="17"/>
                    </a:lnTo>
                    <a:lnTo>
                      <a:pt x="293" y="335"/>
                    </a:lnTo>
                    <a:lnTo>
                      <a:pt x="295" y="334"/>
                    </a:lnTo>
                    <a:lnTo>
                      <a:pt x="293" y="334"/>
                    </a:lnTo>
                    <a:lnTo>
                      <a:pt x="293" y="335"/>
                    </a:lnTo>
                    <a:lnTo>
                      <a:pt x="291" y="337"/>
                    </a:lnTo>
                    <a:lnTo>
                      <a:pt x="291" y="340"/>
                    </a:lnTo>
                    <a:lnTo>
                      <a:pt x="290" y="346"/>
                    </a:lnTo>
                    <a:lnTo>
                      <a:pt x="290" y="351"/>
                    </a:lnTo>
                    <a:lnTo>
                      <a:pt x="290" y="356"/>
                    </a:lnTo>
                    <a:lnTo>
                      <a:pt x="291" y="362"/>
                    </a:lnTo>
                    <a:lnTo>
                      <a:pt x="293" y="364"/>
                    </a:lnTo>
                    <a:lnTo>
                      <a:pt x="295" y="366"/>
                    </a:lnTo>
                    <a:lnTo>
                      <a:pt x="296" y="369"/>
                    </a:lnTo>
                    <a:lnTo>
                      <a:pt x="298" y="371"/>
                    </a:lnTo>
                    <a:lnTo>
                      <a:pt x="298" y="374"/>
                    </a:lnTo>
                    <a:lnTo>
                      <a:pt x="296" y="376"/>
                    </a:lnTo>
                    <a:lnTo>
                      <a:pt x="290" y="378"/>
                    </a:lnTo>
                    <a:lnTo>
                      <a:pt x="281" y="379"/>
                    </a:lnTo>
                    <a:lnTo>
                      <a:pt x="280" y="379"/>
                    </a:lnTo>
                    <a:lnTo>
                      <a:pt x="276" y="379"/>
                    </a:lnTo>
                    <a:lnTo>
                      <a:pt x="273" y="381"/>
                    </a:lnTo>
                    <a:lnTo>
                      <a:pt x="268" y="383"/>
                    </a:lnTo>
                    <a:lnTo>
                      <a:pt x="264" y="383"/>
                    </a:lnTo>
                    <a:lnTo>
                      <a:pt x="261" y="384"/>
                    </a:lnTo>
                    <a:lnTo>
                      <a:pt x="259" y="384"/>
                    </a:lnTo>
                    <a:lnTo>
                      <a:pt x="258" y="384"/>
                    </a:lnTo>
                    <a:lnTo>
                      <a:pt x="254" y="384"/>
                    </a:lnTo>
                    <a:lnTo>
                      <a:pt x="251" y="386"/>
                    </a:lnTo>
                    <a:lnTo>
                      <a:pt x="246" y="388"/>
                    </a:lnTo>
                    <a:lnTo>
                      <a:pt x="242" y="390"/>
                    </a:lnTo>
                    <a:lnTo>
                      <a:pt x="239" y="395"/>
                    </a:lnTo>
                    <a:lnTo>
                      <a:pt x="241" y="400"/>
                    </a:lnTo>
                    <a:lnTo>
                      <a:pt x="244" y="408"/>
                    </a:lnTo>
                    <a:lnTo>
                      <a:pt x="244" y="410"/>
                    </a:lnTo>
                    <a:lnTo>
                      <a:pt x="244" y="412"/>
                    </a:lnTo>
                    <a:lnTo>
                      <a:pt x="242" y="413"/>
                    </a:lnTo>
                    <a:lnTo>
                      <a:pt x="241" y="417"/>
                    </a:lnTo>
                    <a:lnTo>
                      <a:pt x="239" y="418"/>
                    </a:lnTo>
                    <a:lnTo>
                      <a:pt x="236" y="422"/>
                    </a:lnTo>
                    <a:lnTo>
                      <a:pt x="232" y="425"/>
                    </a:lnTo>
                    <a:lnTo>
                      <a:pt x="232" y="427"/>
                    </a:lnTo>
                    <a:lnTo>
                      <a:pt x="230" y="428"/>
                    </a:lnTo>
                    <a:lnTo>
                      <a:pt x="229" y="430"/>
                    </a:lnTo>
                    <a:lnTo>
                      <a:pt x="229" y="434"/>
                    </a:lnTo>
                    <a:lnTo>
                      <a:pt x="227" y="435"/>
                    </a:lnTo>
                    <a:lnTo>
                      <a:pt x="225" y="439"/>
                    </a:lnTo>
                    <a:lnTo>
                      <a:pt x="225" y="440"/>
                    </a:lnTo>
                    <a:lnTo>
                      <a:pt x="225" y="442"/>
                    </a:lnTo>
                    <a:lnTo>
                      <a:pt x="224" y="442"/>
                    </a:lnTo>
                    <a:lnTo>
                      <a:pt x="224" y="444"/>
                    </a:lnTo>
                    <a:lnTo>
                      <a:pt x="222" y="445"/>
                    </a:lnTo>
                    <a:lnTo>
                      <a:pt x="220" y="445"/>
                    </a:lnTo>
                    <a:lnTo>
                      <a:pt x="217" y="447"/>
                    </a:lnTo>
                    <a:lnTo>
                      <a:pt x="212" y="447"/>
                    </a:lnTo>
                    <a:lnTo>
                      <a:pt x="210" y="450"/>
                    </a:lnTo>
                    <a:lnTo>
                      <a:pt x="208" y="456"/>
                    </a:lnTo>
                    <a:lnTo>
                      <a:pt x="207" y="461"/>
                    </a:lnTo>
                    <a:lnTo>
                      <a:pt x="205" y="467"/>
                    </a:lnTo>
                    <a:lnTo>
                      <a:pt x="203" y="471"/>
                    </a:lnTo>
                    <a:lnTo>
                      <a:pt x="203" y="474"/>
                    </a:lnTo>
                    <a:lnTo>
                      <a:pt x="203" y="476"/>
                    </a:lnTo>
                    <a:lnTo>
                      <a:pt x="203" y="478"/>
                    </a:lnTo>
                    <a:lnTo>
                      <a:pt x="202" y="479"/>
                    </a:lnTo>
                    <a:lnTo>
                      <a:pt x="200" y="481"/>
                    </a:lnTo>
                    <a:lnTo>
                      <a:pt x="198" y="483"/>
                    </a:lnTo>
                    <a:lnTo>
                      <a:pt x="193" y="484"/>
                    </a:lnTo>
                    <a:lnTo>
                      <a:pt x="188" y="484"/>
                    </a:lnTo>
                    <a:lnTo>
                      <a:pt x="180" y="483"/>
                    </a:lnTo>
                    <a:lnTo>
                      <a:pt x="170" y="478"/>
                    </a:lnTo>
                    <a:lnTo>
                      <a:pt x="170" y="476"/>
                    </a:lnTo>
                    <a:lnTo>
                      <a:pt x="170" y="472"/>
                    </a:lnTo>
                    <a:lnTo>
                      <a:pt x="168" y="469"/>
                    </a:lnTo>
                    <a:lnTo>
                      <a:pt x="166" y="466"/>
                    </a:lnTo>
                    <a:lnTo>
                      <a:pt x="163" y="464"/>
                    </a:lnTo>
                    <a:lnTo>
                      <a:pt x="159" y="464"/>
                    </a:lnTo>
                    <a:lnTo>
                      <a:pt x="156" y="471"/>
                    </a:lnTo>
                    <a:lnTo>
                      <a:pt x="151" y="481"/>
                    </a:lnTo>
                    <a:lnTo>
                      <a:pt x="151" y="484"/>
                    </a:lnTo>
                    <a:lnTo>
                      <a:pt x="149" y="489"/>
                    </a:lnTo>
                    <a:lnTo>
                      <a:pt x="149" y="496"/>
                    </a:lnTo>
                    <a:lnTo>
                      <a:pt x="148" y="503"/>
                    </a:lnTo>
                    <a:lnTo>
                      <a:pt x="144" y="506"/>
                    </a:lnTo>
                    <a:lnTo>
                      <a:pt x="141" y="510"/>
                    </a:lnTo>
                    <a:lnTo>
                      <a:pt x="134" y="508"/>
                    </a:lnTo>
                    <a:lnTo>
                      <a:pt x="127" y="501"/>
                    </a:lnTo>
                    <a:lnTo>
                      <a:pt x="126" y="500"/>
                    </a:lnTo>
                    <a:lnTo>
                      <a:pt x="126" y="498"/>
                    </a:lnTo>
                    <a:lnTo>
                      <a:pt x="126" y="496"/>
                    </a:lnTo>
                    <a:lnTo>
                      <a:pt x="124" y="493"/>
                    </a:lnTo>
                    <a:lnTo>
                      <a:pt x="122" y="493"/>
                    </a:lnTo>
                    <a:lnTo>
                      <a:pt x="117" y="493"/>
                    </a:lnTo>
                    <a:lnTo>
                      <a:pt x="112" y="498"/>
                    </a:lnTo>
                    <a:lnTo>
                      <a:pt x="104" y="505"/>
                    </a:lnTo>
                    <a:lnTo>
                      <a:pt x="104" y="506"/>
                    </a:lnTo>
                    <a:lnTo>
                      <a:pt x="102" y="510"/>
                    </a:lnTo>
                    <a:lnTo>
                      <a:pt x="100" y="513"/>
                    </a:lnTo>
                    <a:lnTo>
                      <a:pt x="98" y="516"/>
                    </a:lnTo>
                    <a:lnTo>
                      <a:pt x="95" y="520"/>
                    </a:lnTo>
                    <a:lnTo>
                      <a:pt x="90" y="520"/>
                    </a:lnTo>
                    <a:lnTo>
                      <a:pt x="85" y="518"/>
                    </a:lnTo>
                    <a:lnTo>
                      <a:pt x="78" y="513"/>
                    </a:lnTo>
                    <a:lnTo>
                      <a:pt x="78" y="511"/>
                    </a:lnTo>
                    <a:lnTo>
                      <a:pt x="76" y="510"/>
                    </a:lnTo>
                    <a:lnTo>
                      <a:pt x="73" y="508"/>
                    </a:lnTo>
                    <a:lnTo>
                      <a:pt x="70" y="506"/>
                    </a:lnTo>
                    <a:lnTo>
                      <a:pt x="66" y="505"/>
                    </a:lnTo>
                    <a:lnTo>
                      <a:pt x="63" y="505"/>
                    </a:lnTo>
                    <a:lnTo>
                      <a:pt x="58" y="505"/>
                    </a:lnTo>
                    <a:lnTo>
                      <a:pt x="54" y="508"/>
                    </a:lnTo>
                    <a:lnTo>
                      <a:pt x="53" y="506"/>
                    </a:lnTo>
                    <a:lnTo>
                      <a:pt x="51" y="505"/>
                    </a:lnTo>
                    <a:lnTo>
                      <a:pt x="49" y="505"/>
                    </a:lnTo>
                    <a:lnTo>
                      <a:pt x="48" y="505"/>
                    </a:lnTo>
                    <a:lnTo>
                      <a:pt x="46" y="505"/>
                    </a:lnTo>
                    <a:lnTo>
                      <a:pt x="46" y="510"/>
                    </a:lnTo>
                    <a:lnTo>
                      <a:pt x="46" y="515"/>
                    </a:lnTo>
                    <a:lnTo>
                      <a:pt x="46" y="516"/>
                    </a:lnTo>
                    <a:lnTo>
                      <a:pt x="46" y="518"/>
                    </a:lnTo>
                    <a:lnTo>
                      <a:pt x="44" y="520"/>
                    </a:lnTo>
                    <a:lnTo>
                      <a:pt x="44" y="522"/>
                    </a:lnTo>
                    <a:lnTo>
                      <a:pt x="43" y="522"/>
                    </a:lnTo>
                    <a:lnTo>
                      <a:pt x="39" y="520"/>
                    </a:lnTo>
                    <a:lnTo>
                      <a:pt x="36" y="516"/>
                    </a:lnTo>
                    <a:lnTo>
                      <a:pt x="34" y="516"/>
                    </a:lnTo>
                    <a:lnTo>
                      <a:pt x="29" y="515"/>
                    </a:lnTo>
                    <a:lnTo>
                      <a:pt x="24" y="513"/>
                    </a:lnTo>
                    <a:lnTo>
                      <a:pt x="19" y="513"/>
                    </a:lnTo>
                    <a:lnTo>
                      <a:pt x="16" y="513"/>
                    </a:lnTo>
                    <a:lnTo>
                      <a:pt x="12" y="513"/>
                    </a:lnTo>
                    <a:lnTo>
                      <a:pt x="12" y="516"/>
                    </a:lnTo>
                    <a:lnTo>
                      <a:pt x="16" y="520"/>
                    </a:lnTo>
                    <a:lnTo>
                      <a:pt x="16" y="522"/>
                    </a:lnTo>
                    <a:lnTo>
                      <a:pt x="14" y="525"/>
                    </a:lnTo>
                    <a:lnTo>
                      <a:pt x="14" y="527"/>
                    </a:lnTo>
                    <a:lnTo>
                      <a:pt x="12" y="527"/>
                    </a:lnTo>
                    <a:lnTo>
                      <a:pt x="10" y="528"/>
                    </a:lnTo>
                    <a:lnTo>
                      <a:pt x="9" y="528"/>
                    </a:lnTo>
                    <a:lnTo>
                      <a:pt x="7" y="528"/>
                    </a:lnTo>
                    <a:close/>
                  </a:path>
                </a:pathLst>
              </a:custGeom>
              <a:solidFill>
                <a:srgbClr val="00206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19" name="Freeform 62"/>
              <p:cNvSpPr>
                <a:spLocks/>
              </p:cNvSpPr>
              <p:nvPr/>
            </p:nvSpPr>
            <p:spPr bwMode="auto">
              <a:xfrm>
                <a:off x="3357" y="2283"/>
                <a:ext cx="703" cy="359"/>
              </a:xfrm>
              <a:custGeom>
                <a:avLst/>
                <a:gdLst>
                  <a:gd name="T0" fmla="*/ 426 w 723"/>
                  <a:gd name="T1" fmla="*/ 23 h 370"/>
                  <a:gd name="T2" fmla="*/ 415 w 723"/>
                  <a:gd name="T3" fmla="*/ 16 h 370"/>
                  <a:gd name="T4" fmla="*/ 394 w 723"/>
                  <a:gd name="T5" fmla="*/ 26 h 370"/>
                  <a:gd name="T6" fmla="*/ 378 w 723"/>
                  <a:gd name="T7" fmla="*/ 21 h 370"/>
                  <a:gd name="T8" fmla="*/ 362 w 723"/>
                  <a:gd name="T9" fmla="*/ 28 h 370"/>
                  <a:gd name="T10" fmla="*/ 329 w 723"/>
                  <a:gd name="T11" fmla="*/ 16 h 370"/>
                  <a:gd name="T12" fmla="*/ 300 w 723"/>
                  <a:gd name="T13" fmla="*/ 1 h 370"/>
                  <a:gd name="T14" fmla="*/ 289 w 723"/>
                  <a:gd name="T15" fmla="*/ 0 h 370"/>
                  <a:gd name="T16" fmla="*/ 285 w 723"/>
                  <a:gd name="T17" fmla="*/ 16 h 370"/>
                  <a:gd name="T18" fmla="*/ 289 w 723"/>
                  <a:gd name="T19" fmla="*/ 28 h 370"/>
                  <a:gd name="T20" fmla="*/ 267 w 723"/>
                  <a:gd name="T21" fmla="*/ 35 h 370"/>
                  <a:gd name="T22" fmla="*/ 256 w 723"/>
                  <a:gd name="T23" fmla="*/ 38 h 370"/>
                  <a:gd name="T24" fmla="*/ 254 w 723"/>
                  <a:gd name="T25" fmla="*/ 50 h 370"/>
                  <a:gd name="T26" fmla="*/ 245 w 723"/>
                  <a:gd name="T27" fmla="*/ 62 h 370"/>
                  <a:gd name="T28" fmla="*/ 241 w 723"/>
                  <a:gd name="T29" fmla="*/ 70 h 370"/>
                  <a:gd name="T30" fmla="*/ 232 w 723"/>
                  <a:gd name="T31" fmla="*/ 75 h 370"/>
                  <a:gd name="T32" fmla="*/ 226 w 723"/>
                  <a:gd name="T33" fmla="*/ 92 h 370"/>
                  <a:gd name="T34" fmla="*/ 216 w 723"/>
                  <a:gd name="T35" fmla="*/ 99 h 370"/>
                  <a:gd name="T36" fmla="*/ 199 w 723"/>
                  <a:gd name="T37" fmla="*/ 84 h 370"/>
                  <a:gd name="T38" fmla="*/ 188 w 723"/>
                  <a:gd name="T39" fmla="*/ 111 h 370"/>
                  <a:gd name="T40" fmla="*/ 174 w 723"/>
                  <a:gd name="T41" fmla="*/ 106 h 370"/>
                  <a:gd name="T42" fmla="*/ 158 w 723"/>
                  <a:gd name="T43" fmla="*/ 115 h 370"/>
                  <a:gd name="T44" fmla="*/ 142 w 723"/>
                  <a:gd name="T45" fmla="*/ 115 h 370"/>
                  <a:gd name="T46" fmla="*/ 125 w 723"/>
                  <a:gd name="T47" fmla="*/ 114 h 370"/>
                  <a:gd name="T48" fmla="*/ 120 w 723"/>
                  <a:gd name="T49" fmla="*/ 115 h 370"/>
                  <a:gd name="T50" fmla="*/ 118 w 723"/>
                  <a:gd name="T51" fmla="*/ 123 h 370"/>
                  <a:gd name="T52" fmla="*/ 100 w 723"/>
                  <a:gd name="T53" fmla="*/ 117 h 370"/>
                  <a:gd name="T54" fmla="*/ 97 w 723"/>
                  <a:gd name="T55" fmla="*/ 127 h 370"/>
                  <a:gd name="T56" fmla="*/ 90 w 723"/>
                  <a:gd name="T57" fmla="*/ 131 h 370"/>
                  <a:gd name="T58" fmla="*/ 88 w 723"/>
                  <a:gd name="T59" fmla="*/ 146 h 370"/>
                  <a:gd name="T60" fmla="*/ 86 w 723"/>
                  <a:gd name="T61" fmla="*/ 156 h 370"/>
                  <a:gd name="T62" fmla="*/ 65 w 723"/>
                  <a:gd name="T63" fmla="*/ 167 h 370"/>
                  <a:gd name="T64" fmla="*/ 71 w 723"/>
                  <a:gd name="T65" fmla="*/ 188 h 370"/>
                  <a:gd name="T66" fmla="*/ 43 w 723"/>
                  <a:gd name="T67" fmla="*/ 178 h 370"/>
                  <a:gd name="T68" fmla="*/ 18 w 723"/>
                  <a:gd name="T69" fmla="*/ 188 h 370"/>
                  <a:gd name="T70" fmla="*/ 18 w 723"/>
                  <a:gd name="T71" fmla="*/ 198 h 370"/>
                  <a:gd name="T72" fmla="*/ 0 w 723"/>
                  <a:gd name="T73" fmla="*/ 243 h 370"/>
                  <a:gd name="T74" fmla="*/ 108 w 723"/>
                  <a:gd name="T75" fmla="*/ 219 h 370"/>
                  <a:gd name="T76" fmla="*/ 134 w 723"/>
                  <a:gd name="T77" fmla="*/ 219 h 370"/>
                  <a:gd name="T78" fmla="*/ 184 w 723"/>
                  <a:gd name="T79" fmla="*/ 215 h 370"/>
                  <a:gd name="T80" fmla="*/ 264 w 723"/>
                  <a:gd name="T81" fmla="*/ 209 h 370"/>
                  <a:gd name="T82" fmla="*/ 339 w 723"/>
                  <a:gd name="T83" fmla="*/ 203 h 370"/>
                  <a:gd name="T84" fmla="*/ 376 w 723"/>
                  <a:gd name="T85" fmla="*/ 199 h 370"/>
                  <a:gd name="T86" fmla="*/ 390 w 723"/>
                  <a:gd name="T87" fmla="*/ 194 h 370"/>
                  <a:gd name="T88" fmla="*/ 413 w 723"/>
                  <a:gd name="T89" fmla="*/ 181 h 370"/>
                  <a:gd name="T90" fmla="*/ 423 w 723"/>
                  <a:gd name="T91" fmla="*/ 174 h 370"/>
                  <a:gd name="T92" fmla="*/ 436 w 723"/>
                  <a:gd name="T93" fmla="*/ 166 h 370"/>
                  <a:gd name="T94" fmla="*/ 439 w 723"/>
                  <a:gd name="T95" fmla="*/ 156 h 370"/>
                  <a:gd name="T96" fmla="*/ 449 w 723"/>
                  <a:gd name="T97" fmla="*/ 142 h 370"/>
                  <a:gd name="T98" fmla="*/ 473 w 723"/>
                  <a:gd name="T99" fmla="*/ 124 h 370"/>
                  <a:gd name="T100" fmla="*/ 473 w 723"/>
                  <a:gd name="T101" fmla="*/ 123 h 370"/>
                  <a:gd name="T102" fmla="*/ 477 w 723"/>
                  <a:gd name="T103" fmla="*/ 100 h 370"/>
                  <a:gd name="T104" fmla="*/ 464 w 723"/>
                  <a:gd name="T105" fmla="*/ 90 h 370"/>
                  <a:gd name="T106" fmla="*/ 439 w 723"/>
                  <a:gd name="T107" fmla="*/ 58 h 370"/>
                  <a:gd name="T108" fmla="*/ 437 w 723"/>
                  <a:gd name="T109" fmla="*/ 39 h 370"/>
                  <a:gd name="T110" fmla="*/ 439 w 723"/>
                  <a:gd name="T111" fmla="*/ 37 h 370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723"/>
                  <a:gd name="T169" fmla="*/ 0 h 370"/>
                  <a:gd name="T170" fmla="*/ 723 w 723"/>
                  <a:gd name="T171" fmla="*/ 370 h 370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723" h="370">
                    <a:moveTo>
                      <a:pt x="650" y="52"/>
                    </a:moveTo>
                    <a:lnTo>
                      <a:pt x="648" y="50"/>
                    </a:lnTo>
                    <a:lnTo>
                      <a:pt x="647" y="49"/>
                    </a:lnTo>
                    <a:lnTo>
                      <a:pt x="643" y="45"/>
                    </a:lnTo>
                    <a:lnTo>
                      <a:pt x="640" y="42"/>
                    </a:lnTo>
                    <a:lnTo>
                      <a:pt x="635" y="39"/>
                    </a:lnTo>
                    <a:lnTo>
                      <a:pt x="631" y="37"/>
                    </a:lnTo>
                    <a:lnTo>
                      <a:pt x="626" y="37"/>
                    </a:lnTo>
                    <a:lnTo>
                      <a:pt x="623" y="40"/>
                    </a:lnTo>
                    <a:lnTo>
                      <a:pt x="621" y="39"/>
                    </a:lnTo>
                    <a:lnTo>
                      <a:pt x="621" y="35"/>
                    </a:lnTo>
                    <a:lnTo>
                      <a:pt x="621" y="30"/>
                    </a:lnTo>
                    <a:lnTo>
                      <a:pt x="620" y="25"/>
                    </a:lnTo>
                    <a:lnTo>
                      <a:pt x="616" y="22"/>
                    </a:lnTo>
                    <a:lnTo>
                      <a:pt x="611" y="20"/>
                    </a:lnTo>
                    <a:lnTo>
                      <a:pt x="604" y="23"/>
                    </a:lnTo>
                    <a:lnTo>
                      <a:pt x="594" y="32"/>
                    </a:lnTo>
                    <a:lnTo>
                      <a:pt x="593" y="34"/>
                    </a:lnTo>
                    <a:lnTo>
                      <a:pt x="591" y="35"/>
                    </a:lnTo>
                    <a:lnTo>
                      <a:pt x="588" y="39"/>
                    </a:lnTo>
                    <a:lnTo>
                      <a:pt x="584" y="40"/>
                    </a:lnTo>
                    <a:lnTo>
                      <a:pt x="579" y="42"/>
                    </a:lnTo>
                    <a:lnTo>
                      <a:pt x="574" y="44"/>
                    </a:lnTo>
                    <a:lnTo>
                      <a:pt x="567" y="40"/>
                    </a:lnTo>
                    <a:lnTo>
                      <a:pt x="562" y="37"/>
                    </a:lnTo>
                    <a:lnTo>
                      <a:pt x="560" y="35"/>
                    </a:lnTo>
                    <a:lnTo>
                      <a:pt x="559" y="35"/>
                    </a:lnTo>
                    <a:lnTo>
                      <a:pt x="557" y="34"/>
                    </a:lnTo>
                    <a:lnTo>
                      <a:pt x="554" y="35"/>
                    </a:lnTo>
                    <a:lnTo>
                      <a:pt x="550" y="35"/>
                    </a:lnTo>
                    <a:lnTo>
                      <a:pt x="547" y="39"/>
                    </a:lnTo>
                    <a:lnTo>
                      <a:pt x="542" y="44"/>
                    </a:lnTo>
                    <a:lnTo>
                      <a:pt x="540" y="44"/>
                    </a:lnTo>
                    <a:lnTo>
                      <a:pt x="537" y="42"/>
                    </a:lnTo>
                    <a:lnTo>
                      <a:pt x="533" y="42"/>
                    </a:lnTo>
                    <a:lnTo>
                      <a:pt x="532" y="42"/>
                    </a:lnTo>
                    <a:lnTo>
                      <a:pt x="518" y="30"/>
                    </a:lnTo>
                    <a:lnTo>
                      <a:pt x="488" y="28"/>
                    </a:lnTo>
                    <a:lnTo>
                      <a:pt x="488" y="27"/>
                    </a:lnTo>
                    <a:lnTo>
                      <a:pt x="488" y="23"/>
                    </a:lnTo>
                    <a:lnTo>
                      <a:pt x="486" y="20"/>
                    </a:lnTo>
                    <a:lnTo>
                      <a:pt x="484" y="15"/>
                    </a:lnTo>
                    <a:lnTo>
                      <a:pt x="479" y="10"/>
                    </a:lnTo>
                    <a:lnTo>
                      <a:pt x="472" y="5"/>
                    </a:lnTo>
                    <a:lnTo>
                      <a:pt x="462" y="3"/>
                    </a:lnTo>
                    <a:lnTo>
                      <a:pt x="450" y="1"/>
                    </a:lnTo>
                    <a:lnTo>
                      <a:pt x="449" y="1"/>
                    </a:lnTo>
                    <a:lnTo>
                      <a:pt x="445" y="1"/>
                    </a:lnTo>
                    <a:lnTo>
                      <a:pt x="442" y="1"/>
                    </a:lnTo>
                    <a:lnTo>
                      <a:pt x="437" y="1"/>
                    </a:lnTo>
                    <a:lnTo>
                      <a:pt x="432" y="1"/>
                    </a:lnTo>
                    <a:lnTo>
                      <a:pt x="428" y="1"/>
                    </a:lnTo>
                    <a:lnTo>
                      <a:pt x="427" y="1"/>
                    </a:lnTo>
                    <a:lnTo>
                      <a:pt x="425" y="1"/>
                    </a:lnTo>
                    <a:lnTo>
                      <a:pt x="427" y="0"/>
                    </a:lnTo>
                    <a:lnTo>
                      <a:pt x="425" y="0"/>
                    </a:lnTo>
                    <a:lnTo>
                      <a:pt x="425" y="1"/>
                    </a:lnTo>
                    <a:lnTo>
                      <a:pt x="423" y="3"/>
                    </a:lnTo>
                    <a:lnTo>
                      <a:pt x="423" y="6"/>
                    </a:lnTo>
                    <a:lnTo>
                      <a:pt x="422" y="12"/>
                    </a:lnTo>
                    <a:lnTo>
                      <a:pt x="422" y="17"/>
                    </a:lnTo>
                    <a:lnTo>
                      <a:pt x="422" y="22"/>
                    </a:lnTo>
                    <a:lnTo>
                      <a:pt x="423" y="28"/>
                    </a:lnTo>
                    <a:lnTo>
                      <a:pt x="425" y="30"/>
                    </a:lnTo>
                    <a:lnTo>
                      <a:pt x="427" y="32"/>
                    </a:lnTo>
                    <a:lnTo>
                      <a:pt x="428" y="35"/>
                    </a:lnTo>
                    <a:lnTo>
                      <a:pt x="430" y="37"/>
                    </a:lnTo>
                    <a:lnTo>
                      <a:pt x="430" y="40"/>
                    </a:lnTo>
                    <a:lnTo>
                      <a:pt x="428" y="42"/>
                    </a:lnTo>
                    <a:lnTo>
                      <a:pt x="422" y="44"/>
                    </a:lnTo>
                    <a:lnTo>
                      <a:pt x="413" y="45"/>
                    </a:lnTo>
                    <a:lnTo>
                      <a:pt x="412" y="45"/>
                    </a:lnTo>
                    <a:lnTo>
                      <a:pt x="408" y="45"/>
                    </a:lnTo>
                    <a:lnTo>
                      <a:pt x="405" y="47"/>
                    </a:lnTo>
                    <a:lnTo>
                      <a:pt x="400" y="49"/>
                    </a:lnTo>
                    <a:lnTo>
                      <a:pt x="396" y="49"/>
                    </a:lnTo>
                    <a:lnTo>
                      <a:pt x="393" y="50"/>
                    </a:lnTo>
                    <a:lnTo>
                      <a:pt x="391" y="50"/>
                    </a:lnTo>
                    <a:lnTo>
                      <a:pt x="390" y="50"/>
                    </a:lnTo>
                    <a:lnTo>
                      <a:pt x="386" y="50"/>
                    </a:lnTo>
                    <a:lnTo>
                      <a:pt x="383" y="52"/>
                    </a:lnTo>
                    <a:lnTo>
                      <a:pt x="378" y="54"/>
                    </a:lnTo>
                    <a:lnTo>
                      <a:pt x="374" y="56"/>
                    </a:lnTo>
                    <a:lnTo>
                      <a:pt x="371" y="61"/>
                    </a:lnTo>
                    <a:lnTo>
                      <a:pt x="373" y="66"/>
                    </a:lnTo>
                    <a:lnTo>
                      <a:pt x="376" y="74"/>
                    </a:lnTo>
                    <a:lnTo>
                      <a:pt x="376" y="76"/>
                    </a:lnTo>
                    <a:lnTo>
                      <a:pt x="376" y="78"/>
                    </a:lnTo>
                    <a:lnTo>
                      <a:pt x="374" y="79"/>
                    </a:lnTo>
                    <a:lnTo>
                      <a:pt x="373" y="83"/>
                    </a:lnTo>
                    <a:lnTo>
                      <a:pt x="371" y="84"/>
                    </a:lnTo>
                    <a:lnTo>
                      <a:pt x="368" y="88"/>
                    </a:lnTo>
                    <a:lnTo>
                      <a:pt x="364" y="91"/>
                    </a:lnTo>
                    <a:lnTo>
                      <a:pt x="364" y="93"/>
                    </a:lnTo>
                    <a:lnTo>
                      <a:pt x="362" y="94"/>
                    </a:lnTo>
                    <a:lnTo>
                      <a:pt x="361" y="96"/>
                    </a:lnTo>
                    <a:lnTo>
                      <a:pt x="361" y="100"/>
                    </a:lnTo>
                    <a:lnTo>
                      <a:pt x="359" y="101"/>
                    </a:lnTo>
                    <a:lnTo>
                      <a:pt x="357" y="105"/>
                    </a:lnTo>
                    <a:lnTo>
                      <a:pt x="357" y="106"/>
                    </a:lnTo>
                    <a:lnTo>
                      <a:pt x="357" y="108"/>
                    </a:lnTo>
                    <a:lnTo>
                      <a:pt x="356" y="108"/>
                    </a:lnTo>
                    <a:lnTo>
                      <a:pt x="356" y="110"/>
                    </a:lnTo>
                    <a:lnTo>
                      <a:pt x="354" y="111"/>
                    </a:lnTo>
                    <a:lnTo>
                      <a:pt x="352" y="111"/>
                    </a:lnTo>
                    <a:lnTo>
                      <a:pt x="349" y="113"/>
                    </a:lnTo>
                    <a:lnTo>
                      <a:pt x="344" y="113"/>
                    </a:lnTo>
                    <a:lnTo>
                      <a:pt x="342" y="116"/>
                    </a:lnTo>
                    <a:lnTo>
                      <a:pt x="340" y="122"/>
                    </a:lnTo>
                    <a:lnTo>
                      <a:pt x="339" y="127"/>
                    </a:lnTo>
                    <a:lnTo>
                      <a:pt x="337" y="133"/>
                    </a:lnTo>
                    <a:lnTo>
                      <a:pt x="335" y="137"/>
                    </a:lnTo>
                    <a:lnTo>
                      <a:pt x="335" y="140"/>
                    </a:lnTo>
                    <a:lnTo>
                      <a:pt x="335" y="142"/>
                    </a:lnTo>
                    <a:lnTo>
                      <a:pt x="335" y="144"/>
                    </a:lnTo>
                    <a:lnTo>
                      <a:pt x="334" y="145"/>
                    </a:lnTo>
                    <a:lnTo>
                      <a:pt x="332" y="147"/>
                    </a:lnTo>
                    <a:lnTo>
                      <a:pt x="330" y="149"/>
                    </a:lnTo>
                    <a:lnTo>
                      <a:pt x="325" y="150"/>
                    </a:lnTo>
                    <a:lnTo>
                      <a:pt x="320" y="150"/>
                    </a:lnTo>
                    <a:lnTo>
                      <a:pt x="312" y="149"/>
                    </a:lnTo>
                    <a:lnTo>
                      <a:pt x="302" y="144"/>
                    </a:lnTo>
                    <a:lnTo>
                      <a:pt x="302" y="142"/>
                    </a:lnTo>
                    <a:lnTo>
                      <a:pt x="302" y="138"/>
                    </a:lnTo>
                    <a:lnTo>
                      <a:pt x="300" y="135"/>
                    </a:lnTo>
                    <a:lnTo>
                      <a:pt x="298" y="132"/>
                    </a:lnTo>
                    <a:lnTo>
                      <a:pt x="295" y="130"/>
                    </a:lnTo>
                    <a:lnTo>
                      <a:pt x="291" y="130"/>
                    </a:lnTo>
                    <a:lnTo>
                      <a:pt x="288" y="137"/>
                    </a:lnTo>
                    <a:lnTo>
                      <a:pt x="283" y="147"/>
                    </a:lnTo>
                    <a:lnTo>
                      <a:pt x="283" y="150"/>
                    </a:lnTo>
                    <a:lnTo>
                      <a:pt x="281" y="155"/>
                    </a:lnTo>
                    <a:lnTo>
                      <a:pt x="281" y="162"/>
                    </a:lnTo>
                    <a:lnTo>
                      <a:pt x="280" y="169"/>
                    </a:lnTo>
                    <a:lnTo>
                      <a:pt x="276" y="172"/>
                    </a:lnTo>
                    <a:lnTo>
                      <a:pt x="273" y="176"/>
                    </a:lnTo>
                    <a:lnTo>
                      <a:pt x="266" y="174"/>
                    </a:lnTo>
                    <a:lnTo>
                      <a:pt x="259" y="167"/>
                    </a:lnTo>
                    <a:lnTo>
                      <a:pt x="258" y="166"/>
                    </a:lnTo>
                    <a:lnTo>
                      <a:pt x="258" y="164"/>
                    </a:lnTo>
                    <a:lnTo>
                      <a:pt x="258" y="162"/>
                    </a:lnTo>
                    <a:lnTo>
                      <a:pt x="256" y="159"/>
                    </a:lnTo>
                    <a:lnTo>
                      <a:pt x="254" y="159"/>
                    </a:lnTo>
                    <a:lnTo>
                      <a:pt x="249" y="159"/>
                    </a:lnTo>
                    <a:lnTo>
                      <a:pt x="244" y="164"/>
                    </a:lnTo>
                    <a:lnTo>
                      <a:pt x="236" y="171"/>
                    </a:lnTo>
                    <a:lnTo>
                      <a:pt x="236" y="172"/>
                    </a:lnTo>
                    <a:lnTo>
                      <a:pt x="234" y="176"/>
                    </a:lnTo>
                    <a:lnTo>
                      <a:pt x="232" y="179"/>
                    </a:lnTo>
                    <a:lnTo>
                      <a:pt x="230" y="182"/>
                    </a:lnTo>
                    <a:lnTo>
                      <a:pt x="227" y="186"/>
                    </a:lnTo>
                    <a:lnTo>
                      <a:pt x="222" y="186"/>
                    </a:lnTo>
                    <a:lnTo>
                      <a:pt x="217" y="184"/>
                    </a:lnTo>
                    <a:lnTo>
                      <a:pt x="210" y="179"/>
                    </a:lnTo>
                    <a:lnTo>
                      <a:pt x="210" y="177"/>
                    </a:lnTo>
                    <a:lnTo>
                      <a:pt x="208" y="176"/>
                    </a:lnTo>
                    <a:lnTo>
                      <a:pt x="205" y="174"/>
                    </a:lnTo>
                    <a:lnTo>
                      <a:pt x="202" y="172"/>
                    </a:lnTo>
                    <a:lnTo>
                      <a:pt x="198" y="171"/>
                    </a:lnTo>
                    <a:lnTo>
                      <a:pt x="195" y="171"/>
                    </a:lnTo>
                    <a:lnTo>
                      <a:pt x="190" y="171"/>
                    </a:lnTo>
                    <a:lnTo>
                      <a:pt x="186" y="174"/>
                    </a:lnTo>
                    <a:lnTo>
                      <a:pt x="185" y="172"/>
                    </a:lnTo>
                    <a:lnTo>
                      <a:pt x="183" y="171"/>
                    </a:lnTo>
                    <a:lnTo>
                      <a:pt x="181" y="171"/>
                    </a:lnTo>
                    <a:lnTo>
                      <a:pt x="180" y="171"/>
                    </a:lnTo>
                    <a:lnTo>
                      <a:pt x="178" y="171"/>
                    </a:lnTo>
                    <a:lnTo>
                      <a:pt x="178" y="176"/>
                    </a:lnTo>
                    <a:lnTo>
                      <a:pt x="178" y="181"/>
                    </a:lnTo>
                    <a:lnTo>
                      <a:pt x="178" y="182"/>
                    </a:lnTo>
                    <a:lnTo>
                      <a:pt x="178" y="184"/>
                    </a:lnTo>
                    <a:lnTo>
                      <a:pt x="176" y="186"/>
                    </a:lnTo>
                    <a:lnTo>
                      <a:pt x="176" y="188"/>
                    </a:lnTo>
                    <a:lnTo>
                      <a:pt x="175" y="188"/>
                    </a:lnTo>
                    <a:lnTo>
                      <a:pt x="171" y="186"/>
                    </a:lnTo>
                    <a:lnTo>
                      <a:pt x="168" y="182"/>
                    </a:lnTo>
                    <a:lnTo>
                      <a:pt x="166" y="182"/>
                    </a:lnTo>
                    <a:lnTo>
                      <a:pt x="161" y="181"/>
                    </a:lnTo>
                    <a:lnTo>
                      <a:pt x="156" y="179"/>
                    </a:lnTo>
                    <a:lnTo>
                      <a:pt x="151" y="179"/>
                    </a:lnTo>
                    <a:lnTo>
                      <a:pt x="148" y="179"/>
                    </a:lnTo>
                    <a:lnTo>
                      <a:pt x="144" y="179"/>
                    </a:lnTo>
                    <a:lnTo>
                      <a:pt x="144" y="182"/>
                    </a:lnTo>
                    <a:lnTo>
                      <a:pt x="148" y="186"/>
                    </a:lnTo>
                    <a:lnTo>
                      <a:pt x="148" y="188"/>
                    </a:lnTo>
                    <a:lnTo>
                      <a:pt x="146" y="188"/>
                    </a:lnTo>
                    <a:lnTo>
                      <a:pt x="146" y="191"/>
                    </a:lnTo>
                    <a:lnTo>
                      <a:pt x="144" y="193"/>
                    </a:lnTo>
                    <a:lnTo>
                      <a:pt x="142" y="193"/>
                    </a:lnTo>
                    <a:lnTo>
                      <a:pt x="141" y="194"/>
                    </a:lnTo>
                    <a:lnTo>
                      <a:pt x="139" y="194"/>
                    </a:lnTo>
                    <a:lnTo>
                      <a:pt x="136" y="194"/>
                    </a:lnTo>
                    <a:lnTo>
                      <a:pt x="136" y="196"/>
                    </a:lnTo>
                    <a:lnTo>
                      <a:pt x="136" y="198"/>
                    </a:lnTo>
                    <a:lnTo>
                      <a:pt x="134" y="199"/>
                    </a:lnTo>
                    <a:lnTo>
                      <a:pt x="134" y="201"/>
                    </a:lnTo>
                    <a:lnTo>
                      <a:pt x="132" y="204"/>
                    </a:lnTo>
                    <a:lnTo>
                      <a:pt x="131" y="206"/>
                    </a:lnTo>
                    <a:lnTo>
                      <a:pt x="129" y="208"/>
                    </a:lnTo>
                    <a:lnTo>
                      <a:pt x="129" y="210"/>
                    </a:lnTo>
                    <a:lnTo>
                      <a:pt x="127" y="218"/>
                    </a:lnTo>
                    <a:lnTo>
                      <a:pt x="131" y="223"/>
                    </a:lnTo>
                    <a:lnTo>
                      <a:pt x="132" y="225"/>
                    </a:lnTo>
                    <a:lnTo>
                      <a:pt x="134" y="226"/>
                    </a:lnTo>
                    <a:lnTo>
                      <a:pt x="134" y="228"/>
                    </a:lnTo>
                    <a:lnTo>
                      <a:pt x="136" y="232"/>
                    </a:lnTo>
                    <a:lnTo>
                      <a:pt x="136" y="235"/>
                    </a:lnTo>
                    <a:lnTo>
                      <a:pt x="134" y="237"/>
                    </a:lnTo>
                    <a:lnTo>
                      <a:pt x="127" y="238"/>
                    </a:lnTo>
                    <a:lnTo>
                      <a:pt x="119" y="240"/>
                    </a:lnTo>
                    <a:lnTo>
                      <a:pt x="117" y="240"/>
                    </a:lnTo>
                    <a:lnTo>
                      <a:pt x="112" y="240"/>
                    </a:lnTo>
                    <a:lnTo>
                      <a:pt x="107" y="243"/>
                    </a:lnTo>
                    <a:lnTo>
                      <a:pt x="102" y="245"/>
                    </a:lnTo>
                    <a:lnTo>
                      <a:pt x="97" y="250"/>
                    </a:lnTo>
                    <a:lnTo>
                      <a:pt x="95" y="255"/>
                    </a:lnTo>
                    <a:lnTo>
                      <a:pt x="95" y="264"/>
                    </a:lnTo>
                    <a:lnTo>
                      <a:pt x="100" y="272"/>
                    </a:lnTo>
                    <a:lnTo>
                      <a:pt x="100" y="274"/>
                    </a:lnTo>
                    <a:lnTo>
                      <a:pt x="104" y="277"/>
                    </a:lnTo>
                    <a:lnTo>
                      <a:pt x="104" y="281"/>
                    </a:lnTo>
                    <a:lnTo>
                      <a:pt x="105" y="284"/>
                    </a:lnTo>
                    <a:lnTo>
                      <a:pt x="104" y="287"/>
                    </a:lnTo>
                    <a:lnTo>
                      <a:pt x="98" y="289"/>
                    </a:lnTo>
                    <a:lnTo>
                      <a:pt x="88" y="287"/>
                    </a:lnTo>
                    <a:lnTo>
                      <a:pt x="75" y="282"/>
                    </a:lnTo>
                    <a:lnTo>
                      <a:pt x="71" y="281"/>
                    </a:lnTo>
                    <a:lnTo>
                      <a:pt x="68" y="277"/>
                    </a:lnTo>
                    <a:lnTo>
                      <a:pt x="65" y="276"/>
                    </a:lnTo>
                    <a:lnTo>
                      <a:pt x="60" y="272"/>
                    </a:lnTo>
                    <a:lnTo>
                      <a:pt x="54" y="272"/>
                    </a:lnTo>
                    <a:lnTo>
                      <a:pt x="49" y="272"/>
                    </a:lnTo>
                    <a:lnTo>
                      <a:pt x="44" y="276"/>
                    </a:lnTo>
                    <a:lnTo>
                      <a:pt x="38" y="282"/>
                    </a:lnTo>
                    <a:lnTo>
                      <a:pt x="38" y="284"/>
                    </a:lnTo>
                    <a:lnTo>
                      <a:pt x="36" y="286"/>
                    </a:lnTo>
                    <a:lnTo>
                      <a:pt x="32" y="287"/>
                    </a:lnTo>
                    <a:lnTo>
                      <a:pt x="31" y="289"/>
                    </a:lnTo>
                    <a:lnTo>
                      <a:pt x="27" y="292"/>
                    </a:lnTo>
                    <a:lnTo>
                      <a:pt x="26" y="294"/>
                    </a:lnTo>
                    <a:lnTo>
                      <a:pt x="26" y="296"/>
                    </a:lnTo>
                    <a:lnTo>
                      <a:pt x="24" y="296"/>
                    </a:lnTo>
                    <a:lnTo>
                      <a:pt x="26" y="298"/>
                    </a:lnTo>
                    <a:lnTo>
                      <a:pt x="29" y="301"/>
                    </a:lnTo>
                    <a:lnTo>
                      <a:pt x="32" y="303"/>
                    </a:lnTo>
                    <a:lnTo>
                      <a:pt x="34" y="304"/>
                    </a:lnTo>
                    <a:lnTo>
                      <a:pt x="43" y="311"/>
                    </a:lnTo>
                    <a:lnTo>
                      <a:pt x="38" y="320"/>
                    </a:lnTo>
                    <a:lnTo>
                      <a:pt x="38" y="355"/>
                    </a:lnTo>
                    <a:lnTo>
                      <a:pt x="19" y="357"/>
                    </a:lnTo>
                    <a:lnTo>
                      <a:pt x="0" y="370"/>
                    </a:lnTo>
                    <a:lnTo>
                      <a:pt x="0" y="369"/>
                    </a:lnTo>
                    <a:lnTo>
                      <a:pt x="148" y="357"/>
                    </a:lnTo>
                    <a:lnTo>
                      <a:pt x="148" y="333"/>
                    </a:lnTo>
                    <a:lnTo>
                      <a:pt x="149" y="335"/>
                    </a:lnTo>
                    <a:lnTo>
                      <a:pt x="153" y="335"/>
                    </a:lnTo>
                    <a:lnTo>
                      <a:pt x="158" y="335"/>
                    </a:lnTo>
                    <a:lnTo>
                      <a:pt x="164" y="335"/>
                    </a:lnTo>
                    <a:lnTo>
                      <a:pt x="171" y="336"/>
                    </a:lnTo>
                    <a:lnTo>
                      <a:pt x="178" y="336"/>
                    </a:lnTo>
                    <a:lnTo>
                      <a:pt x="186" y="336"/>
                    </a:lnTo>
                    <a:lnTo>
                      <a:pt x="188" y="336"/>
                    </a:lnTo>
                    <a:lnTo>
                      <a:pt x="192" y="336"/>
                    </a:lnTo>
                    <a:lnTo>
                      <a:pt x="197" y="335"/>
                    </a:lnTo>
                    <a:lnTo>
                      <a:pt x="203" y="335"/>
                    </a:lnTo>
                    <a:lnTo>
                      <a:pt x="212" y="333"/>
                    </a:lnTo>
                    <a:lnTo>
                      <a:pt x="222" y="333"/>
                    </a:lnTo>
                    <a:lnTo>
                      <a:pt x="232" y="331"/>
                    </a:lnTo>
                    <a:lnTo>
                      <a:pt x="246" y="331"/>
                    </a:lnTo>
                    <a:lnTo>
                      <a:pt x="259" y="330"/>
                    </a:lnTo>
                    <a:lnTo>
                      <a:pt x="273" y="328"/>
                    </a:lnTo>
                    <a:lnTo>
                      <a:pt x="288" y="328"/>
                    </a:lnTo>
                    <a:lnTo>
                      <a:pt x="305" y="326"/>
                    </a:lnTo>
                    <a:lnTo>
                      <a:pt x="322" y="325"/>
                    </a:lnTo>
                    <a:lnTo>
                      <a:pt x="339" y="323"/>
                    </a:lnTo>
                    <a:lnTo>
                      <a:pt x="356" y="321"/>
                    </a:lnTo>
                    <a:lnTo>
                      <a:pt x="373" y="320"/>
                    </a:lnTo>
                    <a:lnTo>
                      <a:pt x="391" y="318"/>
                    </a:lnTo>
                    <a:lnTo>
                      <a:pt x="408" y="318"/>
                    </a:lnTo>
                    <a:lnTo>
                      <a:pt x="425" y="316"/>
                    </a:lnTo>
                    <a:lnTo>
                      <a:pt x="440" y="314"/>
                    </a:lnTo>
                    <a:lnTo>
                      <a:pt x="457" y="313"/>
                    </a:lnTo>
                    <a:lnTo>
                      <a:pt x="472" y="311"/>
                    </a:lnTo>
                    <a:lnTo>
                      <a:pt x="488" y="309"/>
                    </a:lnTo>
                    <a:lnTo>
                      <a:pt x="501" y="309"/>
                    </a:lnTo>
                    <a:lnTo>
                      <a:pt x="513" y="308"/>
                    </a:lnTo>
                    <a:lnTo>
                      <a:pt x="525" y="306"/>
                    </a:lnTo>
                    <a:lnTo>
                      <a:pt x="535" y="306"/>
                    </a:lnTo>
                    <a:lnTo>
                      <a:pt x="544" y="306"/>
                    </a:lnTo>
                    <a:lnTo>
                      <a:pt x="549" y="304"/>
                    </a:lnTo>
                    <a:lnTo>
                      <a:pt x="554" y="304"/>
                    </a:lnTo>
                    <a:lnTo>
                      <a:pt x="557" y="304"/>
                    </a:lnTo>
                    <a:lnTo>
                      <a:pt x="559" y="304"/>
                    </a:lnTo>
                    <a:lnTo>
                      <a:pt x="560" y="303"/>
                    </a:lnTo>
                    <a:lnTo>
                      <a:pt x="564" y="301"/>
                    </a:lnTo>
                    <a:lnTo>
                      <a:pt x="567" y="299"/>
                    </a:lnTo>
                    <a:lnTo>
                      <a:pt x="571" y="298"/>
                    </a:lnTo>
                    <a:lnTo>
                      <a:pt x="576" y="296"/>
                    </a:lnTo>
                    <a:lnTo>
                      <a:pt x="581" y="292"/>
                    </a:lnTo>
                    <a:lnTo>
                      <a:pt x="586" y="291"/>
                    </a:lnTo>
                    <a:lnTo>
                      <a:pt x="591" y="287"/>
                    </a:lnTo>
                    <a:lnTo>
                      <a:pt x="596" y="286"/>
                    </a:lnTo>
                    <a:lnTo>
                      <a:pt x="601" y="282"/>
                    </a:lnTo>
                    <a:lnTo>
                      <a:pt x="606" y="281"/>
                    </a:lnTo>
                    <a:lnTo>
                      <a:pt x="611" y="277"/>
                    </a:lnTo>
                    <a:lnTo>
                      <a:pt x="615" y="276"/>
                    </a:lnTo>
                    <a:lnTo>
                      <a:pt x="618" y="274"/>
                    </a:lnTo>
                    <a:lnTo>
                      <a:pt x="620" y="274"/>
                    </a:lnTo>
                    <a:lnTo>
                      <a:pt x="621" y="272"/>
                    </a:lnTo>
                    <a:lnTo>
                      <a:pt x="621" y="270"/>
                    </a:lnTo>
                    <a:lnTo>
                      <a:pt x="623" y="269"/>
                    </a:lnTo>
                    <a:lnTo>
                      <a:pt x="625" y="265"/>
                    </a:lnTo>
                    <a:lnTo>
                      <a:pt x="626" y="264"/>
                    </a:lnTo>
                    <a:lnTo>
                      <a:pt x="630" y="260"/>
                    </a:lnTo>
                    <a:lnTo>
                      <a:pt x="635" y="259"/>
                    </a:lnTo>
                    <a:lnTo>
                      <a:pt x="640" y="255"/>
                    </a:lnTo>
                    <a:lnTo>
                      <a:pt x="643" y="255"/>
                    </a:lnTo>
                    <a:lnTo>
                      <a:pt x="643" y="254"/>
                    </a:lnTo>
                    <a:lnTo>
                      <a:pt x="645" y="252"/>
                    </a:lnTo>
                    <a:lnTo>
                      <a:pt x="647" y="252"/>
                    </a:lnTo>
                    <a:lnTo>
                      <a:pt x="647" y="248"/>
                    </a:lnTo>
                    <a:lnTo>
                      <a:pt x="647" y="247"/>
                    </a:lnTo>
                    <a:lnTo>
                      <a:pt x="648" y="245"/>
                    </a:lnTo>
                    <a:lnTo>
                      <a:pt x="648" y="243"/>
                    </a:lnTo>
                    <a:lnTo>
                      <a:pt x="650" y="240"/>
                    </a:lnTo>
                    <a:lnTo>
                      <a:pt x="652" y="238"/>
                    </a:lnTo>
                    <a:lnTo>
                      <a:pt x="653" y="237"/>
                    </a:lnTo>
                    <a:lnTo>
                      <a:pt x="655" y="235"/>
                    </a:lnTo>
                    <a:lnTo>
                      <a:pt x="657" y="232"/>
                    </a:lnTo>
                    <a:lnTo>
                      <a:pt x="659" y="228"/>
                    </a:lnTo>
                    <a:lnTo>
                      <a:pt x="660" y="225"/>
                    </a:lnTo>
                    <a:lnTo>
                      <a:pt x="662" y="221"/>
                    </a:lnTo>
                    <a:lnTo>
                      <a:pt x="664" y="215"/>
                    </a:lnTo>
                    <a:lnTo>
                      <a:pt x="667" y="211"/>
                    </a:lnTo>
                    <a:lnTo>
                      <a:pt x="672" y="208"/>
                    </a:lnTo>
                    <a:lnTo>
                      <a:pt x="677" y="204"/>
                    </a:lnTo>
                    <a:lnTo>
                      <a:pt x="684" y="201"/>
                    </a:lnTo>
                    <a:lnTo>
                      <a:pt x="689" y="198"/>
                    </a:lnTo>
                    <a:lnTo>
                      <a:pt x="694" y="194"/>
                    </a:lnTo>
                    <a:lnTo>
                      <a:pt x="699" y="189"/>
                    </a:lnTo>
                    <a:lnTo>
                      <a:pt x="701" y="184"/>
                    </a:lnTo>
                    <a:lnTo>
                      <a:pt x="703" y="182"/>
                    </a:lnTo>
                    <a:lnTo>
                      <a:pt x="704" y="182"/>
                    </a:lnTo>
                    <a:lnTo>
                      <a:pt x="703" y="184"/>
                    </a:lnTo>
                    <a:lnTo>
                      <a:pt x="701" y="186"/>
                    </a:lnTo>
                    <a:lnTo>
                      <a:pt x="701" y="188"/>
                    </a:lnTo>
                    <a:lnTo>
                      <a:pt x="699" y="188"/>
                    </a:lnTo>
                    <a:lnTo>
                      <a:pt x="699" y="189"/>
                    </a:lnTo>
                    <a:lnTo>
                      <a:pt x="723" y="157"/>
                    </a:lnTo>
                    <a:lnTo>
                      <a:pt x="711" y="157"/>
                    </a:lnTo>
                    <a:lnTo>
                      <a:pt x="711" y="155"/>
                    </a:lnTo>
                    <a:lnTo>
                      <a:pt x="709" y="154"/>
                    </a:lnTo>
                    <a:lnTo>
                      <a:pt x="709" y="152"/>
                    </a:lnTo>
                    <a:lnTo>
                      <a:pt x="708" y="150"/>
                    </a:lnTo>
                    <a:lnTo>
                      <a:pt x="704" y="150"/>
                    </a:lnTo>
                    <a:lnTo>
                      <a:pt x="701" y="149"/>
                    </a:lnTo>
                    <a:lnTo>
                      <a:pt x="696" y="149"/>
                    </a:lnTo>
                    <a:lnTo>
                      <a:pt x="696" y="147"/>
                    </a:lnTo>
                    <a:lnTo>
                      <a:pt x="692" y="142"/>
                    </a:lnTo>
                    <a:lnTo>
                      <a:pt x="687" y="137"/>
                    </a:lnTo>
                    <a:lnTo>
                      <a:pt x="682" y="128"/>
                    </a:lnTo>
                    <a:lnTo>
                      <a:pt x="675" y="120"/>
                    </a:lnTo>
                    <a:lnTo>
                      <a:pt x="669" y="110"/>
                    </a:lnTo>
                    <a:lnTo>
                      <a:pt x="660" y="101"/>
                    </a:lnTo>
                    <a:lnTo>
                      <a:pt x="652" y="91"/>
                    </a:lnTo>
                    <a:lnTo>
                      <a:pt x="652" y="88"/>
                    </a:lnTo>
                    <a:lnTo>
                      <a:pt x="652" y="84"/>
                    </a:lnTo>
                    <a:lnTo>
                      <a:pt x="653" y="79"/>
                    </a:lnTo>
                    <a:lnTo>
                      <a:pt x="653" y="76"/>
                    </a:lnTo>
                    <a:lnTo>
                      <a:pt x="653" y="71"/>
                    </a:lnTo>
                    <a:lnTo>
                      <a:pt x="652" y="64"/>
                    </a:lnTo>
                    <a:lnTo>
                      <a:pt x="650" y="59"/>
                    </a:lnTo>
                    <a:lnTo>
                      <a:pt x="647" y="56"/>
                    </a:lnTo>
                    <a:lnTo>
                      <a:pt x="647" y="52"/>
                    </a:lnTo>
                    <a:lnTo>
                      <a:pt x="647" y="50"/>
                    </a:lnTo>
                    <a:lnTo>
                      <a:pt x="648" y="50"/>
                    </a:lnTo>
                    <a:lnTo>
                      <a:pt x="648" y="52"/>
                    </a:lnTo>
                    <a:lnTo>
                      <a:pt x="650" y="52"/>
                    </a:lnTo>
                    <a:close/>
                  </a:path>
                </a:pathLst>
              </a:custGeom>
              <a:solidFill>
                <a:srgbClr val="00206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220" name="Group 63"/>
              <p:cNvGrpSpPr>
                <a:grpSpLocks/>
              </p:cNvGrpSpPr>
              <p:nvPr/>
            </p:nvGrpSpPr>
            <p:grpSpPr bwMode="auto">
              <a:xfrm>
                <a:off x="4830" y="1006"/>
                <a:ext cx="350" cy="562"/>
                <a:chOff x="5086" y="1113"/>
                <a:chExt cx="359" cy="579"/>
              </a:xfrm>
            </p:grpSpPr>
            <p:sp>
              <p:nvSpPr>
                <p:cNvPr id="347" name="Freeform 64"/>
                <p:cNvSpPr>
                  <a:spLocks/>
                </p:cNvSpPr>
                <p:nvPr/>
              </p:nvSpPr>
              <p:spPr bwMode="auto">
                <a:xfrm>
                  <a:off x="5086" y="1113"/>
                  <a:ext cx="359" cy="579"/>
                </a:xfrm>
                <a:custGeom>
                  <a:avLst/>
                  <a:gdLst>
                    <a:gd name="T0" fmla="*/ 90 w 359"/>
                    <a:gd name="T1" fmla="*/ 565 h 579"/>
                    <a:gd name="T2" fmla="*/ 74 w 359"/>
                    <a:gd name="T3" fmla="*/ 550 h 579"/>
                    <a:gd name="T4" fmla="*/ 0 w 359"/>
                    <a:gd name="T5" fmla="*/ 318 h 579"/>
                    <a:gd name="T6" fmla="*/ 15 w 359"/>
                    <a:gd name="T7" fmla="*/ 311 h 579"/>
                    <a:gd name="T8" fmla="*/ 18 w 359"/>
                    <a:gd name="T9" fmla="*/ 311 h 579"/>
                    <a:gd name="T10" fmla="*/ 18 w 359"/>
                    <a:gd name="T11" fmla="*/ 294 h 579"/>
                    <a:gd name="T12" fmla="*/ 27 w 359"/>
                    <a:gd name="T13" fmla="*/ 289 h 579"/>
                    <a:gd name="T14" fmla="*/ 30 w 359"/>
                    <a:gd name="T15" fmla="*/ 259 h 579"/>
                    <a:gd name="T16" fmla="*/ 39 w 359"/>
                    <a:gd name="T17" fmla="*/ 250 h 579"/>
                    <a:gd name="T18" fmla="*/ 39 w 359"/>
                    <a:gd name="T19" fmla="*/ 238 h 579"/>
                    <a:gd name="T20" fmla="*/ 47 w 359"/>
                    <a:gd name="T21" fmla="*/ 221 h 579"/>
                    <a:gd name="T22" fmla="*/ 39 w 359"/>
                    <a:gd name="T23" fmla="*/ 198 h 579"/>
                    <a:gd name="T24" fmla="*/ 39 w 359"/>
                    <a:gd name="T25" fmla="*/ 169 h 579"/>
                    <a:gd name="T26" fmla="*/ 44 w 359"/>
                    <a:gd name="T27" fmla="*/ 154 h 579"/>
                    <a:gd name="T28" fmla="*/ 44 w 359"/>
                    <a:gd name="T29" fmla="*/ 125 h 579"/>
                    <a:gd name="T30" fmla="*/ 51 w 359"/>
                    <a:gd name="T31" fmla="*/ 98 h 579"/>
                    <a:gd name="T32" fmla="*/ 91 w 359"/>
                    <a:gd name="T33" fmla="*/ 12 h 579"/>
                    <a:gd name="T34" fmla="*/ 105 w 359"/>
                    <a:gd name="T35" fmla="*/ 34 h 579"/>
                    <a:gd name="T36" fmla="*/ 125 w 359"/>
                    <a:gd name="T37" fmla="*/ 29 h 579"/>
                    <a:gd name="T38" fmla="*/ 145 w 359"/>
                    <a:gd name="T39" fmla="*/ 12 h 579"/>
                    <a:gd name="T40" fmla="*/ 152 w 359"/>
                    <a:gd name="T41" fmla="*/ 3 h 579"/>
                    <a:gd name="T42" fmla="*/ 174 w 359"/>
                    <a:gd name="T43" fmla="*/ 7 h 579"/>
                    <a:gd name="T44" fmla="*/ 205 w 359"/>
                    <a:gd name="T45" fmla="*/ 22 h 579"/>
                    <a:gd name="T46" fmla="*/ 255 w 359"/>
                    <a:gd name="T47" fmla="*/ 177 h 579"/>
                    <a:gd name="T48" fmla="*/ 294 w 359"/>
                    <a:gd name="T49" fmla="*/ 213 h 579"/>
                    <a:gd name="T50" fmla="*/ 311 w 359"/>
                    <a:gd name="T51" fmla="*/ 237 h 579"/>
                    <a:gd name="T52" fmla="*/ 332 w 359"/>
                    <a:gd name="T53" fmla="*/ 243 h 579"/>
                    <a:gd name="T54" fmla="*/ 340 w 359"/>
                    <a:gd name="T55" fmla="*/ 265 h 579"/>
                    <a:gd name="T56" fmla="*/ 359 w 359"/>
                    <a:gd name="T57" fmla="*/ 267 h 579"/>
                    <a:gd name="T58" fmla="*/ 350 w 359"/>
                    <a:gd name="T59" fmla="*/ 289 h 579"/>
                    <a:gd name="T60" fmla="*/ 335 w 359"/>
                    <a:gd name="T61" fmla="*/ 293 h 579"/>
                    <a:gd name="T62" fmla="*/ 323 w 359"/>
                    <a:gd name="T63" fmla="*/ 306 h 579"/>
                    <a:gd name="T64" fmla="*/ 320 w 359"/>
                    <a:gd name="T65" fmla="*/ 320 h 579"/>
                    <a:gd name="T66" fmla="*/ 304 w 359"/>
                    <a:gd name="T67" fmla="*/ 326 h 579"/>
                    <a:gd name="T68" fmla="*/ 299 w 359"/>
                    <a:gd name="T69" fmla="*/ 323 h 579"/>
                    <a:gd name="T70" fmla="*/ 296 w 359"/>
                    <a:gd name="T71" fmla="*/ 330 h 579"/>
                    <a:gd name="T72" fmla="*/ 284 w 359"/>
                    <a:gd name="T73" fmla="*/ 357 h 579"/>
                    <a:gd name="T74" fmla="*/ 264 w 359"/>
                    <a:gd name="T75" fmla="*/ 335 h 579"/>
                    <a:gd name="T76" fmla="*/ 262 w 359"/>
                    <a:gd name="T77" fmla="*/ 348 h 579"/>
                    <a:gd name="T78" fmla="*/ 244 w 359"/>
                    <a:gd name="T79" fmla="*/ 362 h 579"/>
                    <a:gd name="T80" fmla="*/ 220 w 359"/>
                    <a:gd name="T81" fmla="*/ 362 h 579"/>
                    <a:gd name="T82" fmla="*/ 213 w 359"/>
                    <a:gd name="T83" fmla="*/ 353 h 579"/>
                    <a:gd name="T84" fmla="*/ 208 w 359"/>
                    <a:gd name="T85" fmla="*/ 372 h 579"/>
                    <a:gd name="T86" fmla="*/ 198 w 359"/>
                    <a:gd name="T87" fmla="*/ 436 h 579"/>
                    <a:gd name="T88" fmla="*/ 171 w 359"/>
                    <a:gd name="T89" fmla="*/ 450 h 579"/>
                    <a:gd name="T90" fmla="*/ 162 w 359"/>
                    <a:gd name="T91" fmla="*/ 448 h 579"/>
                    <a:gd name="T92" fmla="*/ 156 w 359"/>
                    <a:gd name="T93" fmla="*/ 448 h 579"/>
                    <a:gd name="T94" fmla="*/ 157 w 359"/>
                    <a:gd name="T95" fmla="*/ 475 h 579"/>
                    <a:gd name="T96" fmla="*/ 144 w 359"/>
                    <a:gd name="T97" fmla="*/ 460 h 579"/>
                    <a:gd name="T98" fmla="*/ 125 w 359"/>
                    <a:gd name="T99" fmla="*/ 475 h 579"/>
                    <a:gd name="T100" fmla="*/ 122 w 359"/>
                    <a:gd name="T101" fmla="*/ 506 h 579"/>
                    <a:gd name="T102" fmla="*/ 120 w 359"/>
                    <a:gd name="T103" fmla="*/ 528 h 579"/>
                    <a:gd name="T104" fmla="*/ 106 w 359"/>
                    <a:gd name="T105" fmla="*/ 541 h 579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w 359"/>
                    <a:gd name="T160" fmla="*/ 0 h 579"/>
                    <a:gd name="T161" fmla="*/ 359 w 359"/>
                    <a:gd name="T162" fmla="*/ 579 h 579"/>
                  </a:gdLst>
                  <a:ahLst/>
                  <a:cxnLst>
                    <a:cxn ang="T106">
                      <a:pos x="T0" y="T1"/>
                    </a:cxn>
                    <a:cxn ang="T107">
                      <a:pos x="T2" y="T3"/>
                    </a:cxn>
                    <a:cxn ang="T108">
                      <a:pos x="T4" y="T5"/>
                    </a:cxn>
                    <a:cxn ang="T109">
                      <a:pos x="T6" y="T7"/>
                    </a:cxn>
                    <a:cxn ang="T110">
                      <a:pos x="T8" y="T9"/>
                    </a:cxn>
                    <a:cxn ang="T111">
                      <a:pos x="T10" y="T11"/>
                    </a:cxn>
                    <a:cxn ang="T112">
                      <a:pos x="T12" y="T13"/>
                    </a:cxn>
                    <a:cxn ang="T113">
                      <a:pos x="T14" y="T15"/>
                    </a:cxn>
                    <a:cxn ang="T114">
                      <a:pos x="T16" y="T17"/>
                    </a:cxn>
                    <a:cxn ang="T115">
                      <a:pos x="T18" y="T19"/>
                    </a:cxn>
                    <a:cxn ang="T116">
                      <a:pos x="T20" y="T21"/>
                    </a:cxn>
                    <a:cxn ang="T117">
                      <a:pos x="T22" y="T23"/>
                    </a:cxn>
                    <a:cxn ang="T118">
                      <a:pos x="T24" y="T25"/>
                    </a:cxn>
                    <a:cxn ang="T119">
                      <a:pos x="T26" y="T27"/>
                    </a:cxn>
                    <a:cxn ang="T120">
                      <a:pos x="T28" y="T29"/>
                    </a:cxn>
                    <a:cxn ang="T121">
                      <a:pos x="T30" y="T31"/>
                    </a:cxn>
                    <a:cxn ang="T122">
                      <a:pos x="T32" y="T33"/>
                    </a:cxn>
                    <a:cxn ang="T123">
                      <a:pos x="T34" y="T35"/>
                    </a:cxn>
                    <a:cxn ang="T124">
                      <a:pos x="T36" y="T37"/>
                    </a:cxn>
                    <a:cxn ang="T125">
                      <a:pos x="T38" y="T39"/>
                    </a:cxn>
                    <a:cxn ang="T126">
                      <a:pos x="T40" y="T41"/>
                    </a:cxn>
                    <a:cxn ang="T127">
                      <a:pos x="T42" y="T43"/>
                    </a:cxn>
                    <a:cxn ang="T128">
                      <a:pos x="T44" y="T45"/>
                    </a:cxn>
                    <a:cxn ang="T129">
                      <a:pos x="T46" y="T47"/>
                    </a:cxn>
                    <a:cxn ang="T130">
                      <a:pos x="T48" y="T49"/>
                    </a:cxn>
                    <a:cxn ang="T131">
                      <a:pos x="T50" y="T51"/>
                    </a:cxn>
                    <a:cxn ang="T132">
                      <a:pos x="T52" y="T53"/>
                    </a:cxn>
                    <a:cxn ang="T133">
                      <a:pos x="T54" y="T55"/>
                    </a:cxn>
                    <a:cxn ang="T134">
                      <a:pos x="T56" y="T57"/>
                    </a:cxn>
                    <a:cxn ang="T135">
                      <a:pos x="T58" y="T59"/>
                    </a:cxn>
                    <a:cxn ang="T136">
                      <a:pos x="T60" y="T61"/>
                    </a:cxn>
                    <a:cxn ang="T137">
                      <a:pos x="T62" y="T63"/>
                    </a:cxn>
                    <a:cxn ang="T138">
                      <a:pos x="T64" y="T65"/>
                    </a:cxn>
                    <a:cxn ang="T139">
                      <a:pos x="T66" y="T67"/>
                    </a:cxn>
                    <a:cxn ang="T140">
                      <a:pos x="T68" y="T69"/>
                    </a:cxn>
                    <a:cxn ang="T141">
                      <a:pos x="T70" y="T71"/>
                    </a:cxn>
                    <a:cxn ang="T142">
                      <a:pos x="T72" y="T73"/>
                    </a:cxn>
                    <a:cxn ang="T143">
                      <a:pos x="T74" y="T75"/>
                    </a:cxn>
                    <a:cxn ang="T144">
                      <a:pos x="T76" y="T77"/>
                    </a:cxn>
                    <a:cxn ang="T145">
                      <a:pos x="T78" y="T79"/>
                    </a:cxn>
                    <a:cxn ang="T146">
                      <a:pos x="T80" y="T81"/>
                    </a:cxn>
                    <a:cxn ang="T147">
                      <a:pos x="T82" y="T83"/>
                    </a:cxn>
                    <a:cxn ang="T148">
                      <a:pos x="T84" y="T85"/>
                    </a:cxn>
                    <a:cxn ang="T149">
                      <a:pos x="T86" y="T87"/>
                    </a:cxn>
                    <a:cxn ang="T150">
                      <a:pos x="T88" y="T89"/>
                    </a:cxn>
                    <a:cxn ang="T151">
                      <a:pos x="T90" y="T91"/>
                    </a:cxn>
                    <a:cxn ang="T152">
                      <a:pos x="T92" y="T93"/>
                    </a:cxn>
                    <a:cxn ang="T153">
                      <a:pos x="T94" y="T95"/>
                    </a:cxn>
                    <a:cxn ang="T154">
                      <a:pos x="T96" y="T97"/>
                    </a:cxn>
                    <a:cxn ang="T155">
                      <a:pos x="T98" y="T99"/>
                    </a:cxn>
                    <a:cxn ang="T156">
                      <a:pos x="T100" y="T101"/>
                    </a:cxn>
                    <a:cxn ang="T157">
                      <a:pos x="T102" y="T103"/>
                    </a:cxn>
                    <a:cxn ang="T158">
                      <a:pos x="T104" y="T105"/>
                    </a:cxn>
                  </a:cxnLst>
                  <a:rect l="T159" t="T160" r="T161" b="T162"/>
                  <a:pathLst>
                    <a:path w="359" h="579">
                      <a:moveTo>
                        <a:pt x="98" y="579"/>
                      </a:moveTo>
                      <a:lnTo>
                        <a:pt x="96" y="577"/>
                      </a:lnTo>
                      <a:lnTo>
                        <a:pt x="95" y="575"/>
                      </a:lnTo>
                      <a:lnTo>
                        <a:pt x="91" y="573"/>
                      </a:lnTo>
                      <a:lnTo>
                        <a:pt x="90" y="572"/>
                      </a:lnTo>
                      <a:lnTo>
                        <a:pt x="90" y="565"/>
                      </a:lnTo>
                      <a:lnTo>
                        <a:pt x="88" y="560"/>
                      </a:lnTo>
                      <a:lnTo>
                        <a:pt x="84" y="557"/>
                      </a:lnTo>
                      <a:lnTo>
                        <a:pt x="83" y="553"/>
                      </a:lnTo>
                      <a:lnTo>
                        <a:pt x="79" y="551"/>
                      </a:lnTo>
                      <a:lnTo>
                        <a:pt x="78" y="551"/>
                      </a:lnTo>
                      <a:lnTo>
                        <a:pt x="74" y="550"/>
                      </a:lnTo>
                      <a:lnTo>
                        <a:pt x="68" y="541"/>
                      </a:lnTo>
                      <a:lnTo>
                        <a:pt x="2" y="323"/>
                      </a:lnTo>
                      <a:lnTo>
                        <a:pt x="0" y="323"/>
                      </a:lnTo>
                      <a:lnTo>
                        <a:pt x="0" y="321"/>
                      </a:lnTo>
                      <a:lnTo>
                        <a:pt x="0" y="318"/>
                      </a:lnTo>
                      <a:lnTo>
                        <a:pt x="0" y="315"/>
                      </a:lnTo>
                      <a:lnTo>
                        <a:pt x="2" y="311"/>
                      </a:lnTo>
                      <a:lnTo>
                        <a:pt x="3" y="308"/>
                      </a:lnTo>
                      <a:lnTo>
                        <a:pt x="7" y="306"/>
                      </a:lnTo>
                      <a:lnTo>
                        <a:pt x="10" y="308"/>
                      </a:lnTo>
                      <a:lnTo>
                        <a:pt x="15" y="311"/>
                      </a:lnTo>
                      <a:lnTo>
                        <a:pt x="15" y="313"/>
                      </a:lnTo>
                      <a:lnTo>
                        <a:pt x="17" y="313"/>
                      </a:lnTo>
                      <a:lnTo>
                        <a:pt x="17" y="315"/>
                      </a:lnTo>
                      <a:lnTo>
                        <a:pt x="18" y="315"/>
                      </a:lnTo>
                      <a:lnTo>
                        <a:pt x="18" y="313"/>
                      </a:lnTo>
                      <a:lnTo>
                        <a:pt x="18" y="311"/>
                      </a:lnTo>
                      <a:lnTo>
                        <a:pt x="20" y="306"/>
                      </a:lnTo>
                      <a:lnTo>
                        <a:pt x="20" y="301"/>
                      </a:lnTo>
                      <a:lnTo>
                        <a:pt x="20" y="299"/>
                      </a:lnTo>
                      <a:lnTo>
                        <a:pt x="18" y="298"/>
                      </a:lnTo>
                      <a:lnTo>
                        <a:pt x="18" y="296"/>
                      </a:lnTo>
                      <a:lnTo>
                        <a:pt x="18" y="294"/>
                      </a:lnTo>
                      <a:lnTo>
                        <a:pt x="18" y="293"/>
                      </a:lnTo>
                      <a:lnTo>
                        <a:pt x="20" y="291"/>
                      </a:lnTo>
                      <a:lnTo>
                        <a:pt x="24" y="293"/>
                      </a:lnTo>
                      <a:lnTo>
                        <a:pt x="30" y="294"/>
                      </a:lnTo>
                      <a:lnTo>
                        <a:pt x="29" y="293"/>
                      </a:lnTo>
                      <a:lnTo>
                        <a:pt x="27" y="289"/>
                      </a:lnTo>
                      <a:lnTo>
                        <a:pt x="25" y="284"/>
                      </a:lnTo>
                      <a:lnTo>
                        <a:pt x="24" y="279"/>
                      </a:lnTo>
                      <a:lnTo>
                        <a:pt x="22" y="274"/>
                      </a:lnTo>
                      <a:lnTo>
                        <a:pt x="24" y="267"/>
                      </a:lnTo>
                      <a:lnTo>
                        <a:pt x="25" y="262"/>
                      </a:lnTo>
                      <a:lnTo>
                        <a:pt x="30" y="259"/>
                      </a:lnTo>
                      <a:lnTo>
                        <a:pt x="32" y="257"/>
                      </a:lnTo>
                      <a:lnTo>
                        <a:pt x="34" y="255"/>
                      </a:lnTo>
                      <a:lnTo>
                        <a:pt x="35" y="254"/>
                      </a:lnTo>
                      <a:lnTo>
                        <a:pt x="37" y="252"/>
                      </a:lnTo>
                      <a:lnTo>
                        <a:pt x="39" y="250"/>
                      </a:lnTo>
                      <a:lnTo>
                        <a:pt x="39" y="249"/>
                      </a:lnTo>
                      <a:lnTo>
                        <a:pt x="40" y="249"/>
                      </a:lnTo>
                      <a:lnTo>
                        <a:pt x="40" y="247"/>
                      </a:lnTo>
                      <a:lnTo>
                        <a:pt x="39" y="245"/>
                      </a:lnTo>
                      <a:lnTo>
                        <a:pt x="39" y="242"/>
                      </a:lnTo>
                      <a:lnTo>
                        <a:pt x="39" y="238"/>
                      </a:lnTo>
                      <a:lnTo>
                        <a:pt x="40" y="235"/>
                      </a:lnTo>
                      <a:lnTo>
                        <a:pt x="42" y="230"/>
                      </a:lnTo>
                      <a:lnTo>
                        <a:pt x="44" y="227"/>
                      </a:lnTo>
                      <a:lnTo>
                        <a:pt x="49" y="223"/>
                      </a:lnTo>
                      <a:lnTo>
                        <a:pt x="47" y="223"/>
                      </a:lnTo>
                      <a:lnTo>
                        <a:pt x="47" y="221"/>
                      </a:lnTo>
                      <a:lnTo>
                        <a:pt x="47" y="218"/>
                      </a:lnTo>
                      <a:lnTo>
                        <a:pt x="46" y="215"/>
                      </a:lnTo>
                      <a:lnTo>
                        <a:pt x="44" y="211"/>
                      </a:lnTo>
                      <a:lnTo>
                        <a:pt x="42" y="208"/>
                      </a:lnTo>
                      <a:lnTo>
                        <a:pt x="40" y="203"/>
                      </a:lnTo>
                      <a:lnTo>
                        <a:pt x="39" y="198"/>
                      </a:lnTo>
                      <a:lnTo>
                        <a:pt x="39" y="193"/>
                      </a:lnTo>
                      <a:lnTo>
                        <a:pt x="37" y="188"/>
                      </a:lnTo>
                      <a:lnTo>
                        <a:pt x="37" y="183"/>
                      </a:lnTo>
                      <a:lnTo>
                        <a:pt x="37" y="177"/>
                      </a:lnTo>
                      <a:lnTo>
                        <a:pt x="39" y="172"/>
                      </a:lnTo>
                      <a:lnTo>
                        <a:pt x="39" y="169"/>
                      </a:lnTo>
                      <a:lnTo>
                        <a:pt x="42" y="164"/>
                      </a:lnTo>
                      <a:lnTo>
                        <a:pt x="46" y="161"/>
                      </a:lnTo>
                      <a:lnTo>
                        <a:pt x="46" y="159"/>
                      </a:lnTo>
                      <a:lnTo>
                        <a:pt x="44" y="157"/>
                      </a:lnTo>
                      <a:lnTo>
                        <a:pt x="44" y="154"/>
                      </a:lnTo>
                      <a:lnTo>
                        <a:pt x="44" y="149"/>
                      </a:lnTo>
                      <a:lnTo>
                        <a:pt x="44" y="145"/>
                      </a:lnTo>
                      <a:lnTo>
                        <a:pt x="44" y="140"/>
                      </a:lnTo>
                      <a:lnTo>
                        <a:pt x="44" y="135"/>
                      </a:lnTo>
                      <a:lnTo>
                        <a:pt x="44" y="130"/>
                      </a:lnTo>
                      <a:lnTo>
                        <a:pt x="44" y="125"/>
                      </a:lnTo>
                      <a:lnTo>
                        <a:pt x="44" y="120"/>
                      </a:lnTo>
                      <a:lnTo>
                        <a:pt x="44" y="115"/>
                      </a:lnTo>
                      <a:lnTo>
                        <a:pt x="46" y="110"/>
                      </a:lnTo>
                      <a:lnTo>
                        <a:pt x="47" y="105"/>
                      </a:lnTo>
                      <a:lnTo>
                        <a:pt x="49" y="101"/>
                      </a:lnTo>
                      <a:lnTo>
                        <a:pt x="51" y="98"/>
                      </a:lnTo>
                      <a:lnTo>
                        <a:pt x="78" y="15"/>
                      </a:lnTo>
                      <a:lnTo>
                        <a:pt x="79" y="13"/>
                      </a:lnTo>
                      <a:lnTo>
                        <a:pt x="81" y="13"/>
                      </a:lnTo>
                      <a:lnTo>
                        <a:pt x="84" y="12"/>
                      </a:lnTo>
                      <a:lnTo>
                        <a:pt x="88" y="10"/>
                      </a:lnTo>
                      <a:lnTo>
                        <a:pt x="91" y="12"/>
                      </a:lnTo>
                      <a:lnTo>
                        <a:pt x="95" y="13"/>
                      </a:lnTo>
                      <a:lnTo>
                        <a:pt x="98" y="18"/>
                      </a:lnTo>
                      <a:lnTo>
                        <a:pt x="101" y="29"/>
                      </a:lnTo>
                      <a:lnTo>
                        <a:pt x="101" y="30"/>
                      </a:lnTo>
                      <a:lnTo>
                        <a:pt x="103" y="32"/>
                      </a:lnTo>
                      <a:lnTo>
                        <a:pt x="105" y="34"/>
                      </a:lnTo>
                      <a:lnTo>
                        <a:pt x="108" y="35"/>
                      </a:lnTo>
                      <a:lnTo>
                        <a:pt x="110" y="37"/>
                      </a:lnTo>
                      <a:lnTo>
                        <a:pt x="115" y="37"/>
                      </a:lnTo>
                      <a:lnTo>
                        <a:pt x="118" y="34"/>
                      </a:lnTo>
                      <a:lnTo>
                        <a:pt x="125" y="30"/>
                      </a:lnTo>
                      <a:lnTo>
                        <a:pt x="125" y="29"/>
                      </a:lnTo>
                      <a:lnTo>
                        <a:pt x="128" y="27"/>
                      </a:lnTo>
                      <a:lnTo>
                        <a:pt x="132" y="23"/>
                      </a:lnTo>
                      <a:lnTo>
                        <a:pt x="135" y="20"/>
                      </a:lnTo>
                      <a:lnTo>
                        <a:pt x="139" y="17"/>
                      </a:lnTo>
                      <a:lnTo>
                        <a:pt x="142" y="13"/>
                      </a:lnTo>
                      <a:lnTo>
                        <a:pt x="145" y="12"/>
                      </a:lnTo>
                      <a:lnTo>
                        <a:pt x="152" y="10"/>
                      </a:lnTo>
                      <a:lnTo>
                        <a:pt x="152" y="8"/>
                      </a:lnTo>
                      <a:lnTo>
                        <a:pt x="152" y="5"/>
                      </a:lnTo>
                      <a:lnTo>
                        <a:pt x="152" y="3"/>
                      </a:lnTo>
                      <a:lnTo>
                        <a:pt x="154" y="1"/>
                      </a:lnTo>
                      <a:lnTo>
                        <a:pt x="157" y="0"/>
                      </a:lnTo>
                      <a:lnTo>
                        <a:pt x="162" y="1"/>
                      </a:lnTo>
                      <a:lnTo>
                        <a:pt x="169" y="3"/>
                      </a:lnTo>
                      <a:lnTo>
                        <a:pt x="171" y="5"/>
                      </a:lnTo>
                      <a:lnTo>
                        <a:pt x="174" y="7"/>
                      </a:lnTo>
                      <a:lnTo>
                        <a:pt x="179" y="10"/>
                      </a:lnTo>
                      <a:lnTo>
                        <a:pt x="186" y="13"/>
                      </a:lnTo>
                      <a:lnTo>
                        <a:pt x="193" y="15"/>
                      </a:lnTo>
                      <a:lnTo>
                        <a:pt x="198" y="18"/>
                      </a:lnTo>
                      <a:lnTo>
                        <a:pt x="203" y="20"/>
                      </a:lnTo>
                      <a:lnTo>
                        <a:pt x="205" y="22"/>
                      </a:lnTo>
                      <a:lnTo>
                        <a:pt x="213" y="30"/>
                      </a:lnTo>
                      <a:lnTo>
                        <a:pt x="254" y="164"/>
                      </a:lnTo>
                      <a:lnTo>
                        <a:pt x="254" y="166"/>
                      </a:lnTo>
                      <a:lnTo>
                        <a:pt x="254" y="169"/>
                      </a:lnTo>
                      <a:lnTo>
                        <a:pt x="254" y="172"/>
                      </a:lnTo>
                      <a:lnTo>
                        <a:pt x="255" y="177"/>
                      </a:lnTo>
                      <a:lnTo>
                        <a:pt x="260" y="184"/>
                      </a:lnTo>
                      <a:lnTo>
                        <a:pt x="266" y="188"/>
                      </a:lnTo>
                      <a:lnTo>
                        <a:pt x="276" y="191"/>
                      </a:lnTo>
                      <a:lnTo>
                        <a:pt x="289" y="193"/>
                      </a:lnTo>
                      <a:lnTo>
                        <a:pt x="294" y="196"/>
                      </a:lnTo>
                      <a:lnTo>
                        <a:pt x="294" y="213"/>
                      </a:lnTo>
                      <a:lnTo>
                        <a:pt x="303" y="221"/>
                      </a:lnTo>
                      <a:lnTo>
                        <a:pt x="304" y="225"/>
                      </a:lnTo>
                      <a:lnTo>
                        <a:pt x="306" y="228"/>
                      </a:lnTo>
                      <a:lnTo>
                        <a:pt x="308" y="233"/>
                      </a:lnTo>
                      <a:lnTo>
                        <a:pt x="311" y="237"/>
                      </a:lnTo>
                      <a:lnTo>
                        <a:pt x="315" y="238"/>
                      </a:lnTo>
                      <a:lnTo>
                        <a:pt x="318" y="238"/>
                      </a:lnTo>
                      <a:lnTo>
                        <a:pt x="321" y="237"/>
                      </a:lnTo>
                      <a:lnTo>
                        <a:pt x="323" y="237"/>
                      </a:lnTo>
                      <a:lnTo>
                        <a:pt x="326" y="240"/>
                      </a:lnTo>
                      <a:lnTo>
                        <a:pt x="332" y="243"/>
                      </a:lnTo>
                      <a:lnTo>
                        <a:pt x="337" y="247"/>
                      </a:lnTo>
                      <a:lnTo>
                        <a:pt x="340" y="250"/>
                      </a:lnTo>
                      <a:lnTo>
                        <a:pt x="345" y="254"/>
                      </a:lnTo>
                      <a:lnTo>
                        <a:pt x="348" y="257"/>
                      </a:lnTo>
                      <a:lnTo>
                        <a:pt x="340" y="265"/>
                      </a:lnTo>
                      <a:lnTo>
                        <a:pt x="347" y="276"/>
                      </a:lnTo>
                      <a:lnTo>
                        <a:pt x="350" y="272"/>
                      </a:lnTo>
                      <a:lnTo>
                        <a:pt x="354" y="271"/>
                      </a:lnTo>
                      <a:lnTo>
                        <a:pt x="357" y="267"/>
                      </a:lnTo>
                      <a:lnTo>
                        <a:pt x="359" y="267"/>
                      </a:lnTo>
                      <a:lnTo>
                        <a:pt x="359" y="269"/>
                      </a:lnTo>
                      <a:lnTo>
                        <a:pt x="359" y="274"/>
                      </a:lnTo>
                      <a:lnTo>
                        <a:pt x="354" y="284"/>
                      </a:lnTo>
                      <a:lnTo>
                        <a:pt x="352" y="287"/>
                      </a:lnTo>
                      <a:lnTo>
                        <a:pt x="350" y="289"/>
                      </a:lnTo>
                      <a:lnTo>
                        <a:pt x="347" y="293"/>
                      </a:lnTo>
                      <a:lnTo>
                        <a:pt x="345" y="296"/>
                      </a:lnTo>
                      <a:lnTo>
                        <a:pt x="343" y="298"/>
                      </a:lnTo>
                      <a:lnTo>
                        <a:pt x="342" y="299"/>
                      </a:lnTo>
                      <a:lnTo>
                        <a:pt x="342" y="301"/>
                      </a:lnTo>
                      <a:lnTo>
                        <a:pt x="335" y="293"/>
                      </a:lnTo>
                      <a:lnTo>
                        <a:pt x="330" y="298"/>
                      </a:lnTo>
                      <a:lnTo>
                        <a:pt x="333" y="306"/>
                      </a:lnTo>
                      <a:lnTo>
                        <a:pt x="326" y="308"/>
                      </a:lnTo>
                      <a:lnTo>
                        <a:pt x="325" y="308"/>
                      </a:lnTo>
                      <a:lnTo>
                        <a:pt x="323" y="306"/>
                      </a:lnTo>
                      <a:lnTo>
                        <a:pt x="321" y="306"/>
                      </a:lnTo>
                      <a:lnTo>
                        <a:pt x="318" y="306"/>
                      </a:lnTo>
                      <a:lnTo>
                        <a:pt x="318" y="308"/>
                      </a:lnTo>
                      <a:lnTo>
                        <a:pt x="318" y="311"/>
                      </a:lnTo>
                      <a:lnTo>
                        <a:pt x="320" y="316"/>
                      </a:lnTo>
                      <a:lnTo>
                        <a:pt x="320" y="320"/>
                      </a:lnTo>
                      <a:lnTo>
                        <a:pt x="318" y="321"/>
                      </a:lnTo>
                      <a:lnTo>
                        <a:pt x="316" y="323"/>
                      </a:lnTo>
                      <a:lnTo>
                        <a:pt x="313" y="325"/>
                      </a:lnTo>
                      <a:lnTo>
                        <a:pt x="310" y="326"/>
                      </a:lnTo>
                      <a:lnTo>
                        <a:pt x="306" y="326"/>
                      </a:lnTo>
                      <a:lnTo>
                        <a:pt x="304" y="326"/>
                      </a:lnTo>
                      <a:lnTo>
                        <a:pt x="301" y="325"/>
                      </a:lnTo>
                      <a:lnTo>
                        <a:pt x="298" y="321"/>
                      </a:lnTo>
                      <a:lnTo>
                        <a:pt x="299" y="323"/>
                      </a:lnTo>
                      <a:lnTo>
                        <a:pt x="299" y="321"/>
                      </a:lnTo>
                      <a:lnTo>
                        <a:pt x="298" y="321"/>
                      </a:lnTo>
                      <a:lnTo>
                        <a:pt x="298" y="323"/>
                      </a:lnTo>
                      <a:lnTo>
                        <a:pt x="296" y="326"/>
                      </a:lnTo>
                      <a:lnTo>
                        <a:pt x="296" y="330"/>
                      </a:lnTo>
                      <a:lnTo>
                        <a:pt x="296" y="338"/>
                      </a:lnTo>
                      <a:lnTo>
                        <a:pt x="294" y="340"/>
                      </a:lnTo>
                      <a:lnTo>
                        <a:pt x="293" y="345"/>
                      </a:lnTo>
                      <a:lnTo>
                        <a:pt x="289" y="347"/>
                      </a:lnTo>
                      <a:lnTo>
                        <a:pt x="289" y="348"/>
                      </a:lnTo>
                      <a:lnTo>
                        <a:pt x="284" y="357"/>
                      </a:lnTo>
                      <a:lnTo>
                        <a:pt x="277" y="348"/>
                      </a:lnTo>
                      <a:lnTo>
                        <a:pt x="277" y="342"/>
                      </a:lnTo>
                      <a:lnTo>
                        <a:pt x="267" y="337"/>
                      </a:lnTo>
                      <a:lnTo>
                        <a:pt x="267" y="335"/>
                      </a:lnTo>
                      <a:lnTo>
                        <a:pt x="266" y="335"/>
                      </a:lnTo>
                      <a:lnTo>
                        <a:pt x="264" y="335"/>
                      </a:lnTo>
                      <a:lnTo>
                        <a:pt x="262" y="335"/>
                      </a:lnTo>
                      <a:lnTo>
                        <a:pt x="260" y="337"/>
                      </a:lnTo>
                      <a:lnTo>
                        <a:pt x="260" y="338"/>
                      </a:lnTo>
                      <a:lnTo>
                        <a:pt x="260" y="342"/>
                      </a:lnTo>
                      <a:lnTo>
                        <a:pt x="262" y="347"/>
                      </a:lnTo>
                      <a:lnTo>
                        <a:pt x="262" y="348"/>
                      </a:lnTo>
                      <a:lnTo>
                        <a:pt x="260" y="350"/>
                      </a:lnTo>
                      <a:lnTo>
                        <a:pt x="257" y="353"/>
                      </a:lnTo>
                      <a:lnTo>
                        <a:pt x="254" y="355"/>
                      </a:lnTo>
                      <a:lnTo>
                        <a:pt x="249" y="359"/>
                      </a:lnTo>
                      <a:lnTo>
                        <a:pt x="245" y="360"/>
                      </a:lnTo>
                      <a:lnTo>
                        <a:pt x="244" y="362"/>
                      </a:lnTo>
                      <a:lnTo>
                        <a:pt x="242" y="362"/>
                      </a:lnTo>
                      <a:lnTo>
                        <a:pt x="244" y="375"/>
                      </a:lnTo>
                      <a:lnTo>
                        <a:pt x="223" y="375"/>
                      </a:lnTo>
                      <a:lnTo>
                        <a:pt x="230" y="364"/>
                      </a:lnTo>
                      <a:lnTo>
                        <a:pt x="220" y="364"/>
                      </a:lnTo>
                      <a:lnTo>
                        <a:pt x="220" y="362"/>
                      </a:lnTo>
                      <a:lnTo>
                        <a:pt x="220" y="359"/>
                      </a:lnTo>
                      <a:lnTo>
                        <a:pt x="218" y="353"/>
                      </a:lnTo>
                      <a:lnTo>
                        <a:pt x="218" y="350"/>
                      </a:lnTo>
                      <a:lnTo>
                        <a:pt x="216" y="348"/>
                      </a:lnTo>
                      <a:lnTo>
                        <a:pt x="215" y="348"/>
                      </a:lnTo>
                      <a:lnTo>
                        <a:pt x="213" y="353"/>
                      </a:lnTo>
                      <a:lnTo>
                        <a:pt x="210" y="364"/>
                      </a:lnTo>
                      <a:lnTo>
                        <a:pt x="210" y="365"/>
                      </a:lnTo>
                      <a:lnTo>
                        <a:pt x="210" y="367"/>
                      </a:lnTo>
                      <a:lnTo>
                        <a:pt x="210" y="370"/>
                      </a:lnTo>
                      <a:lnTo>
                        <a:pt x="208" y="372"/>
                      </a:lnTo>
                      <a:lnTo>
                        <a:pt x="208" y="375"/>
                      </a:lnTo>
                      <a:lnTo>
                        <a:pt x="208" y="377"/>
                      </a:lnTo>
                      <a:lnTo>
                        <a:pt x="210" y="411"/>
                      </a:lnTo>
                      <a:lnTo>
                        <a:pt x="205" y="421"/>
                      </a:lnTo>
                      <a:lnTo>
                        <a:pt x="198" y="436"/>
                      </a:lnTo>
                      <a:lnTo>
                        <a:pt x="193" y="428"/>
                      </a:lnTo>
                      <a:lnTo>
                        <a:pt x="183" y="431"/>
                      </a:lnTo>
                      <a:lnTo>
                        <a:pt x="179" y="450"/>
                      </a:lnTo>
                      <a:lnTo>
                        <a:pt x="171" y="448"/>
                      </a:lnTo>
                      <a:lnTo>
                        <a:pt x="171" y="450"/>
                      </a:lnTo>
                      <a:lnTo>
                        <a:pt x="171" y="453"/>
                      </a:lnTo>
                      <a:lnTo>
                        <a:pt x="169" y="453"/>
                      </a:lnTo>
                      <a:lnTo>
                        <a:pt x="169" y="455"/>
                      </a:lnTo>
                      <a:lnTo>
                        <a:pt x="167" y="455"/>
                      </a:lnTo>
                      <a:lnTo>
                        <a:pt x="166" y="453"/>
                      </a:lnTo>
                      <a:lnTo>
                        <a:pt x="162" y="448"/>
                      </a:lnTo>
                      <a:lnTo>
                        <a:pt x="162" y="447"/>
                      </a:lnTo>
                      <a:lnTo>
                        <a:pt x="161" y="447"/>
                      </a:lnTo>
                      <a:lnTo>
                        <a:pt x="161" y="445"/>
                      </a:lnTo>
                      <a:lnTo>
                        <a:pt x="159" y="445"/>
                      </a:lnTo>
                      <a:lnTo>
                        <a:pt x="157" y="447"/>
                      </a:lnTo>
                      <a:lnTo>
                        <a:pt x="156" y="448"/>
                      </a:lnTo>
                      <a:lnTo>
                        <a:pt x="156" y="453"/>
                      </a:lnTo>
                      <a:lnTo>
                        <a:pt x="154" y="462"/>
                      </a:lnTo>
                      <a:lnTo>
                        <a:pt x="156" y="463"/>
                      </a:lnTo>
                      <a:lnTo>
                        <a:pt x="156" y="467"/>
                      </a:lnTo>
                      <a:lnTo>
                        <a:pt x="156" y="472"/>
                      </a:lnTo>
                      <a:lnTo>
                        <a:pt x="157" y="475"/>
                      </a:lnTo>
                      <a:lnTo>
                        <a:pt x="156" y="477"/>
                      </a:lnTo>
                      <a:lnTo>
                        <a:pt x="154" y="475"/>
                      </a:lnTo>
                      <a:lnTo>
                        <a:pt x="152" y="469"/>
                      </a:lnTo>
                      <a:lnTo>
                        <a:pt x="147" y="457"/>
                      </a:lnTo>
                      <a:lnTo>
                        <a:pt x="144" y="460"/>
                      </a:lnTo>
                      <a:lnTo>
                        <a:pt x="140" y="462"/>
                      </a:lnTo>
                      <a:lnTo>
                        <a:pt x="137" y="465"/>
                      </a:lnTo>
                      <a:lnTo>
                        <a:pt x="132" y="469"/>
                      </a:lnTo>
                      <a:lnTo>
                        <a:pt x="128" y="472"/>
                      </a:lnTo>
                      <a:lnTo>
                        <a:pt x="127" y="475"/>
                      </a:lnTo>
                      <a:lnTo>
                        <a:pt x="125" y="475"/>
                      </a:lnTo>
                      <a:lnTo>
                        <a:pt x="122" y="497"/>
                      </a:lnTo>
                      <a:lnTo>
                        <a:pt x="127" y="499"/>
                      </a:lnTo>
                      <a:lnTo>
                        <a:pt x="127" y="506"/>
                      </a:lnTo>
                      <a:lnTo>
                        <a:pt x="123" y="506"/>
                      </a:lnTo>
                      <a:lnTo>
                        <a:pt x="122" y="506"/>
                      </a:lnTo>
                      <a:lnTo>
                        <a:pt x="118" y="507"/>
                      </a:lnTo>
                      <a:lnTo>
                        <a:pt x="117" y="511"/>
                      </a:lnTo>
                      <a:lnTo>
                        <a:pt x="115" y="514"/>
                      </a:lnTo>
                      <a:lnTo>
                        <a:pt x="117" y="519"/>
                      </a:lnTo>
                      <a:lnTo>
                        <a:pt x="120" y="528"/>
                      </a:lnTo>
                      <a:lnTo>
                        <a:pt x="118" y="529"/>
                      </a:lnTo>
                      <a:lnTo>
                        <a:pt x="117" y="533"/>
                      </a:lnTo>
                      <a:lnTo>
                        <a:pt x="113" y="536"/>
                      </a:lnTo>
                      <a:lnTo>
                        <a:pt x="110" y="538"/>
                      </a:lnTo>
                      <a:lnTo>
                        <a:pt x="108" y="541"/>
                      </a:lnTo>
                      <a:lnTo>
                        <a:pt x="106" y="541"/>
                      </a:lnTo>
                      <a:lnTo>
                        <a:pt x="106" y="543"/>
                      </a:lnTo>
                      <a:lnTo>
                        <a:pt x="106" y="565"/>
                      </a:lnTo>
                      <a:lnTo>
                        <a:pt x="98" y="579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48" name="Freeform 65"/>
                <p:cNvSpPr>
                  <a:spLocks/>
                </p:cNvSpPr>
                <p:nvPr/>
              </p:nvSpPr>
              <p:spPr bwMode="auto">
                <a:xfrm>
                  <a:off x="5343" y="1465"/>
                  <a:ext cx="17" cy="23"/>
                </a:xfrm>
                <a:custGeom>
                  <a:avLst/>
                  <a:gdLst>
                    <a:gd name="T0" fmla="*/ 9 w 17"/>
                    <a:gd name="T1" fmla="*/ 0 h 23"/>
                    <a:gd name="T2" fmla="*/ 17 w 17"/>
                    <a:gd name="T3" fmla="*/ 7 h 23"/>
                    <a:gd name="T4" fmla="*/ 14 w 17"/>
                    <a:gd name="T5" fmla="*/ 15 h 23"/>
                    <a:gd name="T6" fmla="*/ 10 w 17"/>
                    <a:gd name="T7" fmla="*/ 17 h 23"/>
                    <a:gd name="T8" fmla="*/ 10 w 17"/>
                    <a:gd name="T9" fmla="*/ 17 h 23"/>
                    <a:gd name="T10" fmla="*/ 12 w 17"/>
                    <a:gd name="T11" fmla="*/ 18 h 23"/>
                    <a:gd name="T12" fmla="*/ 12 w 17"/>
                    <a:gd name="T13" fmla="*/ 20 h 23"/>
                    <a:gd name="T14" fmla="*/ 12 w 17"/>
                    <a:gd name="T15" fmla="*/ 23 h 23"/>
                    <a:gd name="T16" fmla="*/ 10 w 17"/>
                    <a:gd name="T17" fmla="*/ 23 h 23"/>
                    <a:gd name="T18" fmla="*/ 9 w 17"/>
                    <a:gd name="T19" fmla="*/ 23 h 23"/>
                    <a:gd name="T20" fmla="*/ 5 w 17"/>
                    <a:gd name="T21" fmla="*/ 22 h 23"/>
                    <a:gd name="T22" fmla="*/ 0 w 17"/>
                    <a:gd name="T23" fmla="*/ 18 h 23"/>
                    <a:gd name="T24" fmla="*/ 0 w 17"/>
                    <a:gd name="T25" fmla="*/ 17 h 23"/>
                    <a:gd name="T26" fmla="*/ 0 w 17"/>
                    <a:gd name="T27" fmla="*/ 12 h 23"/>
                    <a:gd name="T28" fmla="*/ 0 w 17"/>
                    <a:gd name="T29" fmla="*/ 10 h 23"/>
                    <a:gd name="T30" fmla="*/ 2 w 17"/>
                    <a:gd name="T31" fmla="*/ 8 h 23"/>
                    <a:gd name="T32" fmla="*/ 9 w 17"/>
                    <a:gd name="T33" fmla="*/ 0 h 23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7"/>
                    <a:gd name="T52" fmla="*/ 0 h 23"/>
                    <a:gd name="T53" fmla="*/ 17 w 17"/>
                    <a:gd name="T54" fmla="*/ 23 h 23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7" h="23">
                      <a:moveTo>
                        <a:pt x="9" y="0"/>
                      </a:moveTo>
                      <a:lnTo>
                        <a:pt x="17" y="7"/>
                      </a:lnTo>
                      <a:lnTo>
                        <a:pt x="14" y="15"/>
                      </a:lnTo>
                      <a:lnTo>
                        <a:pt x="10" y="17"/>
                      </a:lnTo>
                      <a:lnTo>
                        <a:pt x="12" y="18"/>
                      </a:lnTo>
                      <a:lnTo>
                        <a:pt x="12" y="20"/>
                      </a:lnTo>
                      <a:lnTo>
                        <a:pt x="12" y="23"/>
                      </a:lnTo>
                      <a:lnTo>
                        <a:pt x="10" y="23"/>
                      </a:lnTo>
                      <a:lnTo>
                        <a:pt x="9" y="23"/>
                      </a:lnTo>
                      <a:lnTo>
                        <a:pt x="5" y="22"/>
                      </a:lnTo>
                      <a:lnTo>
                        <a:pt x="0" y="18"/>
                      </a:lnTo>
                      <a:lnTo>
                        <a:pt x="0" y="17"/>
                      </a:lnTo>
                      <a:lnTo>
                        <a:pt x="0" y="12"/>
                      </a:lnTo>
                      <a:lnTo>
                        <a:pt x="0" y="10"/>
                      </a:lnTo>
                      <a:lnTo>
                        <a:pt x="2" y="8"/>
                      </a:lnTo>
                      <a:lnTo>
                        <a:pt x="9" y="0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221" name="Group 66"/>
              <p:cNvGrpSpPr>
                <a:grpSpLocks/>
              </p:cNvGrpSpPr>
              <p:nvPr/>
            </p:nvGrpSpPr>
            <p:grpSpPr bwMode="auto">
              <a:xfrm>
                <a:off x="4607" y="1852"/>
                <a:ext cx="126" cy="291"/>
                <a:chOff x="4856" y="1462"/>
                <a:chExt cx="130" cy="300"/>
              </a:xfrm>
            </p:grpSpPr>
            <p:sp>
              <p:nvSpPr>
                <p:cNvPr id="345" name="Freeform 67"/>
                <p:cNvSpPr>
                  <a:spLocks/>
                </p:cNvSpPr>
                <p:nvPr/>
              </p:nvSpPr>
              <p:spPr bwMode="auto">
                <a:xfrm>
                  <a:off x="4856" y="1462"/>
                  <a:ext cx="130" cy="300"/>
                </a:xfrm>
                <a:custGeom>
                  <a:avLst/>
                  <a:gdLst>
                    <a:gd name="T0" fmla="*/ 12 w 130"/>
                    <a:gd name="T1" fmla="*/ 202 h 300"/>
                    <a:gd name="T2" fmla="*/ 23 w 130"/>
                    <a:gd name="T3" fmla="*/ 192 h 300"/>
                    <a:gd name="T4" fmla="*/ 32 w 130"/>
                    <a:gd name="T5" fmla="*/ 186 h 300"/>
                    <a:gd name="T6" fmla="*/ 39 w 130"/>
                    <a:gd name="T7" fmla="*/ 171 h 300"/>
                    <a:gd name="T8" fmla="*/ 49 w 130"/>
                    <a:gd name="T9" fmla="*/ 159 h 300"/>
                    <a:gd name="T10" fmla="*/ 57 w 130"/>
                    <a:gd name="T11" fmla="*/ 154 h 300"/>
                    <a:gd name="T12" fmla="*/ 59 w 130"/>
                    <a:gd name="T13" fmla="*/ 146 h 300"/>
                    <a:gd name="T14" fmla="*/ 56 w 130"/>
                    <a:gd name="T15" fmla="*/ 141 h 300"/>
                    <a:gd name="T16" fmla="*/ 49 w 130"/>
                    <a:gd name="T17" fmla="*/ 137 h 300"/>
                    <a:gd name="T18" fmla="*/ 32 w 130"/>
                    <a:gd name="T19" fmla="*/ 122 h 300"/>
                    <a:gd name="T20" fmla="*/ 20 w 130"/>
                    <a:gd name="T21" fmla="*/ 112 h 300"/>
                    <a:gd name="T22" fmla="*/ 3 w 130"/>
                    <a:gd name="T23" fmla="*/ 93 h 300"/>
                    <a:gd name="T24" fmla="*/ 6 w 130"/>
                    <a:gd name="T25" fmla="*/ 76 h 300"/>
                    <a:gd name="T26" fmla="*/ 0 w 130"/>
                    <a:gd name="T27" fmla="*/ 56 h 300"/>
                    <a:gd name="T28" fmla="*/ 28 w 130"/>
                    <a:gd name="T29" fmla="*/ 0 h 300"/>
                    <a:gd name="T30" fmla="*/ 113 w 130"/>
                    <a:gd name="T31" fmla="*/ 60 h 300"/>
                    <a:gd name="T32" fmla="*/ 106 w 130"/>
                    <a:gd name="T33" fmla="*/ 76 h 300"/>
                    <a:gd name="T34" fmla="*/ 106 w 130"/>
                    <a:gd name="T35" fmla="*/ 87 h 300"/>
                    <a:gd name="T36" fmla="*/ 96 w 130"/>
                    <a:gd name="T37" fmla="*/ 95 h 300"/>
                    <a:gd name="T38" fmla="*/ 113 w 130"/>
                    <a:gd name="T39" fmla="*/ 102 h 300"/>
                    <a:gd name="T40" fmla="*/ 118 w 130"/>
                    <a:gd name="T41" fmla="*/ 100 h 300"/>
                    <a:gd name="T42" fmla="*/ 120 w 130"/>
                    <a:gd name="T43" fmla="*/ 97 h 300"/>
                    <a:gd name="T44" fmla="*/ 122 w 130"/>
                    <a:gd name="T45" fmla="*/ 95 h 300"/>
                    <a:gd name="T46" fmla="*/ 125 w 130"/>
                    <a:gd name="T47" fmla="*/ 98 h 300"/>
                    <a:gd name="T48" fmla="*/ 127 w 130"/>
                    <a:gd name="T49" fmla="*/ 107 h 300"/>
                    <a:gd name="T50" fmla="*/ 127 w 130"/>
                    <a:gd name="T51" fmla="*/ 127 h 300"/>
                    <a:gd name="T52" fmla="*/ 127 w 130"/>
                    <a:gd name="T53" fmla="*/ 141 h 300"/>
                    <a:gd name="T54" fmla="*/ 127 w 130"/>
                    <a:gd name="T55" fmla="*/ 146 h 300"/>
                    <a:gd name="T56" fmla="*/ 127 w 130"/>
                    <a:gd name="T57" fmla="*/ 151 h 300"/>
                    <a:gd name="T58" fmla="*/ 130 w 130"/>
                    <a:gd name="T59" fmla="*/ 161 h 300"/>
                    <a:gd name="T60" fmla="*/ 130 w 130"/>
                    <a:gd name="T61" fmla="*/ 173 h 300"/>
                    <a:gd name="T62" fmla="*/ 130 w 130"/>
                    <a:gd name="T63" fmla="*/ 183 h 300"/>
                    <a:gd name="T64" fmla="*/ 128 w 130"/>
                    <a:gd name="T65" fmla="*/ 181 h 300"/>
                    <a:gd name="T66" fmla="*/ 125 w 130"/>
                    <a:gd name="T67" fmla="*/ 163 h 300"/>
                    <a:gd name="T68" fmla="*/ 122 w 130"/>
                    <a:gd name="T69" fmla="*/ 151 h 300"/>
                    <a:gd name="T70" fmla="*/ 118 w 130"/>
                    <a:gd name="T71" fmla="*/ 151 h 300"/>
                    <a:gd name="T72" fmla="*/ 122 w 130"/>
                    <a:gd name="T73" fmla="*/ 168 h 300"/>
                    <a:gd name="T74" fmla="*/ 122 w 130"/>
                    <a:gd name="T75" fmla="*/ 175 h 300"/>
                    <a:gd name="T76" fmla="*/ 122 w 130"/>
                    <a:gd name="T77" fmla="*/ 186 h 300"/>
                    <a:gd name="T78" fmla="*/ 122 w 130"/>
                    <a:gd name="T79" fmla="*/ 190 h 300"/>
                    <a:gd name="T80" fmla="*/ 122 w 130"/>
                    <a:gd name="T81" fmla="*/ 193 h 300"/>
                    <a:gd name="T82" fmla="*/ 118 w 130"/>
                    <a:gd name="T83" fmla="*/ 202 h 300"/>
                    <a:gd name="T84" fmla="*/ 115 w 130"/>
                    <a:gd name="T85" fmla="*/ 208 h 300"/>
                    <a:gd name="T86" fmla="*/ 110 w 130"/>
                    <a:gd name="T87" fmla="*/ 219 h 300"/>
                    <a:gd name="T88" fmla="*/ 108 w 130"/>
                    <a:gd name="T89" fmla="*/ 230 h 300"/>
                    <a:gd name="T90" fmla="*/ 103 w 130"/>
                    <a:gd name="T91" fmla="*/ 239 h 300"/>
                    <a:gd name="T92" fmla="*/ 94 w 130"/>
                    <a:gd name="T93" fmla="*/ 249 h 300"/>
                    <a:gd name="T94" fmla="*/ 96 w 130"/>
                    <a:gd name="T95" fmla="*/ 256 h 300"/>
                    <a:gd name="T96" fmla="*/ 86 w 130"/>
                    <a:gd name="T97" fmla="*/ 290 h 300"/>
                    <a:gd name="T98" fmla="*/ 76 w 130"/>
                    <a:gd name="T99" fmla="*/ 300 h 300"/>
                    <a:gd name="T100" fmla="*/ 71 w 130"/>
                    <a:gd name="T101" fmla="*/ 295 h 300"/>
                    <a:gd name="T102" fmla="*/ 72 w 130"/>
                    <a:gd name="T103" fmla="*/ 285 h 300"/>
                    <a:gd name="T104" fmla="*/ 74 w 130"/>
                    <a:gd name="T105" fmla="*/ 276 h 300"/>
                    <a:gd name="T106" fmla="*/ 64 w 130"/>
                    <a:gd name="T107" fmla="*/ 271 h 300"/>
                    <a:gd name="T108" fmla="*/ 49 w 130"/>
                    <a:gd name="T109" fmla="*/ 278 h 300"/>
                    <a:gd name="T110" fmla="*/ 44 w 130"/>
                    <a:gd name="T111" fmla="*/ 271 h 300"/>
                    <a:gd name="T112" fmla="*/ 34 w 130"/>
                    <a:gd name="T113" fmla="*/ 266 h 300"/>
                    <a:gd name="T114" fmla="*/ 23 w 130"/>
                    <a:gd name="T115" fmla="*/ 261 h 300"/>
                    <a:gd name="T116" fmla="*/ 6 w 130"/>
                    <a:gd name="T117" fmla="*/ 247 h 300"/>
                    <a:gd name="T118" fmla="*/ 3 w 130"/>
                    <a:gd name="T119" fmla="*/ 237 h 300"/>
                    <a:gd name="T120" fmla="*/ 1 w 130"/>
                    <a:gd name="T121" fmla="*/ 227 h 300"/>
                    <a:gd name="T122" fmla="*/ 3 w 130"/>
                    <a:gd name="T123" fmla="*/ 219 h 300"/>
                    <a:gd name="T124" fmla="*/ 13 w 130"/>
                    <a:gd name="T125" fmla="*/ 205 h 300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60000 65536"/>
                    <a:gd name="T187" fmla="*/ 0 60000 65536"/>
                    <a:gd name="T188" fmla="*/ 0 60000 65536"/>
                    <a:gd name="T189" fmla="*/ 0 w 130"/>
                    <a:gd name="T190" fmla="*/ 0 h 300"/>
                    <a:gd name="T191" fmla="*/ 130 w 130"/>
                    <a:gd name="T192" fmla="*/ 300 h 300"/>
                  </a:gdLst>
                  <a:ahLst/>
                  <a:cxnLst>
                    <a:cxn ang="T126">
                      <a:pos x="T0" y="T1"/>
                    </a:cxn>
                    <a:cxn ang="T127">
                      <a:pos x="T2" y="T3"/>
                    </a:cxn>
                    <a:cxn ang="T128">
                      <a:pos x="T4" y="T5"/>
                    </a:cxn>
                    <a:cxn ang="T129">
                      <a:pos x="T6" y="T7"/>
                    </a:cxn>
                    <a:cxn ang="T130">
                      <a:pos x="T8" y="T9"/>
                    </a:cxn>
                    <a:cxn ang="T131">
                      <a:pos x="T10" y="T11"/>
                    </a:cxn>
                    <a:cxn ang="T132">
                      <a:pos x="T12" y="T13"/>
                    </a:cxn>
                    <a:cxn ang="T133">
                      <a:pos x="T14" y="T15"/>
                    </a:cxn>
                    <a:cxn ang="T134">
                      <a:pos x="T16" y="T17"/>
                    </a:cxn>
                    <a:cxn ang="T135">
                      <a:pos x="T18" y="T19"/>
                    </a:cxn>
                    <a:cxn ang="T136">
                      <a:pos x="T20" y="T21"/>
                    </a:cxn>
                    <a:cxn ang="T137">
                      <a:pos x="T22" y="T23"/>
                    </a:cxn>
                    <a:cxn ang="T138">
                      <a:pos x="T24" y="T25"/>
                    </a:cxn>
                    <a:cxn ang="T139">
                      <a:pos x="T26" y="T27"/>
                    </a:cxn>
                    <a:cxn ang="T140">
                      <a:pos x="T28" y="T29"/>
                    </a:cxn>
                    <a:cxn ang="T141">
                      <a:pos x="T30" y="T31"/>
                    </a:cxn>
                    <a:cxn ang="T142">
                      <a:pos x="T32" y="T33"/>
                    </a:cxn>
                    <a:cxn ang="T143">
                      <a:pos x="T34" y="T35"/>
                    </a:cxn>
                    <a:cxn ang="T144">
                      <a:pos x="T36" y="T37"/>
                    </a:cxn>
                    <a:cxn ang="T145">
                      <a:pos x="T38" y="T39"/>
                    </a:cxn>
                    <a:cxn ang="T146">
                      <a:pos x="T40" y="T41"/>
                    </a:cxn>
                    <a:cxn ang="T147">
                      <a:pos x="T42" y="T43"/>
                    </a:cxn>
                    <a:cxn ang="T148">
                      <a:pos x="T44" y="T45"/>
                    </a:cxn>
                    <a:cxn ang="T149">
                      <a:pos x="T46" y="T47"/>
                    </a:cxn>
                    <a:cxn ang="T150">
                      <a:pos x="T48" y="T49"/>
                    </a:cxn>
                    <a:cxn ang="T151">
                      <a:pos x="T50" y="T51"/>
                    </a:cxn>
                    <a:cxn ang="T152">
                      <a:pos x="T52" y="T53"/>
                    </a:cxn>
                    <a:cxn ang="T153">
                      <a:pos x="T54" y="T55"/>
                    </a:cxn>
                    <a:cxn ang="T154">
                      <a:pos x="T56" y="T57"/>
                    </a:cxn>
                    <a:cxn ang="T155">
                      <a:pos x="T58" y="T59"/>
                    </a:cxn>
                    <a:cxn ang="T156">
                      <a:pos x="T60" y="T61"/>
                    </a:cxn>
                    <a:cxn ang="T157">
                      <a:pos x="T62" y="T63"/>
                    </a:cxn>
                    <a:cxn ang="T158">
                      <a:pos x="T64" y="T65"/>
                    </a:cxn>
                    <a:cxn ang="T159">
                      <a:pos x="T66" y="T67"/>
                    </a:cxn>
                    <a:cxn ang="T160">
                      <a:pos x="T68" y="T69"/>
                    </a:cxn>
                    <a:cxn ang="T161">
                      <a:pos x="T70" y="T71"/>
                    </a:cxn>
                    <a:cxn ang="T162">
                      <a:pos x="T72" y="T73"/>
                    </a:cxn>
                    <a:cxn ang="T163">
                      <a:pos x="T74" y="T75"/>
                    </a:cxn>
                    <a:cxn ang="T164">
                      <a:pos x="T76" y="T77"/>
                    </a:cxn>
                    <a:cxn ang="T165">
                      <a:pos x="T78" y="T79"/>
                    </a:cxn>
                    <a:cxn ang="T166">
                      <a:pos x="T80" y="T81"/>
                    </a:cxn>
                    <a:cxn ang="T167">
                      <a:pos x="T82" y="T83"/>
                    </a:cxn>
                    <a:cxn ang="T168">
                      <a:pos x="T84" y="T85"/>
                    </a:cxn>
                    <a:cxn ang="T169">
                      <a:pos x="T86" y="T87"/>
                    </a:cxn>
                    <a:cxn ang="T170">
                      <a:pos x="T88" y="T89"/>
                    </a:cxn>
                    <a:cxn ang="T171">
                      <a:pos x="T90" y="T91"/>
                    </a:cxn>
                    <a:cxn ang="T172">
                      <a:pos x="T92" y="T93"/>
                    </a:cxn>
                    <a:cxn ang="T173">
                      <a:pos x="T94" y="T95"/>
                    </a:cxn>
                    <a:cxn ang="T174">
                      <a:pos x="T96" y="T97"/>
                    </a:cxn>
                    <a:cxn ang="T175">
                      <a:pos x="T98" y="T99"/>
                    </a:cxn>
                    <a:cxn ang="T176">
                      <a:pos x="T100" y="T101"/>
                    </a:cxn>
                    <a:cxn ang="T177">
                      <a:pos x="T102" y="T103"/>
                    </a:cxn>
                    <a:cxn ang="T178">
                      <a:pos x="T104" y="T105"/>
                    </a:cxn>
                    <a:cxn ang="T179">
                      <a:pos x="T106" y="T107"/>
                    </a:cxn>
                    <a:cxn ang="T180">
                      <a:pos x="T108" y="T109"/>
                    </a:cxn>
                    <a:cxn ang="T181">
                      <a:pos x="T110" y="T111"/>
                    </a:cxn>
                    <a:cxn ang="T182">
                      <a:pos x="T112" y="T113"/>
                    </a:cxn>
                    <a:cxn ang="T183">
                      <a:pos x="T114" y="T115"/>
                    </a:cxn>
                    <a:cxn ang="T184">
                      <a:pos x="T116" y="T117"/>
                    </a:cxn>
                    <a:cxn ang="T185">
                      <a:pos x="T118" y="T119"/>
                    </a:cxn>
                    <a:cxn ang="T186">
                      <a:pos x="T120" y="T121"/>
                    </a:cxn>
                    <a:cxn ang="T187">
                      <a:pos x="T122" y="T123"/>
                    </a:cxn>
                    <a:cxn ang="T188">
                      <a:pos x="T124" y="T125"/>
                    </a:cxn>
                  </a:cxnLst>
                  <a:rect l="T189" t="T190" r="T191" b="T192"/>
                  <a:pathLst>
                    <a:path w="130" h="300">
                      <a:moveTo>
                        <a:pt x="8" y="205"/>
                      </a:moveTo>
                      <a:lnTo>
                        <a:pt x="8" y="203"/>
                      </a:lnTo>
                      <a:lnTo>
                        <a:pt x="12" y="202"/>
                      </a:lnTo>
                      <a:lnTo>
                        <a:pt x="15" y="198"/>
                      </a:lnTo>
                      <a:lnTo>
                        <a:pt x="20" y="195"/>
                      </a:lnTo>
                      <a:lnTo>
                        <a:pt x="23" y="192"/>
                      </a:lnTo>
                      <a:lnTo>
                        <a:pt x="28" y="190"/>
                      </a:lnTo>
                      <a:lnTo>
                        <a:pt x="30" y="186"/>
                      </a:lnTo>
                      <a:lnTo>
                        <a:pt x="32" y="186"/>
                      </a:lnTo>
                      <a:lnTo>
                        <a:pt x="32" y="181"/>
                      </a:lnTo>
                      <a:lnTo>
                        <a:pt x="35" y="176"/>
                      </a:lnTo>
                      <a:lnTo>
                        <a:pt x="39" y="171"/>
                      </a:lnTo>
                      <a:lnTo>
                        <a:pt x="42" y="166"/>
                      </a:lnTo>
                      <a:lnTo>
                        <a:pt x="45" y="163"/>
                      </a:lnTo>
                      <a:lnTo>
                        <a:pt x="49" y="159"/>
                      </a:lnTo>
                      <a:lnTo>
                        <a:pt x="52" y="158"/>
                      </a:lnTo>
                      <a:lnTo>
                        <a:pt x="54" y="156"/>
                      </a:lnTo>
                      <a:lnTo>
                        <a:pt x="57" y="154"/>
                      </a:lnTo>
                      <a:lnTo>
                        <a:pt x="59" y="151"/>
                      </a:lnTo>
                      <a:lnTo>
                        <a:pt x="59" y="149"/>
                      </a:lnTo>
                      <a:lnTo>
                        <a:pt x="59" y="146"/>
                      </a:lnTo>
                      <a:lnTo>
                        <a:pt x="57" y="144"/>
                      </a:lnTo>
                      <a:lnTo>
                        <a:pt x="56" y="142"/>
                      </a:lnTo>
                      <a:lnTo>
                        <a:pt x="56" y="141"/>
                      </a:lnTo>
                      <a:lnTo>
                        <a:pt x="54" y="141"/>
                      </a:lnTo>
                      <a:lnTo>
                        <a:pt x="52" y="139"/>
                      </a:lnTo>
                      <a:lnTo>
                        <a:pt x="49" y="137"/>
                      </a:lnTo>
                      <a:lnTo>
                        <a:pt x="44" y="132"/>
                      </a:lnTo>
                      <a:lnTo>
                        <a:pt x="39" y="127"/>
                      </a:lnTo>
                      <a:lnTo>
                        <a:pt x="32" y="122"/>
                      </a:lnTo>
                      <a:lnTo>
                        <a:pt x="27" y="117"/>
                      </a:lnTo>
                      <a:lnTo>
                        <a:pt x="22" y="114"/>
                      </a:lnTo>
                      <a:lnTo>
                        <a:pt x="20" y="112"/>
                      </a:lnTo>
                      <a:lnTo>
                        <a:pt x="10" y="107"/>
                      </a:lnTo>
                      <a:lnTo>
                        <a:pt x="5" y="100"/>
                      </a:lnTo>
                      <a:lnTo>
                        <a:pt x="3" y="93"/>
                      </a:lnTo>
                      <a:lnTo>
                        <a:pt x="3" y="87"/>
                      </a:lnTo>
                      <a:lnTo>
                        <a:pt x="5" y="82"/>
                      </a:lnTo>
                      <a:lnTo>
                        <a:pt x="6" y="76"/>
                      </a:lnTo>
                      <a:lnTo>
                        <a:pt x="8" y="73"/>
                      </a:lnTo>
                      <a:lnTo>
                        <a:pt x="10" y="73"/>
                      </a:lnTo>
                      <a:lnTo>
                        <a:pt x="0" y="56"/>
                      </a:lnTo>
                      <a:lnTo>
                        <a:pt x="17" y="31"/>
                      </a:lnTo>
                      <a:lnTo>
                        <a:pt x="23" y="9"/>
                      </a:lnTo>
                      <a:lnTo>
                        <a:pt x="28" y="0"/>
                      </a:lnTo>
                      <a:lnTo>
                        <a:pt x="113" y="27"/>
                      </a:lnTo>
                      <a:lnTo>
                        <a:pt x="115" y="60"/>
                      </a:lnTo>
                      <a:lnTo>
                        <a:pt x="113" y="60"/>
                      </a:lnTo>
                      <a:lnTo>
                        <a:pt x="105" y="75"/>
                      </a:lnTo>
                      <a:lnTo>
                        <a:pt x="105" y="76"/>
                      </a:lnTo>
                      <a:lnTo>
                        <a:pt x="106" y="76"/>
                      </a:lnTo>
                      <a:lnTo>
                        <a:pt x="106" y="80"/>
                      </a:lnTo>
                      <a:lnTo>
                        <a:pt x="106" y="83"/>
                      </a:lnTo>
                      <a:lnTo>
                        <a:pt x="106" y="87"/>
                      </a:lnTo>
                      <a:lnTo>
                        <a:pt x="105" y="90"/>
                      </a:lnTo>
                      <a:lnTo>
                        <a:pt x="101" y="93"/>
                      </a:lnTo>
                      <a:lnTo>
                        <a:pt x="96" y="95"/>
                      </a:lnTo>
                      <a:lnTo>
                        <a:pt x="94" y="100"/>
                      </a:lnTo>
                      <a:lnTo>
                        <a:pt x="113" y="100"/>
                      </a:lnTo>
                      <a:lnTo>
                        <a:pt x="113" y="102"/>
                      </a:lnTo>
                      <a:lnTo>
                        <a:pt x="116" y="104"/>
                      </a:lnTo>
                      <a:lnTo>
                        <a:pt x="118" y="104"/>
                      </a:lnTo>
                      <a:lnTo>
                        <a:pt x="118" y="100"/>
                      </a:lnTo>
                      <a:lnTo>
                        <a:pt x="118" y="98"/>
                      </a:lnTo>
                      <a:lnTo>
                        <a:pt x="120" y="97"/>
                      </a:lnTo>
                      <a:lnTo>
                        <a:pt x="122" y="95"/>
                      </a:lnTo>
                      <a:lnTo>
                        <a:pt x="123" y="95"/>
                      </a:lnTo>
                      <a:lnTo>
                        <a:pt x="123" y="97"/>
                      </a:lnTo>
                      <a:lnTo>
                        <a:pt x="125" y="98"/>
                      </a:lnTo>
                      <a:lnTo>
                        <a:pt x="125" y="100"/>
                      </a:lnTo>
                      <a:lnTo>
                        <a:pt x="125" y="104"/>
                      </a:lnTo>
                      <a:lnTo>
                        <a:pt x="127" y="107"/>
                      </a:lnTo>
                      <a:lnTo>
                        <a:pt x="127" y="112"/>
                      </a:lnTo>
                      <a:lnTo>
                        <a:pt x="127" y="119"/>
                      </a:lnTo>
                      <a:lnTo>
                        <a:pt x="127" y="127"/>
                      </a:lnTo>
                      <a:lnTo>
                        <a:pt x="125" y="137"/>
                      </a:lnTo>
                      <a:lnTo>
                        <a:pt x="125" y="139"/>
                      </a:lnTo>
                      <a:lnTo>
                        <a:pt x="127" y="141"/>
                      </a:lnTo>
                      <a:lnTo>
                        <a:pt x="127" y="142"/>
                      </a:lnTo>
                      <a:lnTo>
                        <a:pt x="127" y="144"/>
                      </a:lnTo>
                      <a:lnTo>
                        <a:pt x="127" y="146"/>
                      </a:lnTo>
                      <a:lnTo>
                        <a:pt x="127" y="148"/>
                      </a:lnTo>
                      <a:lnTo>
                        <a:pt x="127" y="149"/>
                      </a:lnTo>
                      <a:lnTo>
                        <a:pt x="127" y="151"/>
                      </a:lnTo>
                      <a:lnTo>
                        <a:pt x="128" y="153"/>
                      </a:lnTo>
                      <a:lnTo>
                        <a:pt x="128" y="156"/>
                      </a:lnTo>
                      <a:lnTo>
                        <a:pt x="130" y="161"/>
                      </a:lnTo>
                      <a:lnTo>
                        <a:pt x="130" y="164"/>
                      </a:lnTo>
                      <a:lnTo>
                        <a:pt x="130" y="170"/>
                      </a:lnTo>
                      <a:lnTo>
                        <a:pt x="130" y="173"/>
                      </a:lnTo>
                      <a:lnTo>
                        <a:pt x="130" y="178"/>
                      </a:lnTo>
                      <a:lnTo>
                        <a:pt x="130" y="180"/>
                      </a:lnTo>
                      <a:lnTo>
                        <a:pt x="130" y="183"/>
                      </a:lnTo>
                      <a:lnTo>
                        <a:pt x="128" y="181"/>
                      </a:lnTo>
                      <a:lnTo>
                        <a:pt x="127" y="178"/>
                      </a:lnTo>
                      <a:lnTo>
                        <a:pt x="127" y="171"/>
                      </a:lnTo>
                      <a:lnTo>
                        <a:pt x="125" y="163"/>
                      </a:lnTo>
                      <a:lnTo>
                        <a:pt x="123" y="153"/>
                      </a:lnTo>
                      <a:lnTo>
                        <a:pt x="123" y="151"/>
                      </a:lnTo>
                      <a:lnTo>
                        <a:pt x="122" y="151"/>
                      </a:lnTo>
                      <a:lnTo>
                        <a:pt x="120" y="149"/>
                      </a:lnTo>
                      <a:lnTo>
                        <a:pt x="118" y="151"/>
                      </a:lnTo>
                      <a:lnTo>
                        <a:pt x="118" y="154"/>
                      </a:lnTo>
                      <a:lnTo>
                        <a:pt x="120" y="159"/>
                      </a:lnTo>
                      <a:lnTo>
                        <a:pt x="122" y="168"/>
                      </a:lnTo>
                      <a:lnTo>
                        <a:pt x="122" y="170"/>
                      </a:lnTo>
                      <a:lnTo>
                        <a:pt x="122" y="171"/>
                      </a:lnTo>
                      <a:lnTo>
                        <a:pt x="122" y="175"/>
                      </a:lnTo>
                      <a:lnTo>
                        <a:pt x="122" y="178"/>
                      </a:lnTo>
                      <a:lnTo>
                        <a:pt x="122" y="183"/>
                      </a:lnTo>
                      <a:lnTo>
                        <a:pt x="122" y="186"/>
                      </a:lnTo>
                      <a:lnTo>
                        <a:pt x="122" y="188"/>
                      </a:lnTo>
                      <a:lnTo>
                        <a:pt x="122" y="190"/>
                      </a:lnTo>
                      <a:lnTo>
                        <a:pt x="122" y="192"/>
                      </a:lnTo>
                      <a:lnTo>
                        <a:pt x="122" y="193"/>
                      </a:lnTo>
                      <a:lnTo>
                        <a:pt x="122" y="197"/>
                      </a:lnTo>
                      <a:lnTo>
                        <a:pt x="122" y="198"/>
                      </a:lnTo>
                      <a:lnTo>
                        <a:pt x="118" y="202"/>
                      </a:lnTo>
                      <a:lnTo>
                        <a:pt x="116" y="205"/>
                      </a:lnTo>
                      <a:lnTo>
                        <a:pt x="116" y="207"/>
                      </a:lnTo>
                      <a:lnTo>
                        <a:pt x="115" y="208"/>
                      </a:lnTo>
                      <a:lnTo>
                        <a:pt x="115" y="212"/>
                      </a:lnTo>
                      <a:lnTo>
                        <a:pt x="115" y="214"/>
                      </a:lnTo>
                      <a:lnTo>
                        <a:pt x="110" y="219"/>
                      </a:lnTo>
                      <a:lnTo>
                        <a:pt x="108" y="227"/>
                      </a:lnTo>
                      <a:lnTo>
                        <a:pt x="108" y="229"/>
                      </a:lnTo>
                      <a:lnTo>
                        <a:pt x="108" y="230"/>
                      </a:lnTo>
                      <a:lnTo>
                        <a:pt x="106" y="232"/>
                      </a:lnTo>
                      <a:lnTo>
                        <a:pt x="105" y="236"/>
                      </a:lnTo>
                      <a:lnTo>
                        <a:pt x="103" y="239"/>
                      </a:lnTo>
                      <a:lnTo>
                        <a:pt x="100" y="244"/>
                      </a:lnTo>
                      <a:lnTo>
                        <a:pt x="98" y="247"/>
                      </a:lnTo>
                      <a:lnTo>
                        <a:pt x="94" y="249"/>
                      </a:lnTo>
                      <a:lnTo>
                        <a:pt x="94" y="251"/>
                      </a:lnTo>
                      <a:lnTo>
                        <a:pt x="96" y="254"/>
                      </a:lnTo>
                      <a:lnTo>
                        <a:pt x="96" y="256"/>
                      </a:lnTo>
                      <a:lnTo>
                        <a:pt x="96" y="258"/>
                      </a:lnTo>
                      <a:lnTo>
                        <a:pt x="89" y="281"/>
                      </a:lnTo>
                      <a:lnTo>
                        <a:pt x="86" y="290"/>
                      </a:lnTo>
                      <a:lnTo>
                        <a:pt x="83" y="296"/>
                      </a:lnTo>
                      <a:lnTo>
                        <a:pt x="79" y="300"/>
                      </a:lnTo>
                      <a:lnTo>
                        <a:pt x="76" y="300"/>
                      </a:lnTo>
                      <a:lnTo>
                        <a:pt x="74" y="300"/>
                      </a:lnTo>
                      <a:lnTo>
                        <a:pt x="72" y="296"/>
                      </a:lnTo>
                      <a:lnTo>
                        <a:pt x="71" y="295"/>
                      </a:lnTo>
                      <a:lnTo>
                        <a:pt x="71" y="290"/>
                      </a:lnTo>
                      <a:lnTo>
                        <a:pt x="72" y="286"/>
                      </a:lnTo>
                      <a:lnTo>
                        <a:pt x="72" y="285"/>
                      </a:lnTo>
                      <a:lnTo>
                        <a:pt x="74" y="283"/>
                      </a:lnTo>
                      <a:lnTo>
                        <a:pt x="74" y="280"/>
                      </a:lnTo>
                      <a:lnTo>
                        <a:pt x="74" y="276"/>
                      </a:lnTo>
                      <a:lnTo>
                        <a:pt x="72" y="273"/>
                      </a:lnTo>
                      <a:lnTo>
                        <a:pt x="69" y="271"/>
                      </a:lnTo>
                      <a:lnTo>
                        <a:pt x="64" y="271"/>
                      </a:lnTo>
                      <a:lnTo>
                        <a:pt x="56" y="273"/>
                      </a:lnTo>
                      <a:lnTo>
                        <a:pt x="49" y="278"/>
                      </a:lnTo>
                      <a:lnTo>
                        <a:pt x="49" y="276"/>
                      </a:lnTo>
                      <a:lnTo>
                        <a:pt x="47" y="274"/>
                      </a:lnTo>
                      <a:lnTo>
                        <a:pt x="44" y="271"/>
                      </a:lnTo>
                      <a:lnTo>
                        <a:pt x="42" y="269"/>
                      </a:lnTo>
                      <a:lnTo>
                        <a:pt x="39" y="266"/>
                      </a:lnTo>
                      <a:lnTo>
                        <a:pt x="34" y="266"/>
                      </a:lnTo>
                      <a:lnTo>
                        <a:pt x="28" y="264"/>
                      </a:lnTo>
                      <a:lnTo>
                        <a:pt x="27" y="263"/>
                      </a:lnTo>
                      <a:lnTo>
                        <a:pt x="23" y="261"/>
                      </a:lnTo>
                      <a:lnTo>
                        <a:pt x="20" y="258"/>
                      </a:lnTo>
                      <a:lnTo>
                        <a:pt x="18" y="256"/>
                      </a:lnTo>
                      <a:lnTo>
                        <a:pt x="6" y="247"/>
                      </a:lnTo>
                      <a:lnTo>
                        <a:pt x="6" y="239"/>
                      </a:lnTo>
                      <a:lnTo>
                        <a:pt x="3" y="237"/>
                      </a:lnTo>
                      <a:lnTo>
                        <a:pt x="1" y="234"/>
                      </a:lnTo>
                      <a:lnTo>
                        <a:pt x="1" y="230"/>
                      </a:lnTo>
                      <a:lnTo>
                        <a:pt x="1" y="227"/>
                      </a:lnTo>
                      <a:lnTo>
                        <a:pt x="1" y="224"/>
                      </a:lnTo>
                      <a:lnTo>
                        <a:pt x="1" y="220"/>
                      </a:lnTo>
                      <a:lnTo>
                        <a:pt x="3" y="219"/>
                      </a:lnTo>
                      <a:lnTo>
                        <a:pt x="5" y="217"/>
                      </a:lnTo>
                      <a:lnTo>
                        <a:pt x="12" y="208"/>
                      </a:lnTo>
                      <a:lnTo>
                        <a:pt x="13" y="205"/>
                      </a:lnTo>
                      <a:lnTo>
                        <a:pt x="8" y="20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46" name="Freeform 68"/>
                <p:cNvSpPr>
                  <a:spLocks/>
                </p:cNvSpPr>
                <p:nvPr/>
              </p:nvSpPr>
              <p:spPr bwMode="auto">
                <a:xfrm>
                  <a:off x="4856" y="1462"/>
                  <a:ext cx="130" cy="300"/>
                </a:xfrm>
                <a:custGeom>
                  <a:avLst/>
                  <a:gdLst>
                    <a:gd name="T0" fmla="*/ 12 w 130"/>
                    <a:gd name="T1" fmla="*/ 202 h 300"/>
                    <a:gd name="T2" fmla="*/ 28 w 130"/>
                    <a:gd name="T3" fmla="*/ 190 h 300"/>
                    <a:gd name="T4" fmla="*/ 32 w 130"/>
                    <a:gd name="T5" fmla="*/ 181 h 300"/>
                    <a:gd name="T6" fmla="*/ 45 w 130"/>
                    <a:gd name="T7" fmla="*/ 163 h 300"/>
                    <a:gd name="T8" fmla="*/ 54 w 130"/>
                    <a:gd name="T9" fmla="*/ 156 h 300"/>
                    <a:gd name="T10" fmla="*/ 59 w 130"/>
                    <a:gd name="T11" fmla="*/ 146 h 300"/>
                    <a:gd name="T12" fmla="*/ 54 w 130"/>
                    <a:gd name="T13" fmla="*/ 141 h 300"/>
                    <a:gd name="T14" fmla="*/ 44 w 130"/>
                    <a:gd name="T15" fmla="*/ 132 h 300"/>
                    <a:gd name="T16" fmla="*/ 22 w 130"/>
                    <a:gd name="T17" fmla="*/ 114 h 300"/>
                    <a:gd name="T18" fmla="*/ 5 w 130"/>
                    <a:gd name="T19" fmla="*/ 100 h 300"/>
                    <a:gd name="T20" fmla="*/ 6 w 130"/>
                    <a:gd name="T21" fmla="*/ 76 h 300"/>
                    <a:gd name="T22" fmla="*/ 17 w 130"/>
                    <a:gd name="T23" fmla="*/ 31 h 300"/>
                    <a:gd name="T24" fmla="*/ 115 w 130"/>
                    <a:gd name="T25" fmla="*/ 60 h 300"/>
                    <a:gd name="T26" fmla="*/ 105 w 130"/>
                    <a:gd name="T27" fmla="*/ 76 h 300"/>
                    <a:gd name="T28" fmla="*/ 106 w 130"/>
                    <a:gd name="T29" fmla="*/ 87 h 300"/>
                    <a:gd name="T30" fmla="*/ 94 w 130"/>
                    <a:gd name="T31" fmla="*/ 100 h 300"/>
                    <a:gd name="T32" fmla="*/ 116 w 130"/>
                    <a:gd name="T33" fmla="*/ 104 h 300"/>
                    <a:gd name="T34" fmla="*/ 118 w 130"/>
                    <a:gd name="T35" fmla="*/ 98 h 300"/>
                    <a:gd name="T36" fmla="*/ 122 w 130"/>
                    <a:gd name="T37" fmla="*/ 95 h 300"/>
                    <a:gd name="T38" fmla="*/ 125 w 130"/>
                    <a:gd name="T39" fmla="*/ 98 h 300"/>
                    <a:gd name="T40" fmla="*/ 127 w 130"/>
                    <a:gd name="T41" fmla="*/ 112 h 300"/>
                    <a:gd name="T42" fmla="*/ 125 w 130"/>
                    <a:gd name="T43" fmla="*/ 137 h 300"/>
                    <a:gd name="T44" fmla="*/ 127 w 130"/>
                    <a:gd name="T45" fmla="*/ 144 h 300"/>
                    <a:gd name="T46" fmla="*/ 127 w 130"/>
                    <a:gd name="T47" fmla="*/ 151 h 300"/>
                    <a:gd name="T48" fmla="*/ 130 w 130"/>
                    <a:gd name="T49" fmla="*/ 161 h 300"/>
                    <a:gd name="T50" fmla="*/ 130 w 130"/>
                    <a:gd name="T51" fmla="*/ 178 h 300"/>
                    <a:gd name="T52" fmla="*/ 130 w 130"/>
                    <a:gd name="T53" fmla="*/ 183 h 300"/>
                    <a:gd name="T54" fmla="*/ 125 w 130"/>
                    <a:gd name="T55" fmla="*/ 163 h 300"/>
                    <a:gd name="T56" fmla="*/ 122 w 130"/>
                    <a:gd name="T57" fmla="*/ 151 h 300"/>
                    <a:gd name="T58" fmla="*/ 118 w 130"/>
                    <a:gd name="T59" fmla="*/ 154 h 300"/>
                    <a:gd name="T60" fmla="*/ 122 w 130"/>
                    <a:gd name="T61" fmla="*/ 170 h 300"/>
                    <a:gd name="T62" fmla="*/ 122 w 130"/>
                    <a:gd name="T63" fmla="*/ 183 h 300"/>
                    <a:gd name="T64" fmla="*/ 122 w 130"/>
                    <a:gd name="T65" fmla="*/ 190 h 300"/>
                    <a:gd name="T66" fmla="*/ 122 w 130"/>
                    <a:gd name="T67" fmla="*/ 193 h 300"/>
                    <a:gd name="T68" fmla="*/ 116 w 130"/>
                    <a:gd name="T69" fmla="*/ 205 h 300"/>
                    <a:gd name="T70" fmla="*/ 115 w 130"/>
                    <a:gd name="T71" fmla="*/ 212 h 300"/>
                    <a:gd name="T72" fmla="*/ 108 w 130"/>
                    <a:gd name="T73" fmla="*/ 227 h 300"/>
                    <a:gd name="T74" fmla="*/ 105 w 130"/>
                    <a:gd name="T75" fmla="*/ 236 h 300"/>
                    <a:gd name="T76" fmla="*/ 94 w 130"/>
                    <a:gd name="T77" fmla="*/ 249 h 300"/>
                    <a:gd name="T78" fmla="*/ 96 w 130"/>
                    <a:gd name="T79" fmla="*/ 256 h 300"/>
                    <a:gd name="T80" fmla="*/ 86 w 130"/>
                    <a:gd name="T81" fmla="*/ 290 h 300"/>
                    <a:gd name="T82" fmla="*/ 74 w 130"/>
                    <a:gd name="T83" fmla="*/ 300 h 300"/>
                    <a:gd name="T84" fmla="*/ 72 w 130"/>
                    <a:gd name="T85" fmla="*/ 286 h 300"/>
                    <a:gd name="T86" fmla="*/ 74 w 130"/>
                    <a:gd name="T87" fmla="*/ 280 h 300"/>
                    <a:gd name="T88" fmla="*/ 64 w 130"/>
                    <a:gd name="T89" fmla="*/ 271 h 300"/>
                    <a:gd name="T90" fmla="*/ 49 w 130"/>
                    <a:gd name="T91" fmla="*/ 278 h 300"/>
                    <a:gd name="T92" fmla="*/ 42 w 130"/>
                    <a:gd name="T93" fmla="*/ 269 h 300"/>
                    <a:gd name="T94" fmla="*/ 28 w 130"/>
                    <a:gd name="T95" fmla="*/ 264 h 300"/>
                    <a:gd name="T96" fmla="*/ 18 w 130"/>
                    <a:gd name="T97" fmla="*/ 256 h 300"/>
                    <a:gd name="T98" fmla="*/ 3 w 130"/>
                    <a:gd name="T99" fmla="*/ 237 h 300"/>
                    <a:gd name="T100" fmla="*/ 1 w 130"/>
                    <a:gd name="T101" fmla="*/ 227 h 300"/>
                    <a:gd name="T102" fmla="*/ 5 w 130"/>
                    <a:gd name="T103" fmla="*/ 217 h 300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w 130"/>
                    <a:gd name="T157" fmla="*/ 0 h 300"/>
                    <a:gd name="T158" fmla="*/ 130 w 130"/>
                    <a:gd name="T159" fmla="*/ 300 h 300"/>
                  </a:gdLst>
                  <a:ahLst/>
                  <a:cxnLst>
                    <a:cxn ang="T104">
                      <a:pos x="T0" y="T1"/>
                    </a:cxn>
                    <a:cxn ang="T105">
                      <a:pos x="T2" y="T3"/>
                    </a:cxn>
                    <a:cxn ang="T106">
                      <a:pos x="T4" y="T5"/>
                    </a:cxn>
                    <a:cxn ang="T107">
                      <a:pos x="T6" y="T7"/>
                    </a:cxn>
                    <a:cxn ang="T108">
                      <a:pos x="T8" y="T9"/>
                    </a:cxn>
                    <a:cxn ang="T109">
                      <a:pos x="T10" y="T11"/>
                    </a:cxn>
                    <a:cxn ang="T110">
                      <a:pos x="T12" y="T13"/>
                    </a:cxn>
                    <a:cxn ang="T111">
                      <a:pos x="T14" y="T15"/>
                    </a:cxn>
                    <a:cxn ang="T112">
                      <a:pos x="T16" y="T17"/>
                    </a:cxn>
                    <a:cxn ang="T113">
                      <a:pos x="T18" y="T19"/>
                    </a:cxn>
                    <a:cxn ang="T114">
                      <a:pos x="T20" y="T21"/>
                    </a:cxn>
                    <a:cxn ang="T115">
                      <a:pos x="T22" y="T23"/>
                    </a:cxn>
                    <a:cxn ang="T116">
                      <a:pos x="T24" y="T25"/>
                    </a:cxn>
                    <a:cxn ang="T117">
                      <a:pos x="T26" y="T27"/>
                    </a:cxn>
                    <a:cxn ang="T118">
                      <a:pos x="T28" y="T29"/>
                    </a:cxn>
                    <a:cxn ang="T119">
                      <a:pos x="T30" y="T31"/>
                    </a:cxn>
                    <a:cxn ang="T120">
                      <a:pos x="T32" y="T33"/>
                    </a:cxn>
                    <a:cxn ang="T121">
                      <a:pos x="T34" y="T35"/>
                    </a:cxn>
                    <a:cxn ang="T122">
                      <a:pos x="T36" y="T37"/>
                    </a:cxn>
                    <a:cxn ang="T123">
                      <a:pos x="T38" y="T39"/>
                    </a:cxn>
                    <a:cxn ang="T124">
                      <a:pos x="T40" y="T41"/>
                    </a:cxn>
                    <a:cxn ang="T125">
                      <a:pos x="T42" y="T43"/>
                    </a:cxn>
                    <a:cxn ang="T126">
                      <a:pos x="T44" y="T45"/>
                    </a:cxn>
                    <a:cxn ang="T127">
                      <a:pos x="T46" y="T47"/>
                    </a:cxn>
                    <a:cxn ang="T128">
                      <a:pos x="T48" y="T49"/>
                    </a:cxn>
                    <a:cxn ang="T129">
                      <a:pos x="T50" y="T51"/>
                    </a:cxn>
                    <a:cxn ang="T130">
                      <a:pos x="T52" y="T53"/>
                    </a:cxn>
                    <a:cxn ang="T131">
                      <a:pos x="T54" y="T55"/>
                    </a:cxn>
                    <a:cxn ang="T132">
                      <a:pos x="T56" y="T57"/>
                    </a:cxn>
                    <a:cxn ang="T133">
                      <a:pos x="T58" y="T59"/>
                    </a:cxn>
                    <a:cxn ang="T134">
                      <a:pos x="T60" y="T61"/>
                    </a:cxn>
                    <a:cxn ang="T135">
                      <a:pos x="T62" y="T63"/>
                    </a:cxn>
                    <a:cxn ang="T136">
                      <a:pos x="T64" y="T65"/>
                    </a:cxn>
                    <a:cxn ang="T137">
                      <a:pos x="T66" y="T67"/>
                    </a:cxn>
                    <a:cxn ang="T138">
                      <a:pos x="T68" y="T69"/>
                    </a:cxn>
                    <a:cxn ang="T139">
                      <a:pos x="T70" y="T71"/>
                    </a:cxn>
                    <a:cxn ang="T140">
                      <a:pos x="T72" y="T73"/>
                    </a:cxn>
                    <a:cxn ang="T141">
                      <a:pos x="T74" y="T75"/>
                    </a:cxn>
                    <a:cxn ang="T142">
                      <a:pos x="T76" y="T77"/>
                    </a:cxn>
                    <a:cxn ang="T143">
                      <a:pos x="T78" y="T79"/>
                    </a:cxn>
                    <a:cxn ang="T144">
                      <a:pos x="T80" y="T81"/>
                    </a:cxn>
                    <a:cxn ang="T145">
                      <a:pos x="T82" y="T83"/>
                    </a:cxn>
                    <a:cxn ang="T146">
                      <a:pos x="T84" y="T85"/>
                    </a:cxn>
                    <a:cxn ang="T147">
                      <a:pos x="T86" y="T87"/>
                    </a:cxn>
                    <a:cxn ang="T148">
                      <a:pos x="T88" y="T89"/>
                    </a:cxn>
                    <a:cxn ang="T149">
                      <a:pos x="T90" y="T91"/>
                    </a:cxn>
                    <a:cxn ang="T150">
                      <a:pos x="T92" y="T93"/>
                    </a:cxn>
                    <a:cxn ang="T151">
                      <a:pos x="T94" y="T95"/>
                    </a:cxn>
                    <a:cxn ang="T152">
                      <a:pos x="T96" y="T97"/>
                    </a:cxn>
                    <a:cxn ang="T153">
                      <a:pos x="T98" y="T99"/>
                    </a:cxn>
                    <a:cxn ang="T154">
                      <a:pos x="T100" y="T101"/>
                    </a:cxn>
                    <a:cxn ang="T155">
                      <a:pos x="T102" y="T103"/>
                    </a:cxn>
                  </a:cxnLst>
                  <a:rect l="T156" t="T157" r="T158" b="T159"/>
                  <a:pathLst>
                    <a:path w="130" h="300">
                      <a:moveTo>
                        <a:pt x="8" y="205"/>
                      </a:moveTo>
                      <a:lnTo>
                        <a:pt x="8" y="205"/>
                      </a:lnTo>
                      <a:lnTo>
                        <a:pt x="8" y="203"/>
                      </a:lnTo>
                      <a:lnTo>
                        <a:pt x="12" y="202"/>
                      </a:lnTo>
                      <a:lnTo>
                        <a:pt x="15" y="198"/>
                      </a:lnTo>
                      <a:lnTo>
                        <a:pt x="20" y="195"/>
                      </a:lnTo>
                      <a:lnTo>
                        <a:pt x="23" y="192"/>
                      </a:lnTo>
                      <a:lnTo>
                        <a:pt x="28" y="190"/>
                      </a:lnTo>
                      <a:lnTo>
                        <a:pt x="30" y="186"/>
                      </a:lnTo>
                      <a:lnTo>
                        <a:pt x="32" y="186"/>
                      </a:lnTo>
                      <a:lnTo>
                        <a:pt x="32" y="181"/>
                      </a:lnTo>
                      <a:lnTo>
                        <a:pt x="35" y="176"/>
                      </a:lnTo>
                      <a:lnTo>
                        <a:pt x="39" y="171"/>
                      </a:lnTo>
                      <a:lnTo>
                        <a:pt x="42" y="166"/>
                      </a:lnTo>
                      <a:lnTo>
                        <a:pt x="45" y="163"/>
                      </a:lnTo>
                      <a:lnTo>
                        <a:pt x="49" y="159"/>
                      </a:lnTo>
                      <a:lnTo>
                        <a:pt x="52" y="158"/>
                      </a:lnTo>
                      <a:lnTo>
                        <a:pt x="54" y="156"/>
                      </a:lnTo>
                      <a:lnTo>
                        <a:pt x="57" y="154"/>
                      </a:lnTo>
                      <a:lnTo>
                        <a:pt x="59" y="151"/>
                      </a:lnTo>
                      <a:lnTo>
                        <a:pt x="59" y="149"/>
                      </a:lnTo>
                      <a:lnTo>
                        <a:pt x="59" y="146"/>
                      </a:lnTo>
                      <a:lnTo>
                        <a:pt x="57" y="144"/>
                      </a:lnTo>
                      <a:lnTo>
                        <a:pt x="56" y="142"/>
                      </a:lnTo>
                      <a:lnTo>
                        <a:pt x="56" y="141"/>
                      </a:lnTo>
                      <a:lnTo>
                        <a:pt x="54" y="141"/>
                      </a:lnTo>
                      <a:lnTo>
                        <a:pt x="52" y="139"/>
                      </a:lnTo>
                      <a:lnTo>
                        <a:pt x="49" y="137"/>
                      </a:lnTo>
                      <a:lnTo>
                        <a:pt x="44" y="132"/>
                      </a:lnTo>
                      <a:lnTo>
                        <a:pt x="39" y="127"/>
                      </a:lnTo>
                      <a:lnTo>
                        <a:pt x="32" y="122"/>
                      </a:lnTo>
                      <a:lnTo>
                        <a:pt x="27" y="117"/>
                      </a:lnTo>
                      <a:lnTo>
                        <a:pt x="22" y="114"/>
                      </a:lnTo>
                      <a:lnTo>
                        <a:pt x="20" y="112"/>
                      </a:lnTo>
                      <a:lnTo>
                        <a:pt x="10" y="107"/>
                      </a:lnTo>
                      <a:lnTo>
                        <a:pt x="5" y="100"/>
                      </a:lnTo>
                      <a:lnTo>
                        <a:pt x="3" y="93"/>
                      </a:lnTo>
                      <a:lnTo>
                        <a:pt x="3" y="87"/>
                      </a:lnTo>
                      <a:lnTo>
                        <a:pt x="5" y="82"/>
                      </a:lnTo>
                      <a:lnTo>
                        <a:pt x="6" y="76"/>
                      </a:lnTo>
                      <a:lnTo>
                        <a:pt x="8" y="73"/>
                      </a:lnTo>
                      <a:lnTo>
                        <a:pt x="10" y="73"/>
                      </a:lnTo>
                      <a:lnTo>
                        <a:pt x="0" y="56"/>
                      </a:lnTo>
                      <a:lnTo>
                        <a:pt x="17" y="31"/>
                      </a:lnTo>
                      <a:lnTo>
                        <a:pt x="23" y="9"/>
                      </a:lnTo>
                      <a:lnTo>
                        <a:pt x="28" y="0"/>
                      </a:lnTo>
                      <a:lnTo>
                        <a:pt x="113" y="27"/>
                      </a:lnTo>
                      <a:lnTo>
                        <a:pt x="115" y="60"/>
                      </a:lnTo>
                      <a:lnTo>
                        <a:pt x="113" y="60"/>
                      </a:lnTo>
                      <a:lnTo>
                        <a:pt x="105" y="75"/>
                      </a:lnTo>
                      <a:lnTo>
                        <a:pt x="105" y="76"/>
                      </a:lnTo>
                      <a:lnTo>
                        <a:pt x="106" y="76"/>
                      </a:lnTo>
                      <a:lnTo>
                        <a:pt x="106" y="80"/>
                      </a:lnTo>
                      <a:lnTo>
                        <a:pt x="106" y="83"/>
                      </a:lnTo>
                      <a:lnTo>
                        <a:pt x="106" y="87"/>
                      </a:lnTo>
                      <a:lnTo>
                        <a:pt x="105" y="90"/>
                      </a:lnTo>
                      <a:lnTo>
                        <a:pt x="101" y="93"/>
                      </a:lnTo>
                      <a:lnTo>
                        <a:pt x="96" y="95"/>
                      </a:lnTo>
                      <a:lnTo>
                        <a:pt x="94" y="100"/>
                      </a:lnTo>
                      <a:lnTo>
                        <a:pt x="113" y="100"/>
                      </a:lnTo>
                      <a:lnTo>
                        <a:pt x="113" y="102"/>
                      </a:lnTo>
                      <a:lnTo>
                        <a:pt x="116" y="104"/>
                      </a:lnTo>
                      <a:lnTo>
                        <a:pt x="118" y="104"/>
                      </a:lnTo>
                      <a:lnTo>
                        <a:pt x="118" y="100"/>
                      </a:lnTo>
                      <a:lnTo>
                        <a:pt x="118" y="98"/>
                      </a:lnTo>
                      <a:lnTo>
                        <a:pt x="120" y="97"/>
                      </a:lnTo>
                      <a:lnTo>
                        <a:pt x="122" y="95"/>
                      </a:lnTo>
                      <a:lnTo>
                        <a:pt x="123" y="95"/>
                      </a:lnTo>
                      <a:lnTo>
                        <a:pt x="123" y="97"/>
                      </a:lnTo>
                      <a:lnTo>
                        <a:pt x="125" y="98"/>
                      </a:lnTo>
                      <a:lnTo>
                        <a:pt x="125" y="100"/>
                      </a:lnTo>
                      <a:lnTo>
                        <a:pt x="125" y="104"/>
                      </a:lnTo>
                      <a:lnTo>
                        <a:pt x="127" y="107"/>
                      </a:lnTo>
                      <a:lnTo>
                        <a:pt x="127" y="112"/>
                      </a:lnTo>
                      <a:lnTo>
                        <a:pt x="127" y="119"/>
                      </a:lnTo>
                      <a:lnTo>
                        <a:pt x="127" y="127"/>
                      </a:lnTo>
                      <a:lnTo>
                        <a:pt x="125" y="137"/>
                      </a:lnTo>
                      <a:lnTo>
                        <a:pt x="125" y="139"/>
                      </a:lnTo>
                      <a:lnTo>
                        <a:pt x="127" y="141"/>
                      </a:lnTo>
                      <a:lnTo>
                        <a:pt x="127" y="142"/>
                      </a:lnTo>
                      <a:lnTo>
                        <a:pt x="127" y="144"/>
                      </a:lnTo>
                      <a:lnTo>
                        <a:pt x="127" y="146"/>
                      </a:lnTo>
                      <a:lnTo>
                        <a:pt x="127" y="148"/>
                      </a:lnTo>
                      <a:lnTo>
                        <a:pt x="127" y="149"/>
                      </a:lnTo>
                      <a:lnTo>
                        <a:pt x="127" y="151"/>
                      </a:lnTo>
                      <a:lnTo>
                        <a:pt x="128" y="153"/>
                      </a:lnTo>
                      <a:lnTo>
                        <a:pt x="128" y="156"/>
                      </a:lnTo>
                      <a:lnTo>
                        <a:pt x="130" y="161"/>
                      </a:lnTo>
                      <a:lnTo>
                        <a:pt x="130" y="164"/>
                      </a:lnTo>
                      <a:lnTo>
                        <a:pt x="130" y="170"/>
                      </a:lnTo>
                      <a:lnTo>
                        <a:pt x="130" y="173"/>
                      </a:lnTo>
                      <a:lnTo>
                        <a:pt x="130" y="178"/>
                      </a:lnTo>
                      <a:lnTo>
                        <a:pt x="130" y="180"/>
                      </a:lnTo>
                      <a:lnTo>
                        <a:pt x="130" y="183"/>
                      </a:lnTo>
                      <a:lnTo>
                        <a:pt x="128" y="181"/>
                      </a:lnTo>
                      <a:lnTo>
                        <a:pt x="127" y="178"/>
                      </a:lnTo>
                      <a:lnTo>
                        <a:pt x="127" y="171"/>
                      </a:lnTo>
                      <a:lnTo>
                        <a:pt x="125" y="163"/>
                      </a:lnTo>
                      <a:lnTo>
                        <a:pt x="123" y="153"/>
                      </a:lnTo>
                      <a:lnTo>
                        <a:pt x="123" y="151"/>
                      </a:lnTo>
                      <a:lnTo>
                        <a:pt x="122" y="151"/>
                      </a:lnTo>
                      <a:lnTo>
                        <a:pt x="120" y="149"/>
                      </a:lnTo>
                      <a:lnTo>
                        <a:pt x="118" y="151"/>
                      </a:lnTo>
                      <a:lnTo>
                        <a:pt x="118" y="154"/>
                      </a:lnTo>
                      <a:lnTo>
                        <a:pt x="120" y="159"/>
                      </a:lnTo>
                      <a:lnTo>
                        <a:pt x="122" y="168"/>
                      </a:lnTo>
                      <a:lnTo>
                        <a:pt x="122" y="170"/>
                      </a:lnTo>
                      <a:lnTo>
                        <a:pt x="122" y="171"/>
                      </a:lnTo>
                      <a:lnTo>
                        <a:pt x="122" y="175"/>
                      </a:lnTo>
                      <a:lnTo>
                        <a:pt x="122" y="178"/>
                      </a:lnTo>
                      <a:lnTo>
                        <a:pt x="122" y="183"/>
                      </a:lnTo>
                      <a:lnTo>
                        <a:pt x="122" y="186"/>
                      </a:lnTo>
                      <a:lnTo>
                        <a:pt x="122" y="188"/>
                      </a:lnTo>
                      <a:lnTo>
                        <a:pt x="122" y="190"/>
                      </a:lnTo>
                      <a:lnTo>
                        <a:pt x="122" y="192"/>
                      </a:lnTo>
                      <a:lnTo>
                        <a:pt x="122" y="193"/>
                      </a:lnTo>
                      <a:lnTo>
                        <a:pt x="122" y="197"/>
                      </a:lnTo>
                      <a:lnTo>
                        <a:pt x="122" y="198"/>
                      </a:lnTo>
                      <a:lnTo>
                        <a:pt x="118" y="202"/>
                      </a:lnTo>
                      <a:lnTo>
                        <a:pt x="116" y="205"/>
                      </a:lnTo>
                      <a:lnTo>
                        <a:pt x="116" y="207"/>
                      </a:lnTo>
                      <a:lnTo>
                        <a:pt x="115" y="208"/>
                      </a:lnTo>
                      <a:lnTo>
                        <a:pt x="115" y="212"/>
                      </a:lnTo>
                      <a:lnTo>
                        <a:pt x="115" y="214"/>
                      </a:lnTo>
                      <a:lnTo>
                        <a:pt x="110" y="219"/>
                      </a:lnTo>
                      <a:lnTo>
                        <a:pt x="108" y="227"/>
                      </a:lnTo>
                      <a:lnTo>
                        <a:pt x="108" y="229"/>
                      </a:lnTo>
                      <a:lnTo>
                        <a:pt x="108" y="230"/>
                      </a:lnTo>
                      <a:lnTo>
                        <a:pt x="106" y="232"/>
                      </a:lnTo>
                      <a:lnTo>
                        <a:pt x="105" y="236"/>
                      </a:lnTo>
                      <a:lnTo>
                        <a:pt x="103" y="239"/>
                      </a:lnTo>
                      <a:lnTo>
                        <a:pt x="100" y="244"/>
                      </a:lnTo>
                      <a:lnTo>
                        <a:pt x="98" y="247"/>
                      </a:lnTo>
                      <a:lnTo>
                        <a:pt x="94" y="249"/>
                      </a:lnTo>
                      <a:lnTo>
                        <a:pt x="94" y="251"/>
                      </a:lnTo>
                      <a:lnTo>
                        <a:pt x="96" y="254"/>
                      </a:lnTo>
                      <a:lnTo>
                        <a:pt x="96" y="256"/>
                      </a:lnTo>
                      <a:lnTo>
                        <a:pt x="96" y="258"/>
                      </a:lnTo>
                      <a:lnTo>
                        <a:pt x="89" y="281"/>
                      </a:lnTo>
                      <a:lnTo>
                        <a:pt x="86" y="290"/>
                      </a:lnTo>
                      <a:lnTo>
                        <a:pt x="83" y="296"/>
                      </a:lnTo>
                      <a:lnTo>
                        <a:pt x="79" y="300"/>
                      </a:lnTo>
                      <a:lnTo>
                        <a:pt x="76" y="300"/>
                      </a:lnTo>
                      <a:lnTo>
                        <a:pt x="74" y="300"/>
                      </a:lnTo>
                      <a:lnTo>
                        <a:pt x="72" y="296"/>
                      </a:lnTo>
                      <a:lnTo>
                        <a:pt x="71" y="295"/>
                      </a:lnTo>
                      <a:lnTo>
                        <a:pt x="71" y="290"/>
                      </a:lnTo>
                      <a:lnTo>
                        <a:pt x="72" y="286"/>
                      </a:lnTo>
                      <a:lnTo>
                        <a:pt x="72" y="285"/>
                      </a:lnTo>
                      <a:lnTo>
                        <a:pt x="74" y="283"/>
                      </a:lnTo>
                      <a:lnTo>
                        <a:pt x="74" y="280"/>
                      </a:lnTo>
                      <a:lnTo>
                        <a:pt x="74" y="276"/>
                      </a:lnTo>
                      <a:lnTo>
                        <a:pt x="72" y="273"/>
                      </a:lnTo>
                      <a:lnTo>
                        <a:pt x="69" y="271"/>
                      </a:lnTo>
                      <a:lnTo>
                        <a:pt x="64" y="271"/>
                      </a:lnTo>
                      <a:lnTo>
                        <a:pt x="56" y="273"/>
                      </a:lnTo>
                      <a:lnTo>
                        <a:pt x="49" y="278"/>
                      </a:lnTo>
                      <a:lnTo>
                        <a:pt x="49" y="276"/>
                      </a:lnTo>
                      <a:lnTo>
                        <a:pt x="47" y="274"/>
                      </a:lnTo>
                      <a:lnTo>
                        <a:pt x="44" y="271"/>
                      </a:lnTo>
                      <a:lnTo>
                        <a:pt x="42" y="269"/>
                      </a:lnTo>
                      <a:lnTo>
                        <a:pt x="39" y="266"/>
                      </a:lnTo>
                      <a:lnTo>
                        <a:pt x="34" y="266"/>
                      </a:lnTo>
                      <a:lnTo>
                        <a:pt x="28" y="264"/>
                      </a:lnTo>
                      <a:lnTo>
                        <a:pt x="27" y="263"/>
                      </a:lnTo>
                      <a:lnTo>
                        <a:pt x="23" y="261"/>
                      </a:lnTo>
                      <a:lnTo>
                        <a:pt x="20" y="258"/>
                      </a:lnTo>
                      <a:lnTo>
                        <a:pt x="18" y="256"/>
                      </a:lnTo>
                      <a:lnTo>
                        <a:pt x="6" y="247"/>
                      </a:lnTo>
                      <a:lnTo>
                        <a:pt x="6" y="239"/>
                      </a:lnTo>
                      <a:lnTo>
                        <a:pt x="3" y="237"/>
                      </a:lnTo>
                      <a:lnTo>
                        <a:pt x="1" y="234"/>
                      </a:lnTo>
                      <a:lnTo>
                        <a:pt x="1" y="230"/>
                      </a:lnTo>
                      <a:lnTo>
                        <a:pt x="1" y="227"/>
                      </a:lnTo>
                      <a:lnTo>
                        <a:pt x="1" y="224"/>
                      </a:lnTo>
                      <a:lnTo>
                        <a:pt x="1" y="220"/>
                      </a:lnTo>
                      <a:lnTo>
                        <a:pt x="3" y="219"/>
                      </a:lnTo>
                      <a:lnTo>
                        <a:pt x="5" y="217"/>
                      </a:lnTo>
                      <a:lnTo>
                        <a:pt x="12" y="208"/>
                      </a:lnTo>
                      <a:lnTo>
                        <a:pt x="13" y="205"/>
                      </a:lnTo>
                      <a:lnTo>
                        <a:pt x="8" y="205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222" name="Freeform 69"/>
              <p:cNvSpPr>
                <a:spLocks/>
              </p:cNvSpPr>
              <p:nvPr/>
            </p:nvSpPr>
            <p:spPr bwMode="auto">
              <a:xfrm>
                <a:off x="3295" y="2545"/>
                <a:ext cx="810" cy="287"/>
              </a:xfrm>
              <a:custGeom>
                <a:avLst/>
                <a:gdLst>
                  <a:gd name="T0" fmla="*/ 562 w 833"/>
                  <a:gd name="T1" fmla="*/ 0 h 295"/>
                  <a:gd name="T2" fmla="*/ 562 w 833"/>
                  <a:gd name="T3" fmla="*/ 12 h 295"/>
                  <a:gd name="T4" fmla="*/ 562 w 833"/>
                  <a:gd name="T5" fmla="*/ 18 h 295"/>
                  <a:gd name="T6" fmla="*/ 556 w 833"/>
                  <a:gd name="T7" fmla="*/ 22 h 295"/>
                  <a:gd name="T8" fmla="*/ 549 w 833"/>
                  <a:gd name="T9" fmla="*/ 37 h 295"/>
                  <a:gd name="T10" fmla="*/ 544 w 833"/>
                  <a:gd name="T11" fmla="*/ 46 h 295"/>
                  <a:gd name="T12" fmla="*/ 534 w 833"/>
                  <a:gd name="T13" fmla="*/ 45 h 295"/>
                  <a:gd name="T14" fmla="*/ 519 w 833"/>
                  <a:gd name="T15" fmla="*/ 55 h 295"/>
                  <a:gd name="T16" fmla="*/ 508 w 833"/>
                  <a:gd name="T17" fmla="*/ 65 h 295"/>
                  <a:gd name="T18" fmla="*/ 505 w 833"/>
                  <a:gd name="T19" fmla="*/ 57 h 295"/>
                  <a:gd name="T20" fmla="*/ 497 w 833"/>
                  <a:gd name="T21" fmla="*/ 60 h 295"/>
                  <a:gd name="T22" fmla="*/ 492 w 833"/>
                  <a:gd name="T23" fmla="*/ 69 h 295"/>
                  <a:gd name="T24" fmla="*/ 488 w 833"/>
                  <a:gd name="T25" fmla="*/ 78 h 295"/>
                  <a:gd name="T26" fmla="*/ 483 w 833"/>
                  <a:gd name="T27" fmla="*/ 84 h 295"/>
                  <a:gd name="T28" fmla="*/ 473 w 833"/>
                  <a:gd name="T29" fmla="*/ 88 h 295"/>
                  <a:gd name="T30" fmla="*/ 457 w 833"/>
                  <a:gd name="T31" fmla="*/ 99 h 295"/>
                  <a:gd name="T32" fmla="*/ 449 w 833"/>
                  <a:gd name="T33" fmla="*/ 108 h 295"/>
                  <a:gd name="T34" fmla="*/ 432 w 833"/>
                  <a:gd name="T35" fmla="*/ 114 h 295"/>
                  <a:gd name="T36" fmla="*/ 424 w 833"/>
                  <a:gd name="T37" fmla="*/ 123 h 295"/>
                  <a:gd name="T38" fmla="*/ 421 w 833"/>
                  <a:gd name="T39" fmla="*/ 130 h 295"/>
                  <a:gd name="T40" fmla="*/ 413 w 833"/>
                  <a:gd name="T41" fmla="*/ 139 h 295"/>
                  <a:gd name="T42" fmla="*/ 405 w 833"/>
                  <a:gd name="T43" fmla="*/ 140 h 295"/>
                  <a:gd name="T44" fmla="*/ 317 w 833"/>
                  <a:gd name="T45" fmla="*/ 172 h 295"/>
                  <a:gd name="T46" fmla="*/ 7 w 833"/>
                  <a:gd name="T47" fmla="*/ 200 h 295"/>
                  <a:gd name="T48" fmla="*/ 0 w 833"/>
                  <a:gd name="T49" fmla="*/ 198 h 295"/>
                  <a:gd name="T50" fmla="*/ 8 w 833"/>
                  <a:gd name="T51" fmla="*/ 193 h 295"/>
                  <a:gd name="T52" fmla="*/ 18 w 833"/>
                  <a:gd name="T53" fmla="*/ 188 h 295"/>
                  <a:gd name="T54" fmla="*/ 18 w 833"/>
                  <a:gd name="T55" fmla="*/ 177 h 295"/>
                  <a:gd name="T56" fmla="*/ 15 w 833"/>
                  <a:gd name="T57" fmla="*/ 171 h 295"/>
                  <a:gd name="T58" fmla="*/ 18 w 833"/>
                  <a:gd name="T59" fmla="*/ 161 h 295"/>
                  <a:gd name="T60" fmla="*/ 18 w 833"/>
                  <a:gd name="T61" fmla="*/ 157 h 295"/>
                  <a:gd name="T62" fmla="*/ 18 w 833"/>
                  <a:gd name="T63" fmla="*/ 151 h 295"/>
                  <a:gd name="T64" fmla="*/ 27 w 833"/>
                  <a:gd name="T65" fmla="*/ 143 h 295"/>
                  <a:gd name="T66" fmla="*/ 22 w 833"/>
                  <a:gd name="T67" fmla="*/ 140 h 295"/>
                  <a:gd name="T68" fmla="*/ 18 w 833"/>
                  <a:gd name="T69" fmla="*/ 139 h 295"/>
                  <a:gd name="T70" fmla="*/ 20 w 833"/>
                  <a:gd name="T71" fmla="*/ 137 h 295"/>
                  <a:gd name="T72" fmla="*/ 27 w 833"/>
                  <a:gd name="T73" fmla="*/ 131 h 295"/>
                  <a:gd name="T74" fmla="*/ 35 w 833"/>
                  <a:gd name="T75" fmla="*/ 124 h 295"/>
                  <a:gd name="T76" fmla="*/ 40 w 833"/>
                  <a:gd name="T77" fmla="*/ 117 h 295"/>
                  <a:gd name="T78" fmla="*/ 37 w 833"/>
                  <a:gd name="T79" fmla="*/ 114 h 295"/>
                  <a:gd name="T80" fmla="*/ 43 w 833"/>
                  <a:gd name="T81" fmla="*/ 101 h 295"/>
                  <a:gd name="T82" fmla="*/ 45 w 833"/>
                  <a:gd name="T83" fmla="*/ 101 h 295"/>
                  <a:gd name="T84" fmla="*/ 44 w 833"/>
                  <a:gd name="T85" fmla="*/ 97 h 295"/>
                  <a:gd name="T86" fmla="*/ 38 w 833"/>
                  <a:gd name="T87" fmla="*/ 90 h 295"/>
                  <a:gd name="T88" fmla="*/ 42 w 833"/>
                  <a:gd name="T89" fmla="*/ 88 h 295"/>
                  <a:gd name="T90" fmla="*/ 44 w 833"/>
                  <a:gd name="T91" fmla="*/ 88 h 295"/>
                  <a:gd name="T92" fmla="*/ 143 w 833"/>
                  <a:gd name="T93" fmla="*/ 59 h 295"/>
                  <a:gd name="T94" fmla="*/ 144 w 833"/>
                  <a:gd name="T95" fmla="*/ 46 h 295"/>
                  <a:gd name="T96" fmla="*/ 154 w 833"/>
                  <a:gd name="T97" fmla="*/ 46 h 295"/>
                  <a:gd name="T98" fmla="*/ 169 w 833"/>
                  <a:gd name="T99" fmla="*/ 46 h 295"/>
                  <a:gd name="T100" fmla="*/ 177 w 833"/>
                  <a:gd name="T101" fmla="*/ 46 h 295"/>
                  <a:gd name="T102" fmla="*/ 194 w 833"/>
                  <a:gd name="T103" fmla="*/ 45 h 295"/>
                  <a:gd name="T104" fmla="*/ 218 w 833"/>
                  <a:gd name="T105" fmla="*/ 43 h 295"/>
                  <a:gd name="T106" fmla="*/ 250 w 833"/>
                  <a:gd name="T107" fmla="*/ 41 h 295"/>
                  <a:gd name="T108" fmla="*/ 283 w 833"/>
                  <a:gd name="T109" fmla="*/ 37 h 295"/>
                  <a:gd name="T110" fmla="*/ 319 w 833"/>
                  <a:gd name="T111" fmla="*/ 34 h 295"/>
                  <a:gd name="T112" fmla="*/ 352 w 833"/>
                  <a:gd name="T113" fmla="*/ 29 h 295"/>
                  <a:gd name="T114" fmla="*/ 382 w 833"/>
                  <a:gd name="T115" fmla="*/ 25 h 295"/>
                  <a:gd name="T116" fmla="*/ 405 w 833"/>
                  <a:gd name="T117" fmla="*/ 22 h 295"/>
                  <a:gd name="T118" fmla="*/ 417 w 833"/>
                  <a:gd name="T119" fmla="*/ 20 h 295"/>
                  <a:gd name="T120" fmla="*/ 544 w 833"/>
                  <a:gd name="T121" fmla="*/ 7 h 295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w 833"/>
                  <a:gd name="T184" fmla="*/ 0 h 295"/>
                  <a:gd name="T185" fmla="*/ 833 w 833"/>
                  <a:gd name="T186" fmla="*/ 295 h 295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T183" t="T184" r="T185" b="T186"/>
                <a:pathLst>
                  <a:path w="833" h="295">
                    <a:moveTo>
                      <a:pt x="804" y="7"/>
                    </a:moveTo>
                    <a:lnTo>
                      <a:pt x="816" y="0"/>
                    </a:lnTo>
                    <a:lnTo>
                      <a:pt x="831" y="0"/>
                    </a:lnTo>
                    <a:lnTo>
                      <a:pt x="831" y="2"/>
                    </a:lnTo>
                    <a:lnTo>
                      <a:pt x="831" y="6"/>
                    </a:lnTo>
                    <a:lnTo>
                      <a:pt x="831" y="12"/>
                    </a:lnTo>
                    <a:lnTo>
                      <a:pt x="831" y="17"/>
                    </a:lnTo>
                    <a:lnTo>
                      <a:pt x="833" y="24"/>
                    </a:lnTo>
                    <a:lnTo>
                      <a:pt x="831" y="31"/>
                    </a:lnTo>
                    <a:lnTo>
                      <a:pt x="831" y="34"/>
                    </a:lnTo>
                    <a:lnTo>
                      <a:pt x="831" y="36"/>
                    </a:lnTo>
                    <a:lnTo>
                      <a:pt x="824" y="36"/>
                    </a:lnTo>
                    <a:lnTo>
                      <a:pt x="819" y="39"/>
                    </a:lnTo>
                    <a:lnTo>
                      <a:pt x="814" y="44"/>
                    </a:lnTo>
                    <a:lnTo>
                      <a:pt x="811" y="51"/>
                    </a:lnTo>
                    <a:lnTo>
                      <a:pt x="807" y="58"/>
                    </a:lnTo>
                    <a:lnTo>
                      <a:pt x="805" y="63"/>
                    </a:lnTo>
                    <a:lnTo>
                      <a:pt x="804" y="66"/>
                    </a:lnTo>
                    <a:lnTo>
                      <a:pt x="797" y="63"/>
                    </a:lnTo>
                    <a:lnTo>
                      <a:pt x="790" y="63"/>
                    </a:lnTo>
                    <a:lnTo>
                      <a:pt x="782" y="68"/>
                    </a:lnTo>
                    <a:lnTo>
                      <a:pt x="773" y="75"/>
                    </a:lnTo>
                    <a:lnTo>
                      <a:pt x="767" y="83"/>
                    </a:lnTo>
                    <a:lnTo>
                      <a:pt x="760" y="90"/>
                    </a:lnTo>
                    <a:lnTo>
                      <a:pt x="755" y="94"/>
                    </a:lnTo>
                    <a:lnTo>
                      <a:pt x="753" y="94"/>
                    </a:lnTo>
                    <a:lnTo>
                      <a:pt x="751" y="88"/>
                    </a:lnTo>
                    <a:lnTo>
                      <a:pt x="748" y="87"/>
                    </a:lnTo>
                    <a:lnTo>
                      <a:pt x="746" y="85"/>
                    </a:lnTo>
                    <a:lnTo>
                      <a:pt x="743" y="85"/>
                    </a:lnTo>
                    <a:lnTo>
                      <a:pt x="739" y="87"/>
                    </a:lnTo>
                    <a:lnTo>
                      <a:pt x="736" y="88"/>
                    </a:lnTo>
                    <a:lnTo>
                      <a:pt x="733" y="92"/>
                    </a:lnTo>
                    <a:lnTo>
                      <a:pt x="731" y="97"/>
                    </a:lnTo>
                    <a:lnTo>
                      <a:pt x="728" y="100"/>
                    </a:lnTo>
                    <a:lnTo>
                      <a:pt x="724" y="105"/>
                    </a:lnTo>
                    <a:lnTo>
                      <a:pt x="723" y="110"/>
                    </a:lnTo>
                    <a:lnTo>
                      <a:pt x="721" y="114"/>
                    </a:lnTo>
                    <a:lnTo>
                      <a:pt x="717" y="119"/>
                    </a:lnTo>
                    <a:lnTo>
                      <a:pt x="717" y="121"/>
                    </a:lnTo>
                    <a:lnTo>
                      <a:pt x="716" y="122"/>
                    </a:lnTo>
                    <a:lnTo>
                      <a:pt x="716" y="124"/>
                    </a:lnTo>
                    <a:lnTo>
                      <a:pt x="707" y="126"/>
                    </a:lnTo>
                    <a:lnTo>
                      <a:pt x="699" y="129"/>
                    </a:lnTo>
                    <a:lnTo>
                      <a:pt x="690" y="134"/>
                    </a:lnTo>
                    <a:lnTo>
                      <a:pt x="682" y="141"/>
                    </a:lnTo>
                    <a:lnTo>
                      <a:pt x="677" y="146"/>
                    </a:lnTo>
                    <a:lnTo>
                      <a:pt x="670" y="153"/>
                    </a:lnTo>
                    <a:lnTo>
                      <a:pt x="667" y="156"/>
                    </a:lnTo>
                    <a:lnTo>
                      <a:pt x="665" y="158"/>
                    </a:lnTo>
                    <a:lnTo>
                      <a:pt x="655" y="158"/>
                    </a:lnTo>
                    <a:lnTo>
                      <a:pt x="646" y="161"/>
                    </a:lnTo>
                    <a:lnTo>
                      <a:pt x="640" y="165"/>
                    </a:lnTo>
                    <a:lnTo>
                      <a:pt x="633" y="170"/>
                    </a:lnTo>
                    <a:lnTo>
                      <a:pt x="630" y="175"/>
                    </a:lnTo>
                    <a:lnTo>
                      <a:pt x="626" y="180"/>
                    </a:lnTo>
                    <a:lnTo>
                      <a:pt x="624" y="183"/>
                    </a:lnTo>
                    <a:lnTo>
                      <a:pt x="624" y="185"/>
                    </a:lnTo>
                    <a:lnTo>
                      <a:pt x="623" y="192"/>
                    </a:lnTo>
                    <a:lnTo>
                      <a:pt x="619" y="197"/>
                    </a:lnTo>
                    <a:lnTo>
                      <a:pt x="616" y="202"/>
                    </a:lnTo>
                    <a:lnTo>
                      <a:pt x="611" y="204"/>
                    </a:lnTo>
                    <a:lnTo>
                      <a:pt x="608" y="205"/>
                    </a:lnTo>
                    <a:lnTo>
                      <a:pt x="602" y="205"/>
                    </a:lnTo>
                    <a:lnTo>
                      <a:pt x="599" y="205"/>
                    </a:lnTo>
                    <a:lnTo>
                      <a:pt x="599" y="239"/>
                    </a:lnTo>
                    <a:lnTo>
                      <a:pt x="470" y="253"/>
                    </a:lnTo>
                    <a:lnTo>
                      <a:pt x="218" y="275"/>
                    </a:lnTo>
                    <a:lnTo>
                      <a:pt x="7" y="293"/>
                    </a:lnTo>
                    <a:lnTo>
                      <a:pt x="7" y="295"/>
                    </a:lnTo>
                    <a:lnTo>
                      <a:pt x="2" y="295"/>
                    </a:lnTo>
                    <a:lnTo>
                      <a:pt x="0" y="293"/>
                    </a:lnTo>
                    <a:lnTo>
                      <a:pt x="0" y="292"/>
                    </a:lnTo>
                    <a:lnTo>
                      <a:pt x="3" y="290"/>
                    </a:lnTo>
                    <a:lnTo>
                      <a:pt x="7" y="286"/>
                    </a:lnTo>
                    <a:lnTo>
                      <a:pt x="8" y="285"/>
                    </a:lnTo>
                    <a:lnTo>
                      <a:pt x="12" y="283"/>
                    </a:lnTo>
                    <a:lnTo>
                      <a:pt x="14" y="283"/>
                    </a:lnTo>
                    <a:lnTo>
                      <a:pt x="19" y="276"/>
                    </a:lnTo>
                    <a:lnTo>
                      <a:pt x="20" y="270"/>
                    </a:lnTo>
                    <a:lnTo>
                      <a:pt x="22" y="264"/>
                    </a:lnTo>
                    <a:lnTo>
                      <a:pt x="20" y="259"/>
                    </a:lnTo>
                    <a:lnTo>
                      <a:pt x="19" y="256"/>
                    </a:lnTo>
                    <a:lnTo>
                      <a:pt x="17" y="254"/>
                    </a:lnTo>
                    <a:lnTo>
                      <a:pt x="15" y="251"/>
                    </a:lnTo>
                    <a:lnTo>
                      <a:pt x="20" y="239"/>
                    </a:lnTo>
                    <a:lnTo>
                      <a:pt x="20" y="237"/>
                    </a:lnTo>
                    <a:lnTo>
                      <a:pt x="22" y="236"/>
                    </a:lnTo>
                    <a:lnTo>
                      <a:pt x="24" y="234"/>
                    </a:lnTo>
                    <a:lnTo>
                      <a:pt x="25" y="231"/>
                    </a:lnTo>
                    <a:lnTo>
                      <a:pt x="29" y="227"/>
                    </a:lnTo>
                    <a:lnTo>
                      <a:pt x="30" y="224"/>
                    </a:lnTo>
                    <a:lnTo>
                      <a:pt x="32" y="222"/>
                    </a:lnTo>
                    <a:lnTo>
                      <a:pt x="34" y="222"/>
                    </a:lnTo>
                    <a:lnTo>
                      <a:pt x="39" y="215"/>
                    </a:lnTo>
                    <a:lnTo>
                      <a:pt x="41" y="210"/>
                    </a:lnTo>
                    <a:lnTo>
                      <a:pt x="41" y="209"/>
                    </a:lnTo>
                    <a:lnTo>
                      <a:pt x="39" y="205"/>
                    </a:lnTo>
                    <a:lnTo>
                      <a:pt x="36" y="205"/>
                    </a:lnTo>
                    <a:lnTo>
                      <a:pt x="32" y="204"/>
                    </a:lnTo>
                    <a:lnTo>
                      <a:pt x="30" y="204"/>
                    </a:lnTo>
                    <a:lnTo>
                      <a:pt x="32" y="202"/>
                    </a:lnTo>
                    <a:lnTo>
                      <a:pt x="34" y="200"/>
                    </a:lnTo>
                    <a:lnTo>
                      <a:pt x="36" y="198"/>
                    </a:lnTo>
                    <a:lnTo>
                      <a:pt x="39" y="195"/>
                    </a:lnTo>
                    <a:lnTo>
                      <a:pt x="41" y="193"/>
                    </a:lnTo>
                    <a:lnTo>
                      <a:pt x="42" y="192"/>
                    </a:lnTo>
                    <a:lnTo>
                      <a:pt x="44" y="190"/>
                    </a:lnTo>
                    <a:lnTo>
                      <a:pt x="49" y="183"/>
                    </a:lnTo>
                    <a:lnTo>
                      <a:pt x="52" y="178"/>
                    </a:lnTo>
                    <a:lnTo>
                      <a:pt x="54" y="175"/>
                    </a:lnTo>
                    <a:lnTo>
                      <a:pt x="54" y="171"/>
                    </a:lnTo>
                    <a:lnTo>
                      <a:pt x="54" y="168"/>
                    </a:lnTo>
                    <a:lnTo>
                      <a:pt x="52" y="166"/>
                    </a:lnTo>
                    <a:lnTo>
                      <a:pt x="51" y="165"/>
                    </a:lnTo>
                    <a:lnTo>
                      <a:pt x="61" y="148"/>
                    </a:lnTo>
                    <a:lnTo>
                      <a:pt x="63" y="148"/>
                    </a:lnTo>
                    <a:lnTo>
                      <a:pt x="64" y="148"/>
                    </a:lnTo>
                    <a:lnTo>
                      <a:pt x="64" y="146"/>
                    </a:lnTo>
                    <a:lnTo>
                      <a:pt x="63" y="143"/>
                    </a:lnTo>
                    <a:lnTo>
                      <a:pt x="58" y="139"/>
                    </a:lnTo>
                    <a:lnTo>
                      <a:pt x="54" y="136"/>
                    </a:lnTo>
                    <a:lnTo>
                      <a:pt x="52" y="132"/>
                    </a:lnTo>
                    <a:lnTo>
                      <a:pt x="52" y="131"/>
                    </a:lnTo>
                    <a:lnTo>
                      <a:pt x="54" y="129"/>
                    </a:lnTo>
                    <a:lnTo>
                      <a:pt x="58" y="129"/>
                    </a:lnTo>
                    <a:lnTo>
                      <a:pt x="59" y="129"/>
                    </a:lnTo>
                    <a:lnTo>
                      <a:pt x="61" y="129"/>
                    </a:lnTo>
                    <a:lnTo>
                      <a:pt x="63" y="129"/>
                    </a:lnTo>
                    <a:lnTo>
                      <a:pt x="64" y="100"/>
                    </a:lnTo>
                    <a:lnTo>
                      <a:pt x="64" y="99"/>
                    </a:lnTo>
                    <a:lnTo>
                      <a:pt x="212" y="87"/>
                    </a:lnTo>
                    <a:lnTo>
                      <a:pt x="212" y="63"/>
                    </a:lnTo>
                    <a:lnTo>
                      <a:pt x="213" y="65"/>
                    </a:lnTo>
                    <a:lnTo>
                      <a:pt x="217" y="65"/>
                    </a:lnTo>
                    <a:lnTo>
                      <a:pt x="222" y="65"/>
                    </a:lnTo>
                    <a:lnTo>
                      <a:pt x="228" y="65"/>
                    </a:lnTo>
                    <a:lnTo>
                      <a:pt x="235" y="66"/>
                    </a:lnTo>
                    <a:lnTo>
                      <a:pt x="242" y="66"/>
                    </a:lnTo>
                    <a:lnTo>
                      <a:pt x="250" y="66"/>
                    </a:lnTo>
                    <a:lnTo>
                      <a:pt x="252" y="66"/>
                    </a:lnTo>
                    <a:lnTo>
                      <a:pt x="256" y="66"/>
                    </a:lnTo>
                    <a:lnTo>
                      <a:pt x="261" y="65"/>
                    </a:lnTo>
                    <a:lnTo>
                      <a:pt x="267" y="65"/>
                    </a:lnTo>
                    <a:lnTo>
                      <a:pt x="276" y="63"/>
                    </a:lnTo>
                    <a:lnTo>
                      <a:pt x="286" y="63"/>
                    </a:lnTo>
                    <a:lnTo>
                      <a:pt x="296" y="61"/>
                    </a:lnTo>
                    <a:lnTo>
                      <a:pt x="310" y="61"/>
                    </a:lnTo>
                    <a:lnTo>
                      <a:pt x="323" y="60"/>
                    </a:lnTo>
                    <a:lnTo>
                      <a:pt x="337" y="58"/>
                    </a:lnTo>
                    <a:lnTo>
                      <a:pt x="352" y="58"/>
                    </a:lnTo>
                    <a:lnTo>
                      <a:pt x="369" y="56"/>
                    </a:lnTo>
                    <a:lnTo>
                      <a:pt x="386" y="55"/>
                    </a:lnTo>
                    <a:lnTo>
                      <a:pt x="403" y="53"/>
                    </a:lnTo>
                    <a:lnTo>
                      <a:pt x="420" y="51"/>
                    </a:lnTo>
                    <a:lnTo>
                      <a:pt x="437" y="50"/>
                    </a:lnTo>
                    <a:lnTo>
                      <a:pt x="455" y="48"/>
                    </a:lnTo>
                    <a:lnTo>
                      <a:pt x="472" y="48"/>
                    </a:lnTo>
                    <a:lnTo>
                      <a:pt x="489" y="46"/>
                    </a:lnTo>
                    <a:lnTo>
                      <a:pt x="504" y="44"/>
                    </a:lnTo>
                    <a:lnTo>
                      <a:pt x="521" y="43"/>
                    </a:lnTo>
                    <a:lnTo>
                      <a:pt x="536" y="41"/>
                    </a:lnTo>
                    <a:lnTo>
                      <a:pt x="552" y="39"/>
                    </a:lnTo>
                    <a:lnTo>
                      <a:pt x="565" y="39"/>
                    </a:lnTo>
                    <a:lnTo>
                      <a:pt x="577" y="38"/>
                    </a:lnTo>
                    <a:lnTo>
                      <a:pt x="589" y="36"/>
                    </a:lnTo>
                    <a:lnTo>
                      <a:pt x="599" y="36"/>
                    </a:lnTo>
                    <a:lnTo>
                      <a:pt x="608" y="36"/>
                    </a:lnTo>
                    <a:lnTo>
                      <a:pt x="613" y="34"/>
                    </a:lnTo>
                    <a:lnTo>
                      <a:pt x="618" y="34"/>
                    </a:lnTo>
                    <a:lnTo>
                      <a:pt x="621" y="34"/>
                    </a:lnTo>
                    <a:lnTo>
                      <a:pt x="623" y="34"/>
                    </a:lnTo>
                    <a:lnTo>
                      <a:pt x="804" y="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223" name="Group 70"/>
              <p:cNvGrpSpPr>
                <a:grpSpLocks/>
              </p:cNvGrpSpPr>
              <p:nvPr/>
            </p:nvGrpSpPr>
            <p:grpSpPr bwMode="auto">
              <a:xfrm>
                <a:off x="3183" y="2812"/>
                <a:ext cx="342" cy="594"/>
                <a:chOff x="3392" y="2451"/>
                <a:chExt cx="352" cy="612"/>
              </a:xfrm>
            </p:grpSpPr>
            <p:sp>
              <p:nvSpPr>
                <p:cNvPr id="343" name="Freeform 71"/>
                <p:cNvSpPr>
                  <a:spLocks/>
                </p:cNvSpPr>
                <p:nvPr/>
              </p:nvSpPr>
              <p:spPr bwMode="auto">
                <a:xfrm>
                  <a:off x="3392" y="2451"/>
                  <a:ext cx="352" cy="612"/>
                </a:xfrm>
                <a:custGeom>
                  <a:avLst/>
                  <a:gdLst>
                    <a:gd name="T0" fmla="*/ 262 w 352"/>
                    <a:gd name="T1" fmla="*/ 594 h 612"/>
                    <a:gd name="T2" fmla="*/ 276 w 352"/>
                    <a:gd name="T3" fmla="*/ 589 h 612"/>
                    <a:gd name="T4" fmla="*/ 291 w 352"/>
                    <a:gd name="T5" fmla="*/ 585 h 612"/>
                    <a:gd name="T6" fmla="*/ 305 w 352"/>
                    <a:gd name="T7" fmla="*/ 580 h 612"/>
                    <a:gd name="T8" fmla="*/ 293 w 352"/>
                    <a:gd name="T9" fmla="*/ 577 h 612"/>
                    <a:gd name="T10" fmla="*/ 313 w 352"/>
                    <a:gd name="T11" fmla="*/ 577 h 612"/>
                    <a:gd name="T12" fmla="*/ 315 w 352"/>
                    <a:gd name="T13" fmla="*/ 583 h 612"/>
                    <a:gd name="T14" fmla="*/ 333 w 352"/>
                    <a:gd name="T15" fmla="*/ 577 h 612"/>
                    <a:gd name="T16" fmla="*/ 343 w 352"/>
                    <a:gd name="T17" fmla="*/ 585 h 612"/>
                    <a:gd name="T18" fmla="*/ 352 w 352"/>
                    <a:gd name="T19" fmla="*/ 578 h 612"/>
                    <a:gd name="T20" fmla="*/ 333 w 352"/>
                    <a:gd name="T21" fmla="*/ 0 h 612"/>
                    <a:gd name="T22" fmla="*/ 122 w 352"/>
                    <a:gd name="T23" fmla="*/ 20 h 612"/>
                    <a:gd name="T24" fmla="*/ 120 w 352"/>
                    <a:gd name="T25" fmla="*/ 28 h 612"/>
                    <a:gd name="T26" fmla="*/ 93 w 352"/>
                    <a:gd name="T27" fmla="*/ 59 h 612"/>
                    <a:gd name="T28" fmla="*/ 64 w 352"/>
                    <a:gd name="T29" fmla="*/ 113 h 612"/>
                    <a:gd name="T30" fmla="*/ 56 w 352"/>
                    <a:gd name="T31" fmla="*/ 133 h 612"/>
                    <a:gd name="T32" fmla="*/ 57 w 352"/>
                    <a:gd name="T33" fmla="*/ 142 h 612"/>
                    <a:gd name="T34" fmla="*/ 46 w 352"/>
                    <a:gd name="T35" fmla="*/ 147 h 612"/>
                    <a:gd name="T36" fmla="*/ 44 w 352"/>
                    <a:gd name="T37" fmla="*/ 157 h 612"/>
                    <a:gd name="T38" fmla="*/ 47 w 352"/>
                    <a:gd name="T39" fmla="*/ 165 h 612"/>
                    <a:gd name="T40" fmla="*/ 41 w 352"/>
                    <a:gd name="T41" fmla="*/ 174 h 612"/>
                    <a:gd name="T42" fmla="*/ 42 w 352"/>
                    <a:gd name="T43" fmla="*/ 177 h 612"/>
                    <a:gd name="T44" fmla="*/ 47 w 352"/>
                    <a:gd name="T45" fmla="*/ 182 h 612"/>
                    <a:gd name="T46" fmla="*/ 35 w 352"/>
                    <a:gd name="T47" fmla="*/ 189 h 612"/>
                    <a:gd name="T48" fmla="*/ 29 w 352"/>
                    <a:gd name="T49" fmla="*/ 204 h 612"/>
                    <a:gd name="T50" fmla="*/ 44 w 352"/>
                    <a:gd name="T51" fmla="*/ 240 h 612"/>
                    <a:gd name="T52" fmla="*/ 47 w 352"/>
                    <a:gd name="T53" fmla="*/ 248 h 612"/>
                    <a:gd name="T54" fmla="*/ 42 w 352"/>
                    <a:gd name="T55" fmla="*/ 253 h 612"/>
                    <a:gd name="T56" fmla="*/ 39 w 352"/>
                    <a:gd name="T57" fmla="*/ 265 h 612"/>
                    <a:gd name="T58" fmla="*/ 37 w 352"/>
                    <a:gd name="T59" fmla="*/ 270 h 612"/>
                    <a:gd name="T60" fmla="*/ 37 w 352"/>
                    <a:gd name="T61" fmla="*/ 279 h 612"/>
                    <a:gd name="T62" fmla="*/ 42 w 352"/>
                    <a:gd name="T63" fmla="*/ 281 h 612"/>
                    <a:gd name="T64" fmla="*/ 47 w 352"/>
                    <a:gd name="T65" fmla="*/ 287 h 612"/>
                    <a:gd name="T66" fmla="*/ 46 w 352"/>
                    <a:gd name="T67" fmla="*/ 319 h 612"/>
                    <a:gd name="T68" fmla="*/ 56 w 352"/>
                    <a:gd name="T69" fmla="*/ 331 h 612"/>
                    <a:gd name="T70" fmla="*/ 52 w 352"/>
                    <a:gd name="T71" fmla="*/ 338 h 612"/>
                    <a:gd name="T72" fmla="*/ 61 w 352"/>
                    <a:gd name="T73" fmla="*/ 341 h 612"/>
                    <a:gd name="T74" fmla="*/ 61 w 352"/>
                    <a:gd name="T75" fmla="*/ 350 h 612"/>
                    <a:gd name="T76" fmla="*/ 68 w 352"/>
                    <a:gd name="T77" fmla="*/ 355 h 612"/>
                    <a:gd name="T78" fmla="*/ 63 w 352"/>
                    <a:gd name="T79" fmla="*/ 367 h 612"/>
                    <a:gd name="T80" fmla="*/ 56 w 352"/>
                    <a:gd name="T81" fmla="*/ 370 h 612"/>
                    <a:gd name="T82" fmla="*/ 44 w 352"/>
                    <a:gd name="T83" fmla="*/ 375 h 612"/>
                    <a:gd name="T84" fmla="*/ 54 w 352"/>
                    <a:gd name="T85" fmla="*/ 384 h 612"/>
                    <a:gd name="T86" fmla="*/ 44 w 352"/>
                    <a:gd name="T87" fmla="*/ 399 h 612"/>
                    <a:gd name="T88" fmla="*/ 32 w 352"/>
                    <a:gd name="T89" fmla="*/ 416 h 612"/>
                    <a:gd name="T90" fmla="*/ 25 w 352"/>
                    <a:gd name="T91" fmla="*/ 450 h 612"/>
                    <a:gd name="T92" fmla="*/ 15 w 352"/>
                    <a:gd name="T93" fmla="*/ 458 h 612"/>
                    <a:gd name="T94" fmla="*/ 17 w 352"/>
                    <a:gd name="T95" fmla="*/ 467 h 612"/>
                    <a:gd name="T96" fmla="*/ 10 w 352"/>
                    <a:gd name="T97" fmla="*/ 477 h 612"/>
                    <a:gd name="T98" fmla="*/ 15 w 352"/>
                    <a:gd name="T99" fmla="*/ 482 h 612"/>
                    <a:gd name="T100" fmla="*/ 5 w 352"/>
                    <a:gd name="T101" fmla="*/ 494 h 612"/>
                    <a:gd name="T102" fmla="*/ 0 w 352"/>
                    <a:gd name="T103" fmla="*/ 502 h 612"/>
                    <a:gd name="T104" fmla="*/ 7 w 352"/>
                    <a:gd name="T105" fmla="*/ 507 h 612"/>
                    <a:gd name="T106" fmla="*/ 3 w 352"/>
                    <a:gd name="T107" fmla="*/ 517 h 612"/>
                    <a:gd name="T108" fmla="*/ 203 w 352"/>
                    <a:gd name="T109" fmla="*/ 511 h 612"/>
                    <a:gd name="T110" fmla="*/ 198 w 352"/>
                    <a:gd name="T111" fmla="*/ 543 h 612"/>
                    <a:gd name="T112" fmla="*/ 198 w 352"/>
                    <a:gd name="T113" fmla="*/ 563 h 612"/>
                    <a:gd name="T114" fmla="*/ 211 w 352"/>
                    <a:gd name="T115" fmla="*/ 577 h 612"/>
                    <a:gd name="T116" fmla="*/ 223 w 352"/>
                    <a:gd name="T117" fmla="*/ 605 h 612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w 352"/>
                    <a:gd name="T178" fmla="*/ 0 h 612"/>
                    <a:gd name="T179" fmla="*/ 352 w 352"/>
                    <a:gd name="T180" fmla="*/ 612 h 612"/>
                  </a:gdLst>
                  <a:ahLst/>
                  <a:cxnLst>
                    <a:cxn ang="T118">
                      <a:pos x="T0" y="T1"/>
                    </a:cxn>
                    <a:cxn ang="T119">
                      <a:pos x="T2" y="T3"/>
                    </a:cxn>
                    <a:cxn ang="T120">
                      <a:pos x="T4" y="T5"/>
                    </a:cxn>
                    <a:cxn ang="T121">
                      <a:pos x="T6" y="T7"/>
                    </a:cxn>
                    <a:cxn ang="T122">
                      <a:pos x="T8" y="T9"/>
                    </a:cxn>
                    <a:cxn ang="T123">
                      <a:pos x="T10" y="T11"/>
                    </a:cxn>
                    <a:cxn ang="T124">
                      <a:pos x="T12" y="T13"/>
                    </a:cxn>
                    <a:cxn ang="T125">
                      <a:pos x="T14" y="T15"/>
                    </a:cxn>
                    <a:cxn ang="T126">
                      <a:pos x="T16" y="T17"/>
                    </a:cxn>
                    <a:cxn ang="T127">
                      <a:pos x="T18" y="T19"/>
                    </a:cxn>
                    <a:cxn ang="T128">
                      <a:pos x="T20" y="T21"/>
                    </a:cxn>
                    <a:cxn ang="T129">
                      <a:pos x="T22" y="T23"/>
                    </a:cxn>
                    <a:cxn ang="T130">
                      <a:pos x="T24" y="T25"/>
                    </a:cxn>
                    <a:cxn ang="T131">
                      <a:pos x="T26" y="T27"/>
                    </a:cxn>
                    <a:cxn ang="T132">
                      <a:pos x="T28" y="T29"/>
                    </a:cxn>
                    <a:cxn ang="T133">
                      <a:pos x="T30" y="T31"/>
                    </a:cxn>
                    <a:cxn ang="T134">
                      <a:pos x="T32" y="T33"/>
                    </a:cxn>
                    <a:cxn ang="T135">
                      <a:pos x="T34" y="T35"/>
                    </a:cxn>
                    <a:cxn ang="T136">
                      <a:pos x="T36" y="T37"/>
                    </a:cxn>
                    <a:cxn ang="T137">
                      <a:pos x="T38" y="T39"/>
                    </a:cxn>
                    <a:cxn ang="T138">
                      <a:pos x="T40" y="T41"/>
                    </a:cxn>
                    <a:cxn ang="T139">
                      <a:pos x="T42" y="T43"/>
                    </a:cxn>
                    <a:cxn ang="T140">
                      <a:pos x="T44" y="T45"/>
                    </a:cxn>
                    <a:cxn ang="T141">
                      <a:pos x="T46" y="T47"/>
                    </a:cxn>
                    <a:cxn ang="T142">
                      <a:pos x="T48" y="T49"/>
                    </a:cxn>
                    <a:cxn ang="T143">
                      <a:pos x="T50" y="T51"/>
                    </a:cxn>
                    <a:cxn ang="T144">
                      <a:pos x="T52" y="T53"/>
                    </a:cxn>
                    <a:cxn ang="T145">
                      <a:pos x="T54" y="T55"/>
                    </a:cxn>
                    <a:cxn ang="T146">
                      <a:pos x="T56" y="T57"/>
                    </a:cxn>
                    <a:cxn ang="T147">
                      <a:pos x="T58" y="T59"/>
                    </a:cxn>
                    <a:cxn ang="T148">
                      <a:pos x="T60" y="T61"/>
                    </a:cxn>
                    <a:cxn ang="T149">
                      <a:pos x="T62" y="T63"/>
                    </a:cxn>
                    <a:cxn ang="T150">
                      <a:pos x="T64" y="T65"/>
                    </a:cxn>
                    <a:cxn ang="T151">
                      <a:pos x="T66" y="T67"/>
                    </a:cxn>
                    <a:cxn ang="T152">
                      <a:pos x="T68" y="T69"/>
                    </a:cxn>
                    <a:cxn ang="T153">
                      <a:pos x="T70" y="T71"/>
                    </a:cxn>
                    <a:cxn ang="T154">
                      <a:pos x="T72" y="T73"/>
                    </a:cxn>
                    <a:cxn ang="T155">
                      <a:pos x="T74" y="T75"/>
                    </a:cxn>
                    <a:cxn ang="T156">
                      <a:pos x="T76" y="T77"/>
                    </a:cxn>
                    <a:cxn ang="T157">
                      <a:pos x="T78" y="T79"/>
                    </a:cxn>
                    <a:cxn ang="T158">
                      <a:pos x="T80" y="T81"/>
                    </a:cxn>
                    <a:cxn ang="T159">
                      <a:pos x="T82" y="T83"/>
                    </a:cxn>
                    <a:cxn ang="T160">
                      <a:pos x="T84" y="T85"/>
                    </a:cxn>
                    <a:cxn ang="T161">
                      <a:pos x="T86" y="T87"/>
                    </a:cxn>
                    <a:cxn ang="T162">
                      <a:pos x="T88" y="T89"/>
                    </a:cxn>
                    <a:cxn ang="T163">
                      <a:pos x="T90" y="T91"/>
                    </a:cxn>
                    <a:cxn ang="T164">
                      <a:pos x="T92" y="T93"/>
                    </a:cxn>
                    <a:cxn ang="T165">
                      <a:pos x="T94" y="T95"/>
                    </a:cxn>
                    <a:cxn ang="T166">
                      <a:pos x="T96" y="T97"/>
                    </a:cxn>
                    <a:cxn ang="T167">
                      <a:pos x="T98" y="T99"/>
                    </a:cxn>
                    <a:cxn ang="T168">
                      <a:pos x="T100" y="T101"/>
                    </a:cxn>
                    <a:cxn ang="T169">
                      <a:pos x="T102" y="T103"/>
                    </a:cxn>
                    <a:cxn ang="T170">
                      <a:pos x="T104" y="T105"/>
                    </a:cxn>
                    <a:cxn ang="T171">
                      <a:pos x="T106" y="T107"/>
                    </a:cxn>
                    <a:cxn ang="T172">
                      <a:pos x="T108" y="T109"/>
                    </a:cxn>
                    <a:cxn ang="T173">
                      <a:pos x="T110" y="T111"/>
                    </a:cxn>
                    <a:cxn ang="T174">
                      <a:pos x="T112" y="T113"/>
                    </a:cxn>
                    <a:cxn ang="T175">
                      <a:pos x="T114" y="T115"/>
                    </a:cxn>
                    <a:cxn ang="T176">
                      <a:pos x="T116" y="T117"/>
                    </a:cxn>
                  </a:cxnLst>
                  <a:rect l="T177" t="T178" r="T179" b="T180"/>
                  <a:pathLst>
                    <a:path w="352" h="612">
                      <a:moveTo>
                        <a:pt x="240" y="609"/>
                      </a:moveTo>
                      <a:lnTo>
                        <a:pt x="252" y="599"/>
                      </a:lnTo>
                      <a:lnTo>
                        <a:pt x="252" y="590"/>
                      </a:lnTo>
                      <a:lnTo>
                        <a:pt x="262" y="594"/>
                      </a:lnTo>
                      <a:lnTo>
                        <a:pt x="266" y="592"/>
                      </a:lnTo>
                      <a:lnTo>
                        <a:pt x="271" y="590"/>
                      </a:lnTo>
                      <a:lnTo>
                        <a:pt x="276" y="589"/>
                      </a:lnTo>
                      <a:lnTo>
                        <a:pt x="281" y="587"/>
                      </a:lnTo>
                      <a:lnTo>
                        <a:pt x="284" y="585"/>
                      </a:lnTo>
                      <a:lnTo>
                        <a:pt x="288" y="585"/>
                      </a:lnTo>
                      <a:lnTo>
                        <a:pt x="291" y="585"/>
                      </a:lnTo>
                      <a:lnTo>
                        <a:pt x="301" y="583"/>
                      </a:lnTo>
                      <a:lnTo>
                        <a:pt x="306" y="583"/>
                      </a:lnTo>
                      <a:lnTo>
                        <a:pt x="306" y="582"/>
                      </a:lnTo>
                      <a:lnTo>
                        <a:pt x="305" y="580"/>
                      </a:lnTo>
                      <a:lnTo>
                        <a:pt x="301" y="578"/>
                      </a:lnTo>
                      <a:lnTo>
                        <a:pt x="296" y="577"/>
                      </a:lnTo>
                      <a:lnTo>
                        <a:pt x="293" y="577"/>
                      </a:lnTo>
                      <a:lnTo>
                        <a:pt x="301" y="573"/>
                      </a:lnTo>
                      <a:lnTo>
                        <a:pt x="306" y="573"/>
                      </a:lnTo>
                      <a:lnTo>
                        <a:pt x="311" y="575"/>
                      </a:lnTo>
                      <a:lnTo>
                        <a:pt x="313" y="577"/>
                      </a:lnTo>
                      <a:lnTo>
                        <a:pt x="315" y="578"/>
                      </a:lnTo>
                      <a:lnTo>
                        <a:pt x="315" y="582"/>
                      </a:lnTo>
                      <a:lnTo>
                        <a:pt x="315" y="583"/>
                      </a:lnTo>
                      <a:lnTo>
                        <a:pt x="323" y="585"/>
                      </a:lnTo>
                      <a:lnTo>
                        <a:pt x="332" y="575"/>
                      </a:lnTo>
                      <a:lnTo>
                        <a:pt x="333" y="577"/>
                      </a:lnTo>
                      <a:lnTo>
                        <a:pt x="335" y="578"/>
                      </a:lnTo>
                      <a:lnTo>
                        <a:pt x="335" y="580"/>
                      </a:lnTo>
                      <a:lnTo>
                        <a:pt x="340" y="583"/>
                      </a:lnTo>
                      <a:lnTo>
                        <a:pt x="343" y="585"/>
                      </a:lnTo>
                      <a:lnTo>
                        <a:pt x="347" y="585"/>
                      </a:lnTo>
                      <a:lnTo>
                        <a:pt x="349" y="583"/>
                      </a:lnTo>
                      <a:lnTo>
                        <a:pt x="350" y="582"/>
                      </a:lnTo>
                      <a:lnTo>
                        <a:pt x="352" y="578"/>
                      </a:lnTo>
                      <a:lnTo>
                        <a:pt x="352" y="577"/>
                      </a:lnTo>
                      <a:lnTo>
                        <a:pt x="328" y="392"/>
                      </a:lnTo>
                      <a:lnTo>
                        <a:pt x="333" y="0"/>
                      </a:lnTo>
                      <a:lnTo>
                        <a:pt x="122" y="18"/>
                      </a:lnTo>
                      <a:lnTo>
                        <a:pt x="122" y="20"/>
                      </a:lnTo>
                      <a:lnTo>
                        <a:pt x="122" y="22"/>
                      </a:lnTo>
                      <a:lnTo>
                        <a:pt x="120" y="25"/>
                      </a:lnTo>
                      <a:lnTo>
                        <a:pt x="120" y="27"/>
                      </a:lnTo>
                      <a:lnTo>
                        <a:pt x="120" y="28"/>
                      </a:lnTo>
                      <a:lnTo>
                        <a:pt x="118" y="30"/>
                      </a:lnTo>
                      <a:lnTo>
                        <a:pt x="118" y="32"/>
                      </a:lnTo>
                      <a:lnTo>
                        <a:pt x="103" y="44"/>
                      </a:lnTo>
                      <a:lnTo>
                        <a:pt x="93" y="59"/>
                      </a:lnTo>
                      <a:lnTo>
                        <a:pt x="93" y="89"/>
                      </a:lnTo>
                      <a:lnTo>
                        <a:pt x="85" y="98"/>
                      </a:lnTo>
                      <a:lnTo>
                        <a:pt x="79" y="98"/>
                      </a:lnTo>
                      <a:lnTo>
                        <a:pt x="64" y="113"/>
                      </a:lnTo>
                      <a:lnTo>
                        <a:pt x="69" y="123"/>
                      </a:lnTo>
                      <a:lnTo>
                        <a:pt x="54" y="132"/>
                      </a:lnTo>
                      <a:lnTo>
                        <a:pt x="56" y="132"/>
                      </a:lnTo>
                      <a:lnTo>
                        <a:pt x="56" y="133"/>
                      </a:lnTo>
                      <a:lnTo>
                        <a:pt x="57" y="135"/>
                      </a:lnTo>
                      <a:lnTo>
                        <a:pt x="57" y="137"/>
                      </a:lnTo>
                      <a:lnTo>
                        <a:pt x="57" y="138"/>
                      </a:lnTo>
                      <a:lnTo>
                        <a:pt x="57" y="142"/>
                      </a:lnTo>
                      <a:lnTo>
                        <a:pt x="54" y="143"/>
                      </a:lnTo>
                      <a:lnTo>
                        <a:pt x="49" y="145"/>
                      </a:lnTo>
                      <a:lnTo>
                        <a:pt x="47" y="145"/>
                      </a:lnTo>
                      <a:lnTo>
                        <a:pt x="46" y="147"/>
                      </a:lnTo>
                      <a:lnTo>
                        <a:pt x="44" y="149"/>
                      </a:lnTo>
                      <a:lnTo>
                        <a:pt x="44" y="150"/>
                      </a:lnTo>
                      <a:lnTo>
                        <a:pt x="44" y="154"/>
                      </a:lnTo>
                      <a:lnTo>
                        <a:pt x="44" y="157"/>
                      </a:lnTo>
                      <a:lnTo>
                        <a:pt x="46" y="159"/>
                      </a:lnTo>
                      <a:lnTo>
                        <a:pt x="47" y="162"/>
                      </a:lnTo>
                      <a:lnTo>
                        <a:pt x="47" y="164"/>
                      </a:lnTo>
                      <a:lnTo>
                        <a:pt x="47" y="165"/>
                      </a:lnTo>
                      <a:lnTo>
                        <a:pt x="46" y="167"/>
                      </a:lnTo>
                      <a:lnTo>
                        <a:pt x="44" y="171"/>
                      </a:lnTo>
                      <a:lnTo>
                        <a:pt x="42" y="172"/>
                      </a:lnTo>
                      <a:lnTo>
                        <a:pt x="41" y="174"/>
                      </a:lnTo>
                      <a:lnTo>
                        <a:pt x="39" y="176"/>
                      </a:lnTo>
                      <a:lnTo>
                        <a:pt x="39" y="177"/>
                      </a:lnTo>
                      <a:lnTo>
                        <a:pt x="41" y="177"/>
                      </a:lnTo>
                      <a:lnTo>
                        <a:pt x="42" y="177"/>
                      </a:lnTo>
                      <a:lnTo>
                        <a:pt x="44" y="177"/>
                      </a:lnTo>
                      <a:lnTo>
                        <a:pt x="46" y="179"/>
                      </a:lnTo>
                      <a:lnTo>
                        <a:pt x="47" y="181"/>
                      </a:lnTo>
                      <a:lnTo>
                        <a:pt x="47" y="182"/>
                      </a:lnTo>
                      <a:lnTo>
                        <a:pt x="46" y="184"/>
                      </a:lnTo>
                      <a:lnTo>
                        <a:pt x="41" y="187"/>
                      </a:lnTo>
                      <a:lnTo>
                        <a:pt x="39" y="187"/>
                      </a:lnTo>
                      <a:lnTo>
                        <a:pt x="35" y="189"/>
                      </a:lnTo>
                      <a:lnTo>
                        <a:pt x="34" y="189"/>
                      </a:lnTo>
                      <a:lnTo>
                        <a:pt x="32" y="191"/>
                      </a:lnTo>
                      <a:lnTo>
                        <a:pt x="32" y="196"/>
                      </a:lnTo>
                      <a:lnTo>
                        <a:pt x="29" y="204"/>
                      </a:lnTo>
                      <a:lnTo>
                        <a:pt x="37" y="213"/>
                      </a:lnTo>
                      <a:lnTo>
                        <a:pt x="39" y="220"/>
                      </a:lnTo>
                      <a:lnTo>
                        <a:pt x="44" y="240"/>
                      </a:lnTo>
                      <a:lnTo>
                        <a:pt x="46" y="242"/>
                      </a:lnTo>
                      <a:lnTo>
                        <a:pt x="46" y="243"/>
                      </a:lnTo>
                      <a:lnTo>
                        <a:pt x="47" y="247"/>
                      </a:lnTo>
                      <a:lnTo>
                        <a:pt x="47" y="248"/>
                      </a:lnTo>
                      <a:lnTo>
                        <a:pt x="47" y="250"/>
                      </a:lnTo>
                      <a:lnTo>
                        <a:pt x="46" y="252"/>
                      </a:lnTo>
                      <a:lnTo>
                        <a:pt x="42" y="253"/>
                      </a:lnTo>
                      <a:lnTo>
                        <a:pt x="41" y="255"/>
                      </a:lnTo>
                      <a:lnTo>
                        <a:pt x="41" y="259"/>
                      </a:lnTo>
                      <a:lnTo>
                        <a:pt x="39" y="262"/>
                      </a:lnTo>
                      <a:lnTo>
                        <a:pt x="39" y="265"/>
                      </a:lnTo>
                      <a:lnTo>
                        <a:pt x="39" y="269"/>
                      </a:lnTo>
                      <a:lnTo>
                        <a:pt x="39" y="270"/>
                      </a:lnTo>
                      <a:lnTo>
                        <a:pt x="37" y="270"/>
                      </a:lnTo>
                      <a:lnTo>
                        <a:pt x="37" y="272"/>
                      </a:lnTo>
                      <a:lnTo>
                        <a:pt x="37" y="274"/>
                      </a:lnTo>
                      <a:lnTo>
                        <a:pt x="37" y="275"/>
                      </a:lnTo>
                      <a:lnTo>
                        <a:pt x="37" y="279"/>
                      </a:lnTo>
                      <a:lnTo>
                        <a:pt x="37" y="281"/>
                      </a:lnTo>
                      <a:lnTo>
                        <a:pt x="39" y="282"/>
                      </a:lnTo>
                      <a:lnTo>
                        <a:pt x="41" y="282"/>
                      </a:lnTo>
                      <a:lnTo>
                        <a:pt x="42" y="281"/>
                      </a:lnTo>
                      <a:lnTo>
                        <a:pt x="44" y="281"/>
                      </a:lnTo>
                      <a:lnTo>
                        <a:pt x="46" y="284"/>
                      </a:lnTo>
                      <a:lnTo>
                        <a:pt x="46" y="286"/>
                      </a:lnTo>
                      <a:lnTo>
                        <a:pt x="47" y="287"/>
                      </a:lnTo>
                      <a:lnTo>
                        <a:pt x="46" y="299"/>
                      </a:lnTo>
                      <a:lnTo>
                        <a:pt x="52" y="304"/>
                      </a:lnTo>
                      <a:lnTo>
                        <a:pt x="44" y="314"/>
                      </a:lnTo>
                      <a:lnTo>
                        <a:pt x="46" y="319"/>
                      </a:lnTo>
                      <a:lnTo>
                        <a:pt x="57" y="318"/>
                      </a:lnTo>
                      <a:lnTo>
                        <a:pt x="57" y="330"/>
                      </a:lnTo>
                      <a:lnTo>
                        <a:pt x="56" y="330"/>
                      </a:lnTo>
                      <a:lnTo>
                        <a:pt x="56" y="331"/>
                      </a:lnTo>
                      <a:lnTo>
                        <a:pt x="54" y="333"/>
                      </a:lnTo>
                      <a:lnTo>
                        <a:pt x="52" y="335"/>
                      </a:lnTo>
                      <a:lnTo>
                        <a:pt x="51" y="336"/>
                      </a:lnTo>
                      <a:lnTo>
                        <a:pt x="52" y="338"/>
                      </a:lnTo>
                      <a:lnTo>
                        <a:pt x="54" y="340"/>
                      </a:lnTo>
                      <a:lnTo>
                        <a:pt x="61" y="340"/>
                      </a:lnTo>
                      <a:lnTo>
                        <a:pt x="61" y="341"/>
                      </a:lnTo>
                      <a:lnTo>
                        <a:pt x="61" y="343"/>
                      </a:lnTo>
                      <a:lnTo>
                        <a:pt x="59" y="345"/>
                      </a:lnTo>
                      <a:lnTo>
                        <a:pt x="59" y="348"/>
                      </a:lnTo>
                      <a:lnTo>
                        <a:pt x="61" y="350"/>
                      </a:lnTo>
                      <a:lnTo>
                        <a:pt x="64" y="352"/>
                      </a:lnTo>
                      <a:lnTo>
                        <a:pt x="69" y="352"/>
                      </a:lnTo>
                      <a:lnTo>
                        <a:pt x="68" y="355"/>
                      </a:lnTo>
                      <a:lnTo>
                        <a:pt x="66" y="357"/>
                      </a:lnTo>
                      <a:lnTo>
                        <a:pt x="66" y="360"/>
                      </a:lnTo>
                      <a:lnTo>
                        <a:pt x="64" y="363"/>
                      </a:lnTo>
                      <a:lnTo>
                        <a:pt x="63" y="367"/>
                      </a:lnTo>
                      <a:lnTo>
                        <a:pt x="61" y="369"/>
                      </a:lnTo>
                      <a:lnTo>
                        <a:pt x="61" y="370"/>
                      </a:lnTo>
                      <a:lnTo>
                        <a:pt x="59" y="370"/>
                      </a:lnTo>
                      <a:lnTo>
                        <a:pt x="56" y="370"/>
                      </a:lnTo>
                      <a:lnTo>
                        <a:pt x="51" y="372"/>
                      </a:lnTo>
                      <a:lnTo>
                        <a:pt x="47" y="372"/>
                      </a:lnTo>
                      <a:lnTo>
                        <a:pt x="44" y="374"/>
                      </a:lnTo>
                      <a:lnTo>
                        <a:pt x="44" y="375"/>
                      </a:lnTo>
                      <a:lnTo>
                        <a:pt x="47" y="377"/>
                      </a:lnTo>
                      <a:lnTo>
                        <a:pt x="54" y="380"/>
                      </a:lnTo>
                      <a:lnTo>
                        <a:pt x="54" y="382"/>
                      </a:lnTo>
                      <a:lnTo>
                        <a:pt x="54" y="384"/>
                      </a:lnTo>
                      <a:lnTo>
                        <a:pt x="52" y="389"/>
                      </a:lnTo>
                      <a:lnTo>
                        <a:pt x="49" y="392"/>
                      </a:lnTo>
                      <a:lnTo>
                        <a:pt x="47" y="396"/>
                      </a:lnTo>
                      <a:lnTo>
                        <a:pt x="44" y="399"/>
                      </a:lnTo>
                      <a:lnTo>
                        <a:pt x="44" y="402"/>
                      </a:lnTo>
                      <a:lnTo>
                        <a:pt x="42" y="404"/>
                      </a:lnTo>
                      <a:lnTo>
                        <a:pt x="41" y="416"/>
                      </a:lnTo>
                      <a:lnTo>
                        <a:pt x="32" y="416"/>
                      </a:lnTo>
                      <a:lnTo>
                        <a:pt x="25" y="443"/>
                      </a:lnTo>
                      <a:lnTo>
                        <a:pt x="17" y="448"/>
                      </a:lnTo>
                      <a:lnTo>
                        <a:pt x="25" y="448"/>
                      </a:lnTo>
                      <a:lnTo>
                        <a:pt x="25" y="450"/>
                      </a:lnTo>
                      <a:lnTo>
                        <a:pt x="24" y="450"/>
                      </a:lnTo>
                      <a:lnTo>
                        <a:pt x="20" y="453"/>
                      </a:lnTo>
                      <a:lnTo>
                        <a:pt x="19" y="455"/>
                      </a:lnTo>
                      <a:lnTo>
                        <a:pt x="15" y="458"/>
                      </a:lnTo>
                      <a:lnTo>
                        <a:pt x="15" y="460"/>
                      </a:lnTo>
                      <a:lnTo>
                        <a:pt x="15" y="463"/>
                      </a:lnTo>
                      <a:lnTo>
                        <a:pt x="17" y="465"/>
                      </a:lnTo>
                      <a:lnTo>
                        <a:pt x="17" y="467"/>
                      </a:lnTo>
                      <a:lnTo>
                        <a:pt x="15" y="468"/>
                      </a:lnTo>
                      <a:lnTo>
                        <a:pt x="13" y="470"/>
                      </a:lnTo>
                      <a:lnTo>
                        <a:pt x="10" y="473"/>
                      </a:lnTo>
                      <a:lnTo>
                        <a:pt x="10" y="477"/>
                      </a:lnTo>
                      <a:lnTo>
                        <a:pt x="8" y="479"/>
                      </a:lnTo>
                      <a:lnTo>
                        <a:pt x="10" y="480"/>
                      </a:lnTo>
                      <a:lnTo>
                        <a:pt x="13" y="480"/>
                      </a:lnTo>
                      <a:lnTo>
                        <a:pt x="15" y="482"/>
                      </a:lnTo>
                      <a:lnTo>
                        <a:pt x="15" y="485"/>
                      </a:lnTo>
                      <a:lnTo>
                        <a:pt x="13" y="487"/>
                      </a:lnTo>
                      <a:lnTo>
                        <a:pt x="8" y="492"/>
                      </a:lnTo>
                      <a:lnTo>
                        <a:pt x="5" y="494"/>
                      </a:lnTo>
                      <a:lnTo>
                        <a:pt x="2" y="495"/>
                      </a:lnTo>
                      <a:lnTo>
                        <a:pt x="0" y="497"/>
                      </a:lnTo>
                      <a:lnTo>
                        <a:pt x="0" y="501"/>
                      </a:lnTo>
                      <a:lnTo>
                        <a:pt x="0" y="502"/>
                      </a:lnTo>
                      <a:lnTo>
                        <a:pt x="2" y="504"/>
                      </a:lnTo>
                      <a:lnTo>
                        <a:pt x="3" y="506"/>
                      </a:lnTo>
                      <a:lnTo>
                        <a:pt x="5" y="506"/>
                      </a:lnTo>
                      <a:lnTo>
                        <a:pt x="7" y="507"/>
                      </a:lnTo>
                      <a:lnTo>
                        <a:pt x="5" y="509"/>
                      </a:lnTo>
                      <a:lnTo>
                        <a:pt x="5" y="512"/>
                      </a:lnTo>
                      <a:lnTo>
                        <a:pt x="5" y="514"/>
                      </a:lnTo>
                      <a:lnTo>
                        <a:pt x="3" y="517"/>
                      </a:lnTo>
                      <a:lnTo>
                        <a:pt x="3" y="521"/>
                      </a:lnTo>
                      <a:lnTo>
                        <a:pt x="3" y="523"/>
                      </a:lnTo>
                      <a:lnTo>
                        <a:pt x="3" y="524"/>
                      </a:lnTo>
                      <a:lnTo>
                        <a:pt x="203" y="511"/>
                      </a:lnTo>
                      <a:lnTo>
                        <a:pt x="203" y="534"/>
                      </a:lnTo>
                      <a:lnTo>
                        <a:pt x="201" y="534"/>
                      </a:lnTo>
                      <a:lnTo>
                        <a:pt x="200" y="538"/>
                      </a:lnTo>
                      <a:lnTo>
                        <a:pt x="198" y="543"/>
                      </a:lnTo>
                      <a:lnTo>
                        <a:pt x="196" y="546"/>
                      </a:lnTo>
                      <a:lnTo>
                        <a:pt x="195" y="553"/>
                      </a:lnTo>
                      <a:lnTo>
                        <a:pt x="195" y="558"/>
                      </a:lnTo>
                      <a:lnTo>
                        <a:pt x="198" y="563"/>
                      </a:lnTo>
                      <a:lnTo>
                        <a:pt x="203" y="567"/>
                      </a:lnTo>
                      <a:lnTo>
                        <a:pt x="205" y="568"/>
                      </a:lnTo>
                      <a:lnTo>
                        <a:pt x="208" y="572"/>
                      </a:lnTo>
                      <a:lnTo>
                        <a:pt x="211" y="577"/>
                      </a:lnTo>
                      <a:lnTo>
                        <a:pt x="217" y="583"/>
                      </a:lnTo>
                      <a:lnTo>
                        <a:pt x="220" y="590"/>
                      </a:lnTo>
                      <a:lnTo>
                        <a:pt x="223" y="597"/>
                      </a:lnTo>
                      <a:lnTo>
                        <a:pt x="223" y="605"/>
                      </a:lnTo>
                      <a:lnTo>
                        <a:pt x="222" y="612"/>
                      </a:lnTo>
                      <a:lnTo>
                        <a:pt x="240" y="609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44" name="Freeform 72"/>
                <p:cNvSpPr>
                  <a:spLocks/>
                </p:cNvSpPr>
                <p:nvPr/>
              </p:nvSpPr>
              <p:spPr bwMode="auto">
                <a:xfrm>
                  <a:off x="3392" y="2451"/>
                  <a:ext cx="352" cy="612"/>
                </a:xfrm>
                <a:custGeom>
                  <a:avLst/>
                  <a:gdLst>
                    <a:gd name="T0" fmla="*/ 262 w 352"/>
                    <a:gd name="T1" fmla="*/ 594 h 612"/>
                    <a:gd name="T2" fmla="*/ 281 w 352"/>
                    <a:gd name="T3" fmla="*/ 587 h 612"/>
                    <a:gd name="T4" fmla="*/ 301 w 352"/>
                    <a:gd name="T5" fmla="*/ 583 h 612"/>
                    <a:gd name="T6" fmla="*/ 296 w 352"/>
                    <a:gd name="T7" fmla="*/ 577 h 612"/>
                    <a:gd name="T8" fmla="*/ 306 w 352"/>
                    <a:gd name="T9" fmla="*/ 573 h 612"/>
                    <a:gd name="T10" fmla="*/ 315 w 352"/>
                    <a:gd name="T11" fmla="*/ 582 h 612"/>
                    <a:gd name="T12" fmla="*/ 332 w 352"/>
                    <a:gd name="T13" fmla="*/ 575 h 612"/>
                    <a:gd name="T14" fmla="*/ 340 w 352"/>
                    <a:gd name="T15" fmla="*/ 583 h 612"/>
                    <a:gd name="T16" fmla="*/ 352 w 352"/>
                    <a:gd name="T17" fmla="*/ 578 h 612"/>
                    <a:gd name="T18" fmla="*/ 333 w 352"/>
                    <a:gd name="T19" fmla="*/ 0 h 612"/>
                    <a:gd name="T20" fmla="*/ 122 w 352"/>
                    <a:gd name="T21" fmla="*/ 22 h 612"/>
                    <a:gd name="T22" fmla="*/ 118 w 352"/>
                    <a:gd name="T23" fmla="*/ 32 h 612"/>
                    <a:gd name="T24" fmla="*/ 79 w 352"/>
                    <a:gd name="T25" fmla="*/ 98 h 612"/>
                    <a:gd name="T26" fmla="*/ 56 w 352"/>
                    <a:gd name="T27" fmla="*/ 132 h 612"/>
                    <a:gd name="T28" fmla="*/ 57 w 352"/>
                    <a:gd name="T29" fmla="*/ 142 h 612"/>
                    <a:gd name="T30" fmla="*/ 46 w 352"/>
                    <a:gd name="T31" fmla="*/ 147 h 612"/>
                    <a:gd name="T32" fmla="*/ 46 w 352"/>
                    <a:gd name="T33" fmla="*/ 159 h 612"/>
                    <a:gd name="T34" fmla="*/ 46 w 352"/>
                    <a:gd name="T35" fmla="*/ 167 h 612"/>
                    <a:gd name="T36" fmla="*/ 39 w 352"/>
                    <a:gd name="T37" fmla="*/ 177 h 612"/>
                    <a:gd name="T38" fmla="*/ 46 w 352"/>
                    <a:gd name="T39" fmla="*/ 179 h 612"/>
                    <a:gd name="T40" fmla="*/ 41 w 352"/>
                    <a:gd name="T41" fmla="*/ 187 h 612"/>
                    <a:gd name="T42" fmla="*/ 32 w 352"/>
                    <a:gd name="T43" fmla="*/ 196 h 612"/>
                    <a:gd name="T44" fmla="*/ 44 w 352"/>
                    <a:gd name="T45" fmla="*/ 240 h 612"/>
                    <a:gd name="T46" fmla="*/ 47 w 352"/>
                    <a:gd name="T47" fmla="*/ 248 h 612"/>
                    <a:gd name="T48" fmla="*/ 42 w 352"/>
                    <a:gd name="T49" fmla="*/ 253 h 612"/>
                    <a:gd name="T50" fmla="*/ 39 w 352"/>
                    <a:gd name="T51" fmla="*/ 269 h 612"/>
                    <a:gd name="T52" fmla="*/ 37 w 352"/>
                    <a:gd name="T53" fmla="*/ 272 h 612"/>
                    <a:gd name="T54" fmla="*/ 39 w 352"/>
                    <a:gd name="T55" fmla="*/ 282 h 612"/>
                    <a:gd name="T56" fmla="*/ 46 w 352"/>
                    <a:gd name="T57" fmla="*/ 284 h 612"/>
                    <a:gd name="T58" fmla="*/ 44 w 352"/>
                    <a:gd name="T59" fmla="*/ 314 h 612"/>
                    <a:gd name="T60" fmla="*/ 56 w 352"/>
                    <a:gd name="T61" fmla="*/ 330 h 612"/>
                    <a:gd name="T62" fmla="*/ 52 w 352"/>
                    <a:gd name="T63" fmla="*/ 338 h 612"/>
                    <a:gd name="T64" fmla="*/ 61 w 352"/>
                    <a:gd name="T65" fmla="*/ 341 h 612"/>
                    <a:gd name="T66" fmla="*/ 64 w 352"/>
                    <a:gd name="T67" fmla="*/ 352 h 612"/>
                    <a:gd name="T68" fmla="*/ 66 w 352"/>
                    <a:gd name="T69" fmla="*/ 357 h 612"/>
                    <a:gd name="T70" fmla="*/ 61 w 352"/>
                    <a:gd name="T71" fmla="*/ 370 h 612"/>
                    <a:gd name="T72" fmla="*/ 47 w 352"/>
                    <a:gd name="T73" fmla="*/ 372 h 612"/>
                    <a:gd name="T74" fmla="*/ 54 w 352"/>
                    <a:gd name="T75" fmla="*/ 380 h 612"/>
                    <a:gd name="T76" fmla="*/ 47 w 352"/>
                    <a:gd name="T77" fmla="*/ 396 h 612"/>
                    <a:gd name="T78" fmla="*/ 32 w 352"/>
                    <a:gd name="T79" fmla="*/ 416 h 612"/>
                    <a:gd name="T80" fmla="*/ 25 w 352"/>
                    <a:gd name="T81" fmla="*/ 450 h 612"/>
                    <a:gd name="T82" fmla="*/ 15 w 352"/>
                    <a:gd name="T83" fmla="*/ 460 h 612"/>
                    <a:gd name="T84" fmla="*/ 15 w 352"/>
                    <a:gd name="T85" fmla="*/ 468 h 612"/>
                    <a:gd name="T86" fmla="*/ 10 w 352"/>
                    <a:gd name="T87" fmla="*/ 480 h 612"/>
                    <a:gd name="T88" fmla="*/ 13 w 352"/>
                    <a:gd name="T89" fmla="*/ 487 h 612"/>
                    <a:gd name="T90" fmla="*/ 0 w 352"/>
                    <a:gd name="T91" fmla="*/ 497 h 612"/>
                    <a:gd name="T92" fmla="*/ 5 w 352"/>
                    <a:gd name="T93" fmla="*/ 506 h 612"/>
                    <a:gd name="T94" fmla="*/ 5 w 352"/>
                    <a:gd name="T95" fmla="*/ 514 h 612"/>
                    <a:gd name="T96" fmla="*/ 203 w 352"/>
                    <a:gd name="T97" fmla="*/ 511 h 612"/>
                    <a:gd name="T98" fmla="*/ 198 w 352"/>
                    <a:gd name="T99" fmla="*/ 543 h 612"/>
                    <a:gd name="T100" fmla="*/ 203 w 352"/>
                    <a:gd name="T101" fmla="*/ 567 h 612"/>
                    <a:gd name="T102" fmla="*/ 217 w 352"/>
                    <a:gd name="T103" fmla="*/ 583 h 612"/>
                    <a:gd name="T104" fmla="*/ 240 w 352"/>
                    <a:gd name="T105" fmla="*/ 609 h 612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w 352"/>
                    <a:gd name="T160" fmla="*/ 0 h 612"/>
                    <a:gd name="T161" fmla="*/ 352 w 352"/>
                    <a:gd name="T162" fmla="*/ 612 h 612"/>
                  </a:gdLst>
                  <a:ahLst/>
                  <a:cxnLst>
                    <a:cxn ang="T106">
                      <a:pos x="T0" y="T1"/>
                    </a:cxn>
                    <a:cxn ang="T107">
                      <a:pos x="T2" y="T3"/>
                    </a:cxn>
                    <a:cxn ang="T108">
                      <a:pos x="T4" y="T5"/>
                    </a:cxn>
                    <a:cxn ang="T109">
                      <a:pos x="T6" y="T7"/>
                    </a:cxn>
                    <a:cxn ang="T110">
                      <a:pos x="T8" y="T9"/>
                    </a:cxn>
                    <a:cxn ang="T111">
                      <a:pos x="T10" y="T11"/>
                    </a:cxn>
                    <a:cxn ang="T112">
                      <a:pos x="T12" y="T13"/>
                    </a:cxn>
                    <a:cxn ang="T113">
                      <a:pos x="T14" y="T15"/>
                    </a:cxn>
                    <a:cxn ang="T114">
                      <a:pos x="T16" y="T17"/>
                    </a:cxn>
                    <a:cxn ang="T115">
                      <a:pos x="T18" y="T19"/>
                    </a:cxn>
                    <a:cxn ang="T116">
                      <a:pos x="T20" y="T21"/>
                    </a:cxn>
                    <a:cxn ang="T117">
                      <a:pos x="T22" y="T23"/>
                    </a:cxn>
                    <a:cxn ang="T118">
                      <a:pos x="T24" y="T25"/>
                    </a:cxn>
                    <a:cxn ang="T119">
                      <a:pos x="T26" y="T27"/>
                    </a:cxn>
                    <a:cxn ang="T120">
                      <a:pos x="T28" y="T29"/>
                    </a:cxn>
                    <a:cxn ang="T121">
                      <a:pos x="T30" y="T31"/>
                    </a:cxn>
                    <a:cxn ang="T122">
                      <a:pos x="T32" y="T33"/>
                    </a:cxn>
                    <a:cxn ang="T123">
                      <a:pos x="T34" y="T35"/>
                    </a:cxn>
                    <a:cxn ang="T124">
                      <a:pos x="T36" y="T37"/>
                    </a:cxn>
                    <a:cxn ang="T125">
                      <a:pos x="T38" y="T39"/>
                    </a:cxn>
                    <a:cxn ang="T126">
                      <a:pos x="T40" y="T41"/>
                    </a:cxn>
                    <a:cxn ang="T127">
                      <a:pos x="T42" y="T43"/>
                    </a:cxn>
                    <a:cxn ang="T128">
                      <a:pos x="T44" y="T45"/>
                    </a:cxn>
                    <a:cxn ang="T129">
                      <a:pos x="T46" y="T47"/>
                    </a:cxn>
                    <a:cxn ang="T130">
                      <a:pos x="T48" y="T49"/>
                    </a:cxn>
                    <a:cxn ang="T131">
                      <a:pos x="T50" y="T51"/>
                    </a:cxn>
                    <a:cxn ang="T132">
                      <a:pos x="T52" y="T53"/>
                    </a:cxn>
                    <a:cxn ang="T133">
                      <a:pos x="T54" y="T55"/>
                    </a:cxn>
                    <a:cxn ang="T134">
                      <a:pos x="T56" y="T57"/>
                    </a:cxn>
                    <a:cxn ang="T135">
                      <a:pos x="T58" y="T59"/>
                    </a:cxn>
                    <a:cxn ang="T136">
                      <a:pos x="T60" y="T61"/>
                    </a:cxn>
                    <a:cxn ang="T137">
                      <a:pos x="T62" y="T63"/>
                    </a:cxn>
                    <a:cxn ang="T138">
                      <a:pos x="T64" y="T65"/>
                    </a:cxn>
                    <a:cxn ang="T139">
                      <a:pos x="T66" y="T67"/>
                    </a:cxn>
                    <a:cxn ang="T140">
                      <a:pos x="T68" y="T69"/>
                    </a:cxn>
                    <a:cxn ang="T141">
                      <a:pos x="T70" y="T71"/>
                    </a:cxn>
                    <a:cxn ang="T142">
                      <a:pos x="T72" y="T73"/>
                    </a:cxn>
                    <a:cxn ang="T143">
                      <a:pos x="T74" y="T75"/>
                    </a:cxn>
                    <a:cxn ang="T144">
                      <a:pos x="T76" y="T77"/>
                    </a:cxn>
                    <a:cxn ang="T145">
                      <a:pos x="T78" y="T79"/>
                    </a:cxn>
                    <a:cxn ang="T146">
                      <a:pos x="T80" y="T81"/>
                    </a:cxn>
                    <a:cxn ang="T147">
                      <a:pos x="T82" y="T83"/>
                    </a:cxn>
                    <a:cxn ang="T148">
                      <a:pos x="T84" y="T85"/>
                    </a:cxn>
                    <a:cxn ang="T149">
                      <a:pos x="T86" y="T87"/>
                    </a:cxn>
                    <a:cxn ang="T150">
                      <a:pos x="T88" y="T89"/>
                    </a:cxn>
                    <a:cxn ang="T151">
                      <a:pos x="T90" y="T91"/>
                    </a:cxn>
                    <a:cxn ang="T152">
                      <a:pos x="T92" y="T93"/>
                    </a:cxn>
                    <a:cxn ang="T153">
                      <a:pos x="T94" y="T95"/>
                    </a:cxn>
                    <a:cxn ang="T154">
                      <a:pos x="T96" y="T97"/>
                    </a:cxn>
                    <a:cxn ang="T155">
                      <a:pos x="T98" y="T99"/>
                    </a:cxn>
                    <a:cxn ang="T156">
                      <a:pos x="T100" y="T101"/>
                    </a:cxn>
                    <a:cxn ang="T157">
                      <a:pos x="T102" y="T103"/>
                    </a:cxn>
                    <a:cxn ang="T158">
                      <a:pos x="T104" y="T105"/>
                    </a:cxn>
                  </a:cxnLst>
                  <a:rect l="T159" t="T160" r="T161" b="T162"/>
                  <a:pathLst>
                    <a:path w="352" h="612">
                      <a:moveTo>
                        <a:pt x="240" y="609"/>
                      </a:moveTo>
                      <a:lnTo>
                        <a:pt x="252" y="599"/>
                      </a:lnTo>
                      <a:lnTo>
                        <a:pt x="252" y="590"/>
                      </a:lnTo>
                      <a:lnTo>
                        <a:pt x="262" y="594"/>
                      </a:lnTo>
                      <a:lnTo>
                        <a:pt x="266" y="592"/>
                      </a:lnTo>
                      <a:lnTo>
                        <a:pt x="271" y="590"/>
                      </a:lnTo>
                      <a:lnTo>
                        <a:pt x="276" y="589"/>
                      </a:lnTo>
                      <a:lnTo>
                        <a:pt x="281" y="587"/>
                      </a:lnTo>
                      <a:lnTo>
                        <a:pt x="284" y="585"/>
                      </a:lnTo>
                      <a:lnTo>
                        <a:pt x="288" y="585"/>
                      </a:lnTo>
                      <a:lnTo>
                        <a:pt x="291" y="585"/>
                      </a:lnTo>
                      <a:lnTo>
                        <a:pt x="301" y="583"/>
                      </a:lnTo>
                      <a:lnTo>
                        <a:pt x="306" y="583"/>
                      </a:lnTo>
                      <a:lnTo>
                        <a:pt x="306" y="582"/>
                      </a:lnTo>
                      <a:lnTo>
                        <a:pt x="305" y="580"/>
                      </a:lnTo>
                      <a:lnTo>
                        <a:pt x="301" y="578"/>
                      </a:lnTo>
                      <a:lnTo>
                        <a:pt x="296" y="577"/>
                      </a:lnTo>
                      <a:lnTo>
                        <a:pt x="293" y="577"/>
                      </a:lnTo>
                      <a:lnTo>
                        <a:pt x="301" y="573"/>
                      </a:lnTo>
                      <a:lnTo>
                        <a:pt x="306" y="573"/>
                      </a:lnTo>
                      <a:lnTo>
                        <a:pt x="311" y="575"/>
                      </a:lnTo>
                      <a:lnTo>
                        <a:pt x="313" y="577"/>
                      </a:lnTo>
                      <a:lnTo>
                        <a:pt x="315" y="578"/>
                      </a:lnTo>
                      <a:lnTo>
                        <a:pt x="315" y="582"/>
                      </a:lnTo>
                      <a:lnTo>
                        <a:pt x="315" y="583"/>
                      </a:lnTo>
                      <a:lnTo>
                        <a:pt x="323" y="585"/>
                      </a:lnTo>
                      <a:lnTo>
                        <a:pt x="332" y="575"/>
                      </a:lnTo>
                      <a:lnTo>
                        <a:pt x="333" y="577"/>
                      </a:lnTo>
                      <a:lnTo>
                        <a:pt x="335" y="578"/>
                      </a:lnTo>
                      <a:lnTo>
                        <a:pt x="335" y="580"/>
                      </a:lnTo>
                      <a:lnTo>
                        <a:pt x="340" y="583"/>
                      </a:lnTo>
                      <a:lnTo>
                        <a:pt x="343" y="585"/>
                      </a:lnTo>
                      <a:lnTo>
                        <a:pt x="347" y="585"/>
                      </a:lnTo>
                      <a:lnTo>
                        <a:pt x="349" y="583"/>
                      </a:lnTo>
                      <a:lnTo>
                        <a:pt x="350" y="582"/>
                      </a:lnTo>
                      <a:lnTo>
                        <a:pt x="352" y="578"/>
                      </a:lnTo>
                      <a:lnTo>
                        <a:pt x="352" y="577"/>
                      </a:lnTo>
                      <a:lnTo>
                        <a:pt x="328" y="392"/>
                      </a:lnTo>
                      <a:lnTo>
                        <a:pt x="333" y="0"/>
                      </a:lnTo>
                      <a:lnTo>
                        <a:pt x="122" y="18"/>
                      </a:lnTo>
                      <a:lnTo>
                        <a:pt x="122" y="20"/>
                      </a:lnTo>
                      <a:lnTo>
                        <a:pt x="122" y="22"/>
                      </a:lnTo>
                      <a:lnTo>
                        <a:pt x="120" y="25"/>
                      </a:lnTo>
                      <a:lnTo>
                        <a:pt x="120" y="27"/>
                      </a:lnTo>
                      <a:lnTo>
                        <a:pt x="120" y="28"/>
                      </a:lnTo>
                      <a:lnTo>
                        <a:pt x="118" y="30"/>
                      </a:lnTo>
                      <a:lnTo>
                        <a:pt x="118" y="32"/>
                      </a:lnTo>
                      <a:lnTo>
                        <a:pt x="103" y="44"/>
                      </a:lnTo>
                      <a:lnTo>
                        <a:pt x="93" y="59"/>
                      </a:lnTo>
                      <a:lnTo>
                        <a:pt x="93" y="89"/>
                      </a:lnTo>
                      <a:lnTo>
                        <a:pt x="85" y="98"/>
                      </a:lnTo>
                      <a:lnTo>
                        <a:pt x="79" y="98"/>
                      </a:lnTo>
                      <a:lnTo>
                        <a:pt x="64" y="113"/>
                      </a:lnTo>
                      <a:lnTo>
                        <a:pt x="69" y="123"/>
                      </a:lnTo>
                      <a:lnTo>
                        <a:pt x="54" y="132"/>
                      </a:lnTo>
                      <a:lnTo>
                        <a:pt x="56" y="132"/>
                      </a:lnTo>
                      <a:lnTo>
                        <a:pt x="56" y="133"/>
                      </a:lnTo>
                      <a:lnTo>
                        <a:pt x="57" y="135"/>
                      </a:lnTo>
                      <a:lnTo>
                        <a:pt x="57" y="137"/>
                      </a:lnTo>
                      <a:lnTo>
                        <a:pt x="57" y="138"/>
                      </a:lnTo>
                      <a:lnTo>
                        <a:pt x="57" y="142"/>
                      </a:lnTo>
                      <a:lnTo>
                        <a:pt x="54" y="143"/>
                      </a:lnTo>
                      <a:lnTo>
                        <a:pt x="49" y="145"/>
                      </a:lnTo>
                      <a:lnTo>
                        <a:pt x="47" y="145"/>
                      </a:lnTo>
                      <a:lnTo>
                        <a:pt x="46" y="147"/>
                      </a:lnTo>
                      <a:lnTo>
                        <a:pt x="44" y="149"/>
                      </a:lnTo>
                      <a:lnTo>
                        <a:pt x="44" y="150"/>
                      </a:lnTo>
                      <a:lnTo>
                        <a:pt x="44" y="154"/>
                      </a:lnTo>
                      <a:lnTo>
                        <a:pt x="44" y="157"/>
                      </a:lnTo>
                      <a:lnTo>
                        <a:pt x="46" y="159"/>
                      </a:lnTo>
                      <a:lnTo>
                        <a:pt x="47" y="162"/>
                      </a:lnTo>
                      <a:lnTo>
                        <a:pt x="47" y="164"/>
                      </a:lnTo>
                      <a:lnTo>
                        <a:pt x="47" y="165"/>
                      </a:lnTo>
                      <a:lnTo>
                        <a:pt x="46" y="167"/>
                      </a:lnTo>
                      <a:lnTo>
                        <a:pt x="44" y="171"/>
                      </a:lnTo>
                      <a:lnTo>
                        <a:pt x="42" y="172"/>
                      </a:lnTo>
                      <a:lnTo>
                        <a:pt x="41" y="174"/>
                      </a:lnTo>
                      <a:lnTo>
                        <a:pt x="39" y="176"/>
                      </a:lnTo>
                      <a:lnTo>
                        <a:pt x="39" y="177"/>
                      </a:lnTo>
                      <a:lnTo>
                        <a:pt x="41" y="177"/>
                      </a:lnTo>
                      <a:lnTo>
                        <a:pt x="42" y="177"/>
                      </a:lnTo>
                      <a:lnTo>
                        <a:pt x="44" y="177"/>
                      </a:lnTo>
                      <a:lnTo>
                        <a:pt x="46" y="179"/>
                      </a:lnTo>
                      <a:lnTo>
                        <a:pt x="47" y="181"/>
                      </a:lnTo>
                      <a:lnTo>
                        <a:pt x="47" y="182"/>
                      </a:lnTo>
                      <a:lnTo>
                        <a:pt x="46" y="184"/>
                      </a:lnTo>
                      <a:lnTo>
                        <a:pt x="41" y="187"/>
                      </a:lnTo>
                      <a:lnTo>
                        <a:pt x="39" y="187"/>
                      </a:lnTo>
                      <a:lnTo>
                        <a:pt x="35" y="189"/>
                      </a:lnTo>
                      <a:lnTo>
                        <a:pt x="34" y="189"/>
                      </a:lnTo>
                      <a:lnTo>
                        <a:pt x="32" y="191"/>
                      </a:lnTo>
                      <a:lnTo>
                        <a:pt x="32" y="196"/>
                      </a:lnTo>
                      <a:lnTo>
                        <a:pt x="29" y="204"/>
                      </a:lnTo>
                      <a:lnTo>
                        <a:pt x="37" y="213"/>
                      </a:lnTo>
                      <a:lnTo>
                        <a:pt x="39" y="220"/>
                      </a:lnTo>
                      <a:lnTo>
                        <a:pt x="44" y="240"/>
                      </a:lnTo>
                      <a:lnTo>
                        <a:pt x="46" y="242"/>
                      </a:lnTo>
                      <a:lnTo>
                        <a:pt x="46" y="243"/>
                      </a:lnTo>
                      <a:lnTo>
                        <a:pt x="47" y="247"/>
                      </a:lnTo>
                      <a:lnTo>
                        <a:pt x="47" y="248"/>
                      </a:lnTo>
                      <a:lnTo>
                        <a:pt x="47" y="250"/>
                      </a:lnTo>
                      <a:lnTo>
                        <a:pt x="46" y="252"/>
                      </a:lnTo>
                      <a:lnTo>
                        <a:pt x="42" y="253"/>
                      </a:lnTo>
                      <a:lnTo>
                        <a:pt x="41" y="255"/>
                      </a:lnTo>
                      <a:lnTo>
                        <a:pt x="41" y="259"/>
                      </a:lnTo>
                      <a:lnTo>
                        <a:pt x="39" y="262"/>
                      </a:lnTo>
                      <a:lnTo>
                        <a:pt x="39" y="265"/>
                      </a:lnTo>
                      <a:lnTo>
                        <a:pt x="39" y="269"/>
                      </a:lnTo>
                      <a:lnTo>
                        <a:pt x="39" y="270"/>
                      </a:lnTo>
                      <a:lnTo>
                        <a:pt x="37" y="270"/>
                      </a:lnTo>
                      <a:lnTo>
                        <a:pt x="37" y="272"/>
                      </a:lnTo>
                      <a:lnTo>
                        <a:pt x="37" y="274"/>
                      </a:lnTo>
                      <a:lnTo>
                        <a:pt x="37" y="275"/>
                      </a:lnTo>
                      <a:lnTo>
                        <a:pt x="37" y="279"/>
                      </a:lnTo>
                      <a:lnTo>
                        <a:pt x="37" y="281"/>
                      </a:lnTo>
                      <a:lnTo>
                        <a:pt x="39" y="282"/>
                      </a:lnTo>
                      <a:lnTo>
                        <a:pt x="41" y="282"/>
                      </a:lnTo>
                      <a:lnTo>
                        <a:pt x="42" y="281"/>
                      </a:lnTo>
                      <a:lnTo>
                        <a:pt x="44" y="281"/>
                      </a:lnTo>
                      <a:lnTo>
                        <a:pt x="46" y="284"/>
                      </a:lnTo>
                      <a:lnTo>
                        <a:pt x="46" y="286"/>
                      </a:lnTo>
                      <a:lnTo>
                        <a:pt x="47" y="287"/>
                      </a:lnTo>
                      <a:lnTo>
                        <a:pt x="46" y="299"/>
                      </a:lnTo>
                      <a:lnTo>
                        <a:pt x="52" y="304"/>
                      </a:lnTo>
                      <a:lnTo>
                        <a:pt x="44" y="314"/>
                      </a:lnTo>
                      <a:lnTo>
                        <a:pt x="46" y="319"/>
                      </a:lnTo>
                      <a:lnTo>
                        <a:pt x="57" y="318"/>
                      </a:lnTo>
                      <a:lnTo>
                        <a:pt x="57" y="330"/>
                      </a:lnTo>
                      <a:lnTo>
                        <a:pt x="56" y="330"/>
                      </a:lnTo>
                      <a:lnTo>
                        <a:pt x="56" y="331"/>
                      </a:lnTo>
                      <a:lnTo>
                        <a:pt x="54" y="333"/>
                      </a:lnTo>
                      <a:lnTo>
                        <a:pt x="52" y="335"/>
                      </a:lnTo>
                      <a:lnTo>
                        <a:pt x="51" y="336"/>
                      </a:lnTo>
                      <a:lnTo>
                        <a:pt x="52" y="338"/>
                      </a:lnTo>
                      <a:lnTo>
                        <a:pt x="54" y="340"/>
                      </a:lnTo>
                      <a:lnTo>
                        <a:pt x="61" y="340"/>
                      </a:lnTo>
                      <a:lnTo>
                        <a:pt x="61" y="341"/>
                      </a:lnTo>
                      <a:lnTo>
                        <a:pt x="61" y="343"/>
                      </a:lnTo>
                      <a:lnTo>
                        <a:pt x="59" y="345"/>
                      </a:lnTo>
                      <a:lnTo>
                        <a:pt x="59" y="348"/>
                      </a:lnTo>
                      <a:lnTo>
                        <a:pt x="61" y="350"/>
                      </a:lnTo>
                      <a:lnTo>
                        <a:pt x="64" y="352"/>
                      </a:lnTo>
                      <a:lnTo>
                        <a:pt x="69" y="352"/>
                      </a:lnTo>
                      <a:lnTo>
                        <a:pt x="68" y="355"/>
                      </a:lnTo>
                      <a:lnTo>
                        <a:pt x="66" y="357"/>
                      </a:lnTo>
                      <a:lnTo>
                        <a:pt x="66" y="360"/>
                      </a:lnTo>
                      <a:lnTo>
                        <a:pt x="64" y="363"/>
                      </a:lnTo>
                      <a:lnTo>
                        <a:pt x="63" y="367"/>
                      </a:lnTo>
                      <a:lnTo>
                        <a:pt x="61" y="369"/>
                      </a:lnTo>
                      <a:lnTo>
                        <a:pt x="61" y="370"/>
                      </a:lnTo>
                      <a:lnTo>
                        <a:pt x="59" y="370"/>
                      </a:lnTo>
                      <a:lnTo>
                        <a:pt x="56" y="370"/>
                      </a:lnTo>
                      <a:lnTo>
                        <a:pt x="51" y="372"/>
                      </a:lnTo>
                      <a:lnTo>
                        <a:pt x="47" y="372"/>
                      </a:lnTo>
                      <a:lnTo>
                        <a:pt x="44" y="374"/>
                      </a:lnTo>
                      <a:lnTo>
                        <a:pt x="44" y="375"/>
                      </a:lnTo>
                      <a:lnTo>
                        <a:pt x="47" y="377"/>
                      </a:lnTo>
                      <a:lnTo>
                        <a:pt x="54" y="380"/>
                      </a:lnTo>
                      <a:lnTo>
                        <a:pt x="54" y="382"/>
                      </a:lnTo>
                      <a:lnTo>
                        <a:pt x="54" y="384"/>
                      </a:lnTo>
                      <a:lnTo>
                        <a:pt x="52" y="389"/>
                      </a:lnTo>
                      <a:lnTo>
                        <a:pt x="49" y="392"/>
                      </a:lnTo>
                      <a:lnTo>
                        <a:pt x="47" y="396"/>
                      </a:lnTo>
                      <a:lnTo>
                        <a:pt x="44" y="399"/>
                      </a:lnTo>
                      <a:lnTo>
                        <a:pt x="44" y="402"/>
                      </a:lnTo>
                      <a:lnTo>
                        <a:pt x="42" y="404"/>
                      </a:lnTo>
                      <a:lnTo>
                        <a:pt x="41" y="416"/>
                      </a:lnTo>
                      <a:lnTo>
                        <a:pt x="32" y="416"/>
                      </a:lnTo>
                      <a:lnTo>
                        <a:pt x="25" y="443"/>
                      </a:lnTo>
                      <a:lnTo>
                        <a:pt x="17" y="448"/>
                      </a:lnTo>
                      <a:lnTo>
                        <a:pt x="25" y="448"/>
                      </a:lnTo>
                      <a:lnTo>
                        <a:pt x="25" y="450"/>
                      </a:lnTo>
                      <a:lnTo>
                        <a:pt x="24" y="450"/>
                      </a:lnTo>
                      <a:lnTo>
                        <a:pt x="20" y="453"/>
                      </a:lnTo>
                      <a:lnTo>
                        <a:pt x="19" y="455"/>
                      </a:lnTo>
                      <a:lnTo>
                        <a:pt x="15" y="458"/>
                      </a:lnTo>
                      <a:lnTo>
                        <a:pt x="15" y="460"/>
                      </a:lnTo>
                      <a:lnTo>
                        <a:pt x="15" y="463"/>
                      </a:lnTo>
                      <a:lnTo>
                        <a:pt x="17" y="465"/>
                      </a:lnTo>
                      <a:lnTo>
                        <a:pt x="17" y="467"/>
                      </a:lnTo>
                      <a:lnTo>
                        <a:pt x="15" y="468"/>
                      </a:lnTo>
                      <a:lnTo>
                        <a:pt x="13" y="470"/>
                      </a:lnTo>
                      <a:lnTo>
                        <a:pt x="10" y="473"/>
                      </a:lnTo>
                      <a:lnTo>
                        <a:pt x="10" y="477"/>
                      </a:lnTo>
                      <a:lnTo>
                        <a:pt x="8" y="479"/>
                      </a:lnTo>
                      <a:lnTo>
                        <a:pt x="10" y="480"/>
                      </a:lnTo>
                      <a:lnTo>
                        <a:pt x="13" y="480"/>
                      </a:lnTo>
                      <a:lnTo>
                        <a:pt x="15" y="482"/>
                      </a:lnTo>
                      <a:lnTo>
                        <a:pt x="15" y="485"/>
                      </a:lnTo>
                      <a:lnTo>
                        <a:pt x="13" y="487"/>
                      </a:lnTo>
                      <a:lnTo>
                        <a:pt x="8" y="492"/>
                      </a:lnTo>
                      <a:lnTo>
                        <a:pt x="5" y="494"/>
                      </a:lnTo>
                      <a:lnTo>
                        <a:pt x="2" y="495"/>
                      </a:lnTo>
                      <a:lnTo>
                        <a:pt x="0" y="497"/>
                      </a:lnTo>
                      <a:lnTo>
                        <a:pt x="0" y="501"/>
                      </a:lnTo>
                      <a:lnTo>
                        <a:pt x="0" y="502"/>
                      </a:lnTo>
                      <a:lnTo>
                        <a:pt x="2" y="504"/>
                      </a:lnTo>
                      <a:lnTo>
                        <a:pt x="3" y="506"/>
                      </a:lnTo>
                      <a:lnTo>
                        <a:pt x="5" y="506"/>
                      </a:lnTo>
                      <a:lnTo>
                        <a:pt x="7" y="507"/>
                      </a:lnTo>
                      <a:lnTo>
                        <a:pt x="5" y="509"/>
                      </a:lnTo>
                      <a:lnTo>
                        <a:pt x="5" y="512"/>
                      </a:lnTo>
                      <a:lnTo>
                        <a:pt x="5" y="514"/>
                      </a:lnTo>
                      <a:lnTo>
                        <a:pt x="3" y="517"/>
                      </a:lnTo>
                      <a:lnTo>
                        <a:pt x="3" y="521"/>
                      </a:lnTo>
                      <a:lnTo>
                        <a:pt x="3" y="523"/>
                      </a:lnTo>
                      <a:lnTo>
                        <a:pt x="3" y="524"/>
                      </a:lnTo>
                      <a:lnTo>
                        <a:pt x="203" y="511"/>
                      </a:lnTo>
                      <a:lnTo>
                        <a:pt x="203" y="534"/>
                      </a:lnTo>
                      <a:lnTo>
                        <a:pt x="201" y="534"/>
                      </a:lnTo>
                      <a:lnTo>
                        <a:pt x="200" y="538"/>
                      </a:lnTo>
                      <a:lnTo>
                        <a:pt x="198" y="543"/>
                      </a:lnTo>
                      <a:lnTo>
                        <a:pt x="196" y="546"/>
                      </a:lnTo>
                      <a:lnTo>
                        <a:pt x="195" y="553"/>
                      </a:lnTo>
                      <a:lnTo>
                        <a:pt x="195" y="558"/>
                      </a:lnTo>
                      <a:lnTo>
                        <a:pt x="198" y="563"/>
                      </a:lnTo>
                      <a:lnTo>
                        <a:pt x="203" y="567"/>
                      </a:lnTo>
                      <a:lnTo>
                        <a:pt x="205" y="568"/>
                      </a:lnTo>
                      <a:lnTo>
                        <a:pt x="208" y="572"/>
                      </a:lnTo>
                      <a:lnTo>
                        <a:pt x="211" y="577"/>
                      </a:lnTo>
                      <a:lnTo>
                        <a:pt x="217" y="583"/>
                      </a:lnTo>
                      <a:lnTo>
                        <a:pt x="220" y="590"/>
                      </a:lnTo>
                      <a:lnTo>
                        <a:pt x="223" y="597"/>
                      </a:lnTo>
                      <a:lnTo>
                        <a:pt x="223" y="605"/>
                      </a:lnTo>
                      <a:lnTo>
                        <a:pt x="222" y="612"/>
                      </a:lnTo>
                      <a:lnTo>
                        <a:pt x="240" y="609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224" name="Group 73"/>
              <p:cNvGrpSpPr>
                <a:grpSpLocks/>
              </p:cNvGrpSpPr>
              <p:nvPr/>
            </p:nvGrpSpPr>
            <p:grpSpPr bwMode="auto">
              <a:xfrm>
                <a:off x="4248" y="2069"/>
                <a:ext cx="436" cy="217"/>
                <a:chOff x="4487" y="1686"/>
                <a:chExt cx="448" cy="223"/>
              </a:xfrm>
            </p:grpSpPr>
            <p:sp>
              <p:nvSpPr>
                <p:cNvPr id="341" name="Freeform 74"/>
                <p:cNvSpPr>
                  <a:spLocks/>
                </p:cNvSpPr>
                <p:nvPr/>
              </p:nvSpPr>
              <p:spPr bwMode="auto">
                <a:xfrm>
                  <a:off x="4487" y="1686"/>
                  <a:ext cx="448" cy="223"/>
                </a:xfrm>
                <a:custGeom>
                  <a:avLst/>
                  <a:gdLst>
                    <a:gd name="T0" fmla="*/ 249 w 448"/>
                    <a:gd name="T1" fmla="*/ 155 h 223"/>
                    <a:gd name="T2" fmla="*/ 238 w 448"/>
                    <a:gd name="T3" fmla="*/ 189 h 223"/>
                    <a:gd name="T4" fmla="*/ 252 w 448"/>
                    <a:gd name="T5" fmla="*/ 186 h 223"/>
                    <a:gd name="T6" fmla="*/ 264 w 448"/>
                    <a:gd name="T7" fmla="*/ 188 h 223"/>
                    <a:gd name="T8" fmla="*/ 284 w 448"/>
                    <a:gd name="T9" fmla="*/ 201 h 223"/>
                    <a:gd name="T10" fmla="*/ 330 w 448"/>
                    <a:gd name="T11" fmla="*/ 215 h 223"/>
                    <a:gd name="T12" fmla="*/ 299 w 448"/>
                    <a:gd name="T13" fmla="*/ 179 h 223"/>
                    <a:gd name="T14" fmla="*/ 308 w 448"/>
                    <a:gd name="T15" fmla="*/ 177 h 223"/>
                    <a:gd name="T16" fmla="*/ 316 w 448"/>
                    <a:gd name="T17" fmla="*/ 172 h 223"/>
                    <a:gd name="T18" fmla="*/ 299 w 448"/>
                    <a:gd name="T19" fmla="*/ 142 h 223"/>
                    <a:gd name="T20" fmla="*/ 299 w 448"/>
                    <a:gd name="T21" fmla="*/ 111 h 223"/>
                    <a:gd name="T22" fmla="*/ 291 w 448"/>
                    <a:gd name="T23" fmla="*/ 81 h 223"/>
                    <a:gd name="T24" fmla="*/ 301 w 448"/>
                    <a:gd name="T25" fmla="*/ 66 h 223"/>
                    <a:gd name="T26" fmla="*/ 301 w 448"/>
                    <a:gd name="T27" fmla="*/ 52 h 223"/>
                    <a:gd name="T28" fmla="*/ 308 w 448"/>
                    <a:gd name="T29" fmla="*/ 61 h 223"/>
                    <a:gd name="T30" fmla="*/ 321 w 448"/>
                    <a:gd name="T31" fmla="*/ 42 h 223"/>
                    <a:gd name="T32" fmla="*/ 320 w 448"/>
                    <a:gd name="T33" fmla="*/ 28 h 223"/>
                    <a:gd name="T34" fmla="*/ 331 w 448"/>
                    <a:gd name="T35" fmla="*/ 27 h 223"/>
                    <a:gd name="T36" fmla="*/ 337 w 448"/>
                    <a:gd name="T37" fmla="*/ 32 h 223"/>
                    <a:gd name="T38" fmla="*/ 331 w 448"/>
                    <a:gd name="T39" fmla="*/ 44 h 223"/>
                    <a:gd name="T40" fmla="*/ 316 w 448"/>
                    <a:gd name="T41" fmla="*/ 72 h 223"/>
                    <a:gd name="T42" fmla="*/ 326 w 448"/>
                    <a:gd name="T43" fmla="*/ 83 h 223"/>
                    <a:gd name="T44" fmla="*/ 335 w 448"/>
                    <a:gd name="T45" fmla="*/ 76 h 223"/>
                    <a:gd name="T46" fmla="*/ 326 w 448"/>
                    <a:gd name="T47" fmla="*/ 91 h 223"/>
                    <a:gd name="T48" fmla="*/ 325 w 448"/>
                    <a:gd name="T49" fmla="*/ 110 h 223"/>
                    <a:gd name="T50" fmla="*/ 320 w 448"/>
                    <a:gd name="T51" fmla="*/ 127 h 223"/>
                    <a:gd name="T52" fmla="*/ 340 w 448"/>
                    <a:gd name="T53" fmla="*/ 145 h 223"/>
                    <a:gd name="T54" fmla="*/ 325 w 448"/>
                    <a:gd name="T55" fmla="*/ 150 h 223"/>
                    <a:gd name="T56" fmla="*/ 335 w 448"/>
                    <a:gd name="T57" fmla="*/ 157 h 223"/>
                    <a:gd name="T58" fmla="*/ 337 w 448"/>
                    <a:gd name="T59" fmla="*/ 176 h 223"/>
                    <a:gd name="T60" fmla="*/ 348 w 448"/>
                    <a:gd name="T61" fmla="*/ 182 h 223"/>
                    <a:gd name="T62" fmla="*/ 360 w 448"/>
                    <a:gd name="T63" fmla="*/ 186 h 223"/>
                    <a:gd name="T64" fmla="*/ 355 w 448"/>
                    <a:gd name="T65" fmla="*/ 176 h 223"/>
                    <a:gd name="T66" fmla="*/ 364 w 448"/>
                    <a:gd name="T67" fmla="*/ 177 h 223"/>
                    <a:gd name="T68" fmla="*/ 372 w 448"/>
                    <a:gd name="T69" fmla="*/ 181 h 223"/>
                    <a:gd name="T70" fmla="*/ 369 w 448"/>
                    <a:gd name="T71" fmla="*/ 198 h 223"/>
                    <a:gd name="T72" fmla="*/ 382 w 448"/>
                    <a:gd name="T73" fmla="*/ 194 h 223"/>
                    <a:gd name="T74" fmla="*/ 381 w 448"/>
                    <a:gd name="T75" fmla="*/ 211 h 223"/>
                    <a:gd name="T76" fmla="*/ 387 w 448"/>
                    <a:gd name="T77" fmla="*/ 223 h 223"/>
                    <a:gd name="T78" fmla="*/ 409 w 448"/>
                    <a:gd name="T79" fmla="*/ 206 h 223"/>
                    <a:gd name="T80" fmla="*/ 440 w 448"/>
                    <a:gd name="T81" fmla="*/ 145 h 223"/>
                    <a:gd name="T82" fmla="*/ 441 w 448"/>
                    <a:gd name="T83" fmla="*/ 172 h 223"/>
                    <a:gd name="T84" fmla="*/ 435 w 448"/>
                    <a:gd name="T85" fmla="*/ 203 h 223"/>
                    <a:gd name="T86" fmla="*/ 433 w 448"/>
                    <a:gd name="T87" fmla="*/ 215 h 223"/>
                    <a:gd name="T88" fmla="*/ 436 w 448"/>
                    <a:gd name="T89" fmla="*/ 213 h 223"/>
                    <a:gd name="T90" fmla="*/ 447 w 448"/>
                    <a:gd name="T91" fmla="*/ 179 h 223"/>
                    <a:gd name="T92" fmla="*/ 448 w 448"/>
                    <a:gd name="T93" fmla="*/ 144 h 223"/>
                    <a:gd name="T94" fmla="*/ 0 w 448"/>
                    <a:gd name="T95" fmla="*/ 66 h 223"/>
                    <a:gd name="T96" fmla="*/ 52 w 448"/>
                    <a:gd name="T97" fmla="*/ 94 h 223"/>
                    <a:gd name="T98" fmla="*/ 84 w 448"/>
                    <a:gd name="T99" fmla="*/ 74 h 223"/>
                    <a:gd name="T100" fmla="*/ 111 w 448"/>
                    <a:gd name="T101" fmla="*/ 54 h 223"/>
                    <a:gd name="T102" fmla="*/ 147 w 448"/>
                    <a:gd name="T103" fmla="*/ 56 h 223"/>
                    <a:gd name="T104" fmla="*/ 159 w 448"/>
                    <a:gd name="T105" fmla="*/ 62 h 223"/>
                    <a:gd name="T106" fmla="*/ 176 w 448"/>
                    <a:gd name="T107" fmla="*/ 88 h 223"/>
                    <a:gd name="T108" fmla="*/ 193 w 448"/>
                    <a:gd name="T109" fmla="*/ 86 h 223"/>
                    <a:gd name="T110" fmla="*/ 198 w 448"/>
                    <a:gd name="T111" fmla="*/ 108 h 223"/>
                    <a:gd name="T112" fmla="*/ 228 w 448"/>
                    <a:gd name="T113" fmla="*/ 115 h 223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w 448"/>
                    <a:gd name="T172" fmla="*/ 0 h 223"/>
                    <a:gd name="T173" fmla="*/ 448 w 448"/>
                    <a:gd name="T174" fmla="*/ 223 h 223"/>
                  </a:gdLst>
                  <a:ahLst/>
                  <a:cxnLst>
                    <a:cxn ang="T114">
                      <a:pos x="T0" y="T1"/>
                    </a:cxn>
                    <a:cxn ang="T115">
                      <a:pos x="T2" y="T3"/>
                    </a:cxn>
                    <a:cxn ang="T116">
                      <a:pos x="T4" y="T5"/>
                    </a:cxn>
                    <a:cxn ang="T117">
                      <a:pos x="T6" y="T7"/>
                    </a:cxn>
                    <a:cxn ang="T118">
                      <a:pos x="T8" y="T9"/>
                    </a:cxn>
                    <a:cxn ang="T119">
                      <a:pos x="T10" y="T11"/>
                    </a:cxn>
                    <a:cxn ang="T120">
                      <a:pos x="T12" y="T13"/>
                    </a:cxn>
                    <a:cxn ang="T121">
                      <a:pos x="T14" y="T15"/>
                    </a:cxn>
                    <a:cxn ang="T122">
                      <a:pos x="T16" y="T17"/>
                    </a:cxn>
                    <a:cxn ang="T123">
                      <a:pos x="T18" y="T19"/>
                    </a:cxn>
                    <a:cxn ang="T124">
                      <a:pos x="T20" y="T21"/>
                    </a:cxn>
                    <a:cxn ang="T125">
                      <a:pos x="T22" y="T23"/>
                    </a:cxn>
                    <a:cxn ang="T126">
                      <a:pos x="T24" y="T25"/>
                    </a:cxn>
                    <a:cxn ang="T127">
                      <a:pos x="T26" y="T27"/>
                    </a:cxn>
                    <a:cxn ang="T128">
                      <a:pos x="T28" y="T29"/>
                    </a:cxn>
                    <a:cxn ang="T129">
                      <a:pos x="T30" y="T31"/>
                    </a:cxn>
                    <a:cxn ang="T130">
                      <a:pos x="T32" y="T33"/>
                    </a:cxn>
                    <a:cxn ang="T131">
                      <a:pos x="T34" y="T35"/>
                    </a:cxn>
                    <a:cxn ang="T132">
                      <a:pos x="T36" y="T37"/>
                    </a:cxn>
                    <a:cxn ang="T133">
                      <a:pos x="T38" y="T39"/>
                    </a:cxn>
                    <a:cxn ang="T134">
                      <a:pos x="T40" y="T41"/>
                    </a:cxn>
                    <a:cxn ang="T135">
                      <a:pos x="T42" y="T43"/>
                    </a:cxn>
                    <a:cxn ang="T136">
                      <a:pos x="T44" y="T45"/>
                    </a:cxn>
                    <a:cxn ang="T137">
                      <a:pos x="T46" y="T47"/>
                    </a:cxn>
                    <a:cxn ang="T138">
                      <a:pos x="T48" y="T49"/>
                    </a:cxn>
                    <a:cxn ang="T139">
                      <a:pos x="T50" y="T51"/>
                    </a:cxn>
                    <a:cxn ang="T140">
                      <a:pos x="T52" y="T53"/>
                    </a:cxn>
                    <a:cxn ang="T141">
                      <a:pos x="T54" y="T55"/>
                    </a:cxn>
                    <a:cxn ang="T142">
                      <a:pos x="T56" y="T57"/>
                    </a:cxn>
                    <a:cxn ang="T143">
                      <a:pos x="T58" y="T59"/>
                    </a:cxn>
                    <a:cxn ang="T144">
                      <a:pos x="T60" y="T61"/>
                    </a:cxn>
                    <a:cxn ang="T145">
                      <a:pos x="T62" y="T63"/>
                    </a:cxn>
                    <a:cxn ang="T146">
                      <a:pos x="T64" y="T65"/>
                    </a:cxn>
                    <a:cxn ang="T147">
                      <a:pos x="T66" y="T67"/>
                    </a:cxn>
                    <a:cxn ang="T148">
                      <a:pos x="T68" y="T69"/>
                    </a:cxn>
                    <a:cxn ang="T149">
                      <a:pos x="T70" y="T71"/>
                    </a:cxn>
                    <a:cxn ang="T150">
                      <a:pos x="T72" y="T73"/>
                    </a:cxn>
                    <a:cxn ang="T151">
                      <a:pos x="T74" y="T75"/>
                    </a:cxn>
                    <a:cxn ang="T152">
                      <a:pos x="T76" y="T77"/>
                    </a:cxn>
                    <a:cxn ang="T153">
                      <a:pos x="T78" y="T79"/>
                    </a:cxn>
                    <a:cxn ang="T154">
                      <a:pos x="T80" y="T81"/>
                    </a:cxn>
                    <a:cxn ang="T155">
                      <a:pos x="T82" y="T83"/>
                    </a:cxn>
                    <a:cxn ang="T156">
                      <a:pos x="T84" y="T85"/>
                    </a:cxn>
                    <a:cxn ang="T157">
                      <a:pos x="T86" y="T87"/>
                    </a:cxn>
                    <a:cxn ang="T158">
                      <a:pos x="T88" y="T89"/>
                    </a:cxn>
                    <a:cxn ang="T159">
                      <a:pos x="T90" y="T91"/>
                    </a:cxn>
                    <a:cxn ang="T160">
                      <a:pos x="T92" y="T93"/>
                    </a:cxn>
                    <a:cxn ang="T161">
                      <a:pos x="T94" y="T95"/>
                    </a:cxn>
                    <a:cxn ang="T162">
                      <a:pos x="T96" y="T97"/>
                    </a:cxn>
                    <a:cxn ang="T163">
                      <a:pos x="T98" y="T99"/>
                    </a:cxn>
                    <a:cxn ang="T164">
                      <a:pos x="T100" y="T101"/>
                    </a:cxn>
                    <a:cxn ang="T165">
                      <a:pos x="T102" y="T103"/>
                    </a:cxn>
                    <a:cxn ang="T166">
                      <a:pos x="T104" y="T105"/>
                    </a:cxn>
                    <a:cxn ang="T167">
                      <a:pos x="T106" y="T107"/>
                    </a:cxn>
                    <a:cxn ang="T168">
                      <a:pos x="T108" y="T109"/>
                    </a:cxn>
                    <a:cxn ang="T169">
                      <a:pos x="T110" y="T111"/>
                    </a:cxn>
                    <a:cxn ang="T170">
                      <a:pos x="T112" y="T113"/>
                    </a:cxn>
                  </a:cxnLst>
                  <a:rect l="T171" t="T172" r="T173" b="T174"/>
                  <a:pathLst>
                    <a:path w="448" h="223">
                      <a:moveTo>
                        <a:pt x="247" y="115"/>
                      </a:moveTo>
                      <a:lnTo>
                        <a:pt x="260" y="123"/>
                      </a:lnTo>
                      <a:lnTo>
                        <a:pt x="252" y="137"/>
                      </a:lnTo>
                      <a:lnTo>
                        <a:pt x="252" y="145"/>
                      </a:lnTo>
                      <a:lnTo>
                        <a:pt x="252" y="147"/>
                      </a:lnTo>
                      <a:lnTo>
                        <a:pt x="250" y="150"/>
                      </a:lnTo>
                      <a:lnTo>
                        <a:pt x="249" y="155"/>
                      </a:lnTo>
                      <a:lnTo>
                        <a:pt x="245" y="162"/>
                      </a:lnTo>
                      <a:lnTo>
                        <a:pt x="243" y="169"/>
                      </a:lnTo>
                      <a:lnTo>
                        <a:pt x="240" y="176"/>
                      </a:lnTo>
                      <a:lnTo>
                        <a:pt x="238" y="179"/>
                      </a:lnTo>
                      <a:lnTo>
                        <a:pt x="238" y="181"/>
                      </a:lnTo>
                      <a:lnTo>
                        <a:pt x="237" y="186"/>
                      </a:lnTo>
                      <a:lnTo>
                        <a:pt x="238" y="189"/>
                      </a:lnTo>
                      <a:lnTo>
                        <a:pt x="240" y="193"/>
                      </a:lnTo>
                      <a:lnTo>
                        <a:pt x="242" y="193"/>
                      </a:lnTo>
                      <a:lnTo>
                        <a:pt x="243" y="193"/>
                      </a:lnTo>
                      <a:lnTo>
                        <a:pt x="247" y="193"/>
                      </a:lnTo>
                      <a:lnTo>
                        <a:pt x="249" y="191"/>
                      </a:lnTo>
                      <a:lnTo>
                        <a:pt x="250" y="191"/>
                      </a:lnTo>
                      <a:lnTo>
                        <a:pt x="252" y="186"/>
                      </a:lnTo>
                      <a:lnTo>
                        <a:pt x="255" y="182"/>
                      </a:lnTo>
                      <a:lnTo>
                        <a:pt x="257" y="182"/>
                      </a:lnTo>
                      <a:lnTo>
                        <a:pt x="259" y="182"/>
                      </a:lnTo>
                      <a:lnTo>
                        <a:pt x="260" y="184"/>
                      </a:lnTo>
                      <a:lnTo>
                        <a:pt x="262" y="186"/>
                      </a:lnTo>
                      <a:lnTo>
                        <a:pt x="264" y="188"/>
                      </a:lnTo>
                      <a:lnTo>
                        <a:pt x="274" y="201"/>
                      </a:lnTo>
                      <a:lnTo>
                        <a:pt x="277" y="201"/>
                      </a:lnTo>
                      <a:lnTo>
                        <a:pt x="277" y="193"/>
                      </a:lnTo>
                      <a:lnTo>
                        <a:pt x="282" y="193"/>
                      </a:lnTo>
                      <a:lnTo>
                        <a:pt x="282" y="194"/>
                      </a:lnTo>
                      <a:lnTo>
                        <a:pt x="284" y="198"/>
                      </a:lnTo>
                      <a:lnTo>
                        <a:pt x="284" y="201"/>
                      </a:lnTo>
                      <a:lnTo>
                        <a:pt x="286" y="201"/>
                      </a:lnTo>
                      <a:lnTo>
                        <a:pt x="298" y="201"/>
                      </a:lnTo>
                      <a:lnTo>
                        <a:pt x="308" y="203"/>
                      </a:lnTo>
                      <a:lnTo>
                        <a:pt x="316" y="204"/>
                      </a:lnTo>
                      <a:lnTo>
                        <a:pt x="321" y="208"/>
                      </a:lnTo>
                      <a:lnTo>
                        <a:pt x="326" y="211"/>
                      </a:lnTo>
                      <a:lnTo>
                        <a:pt x="330" y="215"/>
                      </a:lnTo>
                      <a:lnTo>
                        <a:pt x="331" y="216"/>
                      </a:lnTo>
                      <a:lnTo>
                        <a:pt x="331" y="218"/>
                      </a:lnTo>
                      <a:lnTo>
                        <a:pt x="335" y="210"/>
                      </a:lnTo>
                      <a:lnTo>
                        <a:pt x="326" y="199"/>
                      </a:lnTo>
                      <a:lnTo>
                        <a:pt x="325" y="191"/>
                      </a:lnTo>
                      <a:lnTo>
                        <a:pt x="313" y="188"/>
                      </a:lnTo>
                      <a:lnTo>
                        <a:pt x="299" y="179"/>
                      </a:lnTo>
                      <a:lnTo>
                        <a:pt x="289" y="171"/>
                      </a:lnTo>
                      <a:lnTo>
                        <a:pt x="291" y="167"/>
                      </a:lnTo>
                      <a:lnTo>
                        <a:pt x="299" y="174"/>
                      </a:lnTo>
                      <a:lnTo>
                        <a:pt x="301" y="174"/>
                      </a:lnTo>
                      <a:lnTo>
                        <a:pt x="303" y="176"/>
                      </a:lnTo>
                      <a:lnTo>
                        <a:pt x="306" y="176"/>
                      </a:lnTo>
                      <a:lnTo>
                        <a:pt x="308" y="177"/>
                      </a:lnTo>
                      <a:lnTo>
                        <a:pt x="316" y="182"/>
                      </a:lnTo>
                      <a:lnTo>
                        <a:pt x="321" y="184"/>
                      </a:lnTo>
                      <a:lnTo>
                        <a:pt x="323" y="182"/>
                      </a:lnTo>
                      <a:lnTo>
                        <a:pt x="323" y="181"/>
                      </a:lnTo>
                      <a:lnTo>
                        <a:pt x="321" y="177"/>
                      </a:lnTo>
                      <a:lnTo>
                        <a:pt x="318" y="176"/>
                      </a:lnTo>
                      <a:lnTo>
                        <a:pt x="316" y="172"/>
                      </a:lnTo>
                      <a:lnTo>
                        <a:pt x="315" y="172"/>
                      </a:lnTo>
                      <a:lnTo>
                        <a:pt x="311" y="167"/>
                      </a:lnTo>
                      <a:lnTo>
                        <a:pt x="308" y="164"/>
                      </a:lnTo>
                      <a:lnTo>
                        <a:pt x="304" y="159"/>
                      </a:lnTo>
                      <a:lnTo>
                        <a:pt x="303" y="154"/>
                      </a:lnTo>
                      <a:lnTo>
                        <a:pt x="299" y="149"/>
                      </a:lnTo>
                      <a:lnTo>
                        <a:pt x="299" y="142"/>
                      </a:lnTo>
                      <a:lnTo>
                        <a:pt x="298" y="137"/>
                      </a:lnTo>
                      <a:lnTo>
                        <a:pt x="298" y="132"/>
                      </a:lnTo>
                      <a:lnTo>
                        <a:pt x="298" y="127"/>
                      </a:lnTo>
                      <a:lnTo>
                        <a:pt x="298" y="122"/>
                      </a:lnTo>
                      <a:lnTo>
                        <a:pt x="298" y="118"/>
                      </a:lnTo>
                      <a:lnTo>
                        <a:pt x="299" y="115"/>
                      </a:lnTo>
                      <a:lnTo>
                        <a:pt x="299" y="111"/>
                      </a:lnTo>
                      <a:lnTo>
                        <a:pt x="299" y="108"/>
                      </a:lnTo>
                      <a:lnTo>
                        <a:pt x="299" y="106"/>
                      </a:lnTo>
                      <a:lnTo>
                        <a:pt x="299" y="98"/>
                      </a:lnTo>
                      <a:lnTo>
                        <a:pt x="296" y="93"/>
                      </a:lnTo>
                      <a:lnTo>
                        <a:pt x="294" y="86"/>
                      </a:lnTo>
                      <a:lnTo>
                        <a:pt x="291" y="81"/>
                      </a:lnTo>
                      <a:lnTo>
                        <a:pt x="287" y="78"/>
                      </a:lnTo>
                      <a:lnTo>
                        <a:pt x="286" y="74"/>
                      </a:lnTo>
                      <a:lnTo>
                        <a:pt x="284" y="72"/>
                      </a:lnTo>
                      <a:lnTo>
                        <a:pt x="282" y="72"/>
                      </a:lnTo>
                      <a:lnTo>
                        <a:pt x="296" y="72"/>
                      </a:lnTo>
                      <a:lnTo>
                        <a:pt x="301" y="67"/>
                      </a:lnTo>
                      <a:lnTo>
                        <a:pt x="301" y="66"/>
                      </a:lnTo>
                      <a:lnTo>
                        <a:pt x="301" y="64"/>
                      </a:lnTo>
                      <a:lnTo>
                        <a:pt x="301" y="61"/>
                      </a:lnTo>
                      <a:lnTo>
                        <a:pt x="301" y="59"/>
                      </a:lnTo>
                      <a:lnTo>
                        <a:pt x="299" y="56"/>
                      </a:lnTo>
                      <a:lnTo>
                        <a:pt x="298" y="52"/>
                      </a:lnTo>
                      <a:lnTo>
                        <a:pt x="299" y="52"/>
                      </a:lnTo>
                      <a:lnTo>
                        <a:pt x="301" y="52"/>
                      </a:lnTo>
                      <a:lnTo>
                        <a:pt x="303" y="52"/>
                      </a:lnTo>
                      <a:lnTo>
                        <a:pt x="303" y="54"/>
                      </a:lnTo>
                      <a:lnTo>
                        <a:pt x="304" y="56"/>
                      </a:lnTo>
                      <a:lnTo>
                        <a:pt x="306" y="59"/>
                      </a:lnTo>
                      <a:lnTo>
                        <a:pt x="306" y="61"/>
                      </a:lnTo>
                      <a:lnTo>
                        <a:pt x="308" y="61"/>
                      </a:lnTo>
                      <a:lnTo>
                        <a:pt x="309" y="59"/>
                      </a:lnTo>
                      <a:lnTo>
                        <a:pt x="309" y="57"/>
                      </a:lnTo>
                      <a:lnTo>
                        <a:pt x="311" y="56"/>
                      </a:lnTo>
                      <a:lnTo>
                        <a:pt x="321" y="42"/>
                      </a:lnTo>
                      <a:lnTo>
                        <a:pt x="320" y="40"/>
                      </a:lnTo>
                      <a:lnTo>
                        <a:pt x="320" y="39"/>
                      </a:lnTo>
                      <a:lnTo>
                        <a:pt x="320" y="35"/>
                      </a:lnTo>
                      <a:lnTo>
                        <a:pt x="320" y="34"/>
                      </a:lnTo>
                      <a:lnTo>
                        <a:pt x="320" y="32"/>
                      </a:lnTo>
                      <a:lnTo>
                        <a:pt x="320" y="28"/>
                      </a:lnTo>
                      <a:lnTo>
                        <a:pt x="325" y="23"/>
                      </a:lnTo>
                      <a:lnTo>
                        <a:pt x="328" y="22"/>
                      </a:lnTo>
                      <a:lnTo>
                        <a:pt x="330" y="20"/>
                      </a:lnTo>
                      <a:lnTo>
                        <a:pt x="331" y="22"/>
                      </a:lnTo>
                      <a:lnTo>
                        <a:pt x="331" y="23"/>
                      </a:lnTo>
                      <a:lnTo>
                        <a:pt x="331" y="25"/>
                      </a:lnTo>
                      <a:lnTo>
                        <a:pt x="331" y="27"/>
                      </a:lnTo>
                      <a:lnTo>
                        <a:pt x="330" y="27"/>
                      </a:lnTo>
                      <a:lnTo>
                        <a:pt x="330" y="32"/>
                      </a:lnTo>
                      <a:lnTo>
                        <a:pt x="330" y="35"/>
                      </a:lnTo>
                      <a:lnTo>
                        <a:pt x="333" y="35"/>
                      </a:lnTo>
                      <a:lnTo>
                        <a:pt x="335" y="34"/>
                      </a:lnTo>
                      <a:lnTo>
                        <a:pt x="337" y="32"/>
                      </a:lnTo>
                      <a:lnTo>
                        <a:pt x="338" y="30"/>
                      </a:lnTo>
                      <a:lnTo>
                        <a:pt x="340" y="30"/>
                      </a:lnTo>
                      <a:lnTo>
                        <a:pt x="338" y="34"/>
                      </a:lnTo>
                      <a:lnTo>
                        <a:pt x="338" y="37"/>
                      </a:lnTo>
                      <a:lnTo>
                        <a:pt x="337" y="39"/>
                      </a:lnTo>
                      <a:lnTo>
                        <a:pt x="333" y="42"/>
                      </a:lnTo>
                      <a:lnTo>
                        <a:pt x="331" y="44"/>
                      </a:lnTo>
                      <a:lnTo>
                        <a:pt x="330" y="45"/>
                      </a:lnTo>
                      <a:lnTo>
                        <a:pt x="330" y="47"/>
                      </a:lnTo>
                      <a:lnTo>
                        <a:pt x="328" y="47"/>
                      </a:lnTo>
                      <a:lnTo>
                        <a:pt x="323" y="52"/>
                      </a:lnTo>
                      <a:lnTo>
                        <a:pt x="320" y="59"/>
                      </a:lnTo>
                      <a:lnTo>
                        <a:pt x="316" y="66"/>
                      </a:lnTo>
                      <a:lnTo>
                        <a:pt x="316" y="72"/>
                      </a:lnTo>
                      <a:lnTo>
                        <a:pt x="316" y="79"/>
                      </a:lnTo>
                      <a:lnTo>
                        <a:pt x="316" y="84"/>
                      </a:lnTo>
                      <a:lnTo>
                        <a:pt x="318" y="88"/>
                      </a:lnTo>
                      <a:lnTo>
                        <a:pt x="318" y="89"/>
                      </a:lnTo>
                      <a:lnTo>
                        <a:pt x="321" y="88"/>
                      </a:lnTo>
                      <a:lnTo>
                        <a:pt x="323" y="86"/>
                      </a:lnTo>
                      <a:lnTo>
                        <a:pt x="326" y="83"/>
                      </a:lnTo>
                      <a:lnTo>
                        <a:pt x="328" y="79"/>
                      </a:lnTo>
                      <a:lnTo>
                        <a:pt x="330" y="76"/>
                      </a:lnTo>
                      <a:lnTo>
                        <a:pt x="331" y="72"/>
                      </a:lnTo>
                      <a:lnTo>
                        <a:pt x="333" y="71"/>
                      </a:lnTo>
                      <a:lnTo>
                        <a:pt x="333" y="69"/>
                      </a:lnTo>
                      <a:lnTo>
                        <a:pt x="335" y="72"/>
                      </a:lnTo>
                      <a:lnTo>
                        <a:pt x="335" y="76"/>
                      </a:lnTo>
                      <a:lnTo>
                        <a:pt x="333" y="79"/>
                      </a:lnTo>
                      <a:lnTo>
                        <a:pt x="331" y="83"/>
                      </a:lnTo>
                      <a:lnTo>
                        <a:pt x="330" y="86"/>
                      </a:lnTo>
                      <a:lnTo>
                        <a:pt x="328" y="88"/>
                      </a:lnTo>
                      <a:lnTo>
                        <a:pt x="328" y="89"/>
                      </a:lnTo>
                      <a:lnTo>
                        <a:pt x="326" y="89"/>
                      </a:lnTo>
                      <a:lnTo>
                        <a:pt x="326" y="91"/>
                      </a:lnTo>
                      <a:lnTo>
                        <a:pt x="326" y="93"/>
                      </a:lnTo>
                      <a:lnTo>
                        <a:pt x="326" y="96"/>
                      </a:lnTo>
                      <a:lnTo>
                        <a:pt x="326" y="100"/>
                      </a:lnTo>
                      <a:lnTo>
                        <a:pt x="326" y="103"/>
                      </a:lnTo>
                      <a:lnTo>
                        <a:pt x="326" y="106"/>
                      </a:lnTo>
                      <a:lnTo>
                        <a:pt x="325" y="110"/>
                      </a:lnTo>
                      <a:lnTo>
                        <a:pt x="320" y="116"/>
                      </a:lnTo>
                      <a:lnTo>
                        <a:pt x="318" y="120"/>
                      </a:lnTo>
                      <a:lnTo>
                        <a:pt x="316" y="123"/>
                      </a:lnTo>
                      <a:lnTo>
                        <a:pt x="316" y="125"/>
                      </a:lnTo>
                      <a:lnTo>
                        <a:pt x="318" y="127"/>
                      </a:lnTo>
                      <a:lnTo>
                        <a:pt x="320" y="127"/>
                      </a:lnTo>
                      <a:lnTo>
                        <a:pt x="330" y="132"/>
                      </a:lnTo>
                      <a:lnTo>
                        <a:pt x="337" y="137"/>
                      </a:lnTo>
                      <a:lnTo>
                        <a:pt x="340" y="140"/>
                      </a:lnTo>
                      <a:lnTo>
                        <a:pt x="342" y="142"/>
                      </a:lnTo>
                      <a:lnTo>
                        <a:pt x="342" y="144"/>
                      </a:lnTo>
                      <a:lnTo>
                        <a:pt x="340" y="145"/>
                      </a:lnTo>
                      <a:lnTo>
                        <a:pt x="338" y="145"/>
                      </a:lnTo>
                      <a:lnTo>
                        <a:pt x="337" y="145"/>
                      </a:lnTo>
                      <a:lnTo>
                        <a:pt x="331" y="145"/>
                      </a:lnTo>
                      <a:lnTo>
                        <a:pt x="328" y="147"/>
                      </a:lnTo>
                      <a:lnTo>
                        <a:pt x="325" y="147"/>
                      </a:lnTo>
                      <a:lnTo>
                        <a:pt x="325" y="149"/>
                      </a:lnTo>
                      <a:lnTo>
                        <a:pt x="325" y="150"/>
                      </a:lnTo>
                      <a:lnTo>
                        <a:pt x="325" y="152"/>
                      </a:lnTo>
                      <a:lnTo>
                        <a:pt x="326" y="152"/>
                      </a:lnTo>
                      <a:lnTo>
                        <a:pt x="333" y="152"/>
                      </a:lnTo>
                      <a:lnTo>
                        <a:pt x="337" y="154"/>
                      </a:lnTo>
                      <a:lnTo>
                        <a:pt x="337" y="155"/>
                      </a:lnTo>
                      <a:lnTo>
                        <a:pt x="335" y="157"/>
                      </a:lnTo>
                      <a:lnTo>
                        <a:pt x="331" y="159"/>
                      </a:lnTo>
                      <a:lnTo>
                        <a:pt x="328" y="160"/>
                      </a:lnTo>
                      <a:lnTo>
                        <a:pt x="326" y="160"/>
                      </a:lnTo>
                      <a:lnTo>
                        <a:pt x="325" y="162"/>
                      </a:lnTo>
                      <a:lnTo>
                        <a:pt x="325" y="166"/>
                      </a:lnTo>
                      <a:lnTo>
                        <a:pt x="335" y="177"/>
                      </a:lnTo>
                      <a:lnTo>
                        <a:pt x="337" y="176"/>
                      </a:lnTo>
                      <a:lnTo>
                        <a:pt x="338" y="176"/>
                      </a:lnTo>
                      <a:lnTo>
                        <a:pt x="340" y="174"/>
                      </a:lnTo>
                      <a:lnTo>
                        <a:pt x="342" y="176"/>
                      </a:lnTo>
                      <a:lnTo>
                        <a:pt x="345" y="177"/>
                      </a:lnTo>
                      <a:lnTo>
                        <a:pt x="347" y="181"/>
                      </a:lnTo>
                      <a:lnTo>
                        <a:pt x="348" y="182"/>
                      </a:lnTo>
                      <a:lnTo>
                        <a:pt x="348" y="184"/>
                      </a:lnTo>
                      <a:lnTo>
                        <a:pt x="350" y="186"/>
                      </a:lnTo>
                      <a:lnTo>
                        <a:pt x="352" y="188"/>
                      </a:lnTo>
                      <a:lnTo>
                        <a:pt x="355" y="188"/>
                      </a:lnTo>
                      <a:lnTo>
                        <a:pt x="359" y="186"/>
                      </a:lnTo>
                      <a:lnTo>
                        <a:pt x="360" y="186"/>
                      </a:lnTo>
                      <a:lnTo>
                        <a:pt x="359" y="184"/>
                      </a:lnTo>
                      <a:lnTo>
                        <a:pt x="359" y="182"/>
                      </a:lnTo>
                      <a:lnTo>
                        <a:pt x="357" y="179"/>
                      </a:lnTo>
                      <a:lnTo>
                        <a:pt x="355" y="176"/>
                      </a:lnTo>
                      <a:lnTo>
                        <a:pt x="357" y="174"/>
                      </a:lnTo>
                      <a:lnTo>
                        <a:pt x="359" y="172"/>
                      </a:lnTo>
                      <a:lnTo>
                        <a:pt x="360" y="171"/>
                      </a:lnTo>
                      <a:lnTo>
                        <a:pt x="362" y="171"/>
                      </a:lnTo>
                      <a:lnTo>
                        <a:pt x="364" y="171"/>
                      </a:lnTo>
                      <a:lnTo>
                        <a:pt x="364" y="177"/>
                      </a:lnTo>
                      <a:lnTo>
                        <a:pt x="364" y="182"/>
                      </a:lnTo>
                      <a:lnTo>
                        <a:pt x="365" y="184"/>
                      </a:lnTo>
                      <a:lnTo>
                        <a:pt x="367" y="186"/>
                      </a:lnTo>
                      <a:lnTo>
                        <a:pt x="369" y="184"/>
                      </a:lnTo>
                      <a:lnTo>
                        <a:pt x="370" y="182"/>
                      </a:lnTo>
                      <a:lnTo>
                        <a:pt x="372" y="182"/>
                      </a:lnTo>
                      <a:lnTo>
                        <a:pt x="372" y="181"/>
                      </a:lnTo>
                      <a:lnTo>
                        <a:pt x="374" y="181"/>
                      </a:lnTo>
                      <a:lnTo>
                        <a:pt x="375" y="182"/>
                      </a:lnTo>
                      <a:lnTo>
                        <a:pt x="377" y="184"/>
                      </a:lnTo>
                      <a:lnTo>
                        <a:pt x="370" y="191"/>
                      </a:lnTo>
                      <a:lnTo>
                        <a:pt x="369" y="194"/>
                      </a:lnTo>
                      <a:lnTo>
                        <a:pt x="369" y="198"/>
                      </a:lnTo>
                      <a:lnTo>
                        <a:pt x="372" y="198"/>
                      </a:lnTo>
                      <a:lnTo>
                        <a:pt x="375" y="196"/>
                      </a:lnTo>
                      <a:lnTo>
                        <a:pt x="379" y="194"/>
                      </a:lnTo>
                      <a:lnTo>
                        <a:pt x="382" y="193"/>
                      </a:lnTo>
                      <a:lnTo>
                        <a:pt x="382" y="194"/>
                      </a:lnTo>
                      <a:lnTo>
                        <a:pt x="382" y="198"/>
                      </a:lnTo>
                      <a:lnTo>
                        <a:pt x="382" y="199"/>
                      </a:lnTo>
                      <a:lnTo>
                        <a:pt x="382" y="203"/>
                      </a:lnTo>
                      <a:lnTo>
                        <a:pt x="382" y="204"/>
                      </a:lnTo>
                      <a:lnTo>
                        <a:pt x="382" y="206"/>
                      </a:lnTo>
                      <a:lnTo>
                        <a:pt x="381" y="211"/>
                      </a:lnTo>
                      <a:lnTo>
                        <a:pt x="381" y="215"/>
                      </a:lnTo>
                      <a:lnTo>
                        <a:pt x="381" y="218"/>
                      </a:lnTo>
                      <a:lnTo>
                        <a:pt x="382" y="220"/>
                      </a:lnTo>
                      <a:lnTo>
                        <a:pt x="384" y="221"/>
                      </a:lnTo>
                      <a:lnTo>
                        <a:pt x="386" y="223"/>
                      </a:lnTo>
                      <a:lnTo>
                        <a:pt x="387" y="223"/>
                      </a:lnTo>
                      <a:lnTo>
                        <a:pt x="394" y="220"/>
                      </a:lnTo>
                      <a:lnTo>
                        <a:pt x="397" y="216"/>
                      </a:lnTo>
                      <a:lnTo>
                        <a:pt x="399" y="215"/>
                      </a:lnTo>
                      <a:lnTo>
                        <a:pt x="403" y="211"/>
                      </a:lnTo>
                      <a:lnTo>
                        <a:pt x="406" y="210"/>
                      </a:lnTo>
                      <a:lnTo>
                        <a:pt x="409" y="206"/>
                      </a:lnTo>
                      <a:lnTo>
                        <a:pt x="413" y="204"/>
                      </a:lnTo>
                      <a:lnTo>
                        <a:pt x="418" y="203"/>
                      </a:lnTo>
                      <a:lnTo>
                        <a:pt x="425" y="203"/>
                      </a:lnTo>
                      <a:lnTo>
                        <a:pt x="430" y="198"/>
                      </a:lnTo>
                      <a:lnTo>
                        <a:pt x="431" y="171"/>
                      </a:lnTo>
                      <a:lnTo>
                        <a:pt x="436" y="171"/>
                      </a:lnTo>
                      <a:lnTo>
                        <a:pt x="440" y="145"/>
                      </a:lnTo>
                      <a:lnTo>
                        <a:pt x="441" y="144"/>
                      </a:lnTo>
                      <a:lnTo>
                        <a:pt x="443" y="144"/>
                      </a:lnTo>
                      <a:lnTo>
                        <a:pt x="443" y="145"/>
                      </a:lnTo>
                      <a:lnTo>
                        <a:pt x="443" y="155"/>
                      </a:lnTo>
                      <a:lnTo>
                        <a:pt x="441" y="164"/>
                      </a:lnTo>
                      <a:lnTo>
                        <a:pt x="441" y="172"/>
                      </a:lnTo>
                      <a:lnTo>
                        <a:pt x="440" y="179"/>
                      </a:lnTo>
                      <a:lnTo>
                        <a:pt x="438" y="184"/>
                      </a:lnTo>
                      <a:lnTo>
                        <a:pt x="438" y="189"/>
                      </a:lnTo>
                      <a:lnTo>
                        <a:pt x="436" y="194"/>
                      </a:lnTo>
                      <a:lnTo>
                        <a:pt x="436" y="198"/>
                      </a:lnTo>
                      <a:lnTo>
                        <a:pt x="435" y="201"/>
                      </a:lnTo>
                      <a:lnTo>
                        <a:pt x="435" y="203"/>
                      </a:lnTo>
                      <a:lnTo>
                        <a:pt x="435" y="204"/>
                      </a:lnTo>
                      <a:lnTo>
                        <a:pt x="433" y="206"/>
                      </a:lnTo>
                      <a:lnTo>
                        <a:pt x="433" y="208"/>
                      </a:lnTo>
                      <a:lnTo>
                        <a:pt x="433" y="210"/>
                      </a:lnTo>
                      <a:lnTo>
                        <a:pt x="433" y="215"/>
                      </a:lnTo>
                      <a:lnTo>
                        <a:pt x="433" y="216"/>
                      </a:lnTo>
                      <a:lnTo>
                        <a:pt x="433" y="218"/>
                      </a:lnTo>
                      <a:lnTo>
                        <a:pt x="435" y="216"/>
                      </a:lnTo>
                      <a:lnTo>
                        <a:pt x="435" y="215"/>
                      </a:lnTo>
                      <a:lnTo>
                        <a:pt x="436" y="215"/>
                      </a:lnTo>
                      <a:lnTo>
                        <a:pt x="436" y="213"/>
                      </a:lnTo>
                      <a:lnTo>
                        <a:pt x="438" y="211"/>
                      </a:lnTo>
                      <a:lnTo>
                        <a:pt x="440" y="206"/>
                      </a:lnTo>
                      <a:lnTo>
                        <a:pt x="441" y="203"/>
                      </a:lnTo>
                      <a:lnTo>
                        <a:pt x="443" y="198"/>
                      </a:lnTo>
                      <a:lnTo>
                        <a:pt x="443" y="191"/>
                      </a:lnTo>
                      <a:lnTo>
                        <a:pt x="445" y="186"/>
                      </a:lnTo>
                      <a:lnTo>
                        <a:pt x="447" y="179"/>
                      </a:lnTo>
                      <a:lnTo>
                        <a:pt x="447" y="172"/>
                      </a:lnTo>
                      <a:lnTo>
                        <a:pt x="447" y="167"/>
                      </a:lnTo>
                      <a:lnTo>
                        <a:pt x="447" y="160"/>
                      </a:lnTo>
                      <a:lnTo>
                        <a:pt x="447" y="155"/>
                      </a:lnTo>
                      <a:lnTo>
                        <a:pt x="448" y="150"/>
                      </a:lnTo>
                      <a:lnTo>
                        <a:pt x="448" y="147"/>
                      </a:lnTo>
                      <a:lnTo>
                        <a:pt x="448" y="144"/>
                      </a:lnTo>
                      <a:lnTo>
                        <a:pt x="448" y="142"/>
                      </a:lnTo>
                      <a:lnTo>
                        <a:pt x="386" y="154"/>
                      </a:lnTo>
                      <a:lnTo>
                        <a:pt x="345" y="0"/>
                      </a:lnTo>
                      <a:lnTo>
                        <a:pt x="0" y="66"/>
                      </a:lnTo>
                      <a:lnTo>
                        <a:pt x="10" y="127"/>
                      </a:lnTo>
                      <a:lnTo>
                        <a:pt x="45" y="94"/>
                      </a:lnTo>
                      <a:lnTo>
                        <a:pt x="45" y="96"/>
                      </a:lnTo>
                      <a:lnTo>
                        <a:pt x="47" y="96"/>
                      </a:lnTo>
                      <a:lnTo>
                        <a:pt x="49" y="96"/>
                      </a:lnTo>
                      <a:lnTo>
                        <a:pt x="52" y="94"/>
                      </a:lnTo>
                      <a:lnTo>
                        <a:pt x="57" y="89"/>
                      </a:lnTo>
                      <a:lnTo>
                        <a:pt x="62" y="83"/>
                      </a:lnTo>
                      <a:lnTo>
                        <a:pt x="69" y="71"/>
                      </a:lnTo>
                      <a:lnTo>
                        <a:pt x="71" y="71"/>
                      </a:lnTo>
                      <a:lnTo>
                        <a:pt x="74" y="72"/>
                      </a:lnTo>
                      <a:lnTo>
                        <a:pt x="79" y="74"/>
                      </a:lnTo>
                      <a:lnTo>
                        <a:pt x="84" y="74"/>
                      </a:lnTo>
                      <a:lnTo>
                        <a:pt x="89" y="74"/>
                      </a:lnTo>
                      <a:lnTo>
                        <a:pt x="96" y="72"/>
                      </a:lnTo>
                      <a:lnTo>
                        <a:pt x="101" y="67"/>
                      </a:lnTo>
                      <a:lnTo>
                        <a:pt x="106" y="61"/>
                      </a:lnTo>
                      <a:lnTo>
                        <a:pt x="108" y="59"/>
                      </a:lnTo>
                      <a:lnTo>
                        <a:pt x="108" y="57"/>
                      </a:lnTo>
                      <a:lnTo>
                        <a:pt x="111" y="54"/>
                      </a:lnTo>
                      <a:lnTo>
                        <a:pt x="115" y="52"/>
                      </a:lnTo>
                      <a:lnTo>
                        <a:pt x="120" y="50"/>
                      </a:lnTo>
                      <a:lnTo>
                        <a:pt x="125" y="50"/>
                      </a:lnTo>
                      <a:lnTo>
                        <a:pt x="133" y="52"/>
                      </a:lnTo>
                      <a:lnTo>
                        <a:pt x="144" y="56"/>
                      </a:lnTo>
                      <a:lnTo>
                        <a:pt x="145" y="56"/>
                      </a:lnTo>
                      <a:lnTo>
                        <a:pt x="147" y="56"/>
                      </a:lnTo>
                      <a:lnTo>
                        <a:pt x="149" y="56"/>
                      </a:lnTo>
                      <a:lnTo>
                        <a:pt x="150" y="56"/>
                      </a:lnTo>
                      <a:lnTo>
                        <a:pt x="154" y="56"/>
                      </a:lnTo>
                      <a:lnTo>
                        <a:pt x="155" y="56"/>
                      </a:lnTo>
                      <a:lnTo>
                        <a:pt x="157" y="56"/>
                      </a:lnTo>
                      <a:lnTo>
                        <a:pt x="159" y="62"/>
                      </a:lnTo>
                      <a:lnTo>
                        <a:pt x="161" y="64"/>
                      </a:lnTo>
                      <a:lnTo>
                        <a:pt x="164" y="66"/>
                      </a:lnTo>
                      <a:lnTo>
                        <a:pt x="167" y="69"/>
                      </a:lnTo>
                      <a:lnTo>
                        <a:pt x="171" y="72"/>
                      </a:lnTo>
                      <a:lnTo>
                        <a:pt x="174" y="78"/>
                      </a:lnTo>
                      <a:lnTo>
                        <a:pt x="176" y="83"/>
                      </a:lnTo>
                      <a:lnTo>
                        <a:pt x="176" y="88"/>
                      </a:lnTo>
                      <a:lnTo>
                        <a:pt x="172" y="93"/>
                      </a:lnTo>
                      <a:lnTo>
                        <a:pt x="174" y="91"/>
                      </a:lnTo>
                      <a:lnTo>
                        <a:pt x="176" y="89"/>
                      </a:lnTo>
                      <a:lnTo>
                        <a:pt x="179" y="89"/>
                      </a:lnTo>
                      <a:lnTo>
                        <a:pt x="184" y="88"/>
                      </a:lnTo>
                      <a:lnTo>
                        <a:pt x="188" y="86"/>
                      </a:lnTo>
                      <a:lnTo>
                        <a:pt x="193" y="86"/>
                      </a:lnTo>
                      <a:lnTo>
                        <a:pt x="196" y="89"/>
                      </a:lnTo>
                      <a:lnTo>
                        <a:pt x="199" y="93"/>
                      </a:lnTo>
                      <a:lnTo>
                        <a:pt x="199" y="94"/>
                      </a:lnTo>
                      <a:lnTo>
                        <a:pt x="198" y="98"/>
                      </a:lnTo>
                      <a:lnTo>
                        <a:pt x="198" y="100"/>
                      </a:lnTo>
                      <a:lnTo>
                        <a:pt x="198" y="103"/>
                      </a:lnTo>
                      <a:lnTo>
                        <a:pt x="198" y="108"/>
                      </a:lnTo>
                      <a:lnTo>
                        <a:pt x="203" y="110"/>
                      </a:lnTo>
                      <a:lnTo>
                        <a:pt x="210" y="113"/>
                      </a:lnTo>
                      <a:lnTo>
                        <a:pt x="221" y="113"/>
                      </a:lnTo>
                      <a:lnTo>
                        <a:pt x="223" y="113"/>
                      </a:lnTo>
                      <a:lnTo>
                        <a:pt x="227" y="115"/>
                      </a:lnTo>
                      <a:lnTo>
                        <a:pt x="228" y="115"/>
                      </a:lnTo>
                      <a:lnTo>
                        <a:pt x="230" y="116"/>
                      </a:lnTo>
                      <a:lnTo>
                        <a:pt x="233" y="118"/>
                      </a:lnTo>
                      <a:lnTo>
                        <a:pt x="237" y="120"/>
                      </a:lnTo>
                      <a:lnTo>
                        <a:pt x="240" y="122"/>
                      </a:lnTo>
                      <a:lnTo>
                        <a:pt x="247" y="11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42" name="Freeform 75"/>
                <p:cNvSpPr>
                  <a:spLocks/>
                </p:cNvSpPr>
                <p:nvPr/>
              </p:nvSpPr>
              <p:spPr bwMode="auto">
                <a:xfrm>
                  <a:off x="4487" y="1686"/>
                  <a:ext cx="448" cy="223"/>
                </a:xfrm>
                <a:custGeom>
                  <a:avLst/>
                  <a:gdLst>
                    <a:gd name="T0" fmla="*/ 249 w 448"/>
                    <a:gd name="T1" fmla="*/ 155 h 223"/>
                    <a:gd name="T2" fmla="*/ 238 w 448"/>
                    <a:gd name="T3" fmla="*/ 189 h 223"/>
                    <a:gd name="T4" fmla="*/ 252 w 448"/>
                    <a:gd name="T5" fmla="*/ 186 h 223"/>
                    <a:gd name="T6" fmla="*/ 274 w 448"/>
                    <a:gd name="T7" fmla="*/ 201 h 223"/>
                    <a:gd name="T8" fmla="*/ 286 w 448"/>
                    <a:gd name="T9" fmla="*/ 201 h 223"/>
                    <a:gd name="T10" fmla="*/ 331 w 448"/>
                    <a:gd name="T11" fmla="*/ 216 h 223"/>
                    <a:gd name="T12" fmla="*/ 291 w 448"/>
                    <a:gd name="T13" fmla="*/ 167 h 223"/>
                    <a:gd name="T14" fmla="*/ 316 w 448"/>
                    <a:gd name="T15" fmla="*/ 182 h 223"/>
                    <a:gd name="T16" fmla="*/ 315 w 448"/>
                    <a:gd name="T17" fmla="*/ 172 h 223"/>
                    <a:gd name="T18" fmla="*/ 298 w 448"/>
                    <a:gd name="T19" fmla="*/ 132 h 223"/>
                    <a:gd name="T20" fmla="*/ 299 w 448"/>
                    <a:gd name="T21" fmla="*/ 106 h 223"/>
                    <a:gd name="T22" fmla="*/ 284 w 448"/>
                    <a:gd name="T23" fmla="*/ 72 h 223"/>
                    <a:gd name="T24" fmla="*/ 301 w 448"/>
                    <a:gd name="T25" fmla="*/ 59 h 223"/>
                    <a:gd name="T26" fmla="*/ 304 w 448"/>
                    <a:gd name="T27" fmla="*/ 56 h 223"/>
                    <a:gd name="T28" fmla="*/ 309 w 448"/>
                    <a:gd name="T29" fmla="*/ 57 h 223"/>
                    <a:gd name="T30" fmla="*/ 320 w 448"/>
                    <a:gd name="T31" fmla="*/ 35 h 223"/>
                    <a:gd name="T32" fmla="*/ 330 w 448"/>
                    <a:gd name="T33" fmla="*/ 20 h 223"/>
                    <a:gd name="T34" fmla="*/ 330 w 448"/>
                    <a:gd name="T35" fmla="*/ 35 h 223"/>
                    <a:gd name="T36" fmla="*/ 338 w 448"/>
                    <a:gd name="T37" fmla="*/ 34 h 223"/>
                    <a:gd name="T38" fmla="*/ 328 w 448"/>
                    <a:gd name="T39" fmla="*/ 47 h 223"/>
                    <a:gd name="T40" fmla="*/ 318 w 448"/>
                    <a:gd name="T41" fmla="*/ 89 h 223"/>
                    <a:gd name="T42" fmla="*/ 333 w 448"/>
                    <a:gd name="T43" fmla="*/ 71 h 223"/>
                    <a:gd name="T44" fmla="*/ 328 w 448"/>
                    <a:gd name="T45" fmla="*/ 88 h 223"/>
                    <a:gd name="T46" fmla="*/ 326 w 448"/>
                    <a:gd name="T47" fmla="*/ 103 h 223"/>
                    <a:gd name="T48" fmla="*/ 316 w 448"/>
                    <a:gd name="T49" fmla="*/ 125 h 223"/>
                    <a:gd name="T50" fmla="*/ 340 w 448"/>
                    <a:gd name="T51" fmla="*/ 140 h 223"/>
                    <a:gd name="T52" fmla="*/ 328 w 448"/>
                    <a:gd name="T53" fmla="*/ 147 h 223"/>
                    <a:gd name="T54" fmla="*/ 333 w 448"/>
                    <a:gd name="T55" fmla="*/ 152 h 223"/>
                    <a:gd name="T56" fmla="*/ 325 w 448"/>
                    <a:gd name="T57" fmla="*/ 166 h 223"/>
                    <a:gd name="T58" fmla="*/ 342 w 448"/>
                    <a:gd name="T59" fmla="*/ 176 h 223"/>
                    <a:gd name="T60" fmla="*/ 352 w 448"/>
                    <a:gd name="T61" fmla="*/ 188 h 223"/>
                    <a:gd name="T62" fmla="*/ 359 w 448"/>
                    <a:gd name="T63" fmla="*/ 182 h 223"/>
                    <a:gd name="T64" fmla="*/ 362 w 448"/>
                    <a:gd name="T65" fmla="*/ 171 h 223"/>
                    <a:gd name="T66" fmla="*/ 370 w 448"/>
                    <a:gd name="T67" fmla="*/ 182 h 223"/>
                    <a:gd name="T68" fmla="*/ 377 w 448"/>
                    <a:gd name="T69" fmla="*/ 184 h 223"/>
                    <a:gd name="T70" fmla="*/ 382 w 448"/>
                    <a:gd name="T71" fmla="*/ 193 h 223"/>
                    <a:gd name="T72" fmla="*/ 382 w 448"/>
                    <a:gd name="T73" fmla="*/ 206 h 223"/>
                    <a:gd name="T74" fmla="*/ 386 w 448"/>
                    <a:gd name="T75" fmla="*/ 223 h 223"/>
                    <a:gd name="T76" fmla="*/ 403 w 448"/>
                    <a:gd name="T77" fmla="*/ 211 h 223"/>
                    <a:gd name="T78" fmla="*/ 436 w 448"/>
                    <a:gd name="T79" fmla="*/ 171 h 223"/>
                    <a:gd name="T80" fmla="*/ 443 w 448"/>
                    <a:gd name="T81" fmla="*/ 155 h 223"/>
                    <a:gd name="T82" fmla="*/ 435 w 448"/>
                    <a:gd name="T83" fmla="*/ 201 h 223"/>
                    <a:gd name="T84" fmla="*/ 433 w 448"/>
                    <a:gd name="T85" fmla="*/ 210 h 223"/>
                    <a:gd name="T86" fmla="*/ 436 w 448"/>
                    <a:gd name="T87" fmla="*/ 213 h 223"/>
                    <a:gd name="T88" fmla="*/ 447 w 448"/>
                    <a:gd name="T89" fmla="*/ 179 h 223"/>
                    <a:gd name="T90" fmla="*/ 448 w 448"/>
                    <a:gd name="T91" fmla="*/ 142 h 223"/>
                    <a:gd name="T92" fmla="*/ 45 w 448"/>
                    <a:gd name="T93" fmla="*/ 94 h 223"/>
                    <a:gd name="T94" fmla="*/ 62 w 448"/>
                    <a:gd name="T95" fmla="*/ 83 h 223"/>
                    <a:gd name="T96" fmla="*/ 96 w 448"/>
                    <a:gd name="T97" fmla="*/ 72 h 223"/>
                    <a:gd name="T98" fmla="*/ 120 w 448"/>
                    <a:gd name="T99" fmla="*/ 50 h 223"/>
                    <a:gd name="T100" fmla="*/ 150 w 448"/>
                    <a:gd name="T101" fmla="*/ 56 h 223"/>
                    <a:gd name="T102" fmla="*/ 164 w 448"/>
                    <a:gd name="T103" fmla="*/ 66 h 223"/>
                    <a:gd name="T104" fmla="*/ 174 w 448"/>
                    <a:gd name="T105" fmla="*/ 91 h 223"/>
                    <a:gd name="T106" fmla="*/ 199 w 448"/>
                    <a:gd name="T107" fmla="*/ 93 h 223"/>
                    <a:gd name="T108" fmla="*/ 221 w 448"/>
                    <a:gd name="T109" fmla="*/ 113 h 223"/>
                    <a:gd name="T110" fmla="*/ 237 w 448"/>
                    <a:gd name="T111" fmla="*/ 120 h 223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w 448"/>
                    <a:gd name="T169" fmla="*/ 0 h 223"/>
                    <a:gd name="T170" fmla="*/ 448 w 448"/>
                    <a:gd name="T171" fmla="*/ 223 h 223"/>
                  </a:gdLst>
                  <a:ahLst/>
                  <a:cxnLst>
                    <a:cxn ang="T112">
                      <a:pos x="T0" y="T1"/>
                    </a:cxn>
                    <a:cxn ang="T113">
                      <a:pos x="T2" y="T3"/>
                    </a:cxn>
                    <a:cxn ang="T114">
                      <a:pos x="T4" y="T5"/>
                    </a:cxn>
                    <a:cxn ang="T115">
                      <a:pos x="T6" y="T7"/>
                    </a:cxn>
                    <a:cxn ang="T116">
                      <a:pos x="T8" y="T9"/>
                    </a:cxn>
                    <a:cxn ang="T117">
                      <a:pos x="T10" y="T11"/>
                    </a:cxn>
                    <a:cxn ang="T118">
                      <a:pos x="T12" y="T13"/>
                    </a:cxn>
                    <a:cxn ang="T119">
                      <a:pos x="T14" y="T15"/>
                    </a:cxn>
                    <a:cxn ang="T120">
                      <a:pos x="T16" y="T17"/>
                    </a:cxn>
                    <a:cxn ang="T121">
                      <a:pos x="T18" y="T19"/>
                    </a:cxn>
                    <a:cxn ang="T122">
                      <a:pos x="T20" y="T21"/>
                    </a:cxn>
                    <a:cxn ang="T123">
                      <a:pos x="T22" y="T23"/>
                    </a:cxn>
                    <a:cxn ang="T124">
                      <a:pos x="T24" y="T25"/>
                    </a:cxn>
                    <a:cxn ang="T125">
                      <a:pos x="T26" y="T27"/>
                    </a:cxn>
                    <a:cxn ang="T126">
                      <a:pos x="T28" y="T29"/>
                    </a:cxn>
                    <a:cxn ang="T127">
                      <a:pos x="T30" y="T31"/>
                    </a:cxn>
                    <a:cxn ang="T128">
                      <a:pos x="T32" y="T33"/>
                    </a:cxn>
                    <a:cxn ang="T129">
                      <a:pos x="T34" y="T35"/>
                    </a:cxn>
                    <a:cxn ang="T130">
                      <a:pos x="T36" y="T37"/>
                    </a:cxn>
                    <a:cxn ang="T131">
                      <a:pos x="T38" y="T39"/>
                    </a:cxn>
                    <a:cxn ang="T132">
                      <a:pos x="T40" y="T41"/>
                    </a:cxn>
                    <a:cxn ang="T133">
                      <a:pos x="T42" y="T43"/>
                    </a:cxn>
                    <a:cxn ang="T134">
                      <a:pos x="T44" y="T45"/>
                    </a:cxn>
                    <a:cxn ang="T135">
                      <a:pos x="T46" y="T47"/>
                    </a:cxn>
                    <a:cxn ang="T136">
                      <a:pos x="T48" y="T49"/>
                    </a:cxn>
                    <a:cxn ang="T137">
                      <a:pos x="T50" y="T51"/>
                    </a:cxn>
                    <a:cxn ang="T138">
                      <a:pos x="T52" y="T53"/>
                    </a:cxn>
                    <a:cxn ang="T139">
                      <a:pos x="T54" y="T55"/>
                    </a:cxn>
                    <a:cxn ang="T140">
                      <a:pos x="T56" y="T57"/>
                    </a:cxn>
                    <a:cxn ang="T141">
                      <a:pos x="T58" y="T59"/>
                    </a:cxn>
                    <a:cxn ang="T142">
                      <a:pos x="T60" y="T61"/>
                    </a:cxn>
                    <a:cxn ang="T143">
                      <a:pos x="T62" y="T63"/>
                    </a:cxn>
                    <a:cxn ang="T144">
                      <a:pos x="T64" y="T65"/>
                    </a:cxn>
                    <a:cxn ang="T145">
                      <a:pos x="T66" y="T67"/>
                    </a:cxn>
                    <a:cxn ang="T146">
                      <a:pos x="T68" y="T69"/>
                    </a:cxn>
                    <a:cxn ang="T147">
                      <a:pos x="T70" y="T71"/>
                    </a:cxn>
                    <a:cxn ang="T148">
                      <a:pos x="T72" y="T73"/>
                    </a:cxn>
                    <a:cxn ang="T149">
                      <a:pos x="T74" y="T75"/>
                    </a:cxn>
                    <a:cxn ang="T150">
                      <a:pos x="T76" y="T77"/>
                    </a:cxn>
                    <a:cxn ang="T151">
                      <a:pos x="T78" y="T79"/>
                    </a:cxn>
                    <a:cxn ang="T152">
                      <a:pos x="T80" y="T81"/>
                    </a:cxn>
                    <a:cxn ang="T153">
                      <a:pos x="T82" y="T83"/>
                    </a:cxn>
                    <a:cxn ang="T154">
                      <a:pos x="T84" y="T85"/>
                    </a:cxn>
                    <a:cxn ang="T155">
                      <a:pos x="T86" y="T87"/>
                    </a:cxn>
                    <a:cxn ang="T156">
                      <a:pos x="T88" y="T89"/>
                    </a:cxn>
                    <a:cxn ang="T157">
                      <a:pos x="T90" y="T91"/>
                    </a:cxn>
                    <a:cxn ang="T158">
                      <a:pos x="T92" y="T93"/>
                    </a:cxn>
                    <a:cxn ang="T159">
                      <a:pos x="T94" y="T95"/>
                    </a:cxn>
                    <a:cxn ang="T160">
                      <a:pos x="T96" y="T97"/>
                    </a:cxn>
                    <a:cxn ang="T161">
                      <a:pos x="T98" y="T99"/>
                    </a:cxn>
                    <a:cxn ang="T162">
                      <a:pos x="T100" y="T101"/>
                    </a:cxn>
                    <a:cxn ang="T163">
                      <a:pos x="T102" y="T103"/>
                    </a:cxn>
                    <a:cxn ang="T164">
                      <a:pos x="T104" y="T105"/>
                    </a:cxn>
                    <a:cxn ang="T165">
                      <a:pos x="T106" y="T107"/>
                    </a:cxn>
                    <a:cxn ang="T166">
                      <a:pos x="T108" y="T109"/>
                    </a:cxn>
                    <a:cxn ang="T167">
                      <a:pos x="T110" y="T111"/>
                    </a:cxn>
                  </a:cxnLst>
                  <a:rect l="T168" t="T169" r="T170" b="T171"/>
                  <a:pathLst>
                    <a:path w="448" h="223">
                      <a:moveTo>
                        <a:pt x="247" y="115"/>
                      </a:moveTo>
                      <a:lnTo>
                        <a:pt x="260" y="123"/>
                      </a:lnTo>
                      <a:lnTo>
                        <a:pt x="252" y="137"/>
                      </a:lnTo>
                      <a:lnTo>
                        <a:pt x="252" y="145"/>
                      </a:lnTo>
                      <a:lnTo>
                        <a:pt x="252" y="147"/>
                      </a:lnTo>
                      <a:lnTo>
                        <a:pt x="250" y="150"/>
                      </a:lnTo>
                      <a:lnTo>
                        <a:pt x="249" y="155"/>
                      </a:lnTo>
                      <a:lnTo>
                        <a:pt x="245" y="162"/>
                      </a:lnTo>
                      <a:lnTo>
                        <a:pt x="243" y="169"/>
                      </a:lnTo>
                      <a:lnTo>
                        <a:pt x="240" y="176"/>
                      </a:lnTo>
                      <a:lnTo>
                        <a:pt x="238" y="179"/>
                      </a:lnTo>
                      <a:lnTo>
                        <a:pt x="238" y="181"/>
                      </a:lnTo>
                      <a:lnTo>
                        <a:pt x="237" y="186"/>
                      </a:lnTo>
                      <a:lnTo>
                        <a:pt x="238" y="189"/>
                      </a:lnTo>
                      <a:lnTo>
                        <a:pt x="240" y="193"/>
                      </a:lnTo>
                      <a:lnTo>
                        <a:pt x="242" y="193"/>
                      </a:lnTo>
                      <a:lnTo>
                        <a:pt x="243" y="193"/>
                      </a:lnTo>
                      <a:lnTo>
                        <a:pt x="247" y="193"/>
                      </a:lnTo>
                      <a:lnTo>
                        <a:pt x="249" y="191"/>
                      </a:lnTo>
                      <a:lnTo>
                        <a:pt x="250" y="191"/>
                      </a:lnTo>
                      <a:lnTo>
                        <a:pt x="252" y="186"/>
                      </a:lnTo>
                      <a:lnTo>
                        <a:pt x="255" y="182"/>
                      </a:lnTo>
                      <a:lnTo>
                        <a:pt x="257" y="182"/>
                      </a:lnTo>
                      <a:lnTo>
                        <a:pt x="259" y="182"/>
                      </a:lnTo>
                      <a:lnTo>
                        <a:pt x="260" y="184"/>
                      </a:lnTo>
                      <a:lnTo>
                        <a:pt x="262" y="186"/>
                      </a:lnTo>
                      <a:lnTo>
                        <a:pt x="264" y="188"/>
                      </a:lnTo>
                      <a:lnTo>
                        <a:pt x="274" y="201"/>
                      </a:lnTo>
                      <a:lnTo>
                        <a:pt x="277" y="201"/>
                      </a:lnTo>
                      <a:lnTo>
                        <a:pt x="277" y="193"/>
                      </a:lnTo>
                      <a:lnTo>
                        <a:pt x="282" y="193"/>
                      </a:lnTo>
                      <a:lnTo>
                        <a:pt x="282" y="194"/>
                      </a:lnTo>
                      <a:lnTo>
                        <a:pt x="284" y="198"/>
                      </a:lnTo>
                      <a:lnTo>
                        <a:pt x="284" y="201"/>
                      </a:lnTo>
                      <a:lnTo>
                        <a:pt x="286" y="201"/>
                      </a:lnTo>
                      <a:lnTo>
                        <a:pt x="298" y="201"/>
                      </a:lnTo>
                      <a:lnTo>
                        <a:pt x="308" y="203"/>
                      </a:lnTo>
                      <a:lnTo>
                        <a:pt x="316" y="204"/>
                      </a:lnTo>
                      <a:lnTo>
                        <a:pt x="321" y="208"/>
                      </a:lnTo>
                      <a:lnTo>
                        <a:pt x="326" y="211"/>
                      </a:lnTo>
                      <a:lnTo>
                        <a:pt x="330" y="215"/>
                      </a:lnTo>
                      <a:lnTo>
                        <a:pt x="331" y="216"/>
                      </a:lnTo>
                      <a:lnTo>
                        <a:pt x="331" y="218"/>
                      </a:lnTo>
                      <a:lnTo>
                        <a:pt x="335" y="210"/>
                      </a:lnTo>
                      <a:lnTo>
                        <a:pt x="326" y="199"/>
                      </a:lnTo>
                      <a:lnTo>
                        <a:pt x="325" y="191"/>
                      </a:lnTo>
                      <a:lnTo>
                        <a:pt x="313" y="188"/>
                      </a:lnTo>
                      <a:lnTo>
                        <a:pt x="299" y="179"/>
                      </a:lnTo>
                      <a:lnTo>
                        <a:pt x="289" y="171"/>
                      </a:lnTo>
                      <a:lnTo>
                        <a:pt x="291" y="167"/>
                      </a:lnTo>
                      <a:lnTo>
                        <a:pt x="299" y="174"/>
                      </a:lnTo>
                      <a:lnTo>
                        <a:pt x="301" y="174"/>
                      </a:lnTo>
                      <a:lnTo>
                        <a:pt x="303" y="176"/>
                      </a:lnTo>
                      <a:lnTo>
                        <a:pt x="306" y="176"/>
                      </a:lnTo>
                      <a:lnTo>
                        <a:pt x="308" y="177"/>
                      </a:lnTo>
                      <a:lnTo>
                        <a:pt x="316" y="182"/>
                      </a:lnTo>
                      <a:lnTo>
                        <a:pt x="321" y="184"/>
                      </a:lnTo>
                      <a:lnTo>
                        <a:pt x="323" y="182"/>
                      </a:lnTo>
                      <a:lnTo>
                        <a:pt x="323" y="181"/>
                      </a:lnTo>
                      <a:lnTo>
                        <a:pt x="321" y="177"/>
                      </a:lnTo>
                      <a:lnTo>
                        <a:pt x="318" y="176"/>
                      </a:lnTo>
                      <a:lnTo>
                        <a:pt x="316" y="172"/>
                      </a:lnTo>
                      <a:lnTo>
                        <a:pt x="315" y="172"/>
                      </a:lnTo>
                      <a:lnTo>
                        <a:pt x="311" y="167"/>
                      </a:lnTo>
                      <a:lnTo>
                        <a:pt x="308" y="164"/>
                      </a:lnTo>
                      <a:lnTo>
                        <a:pt x="304" y="159"/>
                      </a:lnTo>
                      <a:lnTo>
                        <a:pt x="303" y="154"/>
                      </a:lnTo>
                      <a:lnTo>
                        <a:pt x="299" y="149"/>
                      </a:lnTo>
                      <a:lnTo>
                        <a:pt x="299" y="142"/>
                      </a:lnTo>
                      <a:lnTo>
                        <a:pt x="298" y="137"/>
                      </a:lnTo>
                      <a:lnTo>
                        <a:pt x="298" y="132"/>
                      </a:lnTo>
                      <a:lnTo>
                        <a:pt x="298" y="127"/>
                      </a:lnTo>
                      <a:lnTo>
                        <a:pt x="298" y="122"/>
                      </a:lnTo>
                      <a:lnTo>
                        <a:pt x="298" y="118"/>
                      </a:lnTo>
                      <a:lnTo>
                        <a:pt x="299" y="115"/>
                      </a:lnTo>
                      <a:lnTo>
                        <a:pt x="299" y="111"/>
                      </a:lnTo>
                      <a:lnTo>
                        <a:pt x="299" y="108"/>
                      </a:lnTo>
                      <a:lnTo>
                        <a:pt x="299" y="106"/>
                      </a:lnTo>
                      <a:lnTo>
                        <a:pt x="299" y="98"/>
                      </a:lnTo>
                      <a:lnTo>
                        <a:pt x="296" y="93"/>
                      </a:lnTo>
                      <a:lnTo>
                        <a:pt x="294" y="86"/>
                      </a:lnTo>
                      <a:lnTo>
                        <a:pt x="291" y="81"/>
                      </a:lnTo>
                      <a:lnTo>
                        <a:pt x="287" y="78"/>
                      </a:lnTo>
                      <a:lnTo>
                        <a:pt x="286" y="74"/>
                      </a:lnTo>
                      <a:lnTo>
                        <a:pt x="284" y="72"/>
                      </a:lnTo>
                      <a:lnTo>
                        <a:pt x="282" y="72"/>
                      </a:lnTo>
                      <a:lnTo>
                        <a:pt x="296" y="72"/>
                      </a:lnTo>
                      <a:lnTo>
                        <a:pt x="301" y="67"/>
                      </a:lnTo>
                      <a:lnTo>
                        <a:pt x="301" y="66"/>
                      </a:lnTo>
                      <a:lnTo>
                        <a:pt x="301" y="64"/>
                      </a:lnTo>
                      <a:lnTo>
                        <a:pt x="301" y="61"/>
                      </a:lnTo>
                      <a:lnTo>
                        <a:pt x="301" y="59"/>
                      </a:lnTo>
                      <a:lnTo>
                        <a:pt x="299" y="56"/>
                      </a:lnTo>
                      <a:lnTo>
                        <a:pt x="298" y="52"/>
                      </a:lnTo>
                      <a:lnTo>
                        <a:pt x="299" y="52"/>
                      </a:lnTo>
                      <a:lnTo>
                        <a:pt x="301" y="52"/>
                      </a:lnTo>
                      <a:lnTo>
                        <a:pt x="303" y="52"/>
                      </a:lnTo>
                      <a:lnTo>
                        <a:pt x="303" y="54"/>
                      </a:lnTo>
                      <a:lnTo>
                        <a:pt x="304" y="56"/>
                      </a:lnTo>
                      <a:lnTo>
                        <a:pt x="306" y="59"/>
                      </a:lnTo>
                      <a:lnTo>
                        <a:pt x="306" y="61"/>
                      </a:lnTo>
                      <a:lnTo>
                        <a:pt x="308" y="61"/>
                      </a:lnTo>
                      <a:lnTo>
                        <a:pt x="309" y="59"/>
                      </a:lnTo>
                      <a:lnTo>
                        <a:pt x="309" y="57"/>
                      </a:lnTo>
                      <a:lnTo>
                        <a:pt x="311" y="56"/>
                      </a:lnTo>
                      <a:lnTo>
                        <a:pt x="321" y="42"/>
                      </a:lnTo>
                      <a:lnTo>
                        <a:pt x="320" y="40"/>
                      </a:lnTo>
                      <a:lnTo>
                        <a:pt x="320" y="39"/>
                      </a:lnTo>
                      <a:lnTo>
                        <a:pt x="320" y="35"/>
                      </a:lnTo>
                      <a:lnTo>
                        <a:pt x="320" y="34"/>
                      </a:lnTo>
                      <a:lnTo>
                        <a:pt x="320" y="32"/>
                      </a:lnTo>
                      <a:lnTo>
                        <a:pt x="320" y="28"/>
                      </a:lnTo>
                      <a:lnTo>
                        <a:pt x="325" y="23"/>
                      </a:lnTo>
                      <a:lnTo>
                        <a:pt x="328" y="22"/>
                      </a:lnTo>
                      <a:lnTo>
                        <a:pt x="330" y="20"/>
                      </a:lnTo>
                      <a:lnTo>
                        <a:pt x="331" y="22"/>
                      </a:lnTo>
                      <a:lnTo>
                        <a:pt x="331" y="23"/>
                      </a:lnTo>
                      <a:lnTo>
                        <a:pt x="331" y="25"/>
                      </a:lnTo>
                      <a:lnTo>
                        <a:pt x="331" y="27"/>
                      </a:lnTo>
                      <a:lnTo>
                        <a:pt x="330" y="27"/>
                      </a:lnTo>
                      <a:lnTo>
                        <a:pt x="330" y="32"/>
                      </a:lnTo>
                      <a:lnTo>
                        <a:pt x="330" y="35"/>
                      </a:lnTo>
                      <a:lnTo>
                        <a:pt x="333" y="35"/>
                      </a:lnTo>
                      <a:lnTo>
                        <a:pt x="335" y="34"/>
                      </a:lnTo>
                      <a:lnTo>
                        <a:pt x="337" y="32"/>
                      </a:lnTo>
                      <a:lnTo>
                        <a:pt x="338" y="30"/>
                      </a:lnTo>
                      <a:lnTo>
                        <a:pt x="340" y="30"/>
                      </a:lnTo>
                      <a:lnTo>
                        <a:pt x="338" y="34"/>
                      </a:lnTo>
                      <a:lnTo>
                        <a:pt x="338" y="37"/>
                      </a:lnTo>
                      <a:lnTo>
                        <a:pt x="337" y="39"/>
                      </a:lnTo>
                      <a:lnTo>
                        <a:pt x="333" y="42"/>
                      </a:lnTo>
                      <a:lnTo>
                        <a:pt x="331" y="44"/>
                      </a:lnTo>
                      <a:lnTo>
                        <a:pt x="330" y="45"/>
                      </a:lnTo>
                      <a:lnTo>
                        <a:pt x="330" y="47"/>
                      </a:lnTo>
                      <a:lnTo>
                        <a:pt x="328" y="47"/>
                      </a:lnTo>
                      <a:lnTo>
                        <a:pt x="323" y="52"/>
                      </a:lnTo>
                      <a:lnTo>
                        <a:pt x="320" y="59"/>
                      </a:lnTo>
                      <a:lnTo>
                        <a:pt x="316" y="66"/>
                      </a:lnTo>
                      <a:lnTo>
                        <a:pt x="316" y="72"/>
                      </a:lnTo>
                      <a:lnTo>
                        <a:pt x="316" y="79"/>
                      </a:lnTo>
                      <a:lnTo>
                        <a:pt x="316" y="84"/>
                      </a:lnTo>
                      <a:lnTo>
                        <a:pt x="318" y="88"/>
                      </a:lnTo>
                      <a:lnTo>
                        <a:pt x="318" y="89"/>
                      </a:lnTo>
                      <a:lnTo>
                        <a:pt x="321" y="88"/>
                      </a:lnTo>
                      <a:lnTo>
                        <a:pt x="323" y="86"/>
                      </a:lnTo>
                      <a:lnTo>
                        <a:pt x="326" y="83"/>
                      </a:lnTo>
                      <a:lnTo>
                        <a:pt x="328" y="79"/>
                      </a:lnTo>
                      <a:lnTo>
                        <a:pt x="330" y="76"/>
                      </a:lnTo>
                      <a:lnTo>
                        <a:pt x="331" y="72"/>
                      </a:lnTo>
                      <a:lnTo>
                        <a:pt x="333" y="71"/>
                      </a:lnTo>
                      <a:lnTo>
                        <a:pt x="333" y="69"/>
                      </a:lnTo>
                      <a:lnTo>
                        <a:pt x="335" y="72"/>
                      </a:lnTo>
                      <a:lnTo>
                        <a:pt x="335" y="76"/>
                      </a:lnTo>
                      <a:lnTo>
                        <a:pt x="333" y="79"/>
                      </a:lnTo>
                      <a:lnTo>
                        <a:pt x="331" y="83"/>
                      </a:lnTo>
                      <a:lnTo>
                        <a:pt x="330" y="86"/>
                      </a:lnTo>
                      <a:lnTo>
                        <a:pt x="328" y="88"/>
                      </a:lnTo>
                      <a:lnTo>
                        <a:pt x="328" y="89"/>
                      </a:lnTo>
                      <a:lnTo>
                        <a:pt x="326" y="89"/>
                      </a:lnTo>
                      <a:lnTo>
                        <a:pt x="326" y="91"/>
                      </a:lnTo>
                      <a:lnTo>
                        <a:pt x="326" y="93"/>
                      </a:lnTo>
                      <a:lnTo>
                        <a:pt x="326" y="96"/>
                      </a:lnTo>
                      <a:lnTo>
                        <a:pt x="326" y="100"/>
                      </a:lnTo>
                      <a:lnTo>
                        <a:pt x="326" y="103"/>
                      </a:lnTo>
                      <a:lnTo>
                        <a:pt x="326" y="106"/>
                      </a:lnTo>
                      <a:lnTo>
                        <a:pt x="325" y="110"/>
                      </a:lnTo>
                      <a:lnTo>
                        <a:pt x="320" y="116"/>
                      </a:lnTo>
                      <a:lnTo>
                        <a:pt x="318" y="120"/>
                      </a:lnTo>
                      <a:lnTo>
                        <a:pt x="316" y="123"/>
                      </a:lnTo>
                      <a:lnTo>
                        <a:pt x="316" y="125"/>
                      </a:lnTo>
                      <a:lnTo>
                        <a:pt x="318" y="127"/>
                      </a:lnTo>
                      <a:lnTo>
                        <a:pt x="320" y="127"/>
                      </a:lnTo>
                      <a:lnTo>
                        <a:pt x="330" y="132"/>
                      </a:lnTo>
                      <a:lnTo>
                        <a:pt x="337" y="137"/>
                      </a:lnTo>
                      <a:lnTo>
                        <a:pt x="340" y="140"/>
                      </a:lnTo>
                      <a:lnTo>
                        <a:pt x="342" y="142"/>
                      </a:lnTo>
                      <a:lnTo>
                        <a:pt x="342" y="144"/>
                      </a:lnTo>
                      <a:lnTo>
                        <a:pt x="340" y="145"/>
                      </a:lnTo>
                      <a:lnTo>
                        <a:pt x="338" y="145"/>
                      </a:lnTo>
                      <a:lnTo>
                        <a:pt x="337" y="145"/>
                      </a:lnTo>
                      <a:lnTo>
                        <a:pt x="331" y="145"/>
                      </a:lnTo>
                      <a:lnTo>
                        <a:pt x="328" y="147"/>
                      </a:lnTo>
                      <a:lnTo>
                        <a:pt x="325" y="147"/>
                      </a:lnTo>
                      <a:lnTo>
                        <a:pt x="325" y="149"/>
                      </a:lnTo>
                      <a:lnTo>
                        <a:pt x="325" y="150"/>
                      </a:lnTo>
                      <a:lnTo>
                        <a:pt x="325" y="152"/>
                      </a:lnTo>
                      <a:lnTo>
                        <a:pt x="326" y="152"/>
                      </a:lnTo>
                      <a:lnTo>
                        <a:pt x="333" y="152"/>
                      </a:lnTo>
                      <a:lnTo>
                        <a:pt x="337" y="154"/>
                      </a:lnTo>
                      <a:lnTo>
                        <a:pt x="337" y="155"/>
                      </a:lnTo>
                      <a:lnTo>
                        <a:pt x="335" y="157"/>
                      </a:lnTo>
                      <a:lnTo>
                        <a:pt x="331" y="159"/>
                      </a:lnTo>
                      <a:lnTo>
                        <a:pt x="328" y="160"/>
                      </a:lnTo>
                      <a:lnTo>
                        <a:pt x="326" y="160"/>
                      </a:lnTo>
                      <a:lnTo>
                        <a:pt x="325" y="162"/>
                      </a:lnTo>
                      <a:lnTo>
                        <a:pt x="325" y="166"/>
                      </a:lnTo>
                      <a:lnTo>
                        <a:pt x="335" y="177"/>
                      </a:lnTo>
                      <a:lnTo>
                        <a:pt x="337" y="176"/>
                      </a:lnTo>
                      <a:lnTo>
                        <a:pt x="338" y="176"/>
                      </a:lnTo>
                      <a:lnTo>
                        <a:pt x="340" y="174"/>
                      </a:lnTo>
                      <a:lnTo>
                        <a:pt x="342" y="176"/>
                      </a:lnTo>
                      <a:lnTo>
                        <a:pt x="345" y="177"/>
                      </a:lnTo>
                      <a:lnTo>
                        <a:pt x="347" y="181"/>
                      </a:lnTo>
                      <a:lnTo>
                        <a:pt x="348" y="182"/>
                      </a:lnTo>
                      <a:lnTo>
                        <a:pt x="348" y="184"/>
                      </a:lnTo>
                      <a:lnTo>
                        <a:pt x="350" y="186"/>
                      </a:lnTo>
                      <a:lnTo>
                        <a:pt x="352" y="188"/>
                      </a:lnTo>
                      <a:lnTo>
                        <a:pt x="355" y="188"/>
                      </a:lnTo>
                      <a:lnTo>
                        <a:pt x="359" y="186"/>
                      </a:lnTo>
                      <a:lnTo>
                        <a:pt x="360" y="186"/>
                      </a:lnTo>
                      <a:lnTo>
                        <a:pt x="359" y="184"/>
                      </a:lnTo>
                      <a:lnTo>
                        <a:pt x="359" y="182"/>
                      </a:lnTo>
                      <a:lnTo>
                        <a:pt x="357" y="179"/>
                      </a:lnTo>
                      <a:lnTo>
                        <a:pt x="355" y="176"/>
                      </a:lnTo>
                      <a:lnTo>
                        <a:pt x="357" y="174"/>
                      </a:lnTo>
                      <a:lnTo>
                        <a:pt x="359" y="172"/>
                      </a:lnTo>
                      <a:lnTo>
                        <a:pt x="360" y="171"/>
                      </a:lnTo>
                      <a:lnTo>
                        <a:pt x="362" y="171"/>
                      </a:lnTo>
                      <a:lnTo>
                        <a:pt x="364" y="171"/>
                      </a:lnTo>
                      <a:lnTo>
                        <a:pt x="364" y="177"/>
                      </a:lnTo>
                      <a:lnTo>
                        <a:pt x="364" y="182"/>
                      </a:lnTo>
                      <a:lnTo>
                        <a:pt x="365" y="184"/>
                      </a:lnTo>
                      <a:lnTo>
                        <a:pt x="367" y="186"/>
                      </a:lnTo>
                      <a:lnTo>
                        <a:pt x="369" y="184"/>
                      </a:lnTo>
                      <a:lnTo>
                        <a:pt x="370" y="182"/>
                      </a:lnTo>
                      <a:lnTo>
                        <a:pt x="372" y="182"/>
                      </a:lnTo>
                      <a:lnTo>
                        <a:pt x="372" y="181"/>
                      </a:lnTo>
                      <a:lnTo>
                        <a:pt x="374" y="181"/>
                      </a:lnTo>
                      <a:lnTo>
                        <a:pt x="375" y="182"/>
                      </a:lnTo>
                      <a:lnTo>
                        <a:pt x="377" y="184"/>
                      </a:lnTo>
                      <a:lnTo>
                        <a:pt x="370" y="191"/>
                      </a:lnTo>
                      <a:lnTo>
                        <a:pt x="369" y="194"/>
                      </a:lnTo>
                      <a:lnTo>
                        <a:pt x="369" y="198"/>
                      </a:lnTo>
                      <a:lnTo>
                        <a:pt x="372" y="198"/>
                      </a:lnTo>
                      <a:lnTo>
                        <a:pt x="375" y="196"/>
                      </a:lnTo>
                      <a:lnTo>
                        <a:pt x="379" y="194"/>
                      </a:lnTo>
                      <a:lnTo>
                        <a:pt x="382" y="193"/>
                      </a:lnTo>
                      <a:lnTo>
                        <a:pt x="382" y="194"/>
                      </a:lnTo>
                      <a:lnTo>
                        <a:pt x="382" y="198"/>
                      </a:lnTo>
                      <a:lnTo>
                        <a:pt x="382" y="199"/>
                      </a:lnTo>
                      <a:lnTo>
                        <a:pt x="382" y="203"/>
                      </a:lnTo>
                      <a:lnTo>
                        <a:pt x="382" y="204"/>
                      </a:lnTo>
                      <a:lnTo>
                        <a:pt x="382" y="206"/>
                      </a:lnTo>
                      <a:lnTo>
                        <a:pt x="381" y="211"/>
                      </a:lnTo>
                      <a:lnTo>
                        <a:pt x="381" y="215"/>
                      </a:lnTo>
                      <a:lnTo>
                        <a:pt x="381" y="218"/>
                      </a:lnTo>
                      <a:lnTo>
                        <a:pt x="382" y="220"/>
                      </a:lnTo>
                      <a:lnTo>
                        <a:pt x="384" y="221"/>
                      </a:lnTo>
                      <a:lnTo>
                        <a:pt x="386" y="223"/>
                      </a:lnTo>
                      <a:lnTo>
                        <a:pt x="387" y="223"/>
                      </a:lnTo>
                      <a:lnTo>
                        <a:pt x="394" y="220"/>
                      </a:lnTo>
                      <a:lnTo>
                        <a:pt x="397" y="216"/>
                      </a:lnTo>
                      <a:lnTo>
                        <a:pt x="399" y="215"/>
                      </a:lnTo>
                      <a:lnTo>
                        <a:pt x="403" y="211"/>
                      </a:lnTo>
                      <a:lnTo>
                        <a:pt x="406" y="210"/>
                      </a:lnTo>
                      <a:lnTo>
                        <a:pt x="409" y="206"/>
                      </a:lnTo>
                      <a:lnTo>
                        <a:pt x="413" y="204"/>
                      </a:lnTo>
                      <a:lnTo>
                        <a:pt x="418" y="203"/>
                      </a:lnTo>
                      <a:lnTo>
                        <a:pt x="425" y="203"/>
                      </a:lnTo>
                      <a:lnTo>
                        <a:pt x="430" y="198"/>
                      </a:lnTo>
                      <a:lnTo>
                        <a:pt x="431" y="171"/>
                      </a:lnTo>
                      <a:lnTo>
                        <a:pt x="436" y="171"/>
                      </a:lnTo>
                      <a:lnTo>
                        <a:pt x="440" y="145"/>
                      </a:lnTo>
                      <a:lnTo>
                        <a:pt x="441" y="144"/>
                      </a:lnTo>
                      <a:lnTo>
                        <a:pt x="443" y="144"/>
                      </a:lnTo>
                      <a:lnTo>
                        <a:pt x="443" y="145"/>
                      </a:lnTo>
                      <a:lnTo>
                        <a:pt x="443" y="155"/>
                      </a:lnTo>
                      <a:lnTo>
                        <a:pt x="441" y="164"/>
                      </a:lnTo>
                      <a:lnTo>
                        <a:pt x="441" y="172"/>
                      </a:lnTo>
                      <a:lnTo>
                        <a:pt x="440" y="179"/>
                      </a:lnTo>
                      <a:lnTo>
                        <a:pt x="438" y="184"/>
                      </a:lnTo>
                      <a:lnTo>
                        <a:pt x="438" y="189"/>
                      </a:lnTo>
                      <a:lnTo>
                        <a:pt x="436" y="194"/>
                      </a:lnTo>
                      <a:lnTo>
                        <a:pt x="436" y="198"/>
                      </a:lnTo>
                      <a:lnTo>
                        <a:pt x="435" y="201"/>
                      </a:lnTo>
                      <a:lnTo>
                        <a:pt x="435" y="203"/>
                      </a:lnTo>
                      <a:lnTo>
                        <a:pt x="435" y="204"/>
                      </a:lnTo>
                      <a:lnTo>
                        <a:pt x="433" y="206"/>
                      </a:lnTo>
                      <a:lnTo>
                        <a:pt x="433" y="208"/>
                      </a:lnTo>
                      <a:lnTo>
                        <a:pt x="433" y="210"/>
                      </a:lnTo>
                      <a:lnTo>
                        <a:pt x="433" y="215"/>
                      </a:lnTo>
                      <a:lnTo>
                        <a:pt x="433" y="216"/>
                      </a:lnTo>
                      <a:lnTo>
                        <a:pt x="433" y="218"/>
                      </a:lnTo>
                      <a:lnTo>
                        <a:pt x="435" y="216"/>
                      </a:lnTo>
                      <a:lnTo>
                        <a:pt x="435" y="215"/>
                      </a:lnTo>
                      <a:lnTo>
                        <a:pt x="436" y="215"/>
                      </a:lnTo>
                      <a:lnTo>
                        <a:pt x="436" y="213"/>
                      </a:lnTo>
                      <a:lnTo>
                        <a:pt x="438" y="211"/>
                      </a:lnTo>
                      <a:lnTo>
                        <a:pt x="440" y="206"/>
                      </a:lnTo>
                      <a:lnTo>
                        <a:pt x="441" y="203"/>
                      </a:lnTo>
                      <a:lnTo>
                        <a:pt x="443" y="198"/>
                      </a:lnTo>
                      <a:lnTo>
                        <a:pt x="443" y="191"/>
                      </a:lnTo>
                      <a:lnTo>
                        <a:pt x="445" y="186"/>
                      </a:lnTo>
                      <a:lnTo>
                        <a:pt x="447" y="179"/>
                      </a:lnTo>
                      <a:lnTo>
                        <a:pt x="447" y="172"/>
                      </a:lnTo>
                      <a:lnTo>
                        <a:pt x="447" y="167"/>
                      </a:lnTo>
                      <a:lnTo>
                        <a:pt x="447" y="160"/>
                      </a:lnTo>
                      <a:lnTo>
                        <a:pt x="447" y="155"/>
                      </a:lnTo>
                      <a:lnTo>
                        <a:pt x="448" y="150"/>
                      </a:lnTo>
                      <a:lnTo>
                        <a:pt x="448" y="147"/>
                      </a:lnTo>
                      <a:lnTo>
                        <a:pt x="448" y="144"/>
                      </a:lnTo>
                      <a:lnTo>
                        <a:pt x="448" y="142"/>
                      </a:lnTo>
                      <a:lnTo>
                        <a:pt x="386" y="154"/>
                      </a:lnTo>
                      <a:lnTo>
                        <a:pt x="345" y="0"/>
                      </a:lnTo>
                      <a:lnTo>
                        <a:pt x="0" y="66"/>
                      </a:lnTo>
                      <a:lnTo>
                        <a:pt x="10" y="127"/>
                      </a:lnTo>
                      <a:lnTo>
                        <a:pt x="45" y="94"/>
                      </a:lnTo>
                      <a:lnTo>
                        <a:pt x="45" y="96"/>
                      </a:lnTo>
                      <a:lnTo>
                        <a:pt x="47" y="96"/>
                      </a:lnTo>
                      <a:lnTo>
                        <a:pt x="49" y="96"/>
                      </a:lnTo>
                      <a:lnTo>
                        <a:pt x="52" y="94"/>
                      </a:lnTo>
                      <a:lnTo>
                        <a:pt x="57" y="89"/>
                      </a:lnTo>
                      <a:lnTo>
                        <a:pt x="62" y="83"/>
                      </a:lnTo>
                      <a:lnTo>
                        <a:pt x="69" y="71"/>
                      </a:lnTo>
                      <a:lnTo>
                        <a:pt x="71" y="71"/>
                      </a:lnTo>
                      <a:lnTo>
                        <a:pt x="74" y="72"/>
                      </a:lnTo>
                      <a:lnTo>
                        <a:pt x="79" y="74"/>
                      </a:lnTo>
                      <a:lnTo>
                        <a:pt x="84" y="74"/>
                      </a:lnTo>
                      <a:lnTo>
                        <a:pt x="89" y="74"/>
                      </a:lnTo>
                      <a:lnTo>
                        <a:pt x="96" y="72"/>
                      </a:lnTo>
                      <a:lnTo>
                        <a:pt x="101" y="67"/>
                      </a:lnTo>
                      <a:lnTo>
                        <a:pt x="106" y="61"/>
                      </a:lnTo>
                      <a:lnTo>
                        <a:pt x="108" y="59"/>
                      </a:lnTo>
                      <a:lnTo>
                        <a:pt x="108" y="57"/>
                      </a:lnTo>
                      <a:lnTo>
                        <a:pt x="111" y="54"/>
                      </a:lnTo>
                      <a:lnTo>
                        <a:pt x="115" y="52"/>
                      </a:lnTo>
                      <a:lnTo>
                        <a:pt x="120" y="50"/>
                      </a:lnTo>
                      <a:lnTo>
                        <a:pt x="125" y="50"/>
                      </a:lnTo>
                      <a:lnTo>
                        <a:pt x="133" y="52"/>
                      </a:lnTo>
                      <a:lnTo>
                        <a:pt x="144" y="56"/>
                      </a:lnTo>
                      <a:lnTo>
                        <a:pt x="145" y="56"/>
                      </a:lnTo>
                      <a:lnTo>
                        <a:pt x="147" y="56"/>
                      </a:lnTo>
                      <a:lnTo>
                        <a:pt x="149" y="56"/>
                      </a:lnTo>
                      <a:lnTo>
                        <a:pt x="150" y="56"/>
                      </a:lnTo>
                      <a:lnTo>
                        <a:pt x="154" y="56"/>
                      </a:lnTo>
                      <a:lnTo>
                        <a:pt x="155" y="56"/>
                      </a:lnTo>
                      <a:lnTo>
                        <a:pt x="157" y="56"/>
                      </a:lnTo>
                      <a:lnTo>
                        <a:pt x="159" y="62"/>
                      </a:lnTo>
                      <a:lnTo>
                        <a:pt x="161" y="64"/>
                      </a:lnTo>
                      <a:lnTo>
                        <a:pt x="164" y="66"/>
                      </a:lnTo>
                      <a:lnTo>
                        <a:pt x="167" y="69"/>
                      </a:lnTo>
                      <a:lnTo>
                        <a:pt x="171" y="72"/>
                      </a:lnTo>
                      <a:lnTo>
                        <a:pt x="174" y="78"/>
                      </a:lnTo>
                      <a:lnTo>
                        <a:pt x="176" y="83"/>
                      </a:lnTo>
                      <a:lnTo>
                        <a:pt x="176" y="88"/>
                      </a:lnTo>
                      <a:lnTo>
                        <a:pt x="172" y="93"/>
                      </a:lnTo>
                      <a:lnTo>
                        <a:pt x="174" y="91"/>
                      </a:lnTo>
                      <a:lnTo>
                        <a:pt x="176" y="89"/>
                      </a:lnTo>
                      <a:lnTo>
                        <a:pt x="179" y="89"/>
                      </a:lnTo>
                      <a:lnTo>
                        <a:pt x="184" y="88"/>
                      </a:lnTo>
                      <a:lnTo>
                        <a:pt x="188" y="86"/>
                      </a:lnTo>
                      <a:lnTo>
                        <a:pt x="193" y="86"/>
                      </a:lnTo>
                      <a:lnTo>
                        <a:pt x="196" y="89"/>
                      </a:lnTo>
                      <a:lnTo>
                        <a:pt x="199" y="93"/>
                      </a:lnTo>
                      <a:lnTo>
                        <a:pt x="199" y="94"/>
                      </a:lnTo>
                      <a:lnTo>
                        <a:pt x="198" y="98"/>
                      </a:lnTo>
                      <a:lnTo>
                        <a:pt x="198" y="100"/>
                      </a:lnTo>
                      <a:lnTo>
                        <a:pt x="198" y="103"/>
                      </a:lnTo>
                      <a:lnTo>
                        <a:pt x="198" y="108"/>
                      </a:lnTo>
                      <a:lnTo>
                        <a:pt x="203" y="110"/>
                      </a:lnTo>
                      <a:lnTo>
                        <a:pt x="210" y="113"/>
                      </a:lnTo>
                      <a:lnTo>
                        <a:pt x="221" y="113"/>
                      </a:lnTo>
                      <a:lnTo>
                        <a:pt x="223" y="113"/>
                      </a:lnTo>
                      <a:lnTo>
                        <a:pt x="227" y="115"/>
                      </a:lnTo>
                      <a:lnTo>
                        <a:pt x="228" y="115"/>
                      </a:lnTo>
                      <a:lnTo>
                        <a:pt x="230" y="116"/>
                      </a:lnTo>
                      <a:lnTo>
                        <a:pt x="233" y="118"/>
                      </a:lnTo>
                      <a:lnTo>
                        <a:pt x="237" y="120"/>
                      </a:lnTo>
                      <a:lnTo>
                        <a:pt x="240" y="122"/>
                      </a:lnTo>
                      <a:lnTo>
                        <a:pt x="247" y="115"/>
                      </a:lnTo>
                    </a:path>
                  </a:pathLst>
                </a:custGeom>
                <a:solidFill>
                  <a:srgbClr val="2D73FF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225" name="Group 76"/>
              <p:cNvGrpSpPr>
                <a:grpSpLocks/>
              </p:cNvGrpSpPr>
              <p:nvPr/>
            </p:nvGrpSpPr>
            <p:grpSpPr bwMode="auto">
              <a:xfrm>
                <a:off x="311" y="3378"/>
                <a:ext cx="744" cy="497"/>
                <a:chOff x="439" y="3034"/>
                <a:chExt cx="765" cy="512"/>
              </a:xfrm>
            </p:grpSpPr>
            <p:sp>
              <p:nvSpPr>
                <p:cNvPr id="303" name="Freeform 77"/>
                <p:cNvSpPr>
                  <a:spLocks/>
                </p:cNvSpPr>
                <p:nvPr/>
              </p:nvSpPr>
              <p:spPr bwMode="auto">
                <a:xfrm>
                  <a:off x="659" y="3034"/>
                  <a:ext cx="545" cy="452"/>
                </a:xfrm>
                <a:custGeom>
                  <a:avLst/>
                  <a:gdLst>
                    <a:gd name="T0" fmla="*/ 543 w 545"/>
                    <a:gd name="T1" fmla="*/ 329 h 452"/>
                    <a:gd name="T2" fmla="*/ 514 w 545"/>
                    <a:gd name="T3" fmla="*/ 312 h 452"/>
                    <a:gd name="T4" fmla="*/ 381 w 545"/>
                    <a:gd name="T5" fmla="*/ 266 h 452"/>
                    <a:gd name="T6" fmla="*/ 347 w 545"/>
                    <a:gd name="T7" fmla="*/ 266 h 452"/>
                    <a:gd name="T8" fmla="*/ 232 w 545"/>
                    <a:gd name="T9" fmla="*/ 17 h 452"/>
                    <a:gd name="T10" fmla="*/ 193 w 545"/>
                    <a:gd name="T11" fmla="*/ 16 h 452"/>
                    <a:gd name="T12" fmla="*/ 173 w 545"/>
                    <a:gd name="T13" fmla="*/ 17 h 452"/>
                    <a:gd name="T14" fmla="*/ 147 w 545"/>
                    <a:gd name="T15" fmla="*/ 9 h 452"/>
                    <a:gd name="T16" fmla="*/ 108 w 545"/>
                    <a:gd name="T17" fmla="*/ 11 h 452"/>
                    <a:gd name="T18" fmla="*/ 86 w 545"/>
                    <a:gd name="T19" fmla="*/ 22 h 452"/>
                    <a:gd name="T20" fmla="*/ 59 w 545"/>
                    <a:gd name="T21" fmla="*/ 46 h 452"/>
                    <a:gd name="T22" fmla="*/ 30 w 545"/>
                    <a:gd name="T23" fmla="*/ 83 h 452"/>
                    <a:gd name="T24" fmla="*/ 63 w 545"/>
                    <a:gd name="T25" fmla="*/ 116 h 452"/>
                    <a:gd name="T26" fmla="*/ 63 w 545"/>
                    <a:gd name="T27" fmla="*/ 122 h 452"/>
                    <a:gd name="T28" fmla="*/ 27 w 545"/>
                    <a:gd name="T29" fmla="*/ 134 h 452"/>
                    <a:gd name="T30" fmla="*/ 8 w 545"/>
                    <a:gd name="T31" fmla="*/ 139 h 452"/>
                    <a:gd name="T32" fmla="*/ 7 w 545"/>
                    <a:gd name="T33" fmla="*/ 165 h 452"/>
                    <a:gd name="T34" fmla="*/ 29 w 545"/>
                    <a:gd name="T35" fmla="*/ 183 h 452"/>
                    <a:gd name="T36" fmla="*/ 78 w 545"/>
                    <a:gd name="T37" fmla="*/ 175 h 452"/>
                    <a:gd name="T38" fmla="*/ 79 w 545"/>
                    <a:gd name="T39" fmla="*/ 205 h 452"/>
                    <a:gd name="T40" fmla="*/ 51 w 545"/>
                    <a:gd name="T41" fmla="*/ 226 h 452"/>
                    <a:gd name="T42" fmla="*/ 30 w 545"/>
                    <a:gd name="T43" fmla="*/ 232 h 452"/>
                    <a:gd name="T44" fmla="*/ 20 w 545"/>
                    <a:gd name="T45" fmla="*/ 248 h 452"/>
                    <a:gd name="T46" fmla="*/ 8 w 545"/>
                    <a:gd name="T47" fmla="*/ 266 h 452"/>
                    <a:gd name="T48" fmla="*/ 20 w 545"/>
                    <a:gd name="T49" fmla="*/ 278 h 452"/>
                    <a:gd name="T50" fmla="*/ 29 w 545"/>
                    <a:gd name="T51" fmla="*/ 303 h 452"/>
                    <a:gd name="T52" fmla="*/ 52 w 545"/>
                    <a:gd name="T53" fmla="*/ 314 h 452"/>
                    <a:gd name="T54" fmla="*/ 61 w 545"/>
                    <a:gd name="T55" fmla="*/ 312 h 452"/>
                    <a:gd name="T56" fmla="*/ 66 w 545"/>
                    <a:gd name="T57" fmla="*/ 336 h 452"/>
                    <a:gd name="T58" fmla="*/ 78 w 545"/>
                    <a:gd name="T59" fmla="*/ 341 h 452"/>
                    <a:gd name="T60" fmla="*/ 91 w 545"/>
                    <a:gd name="T61" fmla="*/ 339 h 452"/>
                    <a:gd name="T62" fmla="*/ 103 w 545"/>
                    <a:gd name="T63" fmla="*/ 352 h 452"/>
                    <a:gd name="T64" fmla="*/ 127 w 545"/>
                    <a:gd name="T65" fmla="*/ 342 h 452"/>
                    <a:gd name="T66" fmla="*/ 127 w 545"/>
                    <a:gd name="T67" fmla="*/ 352 h 452"/>
                    <a:gd name="T68" fmla="*/ 112 w 545"/>
                    <a:gd name="T69" fmla="*/ 391 h 452"/>
                    <a:gd name="T70" fmla="*/ 88 w 545"/>
                    <a:gd name="T71" fmla="*/ 412 h 452"/>
                    <a:gd name="T72" fmla="*/ 78 w 545"/>
                    <a:gd name="T73" fmla="*/ 430 h 452"/>
                    <a:gd name="T74" fmla="*/ 63 w 545"/>
                    <a:gd name="T75" fmla="*/ 425 h 452"/>
                    <a:gd name="T76" fmla="*/ 52 w 545"/>
                    <a:gd name="T77" fmla="*/ 446 h 452"/>
                    <a:gd name="T78" fmla="*/ 68 w 545"/>
                    <a:gd name="T79" fmla="*/ 437 h 452"/>
                    <a:gd name="T80" fmla="*/ 96 w 545"/>
                    <a:gd name="T81" fmla="*/ 434 h 452"/>
                    <a:gd name="T82" fmla="*/ 113 w 545"/>
                    <a:gd name="T83" fmla="*/ 415 h 452"/>
                    <a:gd name="T84" fmla="*/ 144 w 545"/>
                    <a:gd name="T85" fmla="*/ 381 h 452"/>
                    <a:gd name="T86" fmla="*/ 183 w 545"/>
                    <a:gd name="T87" fmla="*/ 339 h 452"/>
                    <a:gd name="T88" fmla="*/ 174 w 545"/>
                    <a:gd name="T89" fmla="*/ 322 h 452"/>
                    <a:gd name="T90" fmla="*/ 220 w 545"/>
                    <a:gd name="T91" fmla="*/ 264 h 452"/>
                    <a:gd name="T92" fmla="*/ 210 w 545"/>
                    <a:gd name="T93" fmla="*/ 298 h 452"/>
                    <a:gd name="T94" fmla="*/ 210 w 545"/>
                    <a:gd name="T95" fmla="*/ 317 h 452"/>
                    <a:gd name="T96" fmla="*/ 237 w 545"/>
                    <a:gd name="T97" fmla="*/ 300 h 452"/>
                    <a:gd name="T98" fmla="*/ 247 w 545"/>
                    <a:gd name="T99" fmla="*/ 286 h 452"/>
                    <a:gd name="T100" fmla="*/ 286 w 545"/>
                    <a:gd name="T101" fmla="*/ 278 h 452"/>
                    <a:gd name="T102" fmla="*/ 357 w 545"/>
                    <a:gd name="T103" fmla="*/ 276 h 452"/>
                    <a:gd name="T104" fmla="*/ 374 w 545"/>
                    <a:gd name="T105" fmla="*/ 280 h 452"/>
                    <a:gd name="T106" fmla="*/ 418 w 545"/>
                    <a:gd name="T107" fmla="*/ 295 h 452"/>
                    <a:gd name="T108" fmla="*/ 425 w 545"/>
                    <a:gd name="T109" fmla="*/ 278 h 452"/>
                    <a:gd name="T110" fmla="*/ 430 w 545"/>
                    <a:gd name="T111" fmla="*/ 264 h 452"/>
                    <a:gd name="T112" fmla="*/ 472 w 545"/>
                    <a:gd name="T113" fmla="*/ 300 h 452"/>
                    <a:gd name="T114" fmla="*/ 509 w 545"/>
                    <a:gd name="T115" fmla="*/ 322 h 452"/>
                    <a:gd name="T116" fmla="*/ 521 w 545"/>
                    <a:gd name="T117" fmla="*/ 322 h 452"/>
                    <a:gd name="T118" fmla="*/ 541 w 545"/>
                    <a:gd name="T119" fmla="*/ 349 h 452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w 545"/>
                    <a:gd name="T181" fmla="*/ 0 h 452"/>
                    <a:gd name="T182" fmla="*/ 545 w 545"/>
                    <a:gd name="T183" fmla="*/ 452 h 452"/>
                  </a:gdLst>
                  <a:ahLst/>
                  <a:cxnLst>
                    <a:cxn ang="T120">
                      <a:pos x="T0" y="T1"/>
                    </a:cxn>
                    <a:cxn ang="T121">
                      <a:pos x="T2" y="T3"/>
                    </a:cxn>
                    <a:cxn ang="T122">
                      <a:pos x="T4" y="T5"/>
                    </a:cxn>
                    <a:cxn ang="T123">
                      <a:pos x="T6" y="T7"/>
                    </a:cxn>
                    <a:cxn ang="T124">
                      <a:pos x="T8" y="T9"/>
                    </a:cxn>
                    <a:cxn ang="T125">
                      <a:pos x="T10" y="T11"/>
                    </a:cxn>
                    <a:cxn ang="T126">
                      <a:pos x="T12" y="T13"/>
                    </a:cxn>
                    <a:cxn ang="T127">
                      <a:pos x="T14" y="T15"/>
                    </a:cxn>
                    <a:cxn ang="T128">
                      <a:pos x="T16" y="T17"/>
                    </a:cxn>
                    <a:cxn ang="T129">
                      <a:pos x="T18" y="T19"/>
                    </a:cxn>
                    <a:cxn ang="T130">
                      <a:pos x="T20" y="T21"/>
                    </a:cxn>
                    <a:cxn ang="T131">
                      <a:pos x="T22" y="T23"/>
                    </a:cxn>
                    <a:cxn ang="T132">
                      <a:pos x="T24" y="T25"/>
                    </a:cxn>
                    <a:cxn ang="T133">
                      <a:pos x="T26" y="T27"/>
                    </a:cxn>
                    <a:cxn ang="T134">
                      <a:pos x="T28" y="T29"/>
                    </a:cxn>
                    <a:cxn ang="T135">
                      <a:pos x="T30" y="T31"/>
                    </a:cxn>
                    <a:cxn ang="T136">
                      <a:pos x="T32" y="T33"/>
                    </a:cxn>
                    <a:cxn ang="T137">
                      <a:pos x="T34" y="T35"/>
                    </a:cxn>
                    <a:cxn ang="T138">
                      <a:pos x="T36" y="T37"/>
                    </a:cxn>
                    <a:cxn ang="T139">
                      <a:pos x="T38" y="T39"/>
                    </a:cxn>
                    <a:cxn ang="T140">
                      <a:pos x="T40" y="T41"/>
                    </a:cxn>
                    <a:cxn ang="T141">
                      <a:pos x="T42" y="T43"/>
                    </a:cxn>
                    <a:cxn ang="T142">
                      <a:pos x="T44" y="T45"/>
                    </a:cxn>
                    <a:cxn ang="T143">
                      <a:pos x="T46" y="T47"/>
                    </a:cxn>
                    <a:cxn ang="T144">
                      <a:pos x="T48" y="T49"/>
                    </a:cxn>
                    <a:cxn ang="T145">
                      <a:pos x="T50" y="T51"/>
                    </a:cxn>
                    <a:cxn ang="T146">
                      <a:pos x="T52" y="T53"/>
                    </a:cxn>
                    <a:cxn ang="T147">
                      <a:pos x="T54" y="T55"/>
                    </a:cxn>
                    <a:cxn ang="T148">
                      <a:pos x="T56" y="T57"/>
                    </a:cxn>
                    <a:cxn ang="T149">
                      <a:pos x="T58" y="T59"/>
                    </a:cxn>
                    <a:cxn ang="T150">
                      <a:pos x="T60" y="T61"/>
                    </a:cxn>
                    <a:cxn ang="T151">
                      <a:pos x="T62" y="T63"/>
                    </a:cxn>
                    <a:cxn ang="T152">
                      <a:pos x="T64" y="T65"/>
                    </a:cxn>
                    <a:cxn ang="T153">
                      <a:pos x="T66" y="T67"/>
                    </a:cxn>
                    <a:cxn ang="T154">
                      <a:pos x="T68" y="T69"/>
                    </a:cxn>
                    <a:cxn ang="T155">
                      <a:pos x="T70" y="T71"/>
                    </a:cxn>
                    <a:cxn ang="T156">
                      <a:pos x="T72" y="T73"/>
                    </a:cxn>
                    <a:cxn ang="T157">
                      <a:pos x="T74" y="T75"/>
                    </a:cxn>
                    <a:cxn ang="T158">
                      <a:pos x="T76" y="T77"/>
                    </a:cxn>
                    <a:cxn ang="T159">
                      <a:pos x="T78" y="T79"/>
                    </a:cxn>
                    <a:cxn ang="T160">
                      <a:pos x="T80" y="T81"/>
                    </a:cxn>
                    <a:cxn ang="T161">
                      <a:pos x="T82" y="T83"/>
                    </a:cxn>
                    <a:cxn ang="T162">
                      <a:pos x="T84" y="T85"/>
                    </a:cxn>
                    <a:cxn ang="T163">
                      <a:pos x="T86" y="T87"/>
                    </a:cxn>
                    <a:cxn ang="T164">
                      <a:pos x="T88" y="T89"/>
                    </a:cxn>
                    <a:cxn ang="T165">
                      <a:pos x="T90" y="T91"/>
                    </a:cxn>
                    <a:cxn ang="T166">
                      <a:pos x="T92" y="T93"/>
                    </a:cxn>
                    <a:cxn ang="T167">
                      <a:pos x="T94" y="T95"/>
                    </a:cxn>
                    <a:cxn ang="T168">
                      <a:pos x="T96" y="T97"/>
                    </a:cxn>
                    <a:cxn ang="T169">
                      <a:pos x="T98" y="T99"/>
                    </a:cxn>
                    <a:cxn ang="T170">
                      <a:pos x="T100" y="T101"/>
                    </a:cxn>
                    <a:cxn ang="T171">
                      <a:pos x="T102" y="T103"/>
                    </a:cxn>
                    <a:cxn ang="T172">
                      <a:pos x="T104" y="T105"/>
                    </a:cxn>
                    <a:cxn ang="T173">
                      <a:pos x="T106" y="T107"/>
                    </a:cxn>
                    <a:cxn ang="T174">
                      <a:pos x="T108" y="T109"/>
                    </a:cxn>
                    <a:cxn ang="T175">
                      <a:pos x="T110" y="T111"/>
                    </a:cxn>
                    <a:cxn ang="T176">
                      <a:pos x="T112" y="T113"/>
                    </a:cxn>
                    <a:cxn ang="T177">
                      <a:pos x="T114" y="T115"/>
                    </a:cxn>
                    <a:cxn ang="T178">
                      <a:pos x="T116" y="T117"/>
                    </a:cxn>
                    <a:cxn ang="T179">
                      <a:pos x="T118" y="T119"/>
                    </a:cxn>
                  </a:cxnLst>
                  <a:rect l="T180" t="T181" r="T182" b="T183"/>
                  <a:pathLst>
                    <a:path w="545" h="452">
                      <a:moveTo>
                        <a:pt x="541" y="349"/>
                      </a:moveTo>
                      <a:lnTo>
                        <a:pt x="541" y="349"/>
                      </a:lnTo>
                      <a:lnTo>
                        <a:pt x="541" y="347"/>
                      </a:lnTo>
                      <a:lnTo>
                        <a:pt x="543" y="346"/>
                      </a:lnTo>
                      <a:lnTo>
                        <a:pt x="543" y="344"/>
                      </a:lnTo>
                      <a:lnTo>
                        <a:pt x="545" y="341"/>
                      </a:lnTo>
                      <a:lnTo>
                        <a:pt x="545" y="339"/>
                      </a:lnTo>
                      <a:lnTo>
                        <a:pt x="545" y="336"/>
                      </a:lnTo>
                      <a:lnTo>
                        <a:pt x="545" y="332"/>
                      </a:lnTo>
                      <a:lnTo>
                        <a:pt x="543" y="329"/>
                      </a:lnTo>
                      <a:lnTo>
                        <a:pt x="541" y="325"/>
                      </a:lnTo>
                      <a:lnTo>
                        <a:pt x="538" y="320"/>
                      </a:lnTo>
                      <a:lnTo>
                        <a:pt x="535" y="317"/>
                      </a:lnTo>
                      <a:lnTo>
                        <a:pt x="533" y="315"/>
                      </a:lnTo>
                      <a:lnTo>
                        <a:pt x="530" y="315"/>
                      </a:lnTo>
                      <a:lnTo>
                        <a:pt x="526" y="314"/>
                      </a:lnTo>
                      <a:lnTo>
                        <a:pt x="523" y="314"/>
                      </a:lnTo>
                      <a:lnTo>
                        <a:pt x="519" y="314"/>
                      </a:lnTo>
                      <a:lnTo>
                        <a:pt x="516" y="312"/>
                      </a:lnTo>
                      <a:lnTo>
                        <a:pt x="514" y="312"/>
                      </a:lnTo>
                      <a:lnTo>
                        <a:pt x="506" y="310"/>
                      </a:lnTo>
                      <a:lnTo>
                        <a:pt x="452" y="271"/>
                      </a:lnTo>
                      <a:lnTo>
                        <a:pt x="435" y="259"/>
                      </a:lnTo>
                      <a:lnTo>
                        <a:pt x="421" y="251"/>
                      </a:lnTo>
                      <a:lnTo>
                        <a:pt x="413" y="263"/>
                      </a:lnTo>
                      <a:lnTo>
                        <a:pt x="413" y="271"/>
                      </a:lnTo>
                      <a:lnTo>
                        <a:pt x="403" y="280"/>
                      </a:lnTo>
                      <a:lnTo>
                        <a:pt x="381" y="266"/>
                      </a:lnTo>
                      <a:lnTo>
                        <a:pt x="379" y="264"/>
                      </a:lnTo>
                      <a:lnTo>
                        <a:pt x="377" y="261"/>
                      </a:lnTo>
                      <a:lnTo>
                        <a:pt x="374" y="259"/>
                      </a:lnTo>
                      <a:lnTo>
                        <a:pt x="369" y="258"/>
                      </a:lnTo>
                      <a:lnTo>
                        <a:pt x="365" y="258"/>
                      </a:lnTo>
                      <a:lnTo>
                        <a:pt x="360" y="259"/>
                      </a:lnTo>
                      <a:lnTo>
                        <a:pt x="355" y="263"/>
                      </a:lnTo>
                      <a:lnTo>
                        <a:pt x="354" y="264"/>
                      </a:lnTo>
                      <a:lnTo>
                        <a:pt x="350" y="264"/>
                      </a:lnTo>
                      <a:lnTo>
                        <a:pt x="347" y="266"/>
                      </a:lnTo>
                      <a:lnTo>
                        <a:pt x="345" y="266"/>
                      </a:lnTo>
                      <a:lnTo>
                        <a:pt x="271" y="17"/>
                      </a:lnTo>
                      <a:lnTo>
                        <a:pt x="269" y="17"/>
                      </a:lnTo>
                      <a:lnTo>
                        <a:pt x="266" y="16"/>
                      </a:lnTo>
                      <a:lnTo>
                        <a:pt x="261" y="14"/>
                      </a:lnTo>
                      <a:lnTo>
                        <a:pt x="255" y="12"/>
                      </a:lnTo>
                      <a:lnTo>
                        <a:pt x="249" y="11"/>
                      </a:lnTo>
                      <a:lnTo>
                        <a:pt x="244" y="12"/>
                      </a:lnTo>
                      <a:lnTo>
                        <a:pt x="237" y="14"/>
                      </a:lnTo>
                      <a:lnTo>
                        <a:pt x="232" y="17"/>
                      </a:lnTo>
                      <a:lnTo>
                        <a:pt x="230" y="17"/>
                      </a:lnTo>
                      <a:lnTo>
                        <a:pt x="225" y="17"/>
                      </a:lnTo>
                      <a:lnTo>
                        <a:pt x="218" y="17"/>
                      </a:lnTo>
                      <a:lnTo>
                        <a:pt x="211" y="17"/>
                      </a:lnTo>
                      <a:lnTo>
                        <a:pt x="205" y="17"/>
                      </a:lnTo>
                      <a:lnTo>
                        <a:pt x="200" y="17"/>
                      </a:lnTo>
                      <a:lnTo>
                        <a:pt x="195" y="16"/>
                      </a:lnTo>
                      <a:lnTo>
                        <a:pt x="193" y="16"/>
                      </a:lnTo>
                      <a:lnTo>
                        <a:pt x="191" y="16"/>
                      </a:lnTo>
                      <a:lnTo>
                        <a:pt x="189" y="16"/>
                      </a:lnTo>
                      <a:lnTo>
                        <a:pt x="188" y="16"/>
                      </a:lnTo>
                      <a:lnTo>
                        <a:pt x="184" y="16"/>
                      </a:lnTo>
                      <a:lnTo>
                        <a:pt x="183" y="16"/>
                      </a:lnTo>
                      <a:lnTo>
                        <a:pt x="181" y="16"/>
                      </a:lnTo>
                      <a:lnTo>
                        <a:pt x="179" y="16"/>
                      </a:lnTo>
                      <a:lnTo>
                        <a:pt x="176" y="17"/>
                      </a:lnTo>
                      <a:lnTo>
                        <a:pt x="173" y="17"/>
                      </a:lnTo>
                      <a:lnTo>
                        <a:pt x="169" y="17"/>
                      </a:lnTo>
                      <a:lnTo>
                        <a:pt x="166" y="16"/>
                      </a:lnTo>
                      <a:lnTo>
                        <a:pt x="162" y="12"/>
                      </a:lnTo>
                      <a:lnTo>
                        <a:pt x="157" y="7"/>
                      </a:lnTo>
                      <a:lnTo>
                        <a:pt x="156" y="7"/>
                      </a:lnTo>
                      <a:lnTo>
                        <a:pt x="154" y="9"/>
                      </a:lnTo>
                      <a:lnTo>
                        <a:pt x="152" y="9"/>
                      </a:lnTo>
                      <a:lnTo>
                        <a:pt x="149" y="9"/>
                      </a:lnTo>
                      <a:lnTo>
                        <a:pt x="147" y="9"/>
                      </a:lnTo>
                      <a:lnTo>
                        <a:pt x="145" y="11"/>
                      </a:lnTo>
                      <a:lnTo>
                        <a:pt x="137" y="2"/>
                      </a:lnTo>
                      <a:lnTo>
                        <a:pt x="130" y="7"/>
                      </a:lnTo>
                      <a:lnTo>
                        <a:pt x="129" y="0"/>
                      </a:lnTo>
                      <a:lnTo>
                        <a:pt x="117" y="0"/>
                      </a:lnTo>
                      <a:lnTo>
                        <a:pt x="110" y="9"/>
                      </a:lnTo>
                      <a:lnTo>
                        <a:pt x="108" y="11"/>
                      </a:lnTo>
                      <a:lnTo>
                        <a:pt x="108" y="12"/>
                      </a:lnTo>
                      <a:lnTo>
                        <a:pt x="107" y="12"/>
                      </a:lnTo>
                      <a:lnTo>
                        <a:pt x="103" y="14"/>
                      </a:lnTo>
                      <a:lnTo>
                        <a:pt x="100" y="14"/>
                      </a:lnTo>
                      <a:lnTo>
                        <a:pt x="95" y="14"/>
                      </a:lnTo>
                      <a:lnTo>
                        <a:pt x="93" y="16"/>
                      </a:lnTo>
                      <a:lnTo>
                        <a:pt x="91" y="17"/>
                      </a:lnTo>
                      <a:lnTo>
                        <a:pt x="90" y="19"/>
                      </a:lnTo>
                      <a:lnTo>
                        <a:pt x="86" y="22"/>
                      </a:lnTo>
                      <a:lnTo>
                        <a:pt x="85" y="24"/>
                      </a:lnTo>
                      <a:lnTo>
                        <a:pt x="83" y="26"/>
                      </a:lnTo>
                      <a:lnTo>
                        <a:pt x="81" y="26"/>
                      </a:lnTo>
                      <a:lnTo>
                        <a:pt x="78" y="26"/>
                      </a:lnTo>
                      <a:lnTo>
                        <a:pt x="74" y="29"/>
                      </a:lnTo>
                      <a:lnTo>
                        <a:pt x="69" y="33"/>
                      </a:lnTo>
                      <a:lnTo>
                        <a:pt x="64" y="38"/>
                      </a:lnTo>
                      <a:lnTo>
                        <a:pt x="59" y="46"/>
                      </a:lnTo>
                      <a:lnTo>
                        <a:pt x="54" y="56"/>
                      </a:lnTo>
                      <a:lnTo>
                        <a:pt x="52" y="58"/>
                      </a:lnTo>
                      <a:lnTo>
                        <a:pt x="51" y="61"/>
                      </a:lnTo>
                      <a:lnTo>
                        <a:pt x="47" y="63"/>
                      </a:lnTo>
                      <a:lnTo>
                        <a:pt x="47" y="65"/>
                      </a:lnTo>
                      <a:lnTo>
                        <a:pt x="30" y="65"/>
                      </a:lnTo>
                      <a:lnTo>
                        <a:pt x="22" y="78"/>
                      </a:lnTo>
                      <a:lnTo>
                        <a:pt x="22" y="80"/>
                      </a:lnTo>
                      <a:lnTo>
                        <a:pt x="25" y="82"/>
                      </a:lnTo>
                      <a:lnTo>
                        <a:pt x="30" y="83"/>
                      </a:lnTo>
                      <a:lnTo>
                        <a:pt x="35" y="87"/>
                      </a:lnTo>
                      <a:lnTo>
                        <a:pt x="42" y="92"/>
                      </a:lnTo>
                      <a:lnTo>
                        <a:pt x="46" y="97"/>
                      </a:lnTo>
                      <a:lnTo>
                        <a:pt x="49" y="105"/>
                      </a:lnTo>
                      <a:lnTo>
                        <a:pt x="51" y="114"/>
                      </a:lnTo>
                      <a:lnTo>
                        <a:pt x="54" y="116"/>
                      </a:lnTo>
                      <a:lnTo>
                        <a:pt x="56" y="116"/>
                      </a:lnTo>
                      <a:lnTo>
                        <a:pt x="59" y="116"/>
                      </a:lnTo>
                      <a:lnTo>
                        <a:pt x="63" y="116"/>
                      </a:lnTo>
                      <a:lnTo>
                        <a:pt x="66" y="116"/>
                      </a:lnTo>
                      <a:lnTo>
                        <a:pt x="68" y="117"/>
                      </a:lnTo>
                      <a:lnTo>
                        <a:pt x="71" y="129"/>
                      </a:lnTo>
                      <a:lnTo>
                        <a:pt x="81" y="129"/>
                      </a:lnTo>
                      <a:lnTo>
                        <a:pt x="79" y="132"/>
                      </a:lnTo>
                      <a:lnTo>
                        <a:pt x="68" y="132"/>
                      </a:lnTo>
                      <a:lnTo>
                        <a:pt x="63" y="122"/>
                      </a:lnTo>
                      <a:lnTo>
                        <a:pt x="59" y="126"/>
                      </a:lnTo>
                      <a:lnTo>
                        <a:pt x="68" y="136"/>
                      </a:lnTo>
                      <a:lnTo>
                        <a:pt x="76" y="138"/>
                      </a:lnTo>
                      <a:lnTo>
                        <a:pt x="68" y="144"/>
                      </a:lnTo>
                      <a:lnTo>
                        <a:pt x="46" y="139"/>
                      </a:lnTo>
                      <a:lnTo>
                        <a:pt x="46" y="127"/>
                      </a:lnTo>
                      <a:lnTo>
                        <a:pt x="27" y="132"/>
                      </a:lnTo>
                      <a:lnTo>
                        <a:pt x="27" y="134"/>
                      </a:lnTo>
                      <a:lnTo>
                        <a:pt x="27" y="138"/>
                      </a:lnTo>
                      <a:lnTo>
                        <a:pt x="27" y="139"/>
                      </a:lnTo>
                      <a:lnTo>
                        <a:pt x="27" y="141"/>
                      </a:lnTo>
                      <a:lnTo>
                        <a:pt x="25" y="141"/>
                      </a:lnTo>
                      <a:lnTo>
                        <a:pt x="22" y="139"/>
                      </a:lnTo>
                      <a:lnTo>
                        <a:pt x="19" y="136"/>
                      </a:lnTo>
                      <a:lnTo>
                        <a:pt x="15" y="138"/>
                      </a:lnTo>
                      <a:lnTo>
                        <a:pt x="12" y="138"/>
                      </a:lnTo>
                      <a:lnTo>
                        <a:pt x="8" y="139"/>
                      </a:lnTo>
                      <a:lnTo>
                        <a:pt x="5" y="143"/>
                      </a:lnTo>
                      <a:lnTo>
                        <a:pt x="2" y="144"/>
                      </a:lnTo>
                      <a:lnTo>
                        <a:pt x="0" y="148"/>
                      </a:lnTo>
                      <a:lnTo>
                        <a:pt x="0" y="151"/>
                      </a:lnTo>
                      <a:lnTo>
                        <a:pt x="0" y="153"/>
                      </a:lnTo>
                      <a:lnTo>
                        <a:pt x="0" y="154"/>
                      </a:lnTo>
                      <a:lnTo>
                        <a:pt x="2" y="156"/>
                      </a:lnTo>
                      <a:lnTo>
                        <a:pt x="3" y="160"/>
                      </a:lnTo>
                      <a:lnTo>
                        <a:pt x="5" y="161"/>
                      </a:lnTo>
                      <a:lnTo>
                        <a:pt x="7" y="165"/>
                      </a:lnTo>
                      <a:lnTo>
                        <a:pt x="8" y="165"/>
                      </a:lnTo>
                      <a:lnTo>
                        <a:pt x="8" y="166"/>
                      </a:lnTo>
                      <a:lnTo>
                        <a:pt x="13" y="171"/>
                      </a:lnTo>
                      <a:lnTo>
                        <a:pt x="13" y="173"/>
                      </a:lnTo>
                      <a:lnTo>
                        <a:pt x="13" y="175"/>
                      </a:lnTo>
                      <a:lnTo>
                        <a:pt x="15" y="178"/>
                      </a:lnTo>
                      <a:lnTo>
                        <a:pt x="17" y="180"/>
                      </a:lnTo>
                      <a:lnTo>
                        <a:pt x="22" y="182"/>
                      </a:lnTo>
                      <a:lnTo>
                        <a:pt x="29" y="183"/>
                      </a:lnTo>
                      <a:lnTo>
                        <a:pt x="39" y="183"/>
                      </a:lnTo>
                      <a:lnTo>
                        <a:pt x="41" y="183"/>
                      </a:lnTo>
                      <a:lnTo>
                        <a:pt x="44" y="185"/>
                      </a:lnTo>
                      <a:lnTo>
                        <a:pt x="47" y="187"/>
                      </a:lnTo>
                      <a:lnTo>
                        <a:pt x="49" y="187"/>
                      </a:lnTo>
                      <a:lnTo>
                        <a:pt x="59" y="187"/>
                      </a:lnTo>
                      <a:lnTo>
                        <a:pt x="71" y="176"/>
                      </a:lnTo>
                      <a:lnTo>
                        <a:pt x="74" y="176"/>
                      </a:lnTo>
                      <a:lnTo>
                        <a:pt x="78" y="175"/>
                      </a:lnTo>
                      <a:lnTo>
                        <a:pt x="81" y="175"/>
                      </a:lnTo>
                      <a:lnTo>
                        <a:pt x="83" y="176"/>
                      </a:lnTo>
                      <a:lnTo>
                        <a:pt x="83" y="178"/>
                      </a:lnTo>
                      <a:lnTo>
                        <a:pt x="81" y="182"/>
                      </a:lnTo>
                      <a:lnTo>
                        <a:pt x="74" y="185"/>
                      </a:lnTo>
                      <a:lnTo>
                        <a:pt x="74" y="187"/>
                      </a:lnTo>
                      <a:lnTo>
                        <a:pt x="76" y="190"/>
                      </a:lnTo>
                      <a:lnTo>
                        <a:pt x="78" y="195"/>
                      </a:lnTo>
                      <a:lnTo>
                        <a:pt x="79" y="200"/>
                      </a:lnTo>
                      <a:lnTo>
                        <a:pt x="79" y="205"/>
                      </a:lnTo>
                      <a:lnTo>
                        <a:pt x="78" y="209"/>
                      </a:lnTo>
                      <a:lnTo>
                        <a:pt x="71" y="212"/>
                      </a:lnTo>
                      <a:lnTo>
                        <a:pt x="63" y="212"/>
                      </a:lnTo>
                      <a:lnTo>
                        <a:pt x="61" y="214"/>
                      </a:lnTo>
                      <a:lnTo>
                        <a:pt x="59" y="214"/>
                      </a:lnTo>
                      <a:lnTo>
                        <a:pt x="57" y="217"/>
                      </a:lnTo>
                      <a:lnTo>
                        <a:pt x="56" y="219"/>
                      </a:lnTo>
                      <a:lnTo>
                        <a:pt x="54" y="220"/>
                      </a:lnTo>
                      <a:lnTo>
                        <a:pt x="52" y="224"/>
                      </a:lnTo>
                      <a:lnTo>
                        <a:pt x="51" y="226"/>
                      </a:lnTo>
                      <a:lnTo>
                        <a:pt x="51" y="224"/>
                      </a:lnTo>
                      <a:lnTo>
                        <a:pt x="47" y="222"/>
                      </a:lnTo>
                      <a:lnTo>
                        <a:pt x="44" y="220"/>
                      </a:lnTo>
                      <a:lnTo>
                        <a:pt x="41" y="220"/>
                      </a:lnTo>
                      <a:lnTo>
                        <a:pt x="35" y="220"/>
                      </a:lnTo>
                      <a:lnTo>
                        <a:pt x="34" y="220"/>
                      </a:lnTo>
                      <a:lnTo>
                        <a:pt x="30" y="224"/>
                      </a:lnTo>
                      <a:lnTo>
                        <a:pt x="30" y="231"/>
                      </a:lnTo>
                      <a:lnTo>
                        <a:pt x="30" y="232"/>
                      </a:lnTo>
                      <a:lnTo>
                        <a:pt x="30" y="234"/>
                      </a:lnTo>
                      <a:lnTo>
                        <a:pt x="30" y="236"/>
                      </a:lnTo>
                      <a:lnTo>
                        <a:pt x="29" y="237"/>
                      </a:lnTo>
                      <a:lnTo>
                        <a:pt x="29" y="239"/>
                      </a:lnTo>
                      <a:lnTo>
                        <a:pt x="27" y="242"/>
                      </a:lnTo>
                      <a:lnTo>
                        <a:pt x="25" y="242"/>
                      </a:lnTo>
                      <a:lnTo>
                        <a:pt x="22" y="242"/>
                      </a:lnTo>
                      <a:lnTo>
                        <a:pt x="22" y="244"/>
                      </a:lnTo>
                      <a:lnTo>
                        <a:pt x="20" y="244"/>
                      </a:lnTo>
                      <a:lnTo>
                        <a:pt x="20" y="248"/>
                      </a:lnTo>
                      <a:lnTo>
                        <a:pt x="19" y="249"/>
                      </a:lnTo>
                      <a:lnTo>
                        <a:pt x="17" y="251"/>
                      </a:lnTo>
                      <a:lnTo>
                        <a:pt x="17" y="254"/>
                      </a:lnTo>
                      <a:lnTo>
                        <a:pt x="17" y="256"/>
                      </a:lnTo>
                      <a:lnTo>
                        <a:pt x="15" y="256"/>
                      </a:lnTo>
                      <a:lnTo>
                        <a:pt x="13" y="258"/>
                      </a:lnTo>
                      <a:lnTo>
                        <a:pt x="12" y="261"/>
                      </a:lnTo>
                      <a:lnTo>
                        <a:pt x="10" y="263"/>
                      </a:lnTo>
                      <a:lnTo>
                        <a:pt x="8" y="266"/>
                      </a:lnTo>
                      <a:lnTo>
                        <a:pt x="10" y="266"/>
                      </a:lnTo>
                      <a:lnTo>
                        <a:pt x="12" y="266"/>
                      </a:lnTo>
                      <a:lnTo>
                        <a:pt x="19" y="264"/>
                      </a:lnTo>
                      <a:lnTo>
                        <a:pt x="19" y="268"/>
                      </a:lnTo>
                      <a:lnTo>
                        <a:pt x="17" y="271"/>
                      </a:lnTo>
                      <a:lnTo>
                        <a:pt x="17" y="273"/>
                      </a:lnTo>
                      <a:lnTo>
                        <a:pt x="19" y="275"/>
                      </a:lnTo>
                      <a:lnTo>
                        <a:pt x="20" y="278"/>
                      </a:lnTo>
                      <a:lnTo>
                        <a:pt x="24" y="280"/>
                      </a:lnTo>
                      <a:lnTo>
                        <a:pt x="27" y="283"/>
                      </a:lnTo>
                      <a:lnTo>
                        <a:pt x="30" y="286"/>
                      </a:lnTo>
                      <a:lnTo>
                        <a:pt x="35" y="288"/>
                      </a:lnTo>
                      <a:lnTo>
                        <a:pt x="41" y="288"/>
                      </a:lnTo>
                      <a:lnTo>
                        <a:pt x="39" y="290"/>
                      </a:lnTo>
                      <a:lnTo>
                        <a:pt x="37" y="292"/>
                      </a:lnTo>
                      <a:lnTo>
                        <a:pt x="34" y="295"/>
                      </a:lnTo>
                      <a:lnTo>
                        <a:pt x="30" y="300"/>
                      </a:lnTo>
                      <a:lnTo>
                        <a:pt x="29" y="303"/>
                      </a:lnTo>
                      <a:lnTo>
                        <a:pt x="27" y="307"/>
                      </a:lnTo>
                      <a:lnTo>
                        <a:pt x="29" y="308"/>
                      </a:lnTo>
                      <a:lnTo>
                        <a:pt x="32" y="310"/>
                      </a:lnTo>
                      <a:lnTo>
                        <a:pt x="34" y="310"/>
                      </a:lnTo>
                      <a:lnTo>
                        <a:pt x="35" y="314"/>
                      </a:lnTo>
                      <a:lnTo>
                        <a:pt x="37" y="317"/>
                      </a:lnTo>
                      <a:lnTo>
                        <a:pt x="41" y="319"/>
                      </a:lnTo>
                      <a:lnTo>
                        <a:pt x="44" y="320"/>
                      </a:lnTo>
                      <a:lnTo>
                        <a:pt x="47" y="319"/>
                      </a:lnTo>
                      <a:lnTo>
                        <a:pt x="52" y="314"/>
                      </a:lnTo>
                      <a:lnTo>
                        <a:pt x="56" y="305"/>
                      </a:lnTo>
                      <a:lnTo>
                        <a:pt x="57" y="303"/>
                      </a:lnTo>
                      <a:lnTo>
                        <a:pt x="59" y="300"/>
                      </a:lnTo>
                      <a:lnTo>
                        <a:pt x="59" y="298"/>
                      </a:lnTo>
                      <a:lnTo>
                        <a:pt x="59" y="300"/>
                      </a:lnTo>
                      <a:lnTo>
                        <a:pt x="59" y="302"/>
                      </a:lnTo>
                      <a:lnTo>
                        <a:pt x="59" y="305"/>
                      </a:lnTo>
                      <a:lnTo>
                        <a:pt x="59" y="308"/>
                      </a:lnTo>
                      <a:lnTo>
                        <a:pt x="61" y="312"/>
                      </a:lnTo>
                      <a:lnTo>
                        <a:pt x="63" y="315"/>
                      </a:lnTo>
                      <a:lnTo>
                        <a:pt x="64" y="319"/>
                      </a:lnTo>
                      <a:lnTo>
                        <a:pt x="68" y="322"/>
                      </a:lnTo>
                      <a:lnTo>
                        <a:pt x="69" y="322"/>
                      </a:lnTo>
                      <a:lnTo>
                        <a:pt x="69" y="324"/>
                      </a:lnTo>
                      <a:lnTo>
                        <a:pt x="69" y="327"/>
                      </a:lnTo>
                      <a:lnTo>
                        <a:pt x="68" y="329"/>
                      </a:lnTo>
                      <a:lnTo>
                        <a:pt x="68" y="332"/>
                      </a:lnTo>
                      <a:lnTo>
                        <a:pt x="66" y="334"/>
                      </a:lnTo>
                      <a:lnTo>
                        <a:pt x="66" y="336"/>
                      </a:lnTo>
                      <a:lnTo>
                        <a:pt x="64" y="346"/>
                      </a:lnTo>
                      <a:lnTo>
                        <a:pt x="64" y="347"/>
                      </a:lnTo>
                      <a:lnTo>
                        <a:pt x="66" y="351"/>
                      </a:lnTo>
                      <a:lnTo>
                        <a:pt x="66" y="352"/>
                      </a:lnTo>
                      <a:lnTo>
                        <a:pt x="68" y="352"/>
                      </a:lnTo>
                      <a:lnTo>
                        <a:pt x="69" y="352"/>
                      </a:lnTo>
                      <a:lnTo>
                        <a:pt x="73" y="349"/>
                      </a:lnTo>
                      <a:lnTo>
                        <a:pt x="78" y="341"/>
                      </a:lnTo>
                      <a:lnTo>
                        <a:pt x="79" y="341"/>
                      </a:lnTo>
                      <a:lnTo>
                        <a:pt x="79" y="339"/>
                      </a:lnTo>
                      <a:lnTo>
                        <a:pt x="79" y="336"/>
                      </a:lnTo>
                      <a:lnTo>
                        <a:pt x="81" y="334"/>
                      </a:lnTo>
                      <a:lnTo>
                        <a:pt x="83" y="336"/>
                      </a:lnTo>
                      <a:lnTo>
                        <a:pt x="86" y="337"/>
                      </a:lnTo>
                      <a:lnTo>
                        <a:pt x="90" y="341"/>
                      </a:lnTo>
                      <a:lnTo>
                        <a:pt x="91" y="341"/>
                      </a:lnTo>
                      <a:lnTo>
                        <a:pt x="91" y="339"/>
                      </a:lnTo>
                      <a:lnTo>
                        <a:pt x="91" y="337"/>
                      </a:lnTo>
                      <a:lnTo>
                        <a:pt x="93" y="336"/>
                      </a:lnTo>
                      <a:lnTo>
                        <a:pt x="93" y="334"/>
                      </a:lnTo>
                      <a:lnTo>
                        <a:pt x="95" y="336"/>
                      </a:lnTo>
                      <a:lnTo>
                        <a:pt x="96" y="337"/>
                      </a:lnTo>
                      <a:lnTo>
                        <a:pt x="98" y="344"/>
                      </a:lnTo>
                      <a:lnTo>
                        <a:pt x="100" y="346"/>
                      </a:lnTo>
                      <a:lnTo>
                        <a:pt x="100" y="347"/>
                      </a:lnTo>
                      <a:lnTo>
                        <a:pt x="101" y="351"/>
                      </a:lnTo>
                      <a:lnTo>
                        <a:pt x="103" y="352"/>
                      </a:lnTo>
                      <a:lnTo>
                        <a:pt x="105" y="354"/>
                      </a:lnTo>
                      <a:lnTo>
                        <a:pt x="107" y="352"/>
                      </a:lnTo>
                      <a:lnTo>
                        <a:pt x="108" y="351"/>
                      </a:lnTo>
                      <a:lnTo>
                        <a:pt x="108" y="344"/>
                      </a:lnTo>
                      <a:lnTo>
                        <a:pt x="110" y="344"/>
                      </a:lnTo>
                      <a:lnTo>
                        <a:pt x="113" y="346"/>
                      </a:lnTo>
                      <a:lnTo>
                        <a:pt x="117" y="346"/>
                      </a:lnTo>
                      <a:lnTo>
                        <a:pt x="122" y="346"/>
                      </a:lnTo>
                      <a:lnTo>
                        <a:pt x="127" y="342"/>
                      </a:lnTo>
                      <a:lnTo>
                        <a:pt x="132" y="337"/>
                      </a:lnTo>
                      <a:lnTo>
                        <a:pt x="139" y="329"/>
                      </a:lnTo>
                      <a:lnTo>
                        <a:pt x="137" y="332"/>
                      </a:lnTo>
                      <a:lnTo>
                        <a:pt x="135" y="336"/>
                      </a:lnTo>
                      <a:lnTo>
                        <a:pt x="134" y="341"/>
                      </a:lnTo>
                      <a:lnTo>
                        <a:pt x="130" y="344"/>
                      </a:lnTo>
                      <a:lnTo>
                        <a:pt x="130" y="347"/>
                      </a:lnTo>
                      <a:lnTo>
                        <a:pt x="129" y="351"/>
                      </a:lnTo>
                      <a:lnTo>
                        <a:pt x="127" y="352"/>
                      </a:lnTo>
                      <a:lnTo>
                        <a:pt x="127" y="358"/>
                      </a:lnTo>
                      <a:lnTo>
                        <a:pt x="125" y="364"/>
                      </a:lnTo>
                      <a:lnTo>
                        <a:pt x="125" y="371"/>
                      </a:lnTo>
                      <a:lnTo>
                        <a:pt x="122" y="378"/>
                      </a:lnTo>
                      <a:lnTo>
                        <a:pt x="120" y="383"/>
                      </a:lnTo>
                      <a:lnTo>
                        <a:pt x="117" y="388"/>
                      </a:lnTo>
                      <a:lnTo>
                        <a:pt x="112" y="390"/>
                      </a:lnTo>
                      <a:lnTo>
                        <a:pt x="112" y="391"/>
                      </a:lnTo>
                      <a:lnTo>
                        <a:pt x="113" y="391"/>
                      </a:lnTo>
                      <a:lnTo>
                        <a:pt x="113" y="393"/>
                      </a:lnTo>
                      <a:lnTo>
                        <a:pt x="112" y="396"/>
                      </a:lnTo>
                      <a:lnTo>
                        <a:pt x="110" y="398"/>
                      </a:lnTo>
                      <a:lnTo>
                        <a:pt x="107" y="402"/>
                      </a:lnTo>
                      <a:lnTo>
                        <a:pt x="100" y="405"/>
                      </a:lnTo>
                      <a:lnTo>
                        <a:pt x="96" y="407"/>
                      </a:lnTo>
                      <a:lnTo>
                        <a:pt x="91" y="408"/>
                      </a:lnTo>
                      <a:lnTo>
                        <a:pt x="88" y="412"/>
                      </a:lnTo>
                      <a:lnTo>
                        <a:pt x="85" y="413"/>
                      </a:lnTo>
                      <a:lnTo>
                        <a:pt x="83" y="418"/>
                      </a:lnTo>
                      <a:lnTo>
                        <a:pt x="83" y="422"/>
                      </a:lnTo>
                      <a:lnTo>
                        <a:pt x="85" y="425"/>
                      </a:lnTo>
                      <a:lnTo>
                        <a:pt x="85" y="427"/>
                      </a:lnTo>
                      <a:lnTo>
                        <a:pt x="85" y="429"/>
                      </a:lnTo>
                      <a:lnTo>
                        <a:pt x="83" y="430"/>
                      </a:lnTo>
                      <a:lnTo>
                        <a:pt x="81" y="430"/>
                      </a:lnTo>
                      <a:lnTo>
                        <a:pt x="79" y="432"/>
                      </a:lnTo>
                      <a:lnTo>
                        <a:pt x="78" y="430"/>
                      </a:lnTo>
                      <a:lnTo>
                        <a:pt x="76" y="429"/>
                      </a:lnTo>
                      <a:lnTo>
                        <a:pt x="76" y="424"/>
                      </a:lnTo>
                      <a:lnTo>
                        <a:pt x="74" y="424"/>
                      </a:lnTo>
                      <a:lnTo>
                        <a:pt x="71" y="424"/>
                      </a:lnTo>
                      <a:lnTo>
                        <a:pt x="69" y="424"/>
                      </a:lnTo>
                      <a:lnTo>
                        <a:pt x="68" y="425"/>
                      </a:lnTo>
                      <a:lnTo>
                        <a:pt x="64" y="425"/>
                      </a:lnTo>
                      <a:lnTo>
                        <a:pt x="63" y="425"/>
                      </a:lnTo>
                      <a:lnTo>
                        <a:pt x="46" y="442"/>
                      </a:lnTo>
                      <a:lnTo>
                        <a:pt x="44" y="442"/>
                      </a:lnTo>
                      <a:lnTo>
                        <a:pt x="44" y="444"/>
                      </a:lnTo>
                      <a:lnTo>
                        <a:pt x="42" y="447"/>
                      </a:lnTo>
                      <a:lnTo>
                        <a:pt x="41" y="449"/>
                      </a:lnTo>
                      <a:lnTo>
                        <a:pt x="41" y="452"/>
                      </a:lnTo>
                      <a:lnTo>
                        <a:pt x="42" y="452"/>
                      </a:lnTo>
                      <a:lnTo>
                        <a:pt x="44" y="451"/>
                      </a:lnTo>
                      <a:lnTo>
                        <a:pt x="51" y="447"/>
                      </a:lnTo>
                      <a:lnTo>
                        <a:pt x="52" y="446"/>
                      </a:lnTo>
                      <a:lnTo>
                        <a:pt x="56" y="444"/>
                      </a:lnTo>
                      <a:lnTo>
                        <a:pt x="57" y="440"/>
                      </a:lnTo>
                      <a:lnTo>
                        <a:pt x="61" y="439"/>
                      </a:lnTo>
                      <a:lnTo>
                        <a:pt x="64" y="435"/>
                      </a:lnTo>
                      <a:lnTo>
                        <a:pt x="66" y="434"/>
                      </a:lnTo>
                      <a:lnTo>
                        <a:pt x="68" y="432"/>
                      </a:lnTo>
                      <a:lnTo>
                        <a:pt x="68" y="434"/>
                      </a:lnTo>
                      <a:lnTo>
                        <a:pt x="68" y="437"/>
                      </a:lnTo>
                      <a:lnTo>
                        <a:pt x="68" y="439"/>
                      </a:lnTo>
                      <a:lnTo>
                        <a:pt x="69" y="440"/>
                      </a:lnTo>
                      <a:lnTo>
                        <a:pt x="73" y="440"/>
                      </a:lnTo>
                      <a:lnTo>
                        <a:pt x="78" y="439"/>
                      </a:lnTo>
                      <a:lnTo>
                        <a:pt x="86" y="434"/>
                      </a:lnTo>
                      <a:lnTo>
                        <a:pt x="88" y="430"/>
                      </a:lnTo>
                      <a:lnTo>
                        <a:pt x="90" y="429"/>
                      </a:lnTo>
                      <a:lnTo>
                        <a:pt x="91" y="429"/>
                      </a:lnTo>
                      <a:lnTo>
                        <a:pt x="95" y="434"/>
                      </a:lnTo>
                      <a:lnTo>
                        <a:pt x="96" y="434"/>
                      </a:lnTo>
                      <a:lnTo>
                        <a:pt x="96" y="432"/>
                      </a:lnTo>
                      <a:lnTo>
                        <a:pt x="96" y="430"/>
                      </a:lnTo>
                      <a:lnTo>
                        <a:pt x="98" y="427"/>
                      </a:lnTo>
                      <a:lnTo>
                        <a:pt x="101" y="424"/>
                      </a:lnTo>
                      <a:lnTo>
                        <a:pt x="105" y="422"/>
                      </a:lnTo>
                      <a:lnTo>
                        <a:pt x="110" y="420"/>
                      </a:lnTo>
                      <a:lnTo>
                        <a:pt x="117" y="420"/>
                      </a:lnTo>
                      <a:lnTo>
                        <a:pt x="117" y="418"/>
                      </a:lnTo>
                      <a:lnTo>
                        <a:pt x="115" y="418"/>
                      </a:lnTo>
                      <a:lnTo>
                        <a:pt x="113" y="415"/>
                      </a:lnTo>
                      <a:lnTo>
                        <a:pt x="113" y="413"/>
                      </a:lnTo>
                      <a:lnTo>
                        <a:pt x="115" y="408"/>
                      </a:lnTo>
                      <a:lnTo>
                        <a:pt x="120" y="405"/>
                      </a:lnTo>
                      <a:lnTo>
                        <a:pt x="127" y="398"/>
                      </a:lnTo>
                      <a:lnTo>
                        <a:pt x="139" y="391"/>
                      </a:lnTo>
                      <a:lnTo>
                        <a:pt x="140" y="391"/>
                      </a:lnTo>
                      <a:lnTo>
                        <a:pt x="139" y="390"/>
                      </a:lnTo>
                      <a:lnTo>
                        <a:pt x="139" y="388"/>
                      </a:lnTo>
                      <a:lnTo>
                        <a:pt x="140" y="385"/>
                      </a:lnTo>
                      <a:lnTo>
                        <a:pt x="144" y="381"/>
                      </a:lnTo>
                      <a:lnTo>
                        <a:pt x="151" y="374"/>
                      </a:lnTo>
                      <a:lnTo>
                        <a:pt x="161" y="366"/>
                      </a:lnTo>
                      <a:lnTo>
                        <a:pt x="174" y="354"/>
                      </a:lnTo>
                      <a:lnTo>
                        <a:pt x="176" y="352"/>
                      </a:lnTo>
                      <a:lnTo>
                        <a:pt x="178" y="347"/>
                      </a:lnTo>
                      <a:lnTo>
                        <a:pt x="178" y="344"/>
                      </a:lnTo>
                      <a:lnTo>
                        <a:pt x="179" y="342"/>
                      </a:lnTo>
                      <a:lnTo>
                        <a:pt x="181" y="341"/>
                      </a:lnTo>
                      <a:lnTo>
                        <a:pt x="183" y="339"/>
                      </a:lnTo>
                      <a:lnTo>
                        <a:pt x="183" y="337"/>
                      </a:lnTo>
                      <a:lnTo>
                        <a:pt x="184" y="336"/>
                      </a:lnTo>
                      <a:lnTo>
                        <a:pt x="183" y="332"/>
                      </a:lnTo>
                      <a:lnTo>
                        <a:pt x="181" y="330"/>
                      </a:lnTo>
                      <a:lnTo>
                        <a:pt x="174" y="330"/>
                      </a:lnTo>
                      <a:lnTo>
                        <a:pt x="173" y="330"/>
                      </a:lnTo>
                      <a:lnTo>
                        <a:pt x="173" y="329"/>
                      </a:lnTo>
                      <a:lnTo>
                        <a:pt x="173" y="327"/>
                      </a:lnTo>
                      <a:lnTo>
                        <a:pt x="174" y="322"/>
                      </a:lnTo>
                      <a:lnTo>
                        <a:pt x="178" y="317"/>
                      </a:lnTo>
                      <a:lnTo>
                        <a:pt x="183" y="310"/>
                      </a:lnTo>
                      <a:lnTo>
                        <a:pt x="191" y="302"/>
                      </a:lnTo>
                      <a:lnTo>
                        <a:pt x="193" y="298"/>
                      </a:lnTo>
                      <a:lnTo>
                        <a:pt x="195" y="293"/>
                      </a:lnTo>
                      <a:lnTo>
                        <a:pt x="196" y="285"/>
                      </a:lnTo>
                      <a:lnTo>
                        <a:pt x="200" y="276"/>
                      </a:lnTo>
                      <a:lnTo>
                        <a:pt x="205" y="268"/>
                      </a:lnTo>
                      <a:lnTo>
                        <a:pt x="211" y="264"/>
                      </a:lnTo>
                      <a:lnTo>
                        <a:pt x="220" y="264"/>
                      </a:lnTo>
                      <a:lnTo>
                        <a:pt x="230" y="271"/>
                      </a:lnTo>
                      <a:lnTo>
                        <a:pt x="228" y="271"/>
                      </a:lnTo>
                      <a:lnTo>
                        <a:pt x="225" y="271"/>
                      </a:lnTo>
                      <a:lnTo>
                        <a:pt x="220" y="273"/>
                      </a:lnTo>
                      <a:lnTo>
                        <a:pt x="213" y="273"/>
                      </a:lnTo>
                      <a:lnTo>
                        <a:pt x="210" y="276"/>
                      </a:lnTo>
                      <a:lnTo>
                        <a:pt x="206" y="281"/>
                      </a:lnTo>
                      <a:lnTo>
                        <a:pt x="206" y="288"/>
                      </a:lnTo>
                      <a:lnTo>
                        <a:pt x="210" y="297"/>
                      </a:lnTo>
                      <a:lnTo>
                        <a:pt x="210" y="298"/>
                      </a:lnTo>
                      <a:lnTo>
                        <a:pt x="208" y="302"/>
                      </a:lnTo>
                      <a:lnTo>
                        <a:pt x="205" y="305"/>
                      </a:lnTo>
                      <a:lnTo>
                        <a:pt x="203" y="308"/>
                      </a:lnTo>
                      <a:lnTo>
                        <a:pt x="203" y="310"/>
                      </a:lnTo>
                      <a:lnTo>
                        <a:pt x="205" y="312"/>
                      </a:lnTo>
                      <a:lnTo>
                        <a:pt x="208" y="310"/>
                      </a:lnTo>
                      <a:lnTo>
                        <a:pt x="215" y="307"/>
                      </a:lnTo>
                      <a:lnTo>
                        <a:pt x="213" y="308"/>
                      </a:lnTo>
                      <a:lnTo>
                        <a:pt x="211" y="312"/>
                      </a:lnTo>
                      <a:lnTo>
                        <a:pt x="210" y="317"/>
                      </a:lnTo>
                      <a:lnTo>
                        <a:pt x="208" y="320"/>
                      </a:lnTo>
                      <a:lnTo>
                        <a:pt x="208" y="324"/>
                      </a:lnTo>
                      <a:lnTo>
                        <a:pt x="210" y="322"/>
                      </a:lnTo>
                      <a:lnTo>
                        <a:pt x="217" y="319"/>
                      </a:lnTo>
                      <a:lnTo>
                        <a:pt x="227" y="308"/>
                      </a:lnTo>
                      <a:lnTo>
                        <a:pt x="227" y="307"/>
                      </a:lnTo>
                      <a:lnTo>
                        <a:pt x="230" y="305"/>
                      </a:lnTo>
                      <a:lnTo>
                        <a:pt x="232" y="303"/>
                      </a:lnTo>
                      <a:lnTo>
                        <a:pt x="233" y="302"/>
                      </a:lnTo>
                      <a:lnTo>
                        <a:pt x="237" y="300"/>
                      </a:lnTo>
                      <a:lnTo>
                        <a:pt x="239" y="298"/>
                      </a:lnTo>
                      <a:lnTo>
                        <a:pt x="240" y="297"/>
                      </a:lnTo>
                      <a:lnTo>
                        <a:pt x="242" y="297"/>
                      </a:lnTo>
                      <a:lnTo>
                        <a:pt x="244" y="297"/>
                      </a:lnTo>
                      <a:lnTo>
                        <a:pt x="245" y="295"/>
                      </a:lnTo>
                      <a:lnTo>
                        <a:pt x="247" y="293"/>
                      </a:lnTo>
                      <a:lnTo>
                        <a:pt x="249" y="290"/>
                      </a:lnTo>
                      <a:lnTo>
                        <a:pt x="247" y="286"/>
                      </a:lnTo>
                      <a:lnTo>
                        <a:pt x="245" y="281"/>
                      </a:lnTo>
                      <a:lnTo>
                        <a:pt x="245" y="280"/>
                      </a:lnTo>
                      <a:lnTo>
                        <a:pt x="244" y="276"/>
                      </a:lnTo>
                      <a:lnTo>
                        <a:pt x="242" y="273"/>
                      </a:lnTo>
                      <a:lnTo>
                        <a:pt x="240" y="271"/>
                      </a:lnTo>
                      <a:lnTo>
                        <a:pt x="250" y="264"/>
                      </a:lnTo>
                      <a:lnTo>
                        <a:pt x="255" y="268"/>
                      </a:lnTo>
                      <a:lnTo>
                        <a:pt x="266" y="263"/>
                      </a:lnTo>
                      <a:lnTo>
                        <a:pt x="281" y="271"/>
                      </a:lnTo>
                      <a:lnTo>
                        <a:pt x="286" y="278"/>
                      </a:lnTo>
                      <a:lnTo>
                        <a:pt x="293" y="270"/>
                      </a:lnTo>
                      <a:lnTo>
                        <a:pt x="303" y="286"/>
                      </a:lnTo>
                      <a:lnTo>
                        <a:pt x="305" y="285"/>
                      </a:lnTo>
                      <a:lnTo>
                        <a:pt x="310" y="281"/>
                      </a:lnTo>
                      <a:lnTo>
                        <a:pt x="315" y="278"/>
                      </a:lnTo>
                      <a:lnTo>
                        <a:pt x="323" y="276"/>
                      </a:lnTo>
                      <a:lnTo>
                        <a:pt x="333" y="275"/>
                      </a:lnTo>
                      <a:lnTo>
                        <a:pt x="343" y="275"/>
                      </a:lnTo>
                      <a:lnTo>
                        <a:pt x="357" y="276"/>
                      </a:lnTo>
                      <a:lnTo>
                        <a:pt x="359" y="276"/>
                      </a:lnTo>
                      <a:lnTo>
                        <a:pt x="360" y="275"/>
                      </a:lnTo>
                      <a:lnTo>
                        <a:pt x="362" y="273"/>
                      </a:lnTo>
                      <a:lnTo>
                        <a:pt x="364" y="271"/>
                      </a:lnTo>
                      <a:lnTo>
                        <a:pt x="365" y="271"/>
                      </a:lnTo>
                      <a:lnTo>
                        <a:pt x="369" y="271"/>
                      </a:lnTo>
                      <a:lnTo>
                        <a:pt x="371" y="275"/>
                      </a:lnTo>
                      <a:lnTo>
                        <a:pt x="371" y="278"/>
                      </a:lnTo>
                      <a:lnTo>
                        <a:pt x="371" y="280"/>
                      </a:lnTo>
                      <a:lnTo>
                        <a:pt x="374" y="280"/>
                      </a:lnTo>
                      <a:lnTo>
                        <a:pt x="377" y="281"/>
                      </a:lnTo>
                      <a:lnTo>
                        <a:pt x="381" y="281"/>
                      </a:lnTo>
                      <a:lnTo>
                        <a:pt x="384" y="281"/>
                      </a:lnTo>
                      <a:lnTo>
                        <a:pt x="387" y="283"/>
                      </a:lnTo>
                      <a:lnTo>
                        <a:pt x="389" y="283"/>
                      </a:lnTo>
                      <a:lnTo>
                        <a:pt x="391" y="283"/>
                      </a:lnTo>
                      <a:lnTo>
                        <a:pt x="411" y="295"/>
                      </a:lnTo>
                      <a:lnTo>
                        <a:pt x="413" y="295"/>
                      </a:lnTo>
                      <a:lnTo>
                        <a:pt x="415" y="295"/>
                      </a:lnTo>
                      <a:lnTo>
                        <a:pt x="418" y="295"/>
                      </a:lnTo>
                      <a:lnTo>
                        <a:pt x="421" y="295"/>
                      </a:lnTo>
                      <a:lnTo>
                        <a:pt x="425" y="295"/>
                      </a:lnTo>
                      <a:lnTo>
                        <a:pt x="425" y="292"/>
                      </a:lnTo>
                      <a:lnTo>
                        <a:pt x="423" y="288"/>
                      </a:lnTo>
                      <a:lnTo>
                        <a:pt x="416" y="280"/>
                      </a:lnTo>
                      <a:lnTo>
                        <a:pt x="418" y="280"/>
                      </a:lnTo>
                      <a:lnTo>
                        <a:pt x="420" y="278"/>
                      </a:lnTo>
                      <a:lnTo>
                        <a:pt x="423" y="276"/>
                      </a:lnTo>
                      <a:lnTo>
                        <a:pt x="425" y="278"/>
                      </a:lnTo>
                      <a:lnTo>
                        <a:pt x="428" y="280"/>
                      </a:lnTo>
                      <a:lnTo>
                        <a:pt x="431" y="283"/>
                      </a:lnTo>
                      <a:lnTo>
                        <a:pt x="435" y="286"/>
                      </a:lnTo>
                      <a:lnTo>
                        <a:pt x="438" y="288"/>
                      </a:lnTo>
                      <a:lnTo>
                        <a:pt x="438" y="286"/>
                      </a:lnTo>
                      <a:lnTo>
                        <a:pt x="435" y="281"/>
                      </a:lnTo>
                      <a:lnTo>
                        <a:pt x="430" y="271"/>
                      </a:lnTo>
                      <a:lnTo>
                        <a:pt x="428" y="270"/>
                      </a:lnTo>
                      <a:lnTo>
                        <a:pt x="430" y="266"/>
                      </a:lnTo>
                      <a:lnTo>
                        <a:pt x="430" y="264"/>
                      </a:lnTo>
                      <a:lnTo>
                        <a:pt x="431" y="264"/>
                      </a:lnTo>
                      <a:lnTo>
                        <a:pt x="445" y="283"/>
                      </a:lnTo>
                      <a:lnTo>
                        <a:pt x="455" y="280"/>
                      </a:lnTo>
                      <a:lnTo>
                        <a:pt x="455" y="281"/>
                      </a:lnTo>
                      <a:lnTo>
                        <a:pt x="457" y="281"/>
                      </a:lnTo>
                      <a:lnTo>
                        <a:pt x="460" y="283"/>
                      </a:lnTo>
                      <a:lnTo>
                        <a:pt x="462" y="286"/>
                      </a:lnTo>
                      <a:lnTo>
                        <a:pt x="465" y="290"/>
                      </a:lnTo>
                      <a:lnTo>
                        <a:pt x="469" y="295"/>
                      </a:lnTo>
                      <a:lnTo>
                        <a:pt x="472" y="300"/>
                      </a:lnTo>
                      <a:lnTo>
                        <a:pt x="475" y="305"/>
                      </a:lnTo>
                      <a:lnTo>
                        <a:pt x="479" y="312"/>
                      </a:lnTo>
                      <a:lnTo>
                        <a:pt x="482" y="314"/>
                      </a:lnTo>
                      <a:lnTo>
                        <a:pt x="484" y="314"/>
                      </a:lnTo>
                      <a:lnTo>
                        <a:pt x="486" y="312"/>
                      </a:lnTo>
                      <a:lnTo>
                        <a:pt x="487" y="310"/>
                      </a:lnTo>
                      <a:lnTo>
                        <a:pt x="487" y="308"/>
                      </a:lnTo>
                      <a:lnTo>
                        <a:pt x="487" y="307"/>
                      </a:lnTo>
                      <a:lnTo>
                        <a:pt x="509" y="322"/>
                      </a:lnTo>
                      <a:lnTo>
                        <a:pt x="508" y="325"/>
                      </a:lnTo>
                      <a:lnTo>
                        <a:pt x="508" y="327"/>
                      </a:lnTo>
                      <a:lnTo>
                        <a:pt x="508" y="330"/>
                      </a:lnTo>
                      <a:lnTo>
                        <a:pt x="508" y="332"/>
                      </a:lnTo>
                      <a:lnTo>
                        <a:pt x="509" y="332"/>
                      </a:lnTo>
                      <a:lnTo>
                        <a:pt x="514" y="329"/>
                      </a:lnTo>
                      <a:lnTo>
                        <a:pt x="519" y="324"/>
                      </a:lnTo>
                      <a:lnTo>
                        <a:pt x="521" y="322"/>
                      </a:lnTo>
                      <a:lnTo>
                        <a:pt x="523" y="322"/>
                      </a:lnTo>
                      <a:lnTo>
                        <a:pt x="525" y="324"/>
                      </a:lnTo>
                      <a:lnTo>
                        <a:pt x="528" y="325"/>
                      </a:lnTo>
                      <a:lnTo>
                        <a:pt x="531" y="330"/>
                      </a:lnTo>
                      <a:lnTo>
                        <a:pt x="535" y="339"/>
                      </a:lnTo>
                      <a:lnTo>
                        <a:pt x="536" y="341"/>
                      </a:lnTo>
                      <a:lnTo>
                        <a:pt x="538" y="344"/>
                      </a:lnTo>
                      <a:lnTo>
                        <a:pt x="540" y="347"/>
                      </a:lnTo>
                      <a:lnTo>
                        <a:pt x="541" y="349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04" name="Freeform 78"/>
                <p:cNvSpPr>
                  <a:spLocks/>
                </p:cNvSpPr>
                <p:nvPr/>
              </p:nvSpPr>
              <p:spPr bwMode="auto">
                <a:xfrm>
                  <a:off x="659" y="3034"/>
                  <a:ext cx="545" cy="452"/>
                </a:xfrm>
                <a:custGeom>
                  <a:avLst/>
                  <a:gdLst>
                    <a:gd name="T0" fmla="*/ 545 w 545"/>
                    <a:gd name="T1" fmla="*/ 332 h 452"/>
                    <a:gd name="T2" fmla="*/ 516 w 545"/>
                    <a:gd name="T3" fmla="*/ 312 h 452"/>
                    <a:gd name="T4" fmla="*/ 381 w 545"/>
                    <a:gd name="T5" fmla="*/ 266 h 452"/>
                    <a:gd name="T6" fmla="*/ 350 w 545"/>
                    <a:gd name="T7" fmla="*/ 264 h 452"/>
                    <a:gd name="T8" fmla="*/ 237 w 545"/>
                    <a:gd name="T9" fmla="*/ 14 h 452"/>
                    <a:gd name="T10" fmla="*/ 195 w 545"/>
                    <a:gd name="T11" fmla="*/ 16 h 452"/>
                    <a:gd name="T12" fmla="*/ 179 w 545"/>
                    <a:gd name="T13" fmla="*/ 16 h 452"/>
                    <a:gd name="T14" fmla="*/ 152 w 545"/>
                    <a:gd name="T15" fmla="*/ 9 h 452"/>
                    <a:gd name="T16" fmla="*/ 110 w 545"/>
                    <a:gd name="T17" fmla="*/ 9 h 452"/>
                    <a:gd name="T18" fmla="*/ 91 w 545"/>
                    <a:gd name="T19" fmla="*/ 17 h 452"/>
                    <a:gd name="T20" fmla="*/ 69 w 545"/>
                    <a:gd name="T21" fmla="*/ 33 h 452"/>
                    <a:gd name="T22" fmla="*/ 22 w 545"/>
                    <a:gd name="T23" fmla="*/ 78 h 452"/>
                    <a:gd name="T24" fmla="*/ 54 w 545"/>
                    <a:gd name="T25" fmla="*/ 116 h 452"/>
                    <a:gd name="T26" fmla="*/ 68 w 545"/>
                    <a:gd name="T27" fmla="*/ 132 h 452"/>
                    <a:gd name="T28" fmla="*/ 27 w 545"/>
                    <a:gd name="T29" fmla="*/ 132 h 452"/>
                    <a:gd name="T30" fmla="*/ 15 w 545"/>
                    <a:gd name="T31" fmla="*/ 138 h 452"/>
                    <a:gd name="T32" fmla="*/ 3 w 545"/>
                    <a:gd name="T33" fmla="*/ 160 h 452"/>
                    <a:gd name="T34" fmla="*/ 17 w 545"/>
                    <a:gd name="T35" fmla="*/ 180 h 452"/>
                    <a:gd name="T36" fmla="*/ 71 w 545"/>
                    <a:gd name="T37" fmla="*/ 176 h 452"/>
                    <a:gd name="T38" fmla="*/ 76 w 545"/>
                    <a:gd name="T39" fmla="*/ 190 h 452"/>
                    <a:gd name="T40" fmla="*/ 56 w 545"/>
                    <a:gd name="T41" fmla="*/ 219 h 452"/>
                    <a:gd name="T42" fmla="*/ 34 w 545"/>
                    <a:gd name="T43" fmla="*/ 220 h 452"/>
                    <a:gd name="T44" fmla="*/ 22 w 545"/>
                    <a:gd name="T45" fmla="*/ 242 h 452"/>
                    <a:gd name="T46" fmla="*/ 15 w 545"/>
                    <a:gd name="T47" fmla="*/ 256 h 452"/>
                    <a:gd name="T48" fmla="*/ 17 w 545"/>
                    <a:gd name="T49" fmla="*/ 271 h 452"/>
                    <a:gd name="T50" fmla="*/ 41 w 545"/>
                    <a:gd name="T51" fmla="*/ 288 h 452"/>
                    <a:gd name="T52" fmla="*/ 35 w 545"/>
                    <a:gd name="T53" fmla="*/ 314 h 452"/>
                    <a:gd name="T54" fmla="*/ 59 w 545"/>
                    <a:gd name="T55" fmla="*/ 298 h 452"/>
                    <a:gd name="T56" fmla="*/ 69 w 545"/>
                    <a:gd name="T57" fmla="*/ 322 h 452"/>
                    <a:gd name="T58" fmla="*/ 64 w 545"/>
                    <a:gd name="T59" fmla="*/ 347 h 452"/>
                    <a:gd name="T60" fmla="*/ 79 w 545"/>
                    <a:gd name="T61" fmla="*/ 336 h 452"/>
                    <a:gd name="T62" fmla="*/ 95 w 545"/>
                    <a:gd name="T63" fmla="*/ 336 h 452"/>
                    <a:gd name="T64" fmla="*/ 108 w 545"/>
                    <a:gd name="T65" fmla="*/ 344 h 452"/>
                    <a:gd name="T66" fmla="*/ 139 w 545"/>
                    <a:gd name="T67" fmla="*/ 329 h 452"/>
                    <a:gd name="T68" fmla="*/ 125 w 545"/>
                    <a:gd name="T69" fmla="*/ 364 h 452"/>
                    <a:gd name="T70" fmla="*/ 112 w 545"/>
                    <a:gd name="T71" fmla="*/ 396 h 452"/>
                    <a:gd name="T72" fmla="*/ 83 w 545"/>
                    <a:gd name="T73" fmla="*/ 422 h 452"/>
                    <a:gd name="T74" fmla="*/ 76 w 545"/>
                    <a:gd name="T75" fmla="*/ 424 h 452"/>
                    <a:gd name="T76" fmla="*/ 44 w 545"/>
                    <a:gd name="T77" fmla="*/ 442 h 452"/>
                    <a:gd name="T78" fmla="*/ 57 w 545"/>
                    <a:gd name="T79" fmla="*/ 440 h 452"/>
                    <a:gd name="T80" fmla="*/ 69 w 545"/>
                    <a:gd name="T81" fmla="*/ 440 h 452"/>
                    <a:gd name="T82" fmla="*/ 96 w 545"/>
                    <a:gd name="T83" fmla="*/ 432 h 452"/>
                    <a:gd name="T84" fmla="*/ 113 w 545"/>
                    <a:gd name="T85" fmla="*/ 413 h 452"/>
                    <a:gd name="T86" fmla="*/ 151 w 545"/>
                    <a:gd name="T87" fmla="*/ 374 h 452"/>
                    <a:gd name="T88" fmla="*/ 183 w 545"/>
                    <a:gd name="T89" fmla="*/ 339 h 452"/>
                    <a:gd name="T90" fmla="*/ 174 w 545"/>
                    <a:gd name="T91" fmla="*/ 322 h 452"/>
                    <a:gd name="T92" fmla="*/ 220 w 545"/>
                    <a:gd name="T93" fmla="*/ 264 h 452"/>
                    <a:gd name="T94" fmla="*/ 210 w 545"/>
                    <a:gd name="T95" fmla="*/ 297 h 452"/>
                    <a:gd name="T96" fmla="*/ 211 w 545"/>
                    <a:gd name="T97" fmla="*/ 312 h 452"/>
                    <a:gd name="T98" fmla="*/ 233 w 545"/>
                    <a:gd name="T99" fmla="*/ 302 h 452"/>
                    <a:gd name="T100" fmla="*/ 249 w 545"/>
                    <a:gd name="T101" fmla="*/ 290 h 452"/>
                    <a:gd name="T102" fmla="*/ 281 w 545"/>
                    <a:gd name="T103" fmla="*/ 271 h 452"/>
                    <a:gd name="T104" fmla="*/ 343 w 545"/>
                    <a:gd name="T105" fmla="*/ 275 h 452"/>
                    <a:gd name="T106" fmla="*/ 371 w 545"/>
                    <a:gd name="T107" fmla="*/ 278 h 452"/>
                    <a:gd name="T108" fmla="*/ 413 w 545"/>
                    <a:gd name="T109" fmla="*/ 295 h 452"/>
                    <a:gd name="T110" fmla="*/ 423 w 545"/>
                    <a:gd name="T111" fmla="*/ 276 h 452"/>
                    <a:gd name="T112" fmla="*/ 430 w 545"/>
                    <a:gd name="T113" fmla="*/ 271 h 452"/>
                    <a:gd name="T114" fmla="*/ 462 w 545"/>
                    <a:gd name="T115" fmla="*/ 286 h 452"/>
                    <a:gd name="T116" fmla="*/ 487 w 545"/>
                    <a:gd name="T117" fmla="*/ 310 h 452"/>
                    <a:gd name="T118" fmla="*/ 514 w 545"/>
                    <a:gd name="T119" fmla="*/ 329 h 452"/>
                    <a:gd name="T120" fmla="*/ 535 w 545"/>
                    <a:gd name="T121" fmla="*/ 339 h 452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w 545"/>
                    <a:gd name="T184" fmla="*/ 0 h 452"/>
                    <a:gd name="T185" fmla="*/ 545 w 545"/>
                    <a:gd name="T186" fmla="*/ 452 h 452"/>
                  </a:gdLst>
                  <a:ahLst/>
                  <a:cxnLst>
                    <a:cxn ang="T122">
                      <a:pos x="T0" y="T1"/>
                    </a:cxn>
                    <a:cxn ang="T123">
                      <a:pos x="T2" y="T3"/>
                    </a:cxn>
                    <a:cxn ang="T124">
                      <a:pos x="T4" y="T5"/>
                    </a:cxn>
                    <a:cxn ang="T125">
                      <a:pos x="T6" y="T7"/>
                    </a:cxn>
                    <a:cxn ang="T126">
                      <a:pos x="T8" y="T9"/>
                    </a:cxn>
                    <a:cxn ang="T127">
                      <a:pos x="T10" y="T11"/>
                    </a:cxn>
                    <a:cxn ang="T128">
                      <a:pos x="T12" y="T13"/>
                    </a:cxn>
                    <a:cxn ang="T129">
                      <a:pos x="T14" y="T15"/>
                    </a:cxn>
                    <a:cxn ang="T130">
                      <a:pos x="T16" y="T17"/>
                    </a:cxn>
                    <a:cxn ang="T131">
                      <a:pos x="T18" y="T19"/>
                    </a:cxn>
                    <a:cxn ang="T132">
                      <a:pos x="T20" y="T21"/>
                    </a:cxn>
                    <a:cxn ang="T133">
                      <a:pos x="T22" y="T23"/>
                    </a:cxn>
                    <a:cxn ang="T134">
                      <a:pos x="T24" y="T25"/>
                    </a:cxn>
                    <a:cxn ang="T135">
                      <a:pos x="T26" y="T27"/>
                    </a:cxn>
                    <a:cxn ang="T136">
                      <a:pos x="T28" y="T29"/>
                    </a:cxn>
                    <a:cxn ang="T137">
                      <a:pos x="T30" y="T31"/>
                    </a:cxn>
                    <a:cxn ang="T138">
                      <a:pos x="T32" y="T33"/>
                    </a:cxn>
                    <a:cxn ang="T139">
                      <a:pos x="T34" y="T35"/>
                    </a:cxn>
                    <a:cxn ang="T140">
                      <a:pos x="T36" y="T37"/>
                    </a:cxn>
                    <a:cxn ang="T141">
                      <a:pos x="T38" y="T39"/>
                    </a:cxn>
                    <a:cxn ang="T142">
                      <a:pos x="T40" y="T41"/>
                    </a:cxn>
                    <a:cxn ang="T143">
                      <a:pos x="T42" y="T43"/>
                    </a:cxn>
                    <a:cxn ang="T144">
                      <a:pos x="T44" y="T45"/>
                    </a:cxn>
                    <a:cxn ang="T145">
                      <a:pos x="T46" y="T47"/>
                    </a:cxn>
                    <a:cxn ang="T146">
                      <a:pos x="T48" y="T49"/>
                    </a:cxn>
                    <a:cxn ang="T147">
                      <a:pos x="T50" y="T51"/>
                    </a:cxn>
                    <a:cxn ang="T148">
                      <a:pos x="T52" y="T53"/>
                    </a:cxn>
                    <a:cxn ang="T149">
                      <a:pos x="T54" y="T55"/>
                    </a:cxn>
                    <a:cxn ang="T150">
                      <a:pos x="T56" y="T57"/>
                    </a:cxn>
                    <a:cxn ang="T151">
                      <a:pos x="T58" y="T59"/>
                    </a:cxn>
                    <a:cxn ang="T152">
                      <a:pos x="T60" y="T61"/>
                    </a:cxn>
                    <a:cxn ang="T153">
                      <a:pos x="T62" y="T63"/>
                    </a:cxn>
                    <a:cxn ang="T154">
                      <a:pos x="T64" y="T65"/>
                    </a:cxn>
                    <a:cxn ang="T155">
                      <a:pos x="T66" y="T67"/>
                    </a:cxn>
                    <a:cxn ang="T156">
                      <a:pos x="T68" y="T69"/>
                    </a:cxn>
                    <a:cxn ang="T157">
                      <a:pos x="T70" y="T71"/>
                    </a:cxn>
                    <a:cxn ang="T158">
                      <a:pos x="T72" y="T73"/>
                    </a:cxn>
                    <a:cxn ang="T159">
                      <a:pos x="T74" y="T75"/>
                    </a:cxn>
                    <a:cxn ang="T160">
                      <a:pos x="T76" y="T77"/>
                    </a:cxn>
                    <a:cxn ang="T161">
                      <a:pos x="T78" y="T79"/>
                    </a:cxn>
                    <a:cxn ang="T162">
                      <a:pos x="T80" y="T81"/>
                    </a:cxn>
                    <a:cxn ang="T163">
                      <a:pos x="T82" y="T83"/>
                    </a:cxn>
                    <a:cxn ang="T164">
                      <a:pos x="T84" y="T85"/>
                    </a:cxn>
                    <a:cxn ang="T165">
                      <a:pos x="T86" y="T87"/>
                    </a:cxn>
                    <a:cxn ang="T166">
                      <a:pos x="T88" y="T89"/>
                    </a:cxn>
                    <a:cxn ang="T167">
                      <a:pos x="T90" y="T91"/>
                    </a:cxn>
                    <a:cxn ang="T168">
                      <a:pos x="T92" y="T93"/>
                    </a:cxn>
                    <a:cxn ang="T169">
                      <a:pos x="T94" y="T95"/>
                    </a:cxn>
                    <a:cxn ang="T170">
                      <a:pos x="T96" y="T97"/>
                    </a:cxn>
                    <a:cxn ang="T171">
                      <a:pos x="T98" y="T99"/>
                    </a:cxn>
                    <a:cxn ang="T172">
                      <a:pos x="T100" y="T101"/>
                    </a:cxn>
                    <a:cxn ang="T173">
                      <a:pos x="T102" y="T103"/>
                    </a:cxn>
                    <a:cxn ang="T174">
                      <a:pos x="T104" y="T105"/>
                    </a:cxn>
                    <a:cxn ang="T175">
                      <a:pos x="T106" y="T107"/>
                    </a:cxn>
                    <a:cxn ang="T176">
                      <a:pos x="T108" y="T109"/>
                    </a:cxn>
                    <a:cxn ang="T177">
                      <a:pos x="T110" y="T111"/>
                    </a:cxn>
                    <a:cxn ang="T178">
                      <a:pos x="T112" y="T113"/>
                    </a:cxn>
                    <a:cxn ang="T179">
                      <a:pos x="T114" y="T115"/>
                    </a:cxn>
                    <a:cxn ang="T180">
                      <a:pos x="T116" y="T117"/>
                    </a:cxn>
                    <a:cxn ang="T181">
                      <a:pos x="T118" y="T119"/>
                    </a:cxn>
                    <a:cxn ang="T182">
                      <a:pos x="T120" y="T121"/>
                    </a:cxn>
                  </a:cxnLst>
                  <a:rect l="T183" t="T184" r="T185" b="T186"/>
                  <a:pathLst>
                    <a:path w="545" h="452">
                      <a:moveTo>
                        <a:pt x="541" y="349"/>
                      </a:moveTo>
                      <a:lnTo>
                        <a:pt x="541" y="349"/>
                      </a:lnTo>
                      <a:lnTo>
                        <a:pt x="541" y="347"/>
                      </a:lnTo>
                      <a:lnTo>
                        <a:pt x="543" y="346"/>
                      </a:lnTo>
                      <a:lnTo>
                        <a:pt x="543" y="344"/>
                      </a:lnTo>
                      <a:lnTo>
                        <a:pt x="545" y="341"/>
                      </a:lnTo>
                      <a:lnTo>
                        <a:pt x="545" y="339"/>
                      </a:lnTo>
                      <a:lnTo>
                        <a:pt x="545" y="336"/>
                      </a:lnTo>
                      <a:lnTo>
                        <a:pt x="545" y="332"/>
                      </a:lnTo>
                      <a:lnTo>
                        <a:pt x="543" y="329"/>
                      </a:lnTo>
                      <a:lnTo>
                        <a:pt x="541" y="325"/>
                      </a:lnTo>
                      <a:lnTo>
                        <a:pt x="538" y="320"/>
                      </a:lnTo>
                      <a:lnTo>
                        <a:pt x="535" y="317"/>
                      </a:lnTo>
                      <a:lnTo>
                        <a:pt x="533" y="315"/>
                      </a:lnTo>
                      <a:lnTo>
                        <a:pt x="530" y="315"/>
                      </a:lnTo>
                      <a:lnTo>
                        <a:pt x="526" y="314"/>
                      </a:lnTo>
                      <a:lnTo>
                        <a:pt x="523" y="314"/>
                      </a:lnTo>
                      <a:lnTo>
                        <a:pt x="519" y="314"/>
                      </a:lnTo>
                      <a:lnTo>
                        <a:pt x="516" y="312"/>
                      </a:lnTo>
                      <a:lnTo>
                        <a:pt x="514" y="312"/>
                      </a:lnTo>
                      <a:lnTo>
                        <a:pt x="506" y="310"/>
                      </a:lnTo>
                      <a:lnTo>
                        <a:pt x="452" y="271"/>
                      </a:lnTo>
                      <a:lnTo>
                        <a:pt x="435" y="259"/>
                      </a:lnTo>
                      <a:lnTo>
                        <a:pt x="421" y="251"/>
                      </a:lnTo>
                      <a:lnTo>
                        <a:pt x="413" y="263"/>
                      </a:lnTo>
                      <a:lnTo>
                        <a:pt x="413" y="271"/>
                      </a:lnTo>
                      <a:lnTo>
                        <a:pt x="403" y="280"/>
                      </a:lnTo>
                      <a:lnTo>
                        <a:pt x="381" y="266"/>
                      </a:lnTo>
                      <a:lnTo>
                        <a:pt x="379" y="264"/>
                      </a:lnTo>
                      <a:lnTo>
                        <a:pt x="377" y="261"/>
                      </a:lnTo>
                      <a:lnTo>
                        <a:pt x="374" y="259"/>
                      </a:lnTo>
                      <a:lnTo>
                        <a:pt x="369" y="258"/>
                      </a:lnTo>
                      <a:lnTo>
                        <a:pt x="365" y="258"/>
                      </a:lnTo>
                      <a:lnTo>
                        <a:pt x="360" y="259"/>
                      </a:lnTo>
                      <a:lnTo>
                        <a:pt x="355" y="263"/>
                      </a:lnTo>
                      <a:lnTo>
                        <a:pt x="354" y="264"/>
                      </a:lnTo>
                      <a:lnTo>
                        <a:pt x="350" y="264"/>
                      </a:lnTo>
                      <a:lnTo>
                        <a:pt x="347" y="266"/>
                      </a:lnTo>
                      <a:lnTo>
                        <a:pt x="345" y="266"/>
                      </a:lnTo>
                      <a:lnTo>
                        <a:pt x="271" y="17"/>
                      </a:lnTo>
                      <a:lnTo>
                        <a:pt x="269" y="17"/>
                      </a:lnTo>
                      <a:lnTo>
                        <a:pt x="266" y="16"/>
                      </a:lnTo>
                      <a:lnTo>
                        <a:pt x="261" y="14"/>
                      </a:lnTo>
                      <a:lnTo>
                        <a:pt x="255" y="12"/>
                      </a:lnTo>
                      <a:lnTo>
                        <a:pt x="249" y="11"/>
                      </a:lnTo>
                      <a:lnTo>
                        <a:pt x="244" y="12"/>
                      </a:lnTo>
                      <a:lnTo>
                        <a:pt x="237" y="14"/>
                      </a:lnTo>
                      <a:lnTo>
                        <a:pt x="232" y="17"/>
                      </a:lnTo>
                      <a:lnTo>
                        <a:pt x="230" y="17"/>
                      </a:lnTo>
                      <a:lnTo>
                        <a:pt x="225" y="17"/>
                      </a:lnTo>
                      <a:lnTo>
                        <a:pt x="218" y="17"/>
                      </a:lnTo>
                      <a:lnTo>
                        <a:pt x="211" y="17"/>
                      </a:lnTo>
                      <a:lnTo>
                        <a:pt x="205" y="17"/>
                      </a:lnTo>
                      <a:lnTo>
                        <a:pt x="200" y="17"/>
                      </a:lnTo>
                      <a:lnTo>
                        <a:pt x="195" y="16"/>
                      </a:lnTo>
                      <a:lnTo>
                        <a:pt x="193" y="16"/>
                      </a:lnTo>
                      <a:lnTo>
                        <a:pt x="191" y="16"/>
                      </a:lnTo>
                      <a:lnTo>
                        <a:pt x="189" y="16"/>
                      </a:lnTo>
                      <a:lnTo>
                        <a:pt x="188" y="16"/>
                      </a:lnTo>
                      <a:lnTo>
                        <a:pt x="184" y="16"/>
                      </a:lnTo>
                      <a:lnTo>
                        <a:pt x="183" y="16"/>
                      </a:lnTo>
                      <a:lnTo>
                        <a:pt x="181" y="16"/>
                      </a:lnTo>
                      <a:lnTo>
                        <a:pt x="179" y="16"/>
                      </a:lnTo>
                      <a:lnTo>
                        <a:pt x="176" y="17"/>
                      </a:lnTo>
                      <a:lnTo>
                        <a:pt x="173" y="17"/>
                      </a:lnTo>
                      <a:lnTo>
                        <a:pt x="169" y="17"/>
                      </a:lnTo>
                      <a:lnTo>
                        <a:pt x="166" y="16"/>
                      </a:lnTo>
                      <a:lnTo>
                        <a:pt x="162" y="12"/>
                      </a:lnTo>
                      <a:lnTo>
                        <a:pt x="157" y="7"/>
                      </a:lnTo>
                      <a:lnTo>
                        <a:pt x="156" y="7"/>
                      </a:lnTo>
                      <a:lnTo>
                        <a:pt x="154" y="9"/>
                      </a:lnTo>
                      <a:lnTo>
                        <a:pt x="152" y="9"/>
                      </a:lnTo>
                      <a:lnTo>
                        <a:pt x="149" y="9"/>
                      </a:lnTo>
                      <a:lnTo>
                        <a:pt x="147" y="9"/>
                      </a:lnTo>
                      <a:lnTo>
                        <a:pt x="145" y="11"/>
                      </a:lnTo>
                      <a:lnTo>
                        <a:pt x="137" y="2"/>
                      </a:lnTo>
                      <a:lnTo>
                        <a:pt x="130" y="7"/>
                      </a:lnTo>
                      <a:lnTo>
                        <a:pt x="129" y="0"/>
                      </a:lnTo>
                      <a:lnTo>
                        <a:pt x="117" y="0"/>
                      </a:lnTo>
                      <a:lnTo>
                        <a:pt x="110" y="9"/>
                      </a:lnTo>
                      <a:lnTo>
                        <a:pt x="108" y="11"/>
                      </a:lnTo>
                      <a:lnTo>
                        <a:pt x="108" y="12"/>
                      </a:lnTo>
                      <a:lnTo>
                        <a:pt x="107" y="12"/>
                      </a:lnTo>
                      <a:lnTo>
                        <a:pt x="103" y="14"/>
                      </a:lnTo>
                      <a:lnTo>
                        <a:pt x="100" y="14"/>
                      </a:lnTo>
                      <a:lnTo>
                        <a:pt x="95" y="14"/>
                      </a:lnTo>
                      <a:lnTo>
                        <a:pt x="93" y="16"/>
                      </a:lnTo>
                      <a:lnTo>
                        <a:pt x="91" y="17"/>
                      </a:lnTo>
                      <a:lnTo>
                        <a:pt x="90" y="19"/>
                      </a:lnTo>
                      <a:lnTo>
                        <a:pt x="86" y="22"/>
                      </a:lnTo>
                      <a:lnTo>
                        <a:pt x="85" y="24"/>
                      </a:lnTo>
                      <a:lnTo>
                        <a:pt x="83" y="26"/>
                      </a:lnTo>
                      <a:lnTo>
                        <a:pt x="81" y="26"/>
                      </a:lnTo>
                      <a:lnTo>
                        <a:pt x="78" y="26"/>
                      </a:lnTo>
                      <a:lnTo>
                        <a:pt x="74" y="29"/>
                      </a:lnTo>
                      <a:lnTo>
                        <a:pt x="69" y="33"/>
                      </a:lnTo>
                      <a:lnTo>
                        <a:pt x="64" y="38"/>
                      </a:lnTo>
                      <a:lnTo>
                        <a:pt x="59" y="46"/>
                      </a:lnTo>
                      <a:lnTo>
                        <a:pt x="54" y="56"/>
                      </a:lnTo>
                      <a:lnTo>
                        <a:pt x="52" y="58"/>
                      </a:lnTo>
                      <a:lnTo>
                        <a:pt x="51" y="61"/>
                      </a:lnTo>
                      <a:lnTo>
                        <a:pt x="47" y="63"/>
                      </a:lnTo>
                      <a:lnTo>
                        <a:pt x="47" y="65"/>
                      </a:lnTo>
                      <a:lnTo>
                        <a:pt x="30" y="65"/>
                      </a:lnTo>
                      <a:lnTo>
                        <a:pt x="22" y="78"/>
                      </a:lnTo>
                      <a:lnTo>
                        <a:pt x="22" y="80"/>
                      </a:lnTo>
                      <a:lnTo>
                        <a:pt x="25" y="82"/>
                      </a:lnTo>
                      <a:lnTo>
                        <a:pt x="30" y="83"/>
                      </a:lnTo>
                      <a:lnTo>
                        <a:pt x="35" y="87"/>
                      </a:lnTo>
                      <a:lnTo>
                        <a:pt x="42" y="92"/>
                      </a:lnTo>
                      <a:lnTo>
                        <a:pt x="46" y="97"/>
                      </a:lnTo>
                      <a:lnTo>
                        <a:pt x="49" y="105"/>
                      </a:lnTo>
                      <a:lnTo>
                        <a:pt x="51" y="114"/>
                      </a:lnTo>
                      <a:lnTo>
                        <a:pt x="54" y="116"/>
                      </a:lnTo>
                      <a:lnTo>
                        <a:pt x="56" y="116"/>
                      </a:lnTo>
                      <a:lnTo>
                        <a:pt x="59" y="116"/>
                      </a:lnTo>
                      <a:lnTo>
                        <a:pt x="63" y="116"/>
                      </a:lnTo>
                      <a:lnTo>
                        <a:pt x="66" y="116"/>
                      </a:lnTo>
                      <a:lnTo>
                        <a:pt x="68" y="117"/>
                      </a:lnTo>
                      <a:lnTo>
                        <a:pt x="71" y="129"/>
                      </a:lnTo>
                      <a:lnTo>
                        <a:pt x="81" y="129"/>
                      </a:lnTo>
                      <a:lnTo>
                        <a:pt x="79" y="132"/>
                      </a:lnTo>
                      <a:lnTo>
                        <a:pt x="68" y="132"/>
                      </a:lnTo>
                      <a:lnTo>
                        <a:pt x="63" y="122"/>
                      </a:lnTo>
                      <a:lnTo>
                        <a:pt x="59" y="126"/>
                      </a:lnTo>
                      <a:lnTo>
                        <a:pt x="68" y="136"/>
                      </a:lnTo>
                      <a:lnTo>
                        <a:pt x="76" y="138"/>
                      </a:lnTo>
                      <a:lnTo>
                        <a:pt x="68" y="144"/>
                      </a:lnTo>
                      <a:lnTo>
                        <a:pt x="46" y="139"/>
                      </a:lnTo>
                      <a:lnTo>
                        <a:pt x="46" y="127"/>
                      </a:lnTo>
                      <a:lnTo>
                        <a:pt x="27" y="132"/>
                      </a:lnTo>
                      <a:lnTo>
                        <a:pt x="27" y="134"/>
                      </a:lnTo>
                      <a:lnTo>
                        <a:pt x="27" y="138"/>
                      </a:lnTo>
                      <a:lnTo>
                        <a:pt x="27" y="139"/>
                      </a:lnTo>
                      <a:lnTo>
                        <a:pt x="27" y="141"/>
                      </a:lnTo>
                      <a:lnTo>
                        <a:pt x="25" y="141"/>
                      </a:lnTo>
                      <a:lnTo>
                        <a:pt x="22" y="139"/>
                      </a:lnTo>
                      <a:lnTo>
                        <a:pt x="19" y="136"/>
                      </a:lnTo>
                      <a:lnTo>
                        <a:pt x="15" y="138"/>
                      </a:lnTo>
                      <a:lnTo>
                        <a:pt x="12" y="138"/>
                      </a:lnTo>
                      <a:lnTo>
                        <a:pt x="8" y="139"/>
                      </a:lnTo>
                      <a:lnTo>
                        <a:pt x="5" y="143"/>
                      </a:lnTo>
                      <a:lnTo>
                        <a:pt x="2" y="144"/>
                      </a:lnTo>
                      <a:lnTo>
                        <a:pt x="0" y="148"/>
                      </a:lnTo>
                      <a:lnTo>
                        <a:pt x="0" y="151"/>
                      </a:lnTo>
                      <a:lnTo>
                        <a:pt x="0" y="153"/>
                      </a:lnTo>
                      <a:lnTo>
                        <a:pt x="0" y="154"/>
                      </a:lnTo>
                      <a:lnTo>
                        <a:pt x="2" y="156"/>
                      </a:lnTo>
                      <a:lnTo>
                        <a:pt x="3" y="160"/>
                      </a:lnTo>
                      <a:lnTo>
                        <a:pt x="5" y="161"/>
                      </a:lnTo>
                      <a:lnTo>
                        <a:pt x="7" y="165"/>
                      </a:lnTo>
                      <a:lnTo>
                        <a:pt x="8" y="165"/>
                      </a:lnTo>
                      <a:lnTo>
                        <a:pt x="8" y="166"/>
                      </a:lnTo>
                      <a:lnTo>
                        <a:pt x="13" y="171"/>
                      </a:lnTo>
                      <a:lnTo>
                        <a:pt x="13" y="173"/>
                      </a:lnTo>
                      <a:lnTo>
                        <a:pt x="13" y="175"/>
                      </a:lnTo>
                      <a:lnTo>
                        <a:pt x="15" y="178"/>
                      </a:lnTo>
                      <a:lnTo>
                        <a:pt x="17" y="180"/>
                      </a:lnTo>
                      <a:lnTo>
                        <a:pt x="22" y="182"/>
                      </a:lnTo>
                      <a:lnTo>
                        <a:pt x="29" y="183"/>
                      </a:lnTo>
                      <a:lnTo>
                        <a:pt x="39" y="183"/>
                      </a:lnTo>
                      <a:lnTo>
                        <a:pt x="41" y="183"/>
                      </a:lnTo>
                      <a:lnTo>
                        <a:pt x="44" y="185"/>
                      </a:lnTo>
                      <a:lnTo>
                        <a:pt x="47" y="187"/>
                      </a:lnTo>
                      <a:lnTo>
                        <a:pt x="49" y="187"/>
                      </a:lnTo>
                      <a:lnTo>
                        <a:pt x="59" y="187"/>
                      </a:lnTo>
                      <a:lnTo>
                        <a:pt x="71" y="176"/>
                      </a:lnTo>
                      <a:lnTo>
                        <a:pt x="74" y="176"/>
                      </a:lnTo>
                      <a:lnTo>
                        <a:pt x="78" y="175"/>
                      </a:lnTo>
                      <a:lnTo>
                        <a:pt x="81" y="175"/>
                      </a:lnTo>
                      <a:lnTo>
                        <a:pt x="83" y="176"/>
                      </a:lnTo>
                      <a:lnTo>
                        <a:pt x="83" y="178"/>
                      </a:lnTo>
                      <a:lnTo>
                        <a:pt x="81" y="182"/>
                      </a:lnTo>
                      <a:lnTo>
                        <a:pt x="74" y="185"/>
                      </a:lnTo>
                      <a:lnTo>
                        <a:pt x="74" y="187"/>
                      </a:lnTo>
                      <a:lnTo>
                        <a:pt x="76" y="190"/>
                      </a:lnTo>
                      <a:lnTo>
                        <a:pt x="78" y="195"/>
                      </a:lnTo>
                      <a:lnTo>
                        <a:pt x="79" y="200"/>
                      </a:lnTo>
                      <a:lnTo>
                        <a:pt x="79" y="205"/>
                      </a:lnTo>
                      <a:lnTo>
                        <a:pt x="78" y="209"/>
                      </a:lnTo>
                      <a:lnTo>
                        <a:pt x="71" y="212"/>
                      </a:lnTo>
                      <a:lnTo>
                        <a:pt x="63" y="212"/>
                      </a:lnTo>
                      <a:lnTo>
                        <a:pt x="61" y="214"/>
                      </a:lnTo>
                      <a:lnTo>
                        <a:pt x="59" y="214"/>
                      </a:lnTo>
                      <a:lnTo>
                        <a:pt x="57" y="217"/>
                      </a:lnTo>
                      <a:lnTo>
                        <a:pt x="56" y="219"/>
                      </a:lnTo>
                      <a:lnTo>
                        <a:pt x="54" y="220"/>
                      </a:lnTo>
                      <a:lnTo>
                        <a:pt x="52" y="224"/>
                      </a:lnTo>
                      <a:lnTo>
                        <a:pt x="51" y="226"/>
                      </a:lnTo>
                      <a:lnTo>
                        <a:pt x="51" y="224"/>
                      </a:lnTo>
                      <a:lnTo>
                        <a:pt x="47" y="222"/>
                      </a:lnTo>
                      <a:lnTo>
                        <a:pt x="44" y="220"/>
                      </a:lnTo>
                      <a:lnTo>
                        <a:pt x="41" y="220"/>
                      </a:lnTo>
                      <a:lnTo>
                        <a:pt x="35" y="220"/>
                      </a:lnTo>
                      <a:lnTo>
                        <a:pt x="34" y="220"/>
                      </a:lnTo>
                      <a:lnTo>
                        <a:pt x="30" y="224"/>
                      </a:lnTo>
                      <a:lnTo>
                        <a:pt x="30" y="231"/>
                      </a:lnTo>
                      <a:lnTo>
                        <a:pt x="30" y="232"/>
                      </a:lnTo>
                      <a:lnTo>
                        <a:pt x="30" y="234"/>
                      </a:lnTo>
                      <a:lnTo>
                        <a:pt x="30" y="236"/>
                      </a:lnTo>
                      <a:lnTo>
                        <a:pt x="29" y="237"/>
                      </a:lnTo>
                      <a:lnTo>
                        <a:pt x="29" y="239"/>
                      </a:lnTo>
                      <a:lnTo>
                        <a:pt x="27" y="242"/>
                      </a:lnTo>
                      <a:lnTo>
                        <a:pt x="25" y="242"/>
                      </a:lnTo>
                      <a:lnTo>
                        <a:pt x="22" y="242"/>
                      </a:lnTo>
                      <a:lnTo>
                        <a:pt x="22" y="244"/>
                      </a:lnTo>
                      <a:lnTo>
                        <a:pt x="20" y="244"/>
                      </a:lnTo>
                      <a:lnTo>
                        <a:pt x="20" y="248"/>
                      </a:lnTo>
                      <a:lnTo>
                        <a:pt x="19" y="249"/>
                      </a:lnTo>
                      <a:lnTo>
                        <a:pt x="17" y="251"/>
                      </a:lnTo>
                      <a:lnTo>
                        <a:pt x="17" y="254"/>
                      </a:lnTo>
                      <a:lnTo>
                        <a:pt x="17" y="256"/>
                      </a:lnTo>
                      <a:lnTo>
                        <a:pt x="15" y="256"/>
                      </a:lnTo>
                      <a:lnTo>
                        <a:pt x="13" y="258"/>
                      </a:lnTo>
                      <a:lnTo>
                        <a:pt x="12" y="261"/>
                      </a:lnTo>
                      <a:lnTo>
                        <a:pt x="10" y="263"/>
                      </a:lnTo>
                      <a:lnTo>
                        <a:pt x="8" y="266"/>
                      </a:lnTo>
                      <a:lnTo>
                        <a:pt x="10" y="266"/>
                      </a:lnTo>
                      <a:lnTo>
                        <a:pt x="12" y="266"/>
                      </a:lnTo>
                      <a:lnTo>
                        <a:pt x="19" y="264"/>
                      </a:lnTo>
                      <a:lnTo>
                        <a:pt x="19" y="268"/>
                      </a:lnTo>
                      <a:lnTo>
                        <a:pt x="17" y="271"/>
                      </a:lnTo>
                      <a:lnTo>
                        <a:pt x="17" y="273"/>
                      </a:lnTo>
                      <a:lnTo>
                        <a:pt x="19" y="275"/>
                      </a:lnTo>
                      <a:lnTo>
                        <a:pt x="20" y="278"/>
                      </a:lnTo>
                      <a:lnTo>
                        <a:pt x="24" y="280"/>
                      </a:lnTo>
                      <a:lnTo>
                        <a:pt x="27" y="283"/>
                      </a:lnTo>
                      <a:lnTo>
                        <a:pt x="30" y="286"/>
                      </a:lnTo>
                      <a:lnTo>
                        <a:pt x="35" y="288"/>
                      </a:lnTo>
                      <a:lnTo>
                        <a:pt x="41" y="288"/>
                      </a:lnTo>
                      <a:lnTo>
                        <a:pt x="39" y="290"/>
                      </a:lnTo>
                      <a:lnTo>
                        <a:pt x="37" y="292"/>
                      </a:lnTo>
                      <a:lnTo>
                        <a:pt x="34" y="295"/>
                      </a:lnTo>
                      <a:lnTo>
                        <a:pt x="30" y="300"/>
                      </a:lnTo>
                      <a:lnTo>
                        <a:pt x="29" y="303"/>
                      </a:lnTo>
                      <a:lnTo>
                        <a:pt x="27" y="307"/>
                      </a:lnTo>
                      <a:lnTo>
                        <a:pt x="29" y="308"/>
                      </a:lnTo>
                      <a:lnTo>
                        <a:pt x="32" y="310"/>
                      </a:lnTo>
                      <a:lnTo>
                        <a:pt x="34" y="310"/>
                      </a:lnTo>
                      <a:lnTo>
                        <a:pt x="35" y="314"/>
                      </a:lnTo>
                      <a:lnTo>
                        <a:pt x="37" y="317"/>
                      </a:lnTo>
                      <a:lnTo>
                        <a:pt x="41" y="319"/>
                      </a:lnTo>
                      <a:lnTo>
                        <a:pt x="44" y="320"/>
                      </a:lnTo>
                      <a:lnTo>
                        <a:pt x="47" y="319"/>
                      </a:lnTo>
                      <a:lnTo>
                        <a:pt x="52" y="314"/>
                      </a:lnTo>
                      <a:lnTo>
                        <a:pt x="56" y="305"/>
                      </a:lnTo>
                      <a:lnTo>
                        <a:pt x="57" y="303"/>
                      </a:lnTo>
                      <a:lnTo>
                        <a:pt x="59" y="300"/>
                      </a:lnTo>
                      <a:lnTo>
                        <a:pt x="59" y="298"/>
                      </a:lnTo>
                      <a:lnTo>
                        <a:pt x="59" y="300"/>
                      </a:lnTo>
                      <a:lnTo>
                        <a:pt x="59" y="302"/>
                      </a:lnTo>
                      <a:lnTo>
                        <a:pt x="59" y="305"/>
                      </a:lnTo>
                      <a:lnTo>
                        <a:pt x="59" y="308"/>
                      </a:lnTo>
                      <a:lnTo>
                        <a:pt x="61" y="312"/>
                      </a:lnTo>
                      <a:lnTo>
                        <a:pt x="63" y="315"/>
                      </a:lnTo>
                      <a:lnTo>
                        <a:pt x="64" y="319"/>
                      </a:lnTo>
                      <a:lnTo>
                        <a:pt x="68" y="322"/>
                      </a:lnTo>
                      <a:lnTo>
                        <a:pt x="69" y="322"/>
                      </a:lnTo>
                      <a:lnTo>
                        <a:pt x="69" y="324"/>
                      </a:lnTo>
                      <a:lnTo>
                        <a:pt x="69" y="327"/>
                      </a:lnTo>
                      <a:lnTo>
                        <a:pt x="68" y="329"/>
                      </a:lnTo>
                      <a:lnTo>
                        <a:pt x="68" y="332"/>
                      </a:lnTo>
                      <a:lnTo>
                        <a:pt x="66" y="334"/>
                      </a:lnTo>
                      <a:lnTo>
                        <a:pt x="66" y="336"/>
                      </a:lnTo>
                      <a:lnTo>
                        <a:pt x="64" y="346"/>
                      </a:lnTo>
                      <a:lnTo>
                        <a:pt x="64" y="347"/>
                      </a:lnTo>
                      <a:lnTo>
                        <a:pt x="66" y="351"/>
                      </a:lnTo>
                      <a:lnTo>
                        <a:pt x="66" y="352"/>
                      </a:lnTo>
                      <a:lnTo>
                        <a:pt x="68" y="352"/>
                      </a:lnTo>
                      <a:lnTo>
                        <a:pt x="69" y="352"/>
                      </a:lnTo>
                      <a:lnTo>
                        <a:pt x="73" y="349"/>
                      </a:lnTo>
                      <a:lnTo>
                        <a:pt x="78" y="341"/>
                      </a:lnTo>
                      <a:lnTo>
                        <a:pt x="79" y="341"/>
                      </a:lnTo>
                      <a:lnTo>
                        <a:pt x="79" y="339"/>
                      </a:lnTo>
                      <a:lnTo>
                        <a:pt x="79" y="336"/>
                      </a:lnTo>
                      <a:lnTo>
                        <a:pt x="81" y="334"/>
                      </a:lnTo>
                      <a:lnTo>
                        <a:pt x="83" y="336"/>
                      </a:lnTo>
                      <a:lnTo>
                        <a:pt x="86" y="337"/>
                      </a:lnTo>
                      <a:lnTo>
                        <a:pt x="90" y="341"/>
                      </a:lnTo>
                      <a:lnTo>
                        <a:pt x="91" y="341"/>
                      </a:lnTo>
                      <a:lnTo>
                        <a:pt x="91" y="339"/>
                      </a:lnTo>
                      <a:lnTo>
                        <a:pt x="91" y="337"/>
                      </a:lnTo>
                      <a:lnTo>
                        <a:pt x="93" y="336"/>
                      </a:lnTo>
                      <a:lnTo>
                        <a:pt x="93" y="334"/>
                      </a:lnTo>
                      <a:lnTo>
                        <a:pt x="95" y="336"/>
                      </a:lnTo>
                      <a:lnTo>
                        <a:pt x="96" y="337"/>
                      </a:lnTo>
                      <a:lnTo>
                        <a:pt x="98" y="344"/>
                      </a:lnTo>
                      <a:lnTo>
                        <a:pt x="100" y="346"/>
                      </a:lnTo>
                      <a:lnTo>
                        <a:pt x="100" y="347"/>
                      </a:lnTo>
                      <a:lnTo>
                        <a:pt x="101" y="351"/>
                      </a:lnTo>
                      <a:lnTo>
                        <a:pt x="103" y="352"/>
                      </a:lnTo>
                      <a:lnTo>
                        <a:pt x="105" y="354"/>
                      </a:lnTo>
                      <a:lnTo>
                        <a:pt x="107" y="352"/>
                      </a:lnTo>
                      <a:lnTo>
                        <a:pt x="108" y="351"/>
                      </a:lnTo>
                      <a:lnTo>
                        <a:pt x="108" y="344"/>
                      </a:lnTo>
                      <a:lnTo>
                        <a:pt x="110" y="344"/>
                      </a:lnTo>
                      <a:lnTo>
                        <a:pt x="113" y="346"/>
                      </a:lnTo>
                      <a:lnTo>
                        <a:pt x="117" y="346"/>
                      </a:lnTo>
                      <a:lnTo>
                        <a:pt x="122" y="346"/>
                      </a:lnTo>
                      <a:lnTo>
                        <a:pt x="127" y="342"/>
                      </a:lnTo>
                      <a:lnTo>
                        <a:pt x="132" y="337"/>
                      </a:lnTo>
                      <a:lnTo>
                        <a:pt x="139" y="329"/>
                      </a:lnTo>
                      <a:lnTo>
                        <a:pt x="137" y="332"/>
                      </a:lnTo>
                      <a:lnTo>
                        <a:pt x="135" y="336"/>
                      </a:lnTo>
                      <a:lnTo>
                        <a:pt x="134" y="341"/>
                      </a:lnTo>
                      <a:lnTo>
                        <a:pt x="130" y="344"/>
                      </a:lnTo>
                      <a:lnTo>
                        <a:pt x="130" y="347"/>
                      </a:lnTo>
                      <a:lnTo>
                        <a:pt x="129" y="351"/>
                      </a:lnTo>
                      <a:lnTo>
                        <a:pt x="127" y="352"/>
                      </a:lnTo>
                      <a:lnTo>
                        <a:pt x="127" y="358"/>
                      </a:lnTo>
                      <a:lnTo>
                        <a:pt x="125" y="364"/>
                      </a:lnTo>
                      <a:lnTo>
                        <a:pt x="125" y="371"/>
                      </a:lnTo>
                      <a:lnTo>
                        <a:pt x="122" y="378"/>
                      </a:lnTo>
                      <a:lnTo>
                        <a:pt x="120" y="383"/>
                      </a:lnTo>
                      <a:lnTo>
                        <a:pt x="117" y="388"/>
                      </a:lnTo>
                      <a:lnTo>
                        <a:pt x="112" y="390"/>
                      </a:lnTo>
                      <a:lnTo>
                        <a:pt x="112" y="391"/>
                      </a:lnTo>
                      <a:lnTo>
                        <a:pt x="113" y="391"/>
                      </a:lnTo>
                      <a:lnTo>
                        <a:pt x="113" y="393"/>
                      </a:lnTo>
                      <a:lnTo>
                        <a:pt x="112" y="396"/>
                      </a:lnTo>
                      <a:lnTo>
                        <a:pt x="110" y="398"/>
                      </a:lnTo>
                      <a:lnTo>
                        <a:pt x="107" y="402"/>
                      </a:lnTo>
                      <a:lnTo>
                        <a:pt x="100" y="405"/>
                      </a:lnTo>
                      <a:lnTo>
                        <a:pt x="96" y="407"/>
                      </a:lnTo>
                      <a:lnTo>
                        <a:pt x="91" y="408"/>
                      </a:lnTo>
                      <a:lnTo>
                        <a:pt x="88" y="412"/>
                      </a:lnTo>
                      <a:lnTo>
                        <a:pt x="85" y="413"/>
                      </a:lnTo>
                      <a:lnTo>
                        <a:pt x="83" y="418"/>
                      </a:lnTo>
                      <a:lnTo>
                        <a:pt x="83" y="422"/>
                      </a:lnTo>
                      <a:lnTo>
                        <a:pt x="85" y="425"/>
                      </a:lnTo>
                      <a:lnTo>
                        <a:pt x="85" y="427"/>
                      </a:lnTo>
                      <a:lnTo>
                        <a:pt x="85" y="429"/>
                      </a:lnTo>
                      <a:lnTo>
                        <a:pt x="83" y="430"/>
                      </a:lnTo>
                      <a:lnTo>
                        <a:pt x="81" y="430"/>
                      </a:lnTo>
                      <a:lnTo>
                        <a:pt x="79" y="432"/>
                      </a:lnTo>
                      <a:lnTo>
                        <a:pt x="78" y="430"/>
                      </a:lnTo>
                      <a:lnTo>
                        <a:pt x="76" y="429"/>
                      </a:lnTo>
                      <a:lnTo>
                        <a:pt x="76" y="424"/>
                      </a:lnTo>
                      <a:lnTo>
                        <a:pt x="74" y="424"/>
                      </a:lnTo>
                      <a:lnTo>
                        <a:pt x="71" y="424"/>
                      </a:lnTo>
                      <a:lnTo>
                        <a:pt x="69" y="424"/>
                      </a:lnTo>
                      <a:lnTo>
                        <a:pt x="68" y="425"/>
                      </a:lnTo>
                      <a:lnTo>
                        <a:pt x="64" y="425"/>
                      </a:lnTo>
                      <a:lnTo>
                        <a:pt x="63" y="425"/>
                      </a:lnTo>
                      <a:lnTo>
                        <a:pt x="46" y="442"/>
                      </a:lnTo>
                      <a:lnTo>
                        <a:pt x="44" y="442"/>
                      </a:lnTo>
                      <a:lnTo>
                        <a:pt x="44" y="444"/>
                      </a:lnTo>
                      <a:lnTo>
                        <a:pt x="42" y="447"/>
                      </a:lnTo>
                      <a:lnTo>
                        <a:pt x="41" y="449"/>
                      </a:lnTo>
                      <a:lnTo>
                        <a:pt x="41" y="452"/>
                      </a:lnTo>
                      <a:lnTo>
                        <a:pt x="42" y="452"/>
                      </a:lnTo>
                      <a:lnTo>
                        <a:pt x="44" y="451"/>
                      </a:lnTo>
                      <a:lnTo>
                        <a:pt x="51" y="447"/>
                      </a:lnTo>
                      <a:lnTo>
                        <a:pt x="52" y="446"/>
                      </a:lnTo>
                      <a:lnTo>
                        <a:pt x="56" y="444"/>
                      </a:lnTo>
                      <a:lnTo>
                        <a:pt x="57" y="440"/>
                      </a:lnTo>
                      <a:lnTo>
                        <a:pt x="61" y="439"/>
                      </a:lnTo>
                      <a:lnTo>
                        <a:pt x="64" y="435"/>
                      </a:lnTo>
                      <a:lnTo>
                        <a:pt x="66" y="434"/>
                      </a:lnTo>
                      <a:lnTo>
                        <a:pt x="68" y="432"/>
                      </a:lnTo>
                      <a:lnTo>
                        <a:pt x="68" y="434"/>
                      </a:lnTo>
                      <a:lnTo>
                        <a:pt x="68" y="437"/>
                      </a:lnTo>
                      <a:lnTo>
                        <a:pt x="68" y="439"/>
                      </a:lnTo>
                      <a:lnTo>
                        <a:pt x="69" y="440"/>
                      </a:lnTo>
                      <a:lnTo>
                        <a:pt x="73" y="440"/>
                      </a:lnTo>
                      <a:lnTo>
                        <a:pt x="78" y="439"/>
                      </a:lnTo>
                      <a:lnTo>
                        <a:pt x="86" y="434"/>
                      </a:lnTo>
                      <a:lnTo>
                        <a:pt x="88" y="430"/>
                      </a:lnTo>
                      <a:lnTo>
                        <a:pt x="90" y="429"/>
                      </a:lnTo>
                      <a:lnTo>
                        <a:pt x="91" y="429"/>
                      </a:lnTo>
                      <a:lnTo>
                        <a:pt x="95" y="434"/>
                      </a:lnTo>
                      <a:lnTo>
                        <a:pt x="96" y="434"/>
                      </a:lnTo>
                      <a:lnTo>
                        <a:pt x="96" y="432"/>
                      </a:lnTo>
                      <a:lnTo>
                        <a:pt x="96" y="430"/>
                      </a:lnTo>
                      <a:lnTo>
                        <a:pt x="98" y="427"/>
                      </a:lnTo>
                      <a:lnTo>
                        <a:pt x="101" y="424"/>
                      </a:lnTo>
                      <a:lnTo>
                        <a:pt x="105" y="422"/>
                      </a:lnTo>
                      <a:lnTo>
                        <a:pt x="110" y="420"/>
                      </a:lnTo>
                      <a:lnTo>
                        <a:pt x="117" y="420"/>
                      </a:lnTo>
                      <a:lnTo>
                        <a:pt x="117" y="418"/>
                      </a:lnTo>
                      <a:lnTo>
                        <a:pt x="115" y="418"/>
                      </a:lnTo>
                      <a:lnTo>
                        <a:pt x="113" y="415"/>
                      </a:lnTo>
                      <a:lnTo>
                        <a:pt x="113" y="413"/>
                      </a:lnTo>
                      <a:lnTo>
                        <a:pt x="115" y="408"/>
                      </a:lnTo>
                      <a:lnTo>
                        <a:pt x="120" y="405"/>
                      </a:lnTo>
                      <a:lnTo>
                        <a:pt x="127" y="398"/>
                      </a:lnTo>
                      <a:lnTo>
                        <a:pt x="139" y="391"/>
                      </a:lnTo>
                      <a:lnTo>
                        <a:pt x="140" y="391"/>
                      </a:lnTo>
                      <a:lnTo>
                        <a:pt x="139" y="390"/>
                      </a:lnTo>
                      <a:lnTo>
                        <a:pt x="139" y="388"/>
                      </a:lnTo>
                      <a:lnTo>
                        <a:pt x="140" y="385"/>
                      </a:lnTo>
                      <a:lnTo>
                        <a:pt x="144" y="381"/>
                      </a:lnTo>
                      <a:lnTo>
                        <a:pt x="151" y="374"/>
                      </a:lnTo>
                      <a:lnTo>
                        <a:pt x="161" y="366"/>
                      </a:lnTo>
                      <a:lnTo>
                        <a:pt x="174" y="354"/>
                      </a:lnTo>
                      <a:lnTo>
                        <a:pt x="176" y="352"/>
                      </a:lnTo>
                      <a:lnTo>
                        <a:pt x="178" y="347"/>
                      </a:lnTo>
                      <a:lnTo>
                        <a:pt x="178" y="344"/>
                      </a:lnTo>
                      <a:lnTo>
                        <a:pt x="179" y="342"/>
                      </a:lnTo>
                      <a:lnTo>
                        <a:pt x="181" y="341"/>
                      </a:lnTo>
                      <a:lnTo>
                        <a:pt x="183" y="339"/>
                      </a:lnTo>
                      <a:lnTo>
                        <a:pt x="183" y="337"/>
                      </a:lnTo>
                      <a:lnTo>
                        <a:pt x="184" y="336"/>
                      </a:lnTo>
                      <a:lnTo>
                        <a:pt x="183" y="332"/>
                      </a:lnTo>
                      <a:lnTo>
                        <a:pt x="181" y="330"/>
                      </a:lnTo>
                      <a:lnTo>
                        <a:pt x="174" y="330"/>
                      </a:lnTo>
                      <a:lnTo>
                        <a:pt x="173" y="330"/>
                      </a:lnTo>
                      <a:lnTo>
                        <a:pt x="173" y="329"/>
                      </a:lnTo>
                      <a:lnTo>
                        <a:pt x="173" y="327"/>
                      </a:lnTo>
                      <a:lnTo>
                        <a:pt x="174" y="322"/>
                      </a:lnTo>
                      <a:lnTo>
                        <a:pt x="178" y="317"/>
                      </a:lnTo>
                      <a:lnTo>
                        <a:pt x="183" y="310"/>
                      </a:lnTo>
                      <a:lnTo>
                        <a:pt x="191" y="302"/>
                      </a:lnTo>
                      <a:lnTo>
                        <a:pt x="193" y="298"/>
                      </a:lnTo>
                      <a:lnTo>
                        <a:pt x="195" y="293"/>
                      </a:lnTo>
                      <a:lnTo>
                        <a:pt x="196" y="285"/>
                      </a:lnTo>
                      <a:lnTo>
                        <a:pt x="200" y="276"/>
                      </a:lnTo>
                      <a:lnTo>
                        <a:pt x="205" y="268"/>
                      </a:lnTo>
                      <a:lnTo>
                        <a:pt x="211" y="264"/>
                      </a:lnTo>
                      <a:lnTo>
                        <a:pt x="220" y="264"/>
                      </a:lnTo>
                      <a:lnTo>
                        <a:pt x="230" y="271"/>
                      </a:lnTo>
                      <a:lnTo>
                        <a:pt x="228" y="271"/>
                      </a:lnTo>
                      <a:lnTo>
                        <a:pt x="225" y="271"/>
                      </a:lnTo>
                      <a:lnTo>
                        <a:pt x="220" y="273"/>
                      </a:lnTo>
                      <a:lnTo>
                        <a:pt x="213" y="273"/>
                      </a:lnTo>
                      <a:lnTo>
                        <a:pt x="210" y="276"/>
                      </a:lnTo>
                      <a:lnTo>
                        <a:pt x="206" y="281"/>
                      </a:lnTo>
                      <a:lnTo>
                        <a:pt x="206" y="288"/>
                      </a:lnTo>
                      <a:lnTo>
                        <a:pt x="210" y="297"/>
                      </a:lnTo>
                      <a:lnTo>
                        <a:pt x="210" y="298"/>
                      </a:lnTo>
                      <a:lnTo>
                        <a:pt x="208" y="302"/>
                      </a:lnTo>
                      <a:lnTo>
                        <a:pt x="205" y="305"/>
                      </a:lnTo>
                      <a:lnTo>
                        <a:pt x="203" y="308"/>
                      </a:lnTo>
                      <a:lnTo>
                        <a:pt x="203" y="310"/>
                      </a:lnTo>
                      <a:lnTo>
                        <a:pt x="205" y="312"/>
                      </a:lnTo>
                      <a:lnTo>
                        <a:pt x="208" y="310"/>
                      </a:lnTo>
                      <a:lnTo>
                        <a:pt x="215" y="307"/>
                      </a:lnTo>
                      <a:lnTo>
                        <a:pt x="213" y="308"/>
                      </a:lnTo>
                      <a:lnTo>
                        <a:pt x="211" y="312"/>
                      </a:lnTo>
                      <a:lnTo>
                        <a:pt x="210" y="317"/>
                      </a:lnTo>
                      <a:lnTo>
                        <a:pt x="208" y="320"/>
                      </a:lnTo>
                      <a:lnTo>
                        <a:pt x="208" y="324"/>
                      </a:lnTo>
                      <a:lnTo>
                        <a:pt x="210" y="322"/>
                      </a:lnTo>
                      <a:lnTo>
                        <a:pt x="217" y="319"/>
                      </a:lnTo>
                      <a:lnTo>
                        <a:pt x="227" y="308"/>
                      </a:lnTo>
                      <a:lnTo>
                        <a:pt x="227" y="307"/>
                      </a:lnTo>
                      <a:lnTo>
                        <a:pt x="230" y="305"/>
                      </a:lnTo>
                      <a:lnTo>
                        <a:pt x="232" y="303"/>
                      </a:lnTo>
                      <a:lnTo>
                        <a:pt x="233" y="302"/>
                      </a:lnTo>
                      <a:lnTo>
                        <a:pt x="237" y="300"/>
                      </a:lnTo>
                      <a:lnTo>
                        <a:pt x="239" y="298"/>
                      </a:lnTo>
                      <a:lnTo>
                        <a:pt x="240" y="297"/>
                      </a:lnTo>
                      <a:lnTo>
                        <a:pt x="242" y="297"/>
                      </a:lnTo>
                      <a:lnTo>
                        <a:pt x="244" y="297"/>
                      </a:lnTo>
                      <a:lnTo>
                        <a:pt x="245" y="295"/>
                      </a:lnTo>
                      <a:lnTo>
                        <a:pt x="247" y="293"/>
                      </a:lnTo>
                      <a:lnTo>
                        <a:pt x="249" y="290"/>
                      </a:lnTo>
                      <a:lnTo>
                        <a:pt x="247" y="286"/>
                      </a:lnTo>
                      <a:lnTo>
                        <a:pt x="245" y="281"/>
                      </a:lnTo>
                      <a:lnTo>
                        <a:pt x="245" y="280"/>
                      </a:lnTo>
                      <a:lnTo>
                        <a:pt x="244" y="276"/>
                      </a:lnTo>
                      <a:lnTo>
                        <a:pt x="242" y="273"/>
                      </a:lnTo>
                      <a:lnTo>
                        <a:pt x="240" y="271"/>
                      </a:lnTo>
                      <a:lnTo>
                        <a:pt x="250" y="264"/>
                      </a:lnTo>
                      <a:lnTo>
                        <a:pt x="255" y="268"/>
                      </a:lnTo>
                      <a:lnTo>
                        <a:pt x="266" y="263"/>
                      </a:lnTo>
                      <a:lnTo>
                        <a:pt x="281" y="271"/>
                      </a:lnTo>
                      <a:lnTo>
                        <a:pt x="286" y="278"/>
                      </a:lnTo>
                      <a:lnTo>
                        <a:pt x="293" y="270"/>
                      </a:lnTo>
                      <a:lnTo>
                        <a:pt x="303" y="286"/>
                      </a:lnTo>
                      <a:lnTo>
                        <a:pt x="305" y="285"/>
                      </a:lnTo>
                      <a:lnTo>
                        <a:pt x="310" y="281"/>
                      </a:lnTo>
                      <a:lnTo>
                        <a:pt x="315" y="278"/>
                      </a:lnTo>
                      <a:lnTo>
                        <a:pt x="323" y="276"/>
                      </a:lnTo>
                      <a:lnTo>
                        <a:pt x="333" y="275"/>
                      </a:lnTo>
                      <a:lnTo>
                        <a:pt x="343" y="275"/>
                      </a:lnTo>
                      <a:lnTo>
                        <a:pt x="357" y="276"/>
                      </a:lnTo>
                      <a:lnTo>
                        <a:pt x="359" y="276"/>
                      </a:lnTo>
                      <a:lnTo>
                        <a:pt x="360" y="275"/>
                      </a:lnTo>
                      <a:lnTo>
                        <a:pt x="362" y="273"/>
                      </a:lnTo>
                      <a:lnTo>
                        <a:pt x="364" y="271"/>
                      </a:lnTo>
                      <a:lnTo>
                        <a:pt x="365" y="271"/>
                      </a:lnTo>
                      <a:lnTo>
                        <a:pt x="369" y="271"/>
                      </a:lnTo>
                      <a:lnTo>
                        <a:pt x="371" y="275"/>
                      </a:lnTo>
                      <a:lnTo>
                        <a:pt x="371" y="278"/>
                      </a:lnTo>
                      <a:lnTo>
                        <a:pt x="371" y="280"/>
                      </a:lnTo>
                      <a:lnTo>
                        <a:pt x="374" y="280"/>
                      </a:lnTo>
                      <a:lnTo>
                        <a:pt x="377" y="281"/>
                      </a:lnTo>
                      <a:lnTo>
                        <a:pt x="381" y="281"/>
                      </a:lnTo>
                      <a:lnTo>
                        <a:pt x="384" y="281"/>
                      </a:lnTo>
                      <a:lnTo>
                        <a:pt x="387" y="283"/>
                      </a:lnTo>
                      <a:lnTo>
                        <a:pt x="389" y="283"/>
                      </a:lnTo>
                      <a:lnTo>
                        <a:pt x="391" y="283"/>
                      </a:lnTo>
                      <a:lnTo>
                        <a:pt x="411" y="295"/>
                      </a:lnTo>
                      <a:lnTo>
                        <a:pt x="413" y="295"/>
                      </a:lnTo>
                      <a:lnTo>
                        <a:pt x="415" y="295"/>
                      </a:lnTo>
                      <a:lnTo>
                        <a:pt x="418" y="295"/>
                      </a:lnTo>
                      <a:lnTo>
                        <a:pt x="421" y="295"/>
                      </a:lnTo>
                      <a:lnTo>
                        <a:pt x="425" y="295"/>
                      </a:lnTo>
                      <a:lnTo>
                        <a:pt x="425" y="292"/>
                      </a:lnTo>
                      <a:lnTo>
                        <a:pt x="423" y="288"/>
                      </a:lnTo>
                      <a:lnTo>
                        <a:pt x="416" y="280"/>
                      </a:lnTo>
                      <a:lnTo>
                        <a:pt x="418" y="280"/>
                      </a:lnTo>
                      <a:lnTo>
                        <a:pt x="420" y="278"/>
                      </a:lnTo>
                      <a:lnTo>
                        <a:pt x="423" y="276"/>
                      </a:lnTo>
                      <a:lnTo>
                        <a:pt x="425" y="278"/>
                      </a:lnTo>
                      <a:lnTo>
                        <a:pt x="428" y="280"/>
                      </a:lnTo>
                      <a:lnTo>
                        <a:pt x="431" y="283"/>
                      </a:lnTo>
                      <a:lnTo>
                        <a:pt x="435" y="286"/>
                      </a:lnTo>
                      <a:lnTo>
                        <a:pt x="438" y="288"/>
                      </a:lnTo>
                      <a:lnTo>
                        <a:pt x="438" y="286"/>
                      </a:lnTo>
                      <a:lnTo>
                        <a:pt x="435" y="281"/>
                      </a:lnTo>
                      <a:lnTo>
                        <a:pt x="430" y="271"/>
                      </a:lnTo>
                      <a:lnTo>
                        <a:pt x="428" y="270"/>
                      </a:lnTo>
                      <a:lnTo>
                        <a:pt x="430" y="266"/>
                      </a:lnTo>
                      <a:lnTo>
                        <a:pt x="430" y="264"/>
                      </a:lnTo>
                      <a:lnTo>
                        <a:pt x="431" y="264"/>
                      </a:lnTo>
                      <a:lnTo>
                        <a:pt x="445" y="283"/>
                      </a:lnTo>
                      <a:lnTo>
                        <a:pt x="455" y="280"/>
                      </a:lnTo>
                      <a:lnTo>
                        <a:pt x="455" y="281"/>
                      </a:lnTo>
                      <a:lnTo>
                        <a:pt x="457" y="281"/>
                      </a:lnTo>
                      <a:lnTo>
                        <a:pt x="460" y="283"/>
                      </a:lnTo>
                      <a:lnTo>
                        <a:pt x="462" y="286"/>
                      </a:lnTo>
                      <a:lnTo>
                        <a:pt x="465" y="290"/>
                      </a:lnTo>
                      <a:lnTo>
                        <a:pt x="469" y="295"/>
                      </a:lnTo>
                      <a:lnTo>
                        <a:pt x="472" y="300"/>
                      </a:lnTo>
                      <a:lnTo>
                        <a:pt x="475" y="305"/>
                      </a:lnTo>
                      <a:lnTo>
                        <a:pt x="479" y="312"/>
                      </a:lnTo>
                      <a:lnTo>
                        <a:pt x="482" y="314"/>
                      </a:lnTo>
                      <a:lnTo>
                        <a:pt x="484" y="314"/>
                      </a:lnTo>
                      <a:lnTo>
                        <a:pt x="486" y="312"/>
                      </a:lnTo>
                      <a:lnTo>
                        <a:pt x="487" y="310"/>
                      </a:lnTo>
                      <a:lnTo>
                        <a:pt x="487" y="308"/>
                      </a:lnTo>
                      <a:lnTo>
                        <a:pt x="487" y="307"/>
                      </a:lnTo>
                      <a:lnTo>
                        <a:pt x="509" y="322"/>
                      </a:lnTo>
                      <a:lnTo>
                        <a:pt x="508" y="325"/>
                      </a:lnTo>
                      <a:lnTo>
                        <a:pt x="508" y="327"/>
                      </a:lnTo>
                      <a:lnTo>
                        <a:pt x="508" y="330"/>
                      </a:lnTo>
                      <a:lnTo>
                        <a:pt x="508" y="332"/>
                      </a:lnTo>
                      <a:lnTo>
                        <a:pt x="509" y="332"/>
                      </a:lnTo>
                      <a:lnTo>
                        <a:pt x="514" y="329"/>
                      </a:lnTo>
                      <a:lnTo>
                        <a:pt x="519" y="324"/>
                      </a:lnTo>
                      <a:lnTo>
                        <a:pt x="521" y="322"/>
                      </a:lnTo>
                      <a:lnTo>
                        <a:pt x="523" y="322"/>
                      </a:lnTo>
                      <a:lnTo>
                        <a:pt x="525" y="324"/>
                      </a:lnTo>
                      <a:lnTo>
                        <a:pt x="528" y="325"/>
                      </a:lnTo>
                      <a:lnTo>
                        <a:pt x="531" y="330"/>
                      </a:lnTo>
                      <a:lnTo>
                        <a:pt x="535" y="339"/>
                      </a:lnTo>
                      <a:lnTo>
                        <a:pt x="536" y="341"/>
                      </a:lnTo>
                      <a:lnTo>
                        <a:pt x="538" y="344"/>
                      </a:lnTo>
                      <a:lnTo>
                        <a:pt x="540" y="347"/>
                      </a:lnTo>
                      <a:lnTo>
                        <a:pt x="541" y="349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05" name="Freeform 79"/>
                <p:cNvSpPr>
                  <a:spLocks/>
                </p:cNvSpPr>
                <p:nvPr/>
              </p:nvSpPr>
              <p:spPr bwMode="auto">
                <a:xfrm>
                  <a:off x="1085" y="3327"/>
                  <a:ext cx="27" cy="22"/>
                </a:xfrm>
                <a:custGeom>
                  <a:avLst/>
                  <a:gdLst>
                    <a:gd name="T0" fmla="*/ 0 w 27"/>
                    <a:gd name="T1" fmla="*/ 10 h 22"/>
                    <a:gd name="T2" fmla="*/ 0 w 27"/>
                    <a:gd name="T3" fmla="*/ 7 h 22"/>
                    <a:gd name="T4" fmla="*/ 2 w 27"/>
                    <a:gd name="T5" fmla="*/ 4 h 22"/>
                    <a:gd name="T6" fmla="*/ 14 w 27"/>
                    <a:gd name="T7" fmla="*/ 0 h 22"/>
                    <a:gd name="T8" fmla="*/ 27 w 27"/>
                    <a:gd name="T9" fmla="*/ 14 h 22"/>
                    <a:gd name="T10" fmla="*/ 22 w 27"/>
                    <a:gd name="T11" fmla="*/ 15 h 22"/>
                    <a:gd name="T12" fmla="*/ 22 w 27"/>
                    <a:gd name="T13" fmla="*/ 15 h 22"/>
                    <a:gd name="T14" fmla="*/ 17 w 27"/>
                    <a:gd name="T15" fmla="*/ 10 h 22"/>
                    <a:gd name="T16" fmla="*/ 12 w 27"/>
                    <a:gd name="T17" fmla="*/ 14 h 22"/>
                    <a:gd name="T18" fmla="*/ 17 w 27"/>
                    <a:gd name="T19" fmla="*/ 19 h 22"/>
                    <a:gd name="T20" fmla="*/ 14 w 27"/>
                    <a:gd name="T21" fmla="*/ 22 h 22"/>
                    <a:gd name="T22" fmla="*/ 0 w 27"/>
                    <a:gd name="T23" fmla="*/ 10 h 22"/>
                    <a:gd name="T24" fmla="*/ 0 60000 65536"/>
                    <a:gd name="T25" fmla="*/ 0 60000 65536"/>
                    <a:gd name="T26" fmla="*/ 0 60000 65536"/>
                    <a:gd name="T27" fmla="*/ 0 60000 65536"/>
                    <a:gd name="T28" fmla="*/ 0 60000 65536"/>
                    <a:gd name="T29" fmla="*/ 0 60000 65536"/>
                    <a:gd name="T30" fmla="*/ 0 60000 65536"/>
                    <a:gd name="T31" fmla="*/ 0 60000 65536"/>
                    <a:gd name="T32" fmla="*/ 0 60000 65536"/>
                    <a:gd name="T33" fmla="*/ 0 60000 65536"/>
                    <a:gd name="T34" fmla="*/ 0 60000 65536"/>
                    <a:gd name="T35" fmla="*/ 0 60000 65536"/>
                    <a:gd name="T36" fmla="*/ 0 w 27"/>
                    <a:gd name="T37" fmla="*/ 0 h 22"/>
                    <a:gd name="T38" fmla="*/ 27 w 27"/>
                    <a:gd name="T39" fmla="*/ 22 h 22"/>
                  </a:gdLst>
                  <a:ahLst/>
                  <a:cxnLst>
                    <a:cxn ang="T24">
                      <a:pos x="T0" y="T1"/>
                    </a:cxn>
                    <a:cxn ang="T25">
                      <a:pos x="T2" y="T3"/>
                    </a:cxn>
                    <a:cxn ang="T26">
                      <a:pos x="T4" y="T5"/>
                    </a:cxn>
                    <a:cxn ang="T27">
                      <a:pos x="T6" y="T7"/>
                    </a:cxn>
                    <a:cxn ang="T28">
                      <a:pos x="T8" y="T9"/>
                    </a:cxn>
                    <a:cxn ang="T29">
                      <a:pos x="T10" y="T11"/>
                    </a:cxn>
                    <a:cxn ang="T30">
                      <a:pos x="T12" y="T13"/>
                    </a:cxn>
                    <a:cxn ang="T31">
                      <a:pos x="T14" y="T15"/>
                    </a:cxn>
                    <a:cxn ang="T32">
                      <a:pos x="T16" y="T17"/>
                    </a:cxn>
                    <a:cxn ang="T33">
                      <a:pos x="T18" y="T19"/>
                    </a:cxn>
                    <a:cxn ang="T34">
                      <a:pos x="T20" y="T21"/>
                    </a:cxn>
                    <a:cxn ang="T35">
                      <a:pos x="T22" y="T23"/>
                    </a:cxn>
                  </a:cxnLst>
                  <a:rect l="T36" t="T37" r="T38" b="T39"/>
                  <a:pathLst>
                    <a:path w="27" h="22">
                      <a:moveTo>
                        <a:pt x="0" y="10"/>
                      </a:moveTo>
                      <a:lnTo>
                        <a:pt x="0" y="7"/>
                      </a:lnTo>
                      <a:lnTo>
                        <a:pt x="2" y="4"/>
                      </a:lnTo>
                      <a:lnTo>
                        <a:pt x="14" y="0"/>
                      </a:lnTo>
                      <a:lnTo>
                        <a:pt x="27" y="14"/>
                      </a:lnTo>
                      <a:lnTo>
                        <a:pt x="22" y="15"/>
                      </a:lnTo>
                      <a:lnTo>
                        <a:pt x="17" y="10"/>
                      </a:lnTo>
                      <a:lnTo>
                        <a:pt x="12" y="14"/>
                      </a:lnTo>
                      <a:lnTo>
                        <a:pt x="17" y="19"/>
                      </a:lnTo>
                      <a:lnTo>
                        <a:pt x="14" y="22"/>
                      </a:lnTo>
                      <a:lnTo>
                        <a:pt x="0" y="1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06" name="Freeform 80"/>
                <p:cNvSpPr>
                  <a:spLocks/>
                </p:cNvSpPr>
                <p:nvPr/>
              </p:nvSpPr>
              <p:spPr bwMode="auto">
                <a:xfrm>
                  <a:off x="1085" y="3327"/>
                  <a:ext cx="27" cy="22"/>
                </a:xfrm>
                <a:custGeom>
                  <a:avLst/>
                  <a:gdLst>
                    <a:gd name="T0" fmla="*/ 0 w 27"/>
                    <a:gd name="T1" fmla="*/ 10 h 22"/>
                    <a:gd name="T2" fmla="*/ 0 w 27"/>
                    <a:gd name="T3" fmla="*/ 7 h 22"/>
                    <a:gd name="T4" fmla="*/ 2 w 27"/>
                    <a:gd name="T5" fmla="*/ 4 h 22"/>
                    <a:gd name="T6" fmla="*/ 14 w 27"/>
                    <a:gd name="T7" fmla="*/ 0 h 22"/>
                    <a:gd name="T8" fmla="*/ 27 w 27"/>
                    <a:gd name="T9" fmla="*/ 14 h 22"/>
                    <a:gd name="T10" fmla="*/ 22 w 27"/>
                    <a:gd name="T11" fmla="*/ 15 h 22"/>
                    <a:gd name="T12" fmla="*/ 22 w 27"/>
                    <a:gd name="T13" fmla="*/ 15 h 22"/>
                    <a:gd name="T14" fmla="*/ 17 w 27"/>
                    <a:gd name="T15" fmla="*/ 10 h 22"/>
                    <a:gd name="T16" fmla="*/ 12 w 27"/>
                    <a:gd name="T17" fmla="*/ 14 h 22"/>
                    <a:gd name="T18" fmla="*/ 17 w 27"/>
                    <a:gd name="T19" fmla="*/ 19 h 22"/>
                    <a:gd name="T20" fmla="*/ 14 w 27"/>
                    <a:gd name="T21" fmla="*/ 22 h 22"/>
                    <a:gd name="T22" fmla="*/ 0 w 27"/>
                    <a:gd name="T23" fmla="*/ 10 h 22"/>
                    <a:gd name="T24" fmla="*/ 0 60000 65536"/>
                    <a:gd name="T25" fmla="*/ 0 60000 65536"/>
                    <a:gd name="T26" fmla="*/ 0 60000 65536"/>
                    <a:gd name="T27" fmla="*/ 0 60000 65536"/>
                    <a:gd name="T28" fmla="*/ 0 60000 65536"/>
                    <a:gd name="T29" fmla="*/ 0 60000 65536"/>
                    <a:gd name="T30" fmla="*/ 0 60000 65536"/>
                    <a:gd name="T31" fmla="*/ 0 60000 65536"/>
                    <a:gd name="T32" fmla="*/ 0 60000 65536"/>
                    <a:gd name="T33" fmla="*/ 0 60000 65536"/>
                    <a:gd name="T34" fmla="*/ 0 60000 65536"/>
                    <a:gd name="T35" fmla="*/ 0 60000 65536"/>
                    <a:gd name="T36" fmla="*/ 0 w 27"/>
                    <a:gd name="T37" fmla="*/ 0 h 22"/>
                    <a:gd name="T38" fmla="*/ 27 w 27"/>
                    <a:gd name="T39" fmla="*/ 22 h 22"/>
                  </a:gdLst>
                  <a:ahLst/>
                  <a:cxnLst>
                    <a:cxn ang="T24">
                      <a:pos x="T0" y="T1"/>
                    </a:cxn>
                    <a:cxn ang="T25">
                      <a:pos x="T2" y="T3"/>
                    </a:cxn>
                    <a:cxn ang="T26">
                      <a:pos x="T4" y="T5"/>
                    </a:cxn>
                    <a:cxn ang="T27">
                      <a:pos x="T6" y="T7"/>
                    </a:cxn>
                    <a:cxn ang="T28">
                      <a:pos x="T8" y="T9"/>
                    </a:cxn>
                    <a:cxn ang="T29">
                      <a:pos x="T10" y="T11"/>
                    </a:cxn>
                    <a:cxn ang="T30">
                      <a:pos x="T12" y="T13"/>
                    </a:cxn>
                    <a:cxn ang="T31">
                      <a:pos x="T14" y="T15"/>
                    </a:cxn>
                    <a:cxn ang="T32">
                      <a:pos x="T16" y="T17"/>
                    </a:cxn>
                    <a:cxn ang="T33">
                      <a:pos x="T18" y="T19"/>
                    </a:cxn>
                    <a:cxn ang="T34">
                      <a:pos x="T20" y="T21"/>
                    </a:cxn>
                    <a:cxn ang="T35">
                      <a:pos x="T22" y="T23"/>
                    </a:cxn>
                  </a:cxnLst>
                  <a:rect l="T36" t="T37" r="T38" b="T39"/>
                  <a:pathLst>
                    <a:path w="27" h="22">
                      <a:moveTo>
                        <a:pt x="0" y="10"/>
                      </a:moveTo>
                      <a:lnTo>
                        <a:pt x="0" y="7"/>
                      </a:lnTo>
                      <a:lnTo>
                        <a:pt x="2" y="4"/>
                      </a:lnTo>
                      <a:lnTo>
                        <a:pt x="14" y="0"/>
                      </a:lnTo>
                      <a:lnTo>
                        <a:pt x="27" y="14"/>
                      </a:lnTo>
                      <a:lnTo>
                        <a:pt x="22" y="15"/>
                      </a:lnTo>
                      <a:lnTo>
                        <a:pt x="17" y="10"/>
                      </a:lnTo>
                      <a:lnTo>
                        <a:pt x="12" y="14"/>
                      </a:lnTo>
                      <a:lnTo>
                        <a:pt x="17" y="19"/>
                      </a:lnTo>
                      <a:lnTo>
                        <a:pt x="14" y="22"/>
                      </a:lnTo>
                      <a:lnTo>
                        <a:pt x="0" y="1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07" name="Freeform 81"/>
                <p:cNvSpPr>
                  <a:spLocks/>
                </p:cNvSpPr>
                <p:nvPr/>
              </p:nvSpPr>
              <p:spPr bwMode="auto">
                <a:xfrm>
                  <a:off x="1107" y="3348"/>
                  <a:ext cx="21" cy="23"/>
                </a:xfrm>
                <a:custGeom>
                  <a:avLst/>
                  <a:gdLst>
                    <a:gd name="T0" fmla="*/ 5 w 21"/>
                    <a:gd name="T1" fmla="*/ 0 h 23"/>
                    <a:gd name="T2" fmla="*/ 0 w 21"/>
                    <a:gd name="T3" fmla="*/ 3 h 23"/>
                    <a:gd name="T4" fmla="*/ 11 w 21"/>
                    <a:gd name="T5" fmla="*/ 16 h 23"/>
                    <a:gd name="T6" fmla="*/ 21 w 21"/>
                    <a:gd name="T7" fmla="*/ 23 h 23"/>
                    <a:gd name="T8" fmla="*/ 14 w 21"/>
                    <a:gd name="T9" fmla="*/ 6 h 23"/>
                    <a:gd name="T10" fmla="*/ 5 w 21"/>
                    <a:gd name="T11" fmla="*/ 0 h 23"/>
                    <a:gd name="T12" fmla="*/ 0 60000 65536"/>
                    <a:gd name="T13" fmla="*/ 0 60000 65536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w 21"/>
                    <a:gd name="T19" fmla="*/ 0 h 23"/>
                    <a:gd name="T20" fmla="*/ 21 w 21"/>
                    <a:gd name="T21" fmla="*/ 23 h 23"/>
                  </a:gdLst>
                  <a:ahLst/>
                  <a:cxnLst>
                    <a:cxn ang="T12">
                      <a:pos x="T0" y="T1"/>
                    </a:cxn>
                    <a:cxn ang="T13">
                      <a:pos x="T2" y="T3"/>
                    </a:cxn>
                    <a:cxn ang="T14">
                      <a:pos x="T4" y="T5"/>
                    </a:cxn>
                    <a:cxn ang="T15">
                      <a:pos x="T6" y="T7"/>
                    </a:cxn>
                    <a:cxn ang="T16">
                      <a:pos x="T8" y="T9"/>
                    </a:cxn>
                    <a:cxn ang="T17">
                      <a:pos x="T10" y="T11"/>
                    </a:cxn>
                  </a:cxnLst>
                  <a:rect l="T18" t="T19" r="T20" b="T21"/>
                  <a:pathLst>
                    <a:path w="21" h="23">
                      <a:moveTo>
                        <a:pt x="5" y="0"/>
                      </a:moveTo>
                      <a:lnTo>
                        <a:pt x="0" y="3"/>
                      </a:lnTo>
                      <a:lnTo>
                        <a:pt x="11" y="16"/>
                      </a:lnTo>
                      <a:lnTo>
                        <a:pt x="21" y="23"/>
                      </a:lnTo>
                      <a:lnTo>
                        <a:pt x="14" y="6"/>
                      </a:lnTo>
                      <a:lnTo>
                        <a:pt x="5" y="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08" name="Freeform 82"/>
                <p:cNvSpPr>
                  <a:spLocks/>
                </p:cNvSpPr>
                <p:nvPr/>
              </p:nvSpPr>
              <p:spPr bwMode="auto">
                <a:xfrm>
                  <a:off x="1107" y="3348"/>
                  <a:ext cx="21" cy="23"/>
                </a:xfrm>
                <a:custGeom>
                  <a:avLst/>
                  <a:gdLst>
                    <a:gd name="T0" fmla="*/ 5 w 21"/>
                    <a:gd name="T1" fmla="*/ 0 h 23"/>
                    <a:gd name="T2" fmla="*/ 0 w 21"/>
                    <a:gd name="T3" fmla="*/ 3 h 23"/>
                    <a:gd name="T4" fmla="*/ 11 w 21"/>
                    <a:gd name="T5" fmla="*/ 16 h 23"/>
                    <a:gd name="T6" fmla="*/ 21 w 21"/>
                    <a:gd name="T7" fmla="*/ 23 h 23"/>
                    <a:gd name="T8" fmla="*/ 14 w 21"/>
                    <a:gd name="T9" fmla="*/ 6 h 23"/>
                    <a:gd name="T10" fmla="*/ 5 w 21"/>
                    <a:gd name="T11" fmla="*/ 0 h 23"/>
                    <a:gd name="T12" fmla="*/ 0 60000 65536"/>
                    <a:gd name="T13" fmla="*/ 0 60000 65536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w 21"/>
                    <a:gd name="T19" fmla="*/ 0 h 23"/>
                    <a:gd name="T20" fmla="*/ 21 w 21"/>
                    <a:gd name="T21" fmla="*/ 23 h 23"/>
                  </a:gdLst>
                  <a:ahLst/>
                  <a:cxnLst>
                    <a:cxn ang="T12">
                      <a:pos x="T0" y="T1"/>
                    </a:cxn>
                    <a:cxn ang="T13">
                      <a:pos x="T2" y="T3"/>
                    </a:cxn>
                    <a:cxn ang="T14">
                      <a:pos x="T4" y="T5"/>
                    </a:cxn>
                    <a:cxn ang="T15">
                      <a:pos x="T6" y="T7"/>
                    </a:cxn>
                    <a:cxn ang="T16">
                      <a:pos x="T8" y="T9"/>
                    </a:cxn>
                    <a:cxn ang="T17">
                      <a:pos x="T10" y="T11"/>
                    </a:cxn>
                  </a:cxnLst>
                  <a:rect l="T18" t="T19" r="T20" b="T21"/>
                  <a:pathLst>
                    <a:path w="21" h="23">
                      <a:moveTo>
                        <a:pt x="5" y="0"/>
                      </a:moveTo>
                      <a:lnTo>
                        <a:pt x="0" y="3"/>
                      </a:lnTo>
                      <a:lnTo>
                        <a:pt x="11" y="16"/>
                      </a:lnTo>
                      <a:lnTo>
                        <a:pt x="21" y="23"/>
                      </a:lnTo>
                      <a:lnTo>
                        <a:pt x="14" y="6"/>
                      </a:lnTo>
                      <a:lnTo>
                        <a:pt x="5" y="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09" name="Freeform 83"/>
                <p:cNvSpPr>
                  <a:spLocks/>
                </p:cNvSpPr>
                <p:nvPr/>
              </p:nvSpPr>
              <p:spPr bwMode="auto">
                <a:xfrm>
                  <a:off x="1107" y="3322"/>
                  <a:ext cx="19" cy="24"/>
                </a:xfrm>
                <a:custGeom>
                  <a:avLst/>
                  <a:gdLst>
                    <a:gd name="T0" fmla="*/ 4 w 19"/>
                    <a:gd name="T1" fmla="*/ 0 h 24"/>
                    <a:gd name="T2" fmla="*/ 19 w 19"/>
                    <a:gd name="T3" fmla="*/ 15 h 24"/>
                    <a:gd name="T4" fmla="*/ 17 w 19"/>
                    <a:gd name="T5" fmla="*/ 24 h 24"/>
                    <a:gd name="T6" fmla="*/ 11 w 19"/>
                    <a:gd name="T7" fmla="*/ 22 h 24"/>
                    <a:gd name="T8" fmla="*/ 11 w 19"/>
                    <a:gd name="T9" fmla="*/ 15 h 24"/>
                    <a:gd name="T10" fmla="*/ 0 w 19"/>
                    <a:gd name="T11" fmla="*/ 2 h 24"/>
                    <a:gd name="T12" fmla="*/ 4 w 19"/>
                    <a:gd name="T13" fmla="*/ 0 h 24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w 19"/>
                    <a:gd name="T22" fmla="*/ 0 h 24"/>
                    <a:gd name="T23" fmla="*/ 19 w 19"/>
                    <a:gd name="T24" fmla="*/ 24 h 24"/>
                  </a:gdLst>
                  <a:ahLst/>
                  <a:cxnLst>
                    <a:cxn ang="T14">
                      <a:pos x="T0" y="T1"/>
                    </a:cxn>
                    <a:cxn ang="T15">
                      <a:pos x="T2" y="T3"/>
                    </a:cxn>
                    <a:cxn ang="T16">
                      <a:pos x="T4" y="T5"/>
                    </a:cxn>
                    <a:cxn ang="T17">
                      <a:pos x="T6" y="T7"/>
                    </a:cxn>
                    <a:cxn ang="T18">
                      <a:pos x="T8" y="T9"/>
                    </a:cxn>
                    <a:cxn ang="T19">
                      <a:pos x="T10" y="T11"/>
                    </a:cxn>
                    <a:cxn ang="T20">
                      <a:pos x="T12" y="T13"/>
                    </a:cxn>
                  </a:cxnLst>
                  <a:rect l="T21" t="T22" r="T23" b="T24"/>
                  <a:pathLst>
                    <a:path w="19" h="24">
                      <a:moveTo>
                        <a:pt x="4" y="0"/>
                      </a:moveTo>
                      <a:lnTo>
                        <a:pt x="19" y="15"/>
                      </a:lnTo>
                      <a:lnTo>
                        <a:pt x="17" y="24"/>
                      </a:lnTo>
                      <a:lnTo>
                        <a:pt x="11" y="22"/>
                      </a:lnTo>
                      <a:lnTo>
                        <a:pt x="11" y="15"/>
                      </a:lnTo>
                      <a:lnTo>
                        <a:pt x="0" y="2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10" name="Freeform 84"/>
                <p:cNvSpPr>
                  <a:spLocks/>
                </p:cNvSpPr>
                <p:nvPr/>
              </p:nvSpPr>
              <p:spPr bwMode="auto">
                <a:xfrm>
                  <a:off x="1107" y="3322"/>
                  <a:ext cx="19" cy="24"/>
                </a:xfrm>
                <a:custGeom>
                  <a:avLst/>
                  <a:gdLst>
                    <a:gd name="T0" fmla="*/ 4 w 19"/>
                    <a:gd name="T1" fmla="*/ 0 h 24"/>
                    <a:gd name="T2" fmla="*/ 19 w 19"/>
                    <a:gd name="T3" fmla="*/ 15 h 24"/>
                    <a:gd name="T4" fmla="*/ 17 w 19"/>
                    <a:gd name="T5" fmla="*/ 24 h 24"/>
                    <a:gd name="T6" fmla="*/ 11 w 19"/>
                    <a:gd name="T7" fmla="*/ 22 h 24"/>
                    <a:gd name="T8" fmla="*/ 11 w 19"/>
                    <a:gd name="T9" fmla="*/ 15 h 24"/>
                    <a:gd name="T10" fmla="*/ 0 w 19"/>
                    <a:gd name="T11" fmla="*/ 2 h 24"/>
                    <a:gd name="T12" fmla="*/ 4 w 19"/>
                    <a:gd name="T13" fmla="*/ 0 h 24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w 19"/>
                    <a:gd name="T22" fmla="*/ 0 h 24"/>
                    <a:gd name="T23" fmla="*/ 19 w 19"/>
                    <a:gd name="T24" fmla="*/ 24 h 24"/>
                  </a:gdLst>
                  <a:ahLst/>
                  <a:cxnLst>
                    <a:cxn ang="T14">
                      <a:pos x="T0" y="T1"/>
                    </a:cxn>
                    <a:cxn ang="T15">
                      <a:pos x="T2" y="T3"/>
                    </a:cxn>
                    <a:cxn ang="T16">
                      <a:pos x="T4" y="T5"/>
                    </a:cxn>
                    <a:cxn ang="T17">
                      <a:pos x="T6" y="T7"/>
                    </a:cxn>
                    <a:cxn ang="T18">
                      <a:pos x="T8" y="T9"/>
                    </a:cxn>
                    <a:cxn ang="T19">
                      <a:pos x="T10" y="T11"/>
                    </a:cxn>
                    <a:cxn ang="T20">
                      <a:pos x="T12" y="T13"/>
                    </a:cxn>
                  </a:cxnLst>
                  <a:rect l="T21" t="T22" r="T23" b="T24"/>
                  <a:pathLst>
                    <a:path w="19" h="24">
                      <a:moveTo>
                        <a:pt x="4" y="0"/>
                      </a:moveTo>
                      <a:lnTo>
                        <a:pt x="19" y="15"/>
                      </a:lnTo>
                      <a:lnTo>
                        <a:pt x="17" y="24"/>
                      </a:lnTo>
                      <a:lnTo>
                        <a:pt x="11" y="22"/>
                      </a:lnTo>
                      <a:lnTo>
                        <a:pt x="11" y="15"/>
                      </a:lnTo>
                      <a:lnTo>
                        <a:pt x="0" y="2"/>
                      </a:lnTo>
                      <a:lnTo>
                        <a:pt x="4" y="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11" name="Freeform 85"/>
                <p:cNvSpPr>
                  <a:spLocks/>
                </p:cNvSpPr>
                <p:nvPr/>
              </p:nvSpPr>
              <p:spPr bwMode="auto">
                <a:xfrm>
                  <a:off x="1153" y="3370"/>
                  <a:ext cx="27" cy="25"/>
                </a:xfrm>
                <a:custGeom>
                  <a:avLst/>
                  <a:gdLst>
                    <a:gd name="T0" fmla="*/ 2 w 27"/>
                    <a:gd name="T1" fmla="*/ 0 h 25"/>
                    <a:gd name="T2" fmla="*/ 10 w 27"/>
                    <a:gd name="T3" fmla="*/ 1 h 25"/>
                    <a:gd name="T4" fmla="*/ 27 w 27"/>
                    <a:gd name="T5" fmla="*/ 20 h 25"/>
                    <a:gd name="T6" fmla="*/ 24 w 27"/>
                    <a:gd name="T7" fmla="*/ 25 h 25"/>
                    <a:gd name="T8" fmla="*/ 14 w 27"/>
                    <a:gd name="T9" fmla="*/ 16 h 25"/>
                    <a:gd name="T10" fmla="*/ 7 w 27"/>
                    <a:gd name="T11" fmla="*/ 15 h 25"/>
                    <a:gd name="T12" fmla="*/ 0 w 27"/>
                    <a:gd name="T13" fmla="*/ 6 h 25"/>
                    <a:gd name="T14" fmla="*/ 2 w 27"/>
                    <a:gd name="T15" fmla="*/ 0 h 25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w 27"/>
                    <a:gd name="T25" fmla="*/ 0 h 25"/>
                    <a:gd name="T26" fmla="*/ 27 w 27"/>
                    <a:gd name="T27" fmla="*/ 25 h 25"/>
                  </a:gdLst>
                  <a:ahLst/>
                  <a:cxnLst>
                    <a:cxn ang="T16">
                      <a:pos x="T0" y="T1"/>
                    </a:cxn>
                    <a:cxn ang="T17">
                      <a:pos x="T2" y="T3"/>
                    </a:cxn>
                    <a:cxn ang="T18">
                      <a:pos x="T4" y="T5"/>
                    </a:cxn>
                    <a:cxn ang="T19">
                      <a:pos x="T6" y="T7"/>
                    </a:cxn>
                    <a:cxn ang="T20">
                      <a:pos x="T8" y="T9"/>
                    </a:cxn>
                    <a:cxn ang="T21">
                      <a:pos x="T10" y="T11"/>
                    </a:cxn>
                    <a:cxn ang="T22">
                      <a:pos x="T12" y="T13"/>
                    </a:cxn>
                    <a:cxn ang="T23">
                      <a:pos x="T14" y="T15"/>
                    </a:cxn>
                  </a:cxnLst>
                  <a:rect l="T24" t="T25" r="T26" b="T27"/>
                  <a:pathLst>
                    <a:path w="27" h="25">
                      <a:moveTo>
                        <a:pt x="2" y="0"/>
                      </a:moveTo>
                      <a:lnTo>
                        <a:pt x="10" y="1"/>
                      </a:lnTo>
                      <a:lnTo>
                        <a:pt x="27" y="20"/>
                      </a:lnTo>
                      <a:lnTo>
                        <a:pt x="24" y="25"/>
                      </a:lnTo>
                      <a:lnTo>
                        <a:pt x="14" y="16"/>
                      </a:lnTo>
                      <a:lnTo>
                        <a:pt x="7" y="15"/>
                      </a:lnTo>
                      <a:lnTo>
                        <a:pt x="0" y="6"/>
                      </a:lnTo>
                      <a:lnTo>
                        <a:pt x="2" y="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12" name="Freeform 86"/>
                <p:cNvSpPr>
                  <a:spLocks/>
                </p:cNvSpPr>
                <p:nvPr/>
              </p:nvSpPr>
              <p:spPr bwMode="auto">
                <a:xfrm>
                  <a:off x="1153" y="3370"/>
                  <a:ext cx="27" cy="25"/>
                </a:xfrm>
                <a:custGeom>
                  <a:avLst/>
                  <a:gdLst>
                    <a:gd name="T0" fmla="*/ 2 w 27"/>
                    <a:gd name="T1" fmla="*/ 0 h 25"/>
                    <a:gd name="T2" fmla="*/ 10 w 27"/>
                    <a:gd name="T3" fmla="*/ 1 h 25"/>
                    <a:gd name="T4" fmla="*/ 27 w 27"/>
                    <a:gd name="T5" fmla="*/ 20 h 25"/>
                    <a:gd name="T6" fmla="*/ 24 w 27"/>
                    <a:gd name="T7" fmla="*/ 25 h 25"/>
                    <a:gd name="T8" fmla="*/ 14 w 27"/>
                    <a:gd name="T9" fmla="*/ 16 h 25"/>
                    <a:gd name="T10" fmla="*/ 7 w 27"/>
                    <a:gd name="T11" fmla="*/ 15 h 25"/>
                    <a:gd name="T12" fmla="*/ 0 w 27"/>
                    <a:gd name="T13" fmla="*/ 6 h 25"/>
                    <a:gd name="T14" fmla="*/ 2 w 27"/>
                    <a:gd name="T15" fmla="*/ 0 h 25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w 27"/>
                    <a:gd name="T25" fmla="*/ 0 h 25"/>
                    <a:gd name="T26" fmla="*/ 27 w 27"/>
                    <a:gd name="T27" fmla="*/ 25 h 25"/>
                  </a:gdLst>
                  <a:ahLst/>
                  <a:cxnLst>
                    <a:cxn ang="T16">
                      <a:pos x="T0" y="T1"/>
                    </a:cxn>
                    <a:cxn ang="T17">
                      <a:pos x="T2" y="T3"/>
                    </a:cxn>
                    <a:cxn ang="T18">
                      <a:pos x="T4" y="T5"/>
                    </a:cxn>
                    <a:cxn ang="T19">
                      <a:pos x="T6" y="T7"/>
                    </a:cxn>
                    <a:cxn ang="T20">
                      <a:pos x="T8" y="T9"/>
                    </a:cxn>
                    <a:cxn ang="T21">
                      <a:pos x="T10" y="T11"/>
                    </a:cxn>
                    <a:cxn ang="T22">
                      <a:pos x="T12" y="T13"/>
                    </a:cxn>
                    <a:cxn ang="T23">
                      <a:pos x="T14" y="T15"/>
                    </a:cxn>
                  </a:cxnLst>
                  <a:rect l="T24" t="T25" r="T26" b="T27"/>
                  <a:pathLst>
                    <a:path w="27" h="25">
                      <a:moveTo>
                        <a:pt x="2" y="0"/>
                      </a:moveTo>
                      <a:lnTo>
                        <a:pt x="10" y="1"/>
                      </a:lnTo>
                      <a:lnTo>
                        <a:pt x="27" y="20"/>
                      </a:lnTo>
                      <a:lnTo>
                        <a:pt x="24" y="25"/>
                      </a:lnTo>
                      <a:lnTo>
                        <a:pt x="14" y="16"/>
                      </a:lnTo>
                      <a:lnTo>
                        <a:pt x="7" y="15"/>
                      </a:lnTo>
                      <a:lnTo>
                        <a:pt x="0" y="6"/>
                      </a:lnTo>
                      <a:lnTo>
                        <a:pt x="2" y="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13" name="Freeform 87"/>
                <p:cNvSpPr>
                  <a:spLocks/>
                </p:cNvSpPr>
                <p:nvPr/>
              </p:nvSpPr>
              <p:spPr bwMode="auto">
                <a:xfrm>
                  <a:off x="1175" y="3412"/>
                  <a:ext cx="25" cy="20"/>
                </a:xfrm>
                <a:custGeom>
                  <a:avLst/>
                  <a:gdLst>
                    <a:gd name="T0" fmla="*/ 0 w 25"/>
                    <a:gd name="T1" fmla="*/ 2 h 20"/>
                    <a:gd name="T2" fmla="*/ 12 w 25"/>
                    <a:gd name="T3" fmla="*/ 2 h 20"/>
                    <a:gd name="T4" fmla="*/ 12 w 25"/>
                    <a:gd name="T5" fmla="*/ 12 h 20"/>
                    <a:gd name="T6" fmla="*/ 19 w 25"/>
                    <a:gd name="T7" fmla="*/ 10 h 20"/>
                    <a:gd name="T8" fmla="*/ 17 w 25"/>
                    <a:gd name="T9" fmla="*/ 0 h 20"/>
                    <a:gd name="T10" fmla="*/ 19 w 25"/>
                    <a:gd name="T11" fmla="*/ 0 h 20"/>
                    <a:gd name="T12" fmla="*/ 20 w 25"/>
                    <a:gd name="T13" fmla="*/ 2 h 20"/>
                    <a:gd name="T14" fmla="*/ 22 w 25"/>
                    <a:gd name="T15" fmla="*/ 3 h 20"/>
                    <a:gd name="T16" fmla="*/ 24 w 25"/>
                    <a:gd name="T17" fmla="*/ 5 h 20"/>
                    <a:gd name="T18" fmla="*/ 25 w 25"/>
                    <a:gd name="T19" fmla="*/ 8 h 20"/>
                    <a:gd name="T20" fmla="*/ 25 w 25"/>
                    <a:gd name="T21" fmla="*/ 12 h 20"/>
                    <a:gd name="T22" fmla="*/ 24 w 25"/>
                    <a:gd name="T23" fmla="*/ 15 h 20"/>
                    <a:gd name="T24" fmla="*/ 22 w 25"/>
                    <a:gd name="T25" fmla="*/ 20 h 20"/>
                    <a:gd name="T26" fmla="*/ 20 w 25"/>
                    <a:gd name="T27" fmla="*/ 20 h 20"/>
                    <a:gd name="T28" fmla="*/ 19 w 25"/>
                    <a:gd name="T29" fmla="*/ 20 h 20"/>
                    <a:gd name="T30" fmla="*/ 17 w 25"/>
                    <a:gd name="T31" fmla="*/ 20 h 20"/>
                    <a:gd name="T32" fmla="*/ 14 w 25"/>
                    <a:gd name="T33" fmla="*/ 18 h 20"/>
                    <a:gd name="T34" fmla="*/ 12 w 25"/>
                    <a:gd name="T35" fmla="*/ 18 h 20"/>
                    <a:gd name="T36" fmla="*/ 10 w 25"/>
                    <a:gd name="T37" fmla="*/ 18 h 20"/>
                    <a:gd name="T38" fmla="*/ 9 w 25"/>
                    <a:gd name="T39" fmla="*/ 18 h 20"/>
                    <a:gd name="T40" fmla="*/ 9 w 25"/>
                    <a:gd name="T41" fmla="*/ 18 h 20"/>
                    <a:gd name="T42" fmla="*/ 2 w 25"/>
                    <a:gd name="T43" fmla="*/ 10 h 20"/>
                    <a:gd name="T44" fmla="*/ 0 w 25"/>
                    <a:gd name="T45" fmla="*/ 2 h 20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w 25"/>
                    <a:gd name="T70" fmla="*/ 0 h 20"/>
                    <a:gd name="T71" fmla="*/ 25 w 25"/>
                    <a:gd name="T72" fmla="*/ 20 h 20"/>
                  </a:gdLst>
                  <a:ahLst/>
                  <a:cxnLst>
                    <a:cxn ang="T46">
                      <a:pos x="T0" y="T1"/>
                    </a:cxn>
                    <a:cxn ang="T47">
                      <a:pos x="T2" y="T3"/>
                    </a:cxn>
                    <a:cxn ang="T48">
                      <a:pos x="T4" y="T5"/>
                    </a:cxn>
                    <a:cxn ang="T49">
                      <a:pos x="T6" y="T7"/>
                    </a:cxn>
                    <a:cxn ang="T50">
                      <a:pos x="T8" y="T9"/>
                    </a:cxn>
                    <a:cxn ang="T51">
                      <a:pos x="T10" y="T11"/>
                    </a:cxn>
                    <a:cxn ang="T52">
                      <a:pos x="T12" y="T13"/>
                    </a:cxn>
                    <a:cxn ang="T53">
                      <a:pos x="T14" y="T15"/>
                    </a:cxn>
                    <a:cxn ang="T54">
                      <a:pos x="T16" y="T17"/>
                    </a:cxn>
                    <a:cxn ang="T55">
                      <a:pos x="T18" y="T19"/>
                    </a:cxn>
                    <a:cxn ang="T56">
                      <a:pos x="T20" y="T21"/>
                    </a:cxn>
                    <a:cxn ang="T57">
                      <a:pos x="T22" y="T23"/>
                    </a:cxn>
                    <a:cxn ang="T58">
                      <a:pos x="T24" y="T25"/>
                    </a:cxn>
                    <a:cxn ang="T59">
                      <a:pos x="T26" y="T27"/>
                    </a:cxn>
                    <a:cxn ang="T60">
                      <a:pos x="T28" y="T29"/>
                    </a:cxn>
                    <a:cxn ang="T61">
                      <a:pos x="T30" y="T31"/>
                    </a:cxn>
                    <a:cxn ang="T62">
                      <a:pos x="T32" y="T33"/>
                    </a:cxn>
                    <a:cxn ang="T63">
                      <a:pos x="T34" y="T35"/>
                    </a:cxn>
                    <a:cxn ang="T64">
                      <a:pos x="T36" y="T37"/>
                    </a:cxn>
                    <a:cxn ang="T65">
                      <a:pos x="T38" y="T39"/>
                    </a:cxn>
                    <a:cxn ang="T66">
                      <a:pos x="T40" y="T41"/>
                    </a:cxn>
                    <a:cxn ang="T67">
                      <a:pos x="T42" y="T43"/>
                    </a:cxn>
                    <a:cxn ang="T68">
                      <a:pos x="T44" y="T45"/>
                    </a:cxn>
                  </a:cxnLst>
                  <a:rect l="T69" t="T70" r="T71" b="T72"/>
                  <a:pathLst>
                    <a:path w="25" h="20">
                      <a:moveTo>
                        <a:pt x="0" y="2"/>
                      </a:moveTo>
                      <a:lnTo>
                        <a:pt x="12" y="2"/>
                      </a:lnTo>
                      <a:lnTo>
                        <a:pt x="12" y="12"/>
                      </a:lnTo>
                      <a:lnTo>
                        <a:pt x="19" y="10"/>
                      </a:lnTo>
                      <a:lnTo>
                        <a:pt x="17" y="0"/>
                      </a:lnTo>
                      <a:lnTo>
                        <a:pt x="19" y="0"/>
                      </a:lnTo>
                      <a:lnTo>
                        <a:pt x="20" y="2"/>
                      </a:lnTo>
                      <a:lnTo>
                        <a:pt x="22" y="3"/>
                      </a:lnTo>
                      <a:lnTo>
                        <a:pt x="24" y="5"/>
                      </a:lnTo>
                      <a:lnTo>
                        <a:pt x="25" y="8"/>
                      </a:lnTo>
                      <a:lnTo>
                        <a:pt x="25" y="12"/>
                      </a:lnTo>
                      <a:lnTo>
                        <a:pt x="24" y="15"/>
                      </a:lnTo>
                      <a:lnTo>
                        <a:pt x="22" y="20"/>
                      </a:lnTo>
                      <a:lnTo>
                        <a:pt x="20" y="20"/>
                      </a:lnTo>
                      <a:lnTo>
                        <a:pt x="19" y="20"/>
                      </a:lnTo>
                      <a:lnTo>
                        <a:pt x="17" y="20"/>
                      </a:lnTo>
                      <a:lnTo>
                        <a:pt x="14" y="18"/>
                      </a:lnTo>
                      <a:lnTo>
                        <a:pt x="12" y="18"/>
                      </a:lnTo>
                      <a:lnTo>
                        <a:pt x="10" y="18"/>
                      </a:lnTo>
                      <a:lnTo>
                        <a:pt x="9" y="18"/>
                      </a:lnTo>
                      <a:lnTo>
                        <a:pt x="2" y="10"/>
                      </a:lnTo>
                      <a:lnTo>
                        <a:pt x="0" y="2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14" name="Freeform 88"/>
                <p:cNvSpPr>
                  <a:spLocks/>
                </p:cNvSpPr>
                <p:nvPr/>
              </p:nvSpPr>
              <p:spPr bwMode="auto">
                <a:xfrm>
                  <a:off x="1175" y="3412"/>
                  <a:ext cx="25" cy="20"/>
                </a:xfrm>
                <a:custGeom>
                  <a:avLst/>
                  <a:gdLst>
                    <a:gd name="T0" fmla="*/ 0 w 25"/>
                    <a:gd name="T1" fmla="*/ 2 h 20"/>
                    <a:gd name="T2" fmla="*/ 12 w 25"/>
                    <a:gd name="T3" fmla="*/ 2 h 20"/>
                    <a:gd name="T4" fmla="*/ 12 w 25"/>
                    <a:gd name="T5" fmla="*/ 12 h 20"/>
                    <a:gd name="T6" fmla="*/ 19 w 25"/>
                    <a:gd name="T7" fmla="*/ 10 h 20"/>
                    <a:gd name="T8" fmla="*/ 17 w 25"/>
                    <a:gd name="T9" fmla="*/ 0 h 20"/>
                    <a:gd name="T10" fmla="*/ 17 w 25"/>
                    <a:gd name="T11" fmla="*/ 0 h 20"/>
                    <a:gd name="T12" fmla="*/ 19 w 25"/>
                    <a:gd name="T13" fmla="*/ 0 h 20"/>
                    <a:gd name="T14" fmla="*/ 20 w 25"/>
                    <a:gd name="T15" fmla="*/ 2 h 20"/>
                    <a:gd name="T16" fmla="*/ 22 w 25"/>
                    <a:gd name="T17" fmla="*/ 3 h 20"/>
                    <a:gd name="T18" fmla="*/ 24 w 25"/>
                    <a:gd name="T19" fmla="*/ 5 h 20"/>
                    <a:gd name="T20" fmla="*/ 25 w 25"/>
                    <a:gd name="T21" fmla="*/ 8 h 20"/>
                    <a:gd name="T22" fmla="*/ 25 w 25"/>
                    <a:gd name="T23" fmla="*/ 12 h 20"/>
                    <a:gd name="T24" fmla="*/ 24 w 25"/>
                    <a:gd name="T25" fmla="*/ 15 h 20"/>
                    <a:gd name="T26" fmla="*/ 22 w 25"/>
                    <a:gd name="T27" fmla="*/ 20 h 20"/>
                    <a:gd name="T28" fmla="*/ 22 w 25"/>
                    <a:gd name="T29" fmla="*/ 20 h 20"/>
                    <a:gd name="T30" fmla="*/ 20 w 25"/>
                    <a:gd name="T31" fmla="*/ 20 h 20"/>
                    <a:gd name="T32" fmla="*/ 19 w 25"/>
                    <a:gd name="T33" fmla="*/ 20 h 20"/>
                    <a:gd name="T34" fmla="*/ 17 w 25"/>
                    <a:gd name="T35" fmla="*/ 20 h 20"/>
                    <a:gd name="T36" fmla="*/ 14 w 25"/>
                    <a:gd name="T37" fmla="*/ 18 h 20"/>
                    <a:gd name="T38" fmla="*/ 12 w 25"/>
                    <a:gd name="T39" fmla="*/ 18 h 20"/>
                    <a:gd name="T40" fmla="*/ 10 w 25"/>
                    <a:gd name="T41" fmla="*/ 18 h 20"/>
                    <a:gd name="T42" fmla="*/ 9 w 25"/>
                    <a:gd name="T43" fmla="*/ 18 h 20"/>
                    <a:gd name="T44" fmla="*/ 9 w 25"/>
                    <a:gd name="T45" fmla="*/ 18 h 20"/>
                    <a:gd name="T46" fmla="*/ 2 w 25"/>
                    <a:gd name="T47" fmla="*/ 10 h 20"/>
                    <a:gd name="T48" fmla="*/ 0 w 25"/>
                    <a:gd name="T49" fmla="*/ 2 h 20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w 25"/>
                    <a:gd name="T76" fmla="*/ 0 h 20"/>
                    <a:gd name="T77" fmla="*/ 25 w 25"/>
                    <a:gd name="T78" fmla="*/ 20 h 20"/>
                  </a:gdLst>
                  <a:ahLst/>
                  <a:cxnLst>
                    <a:cxn ang="T50">
                      <a:pos x="T0" y="T1"/>
                    </a:cxn>
                    <a:cxn ang="T51">
                      <a:pos x="T2" y="T3"/>
                    </a:cxn>
                    <a:cxn ang="T52">
                      <a:pos x="T4" y="T5"/>
                    </a:cxn>
                    <a:cxn ang="T53">
                      <a:pos x="T6" y="T7"/>
                    </a:cxn>
                    <a:cxn ang="T54">
                      <a:pos x="T8" y="T9"/>
                    </a:cxn>
                    <a:cxn ang="T55">
                      <a:pos x="T10" y="T11"/>
                    </a:cxn>
                    <a:cxn ang="T56">
                      <a:pos x="T12" y="T13"/>
                    </a:cxn>
                    <a:cxn ang="T57">
                      <a:pos x="T14" y="T15"/>
                    </a:cxn>
                    <a:cxn ang="T58">
                      <a:pos x="T16" y="T17"/>
                    </a:cxn>
                    <a:cxn ang="T59">
                      <a:pos x="T18" y="T19"/>
                    </a:cxn>
                    <a:cxn ang="T60">
                      <a:pos x="T20" y="T21"/>
                    </a:cxn>
                    <a:cxn ang="T61">
                      <a:pos x="T22" y="T23"/>
                    </a:cxn>
                    <a:cxn ang="T62">
                      <a:pos x="T24" y="T25"/>
                    </a:cxn>
                    <a:cxn ang="T63">
                      <a:pos x="T26" y="T27"/>
                    </a:cxn>
                    <a:cxn ang="T64">
                      <a:pos x="T28" y="T29"/>
                    </a:cxn>
                    <a:cxn ang="T65">
                      <a:pos x="T30" y="T31"/>
                    </a:cxn>
                    <a:cxn ang="T66">
                      <a:pos x="T32" y="T33"/>
                    </a:cxn>
                    <a:cxn ang="T67">
                      <a:pos x="T34" y="T35"/>
                    </a:cxn>
                    <a:cxn ang="T68">
                      <a:pos x="T36" y="T37"/>
                    </a:cxn>
                    <a:cxn ang="T69">
                      <a:pos x="T38" y="T39"/>
                    </a:cxn>
                    <a:cxn ang="T70">
                      <a:pos x="T40" y="T41"/>
                    </a:cxn>
                    <a:cxn ang="T71">
                      <a:pos x="T42" y="T43"/>
                    </a:cxn>
                    <a:cxn ang="T72">
                      <a:pos x="T44" y="T45"/>
                    </a:cxn>
                    <a:cxn ang="T73">
                      <a:pos x="T46" y="T47"/>
                    </a:cxn>
                    <a:cxn ang="T74">
                      <a:pos x="T48" y="T49"/>
                    </a:cxn>
                  </a:cxnLst>
                  <a:rect l="T75" t="T76" r="T77" b="T78"/>
                  <a:pathLst>
                    <a:path w="25" h="20">
                      <a:moveTo>
                        <a:pt x="0" y="2"/>
                      </a:moveTo>
                      <a:lnTo>
                        <a:pt x="12" y="2"/>
                      </a:lnTo>
                      <a:lnTo>
                        <a:pt x="12" y="12"/>
                      </a:lnTo>
                      <a:lnTo>
                        <a:pt x="19" y="10"/>
                      </a:lnTo>
                      <a:lnTo>
                        <a:pt x="17" y="0"/>
                      </a:lnTo>
                      <a:lnTo>
                        <a:pt x="19" y="0"/>
                      </a:lnTo>
                      <a:lnTo>
                        <a:pt x="20" y="2"/>
                      </a:lnTo>
                      <a:lnTo>
                        <a:pt x="22" y="3"/>
                      </a:lnTo>
                      <a:lnTo>
                        <a:pt x="24" y="5"/>
                      </a:lnTo>
                      <a:lnTo>
                        <a:pt x="25" y="8"/>
                      </a:lnTo>
                      <a:lnTo>
                        <a:pt x="25" y="12"/>
                      </a:lnTo>
                      <a:lnTo>
                        <a:pt x="24" y="15"/>
                      </a:lnTo>
                      <a:lnTo>
                        <a:pt x="22" y="20"/>
                      </a:lnTo>
                      <a:lnTo>
                        <a:pt x="20" y="20"/>
                      </a:lnTo>
                      <a:lnTo>
                        <a:pt x="19" y="20"/>
                      </a:lnTo>
                      <a:lnTo>
                        <a:pt x="17" y="20"/>
                      </a:lnTo>
                      <a:lnTo>
                        <a:pt x="14" y="18"/>
                      </a:lnTo>
                      <a:lnTo>
                        <a:pt x="12" y="18"/>
                      </a:lnTo>
                      <a:lnTo>
                        <a:pt x="10" y="18"/>
                      </a:lnTo>
                      <a:lnTo>
                        <a:pt x="9" y="18"/>
                      </a:lnTo>
                      <a:lnTo>
                        <a:pt x="2" y="10"/>
                      </a:lnTo>
                      <a:lnTo>
                        <a:pt x="0" y="2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15" name="Freeform 89"/>
                <p:cNvSpPr>
                  <a:spLocks/>
                </p:cNvSpPr>
                <p:nvPr/>
              </p:nvSpPr>
              <p:spPr bwMode="auto">
                <a:xfrm>
                  <a:off x="1126" y="3351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3 h 10"/>
                    <a:gd name="T4" fmla="*/ 0 w 8"/>
                    <a:gd name="T5" fmla="*/ 2 h 10"/>
                    <a:gd name="T6" fmla="*/ 2 w 8"/>
                    <a:gd name="T7" fmla="*/ 0 h 10"/>
                    <a:gd name="T8" fmla="*/ 3 w 8"/>
                    <a:gd name="T9" fmla="*/ 0 h 10"/>
                    <a:gd name="T10" fmla="*/ 5 w 8"/>
                    <a:gd name="T11" fmla="*/ 0 h 10"/>
                    <a:gd name="T12" fmla="*/ 7 w 8"/>
                    <a:gd name="T13" fmla="*/ 2 h 10"/>
                    <a:gd name="T14" fmla="*/ 7 w 8"/>
                    <a:gd name="T15" fmla="*/ 3 h 10"/>
                    <a:gd name="T16" fmla="*/ 8 w 8"/>
                    <a:gd name="T17" fmla="*/ 5 h 10"/>
                    <a:gd name="T18" fmla="*/ 7 w 8"/>
                    <a:gd name="T19" fmla="*/ 7 h 10"/>
                    <a:gd name="T20" fmla="*/ 7 w 8"/>
                    <a:gd name="T21" fmla="*/ 8 h 10"/>
                    <a:gd name="T22" fmla="*/ 5 w 8"/>
                    <a:gd name="T23" fmla="*/ 10 h 10"/>
                    <a:gd name="T24" fmla="*/ 3 w 8"/>
                    <a:gd name="T25" fmla="*/ 10 h 10"/>
                    <a:gd name="T26" fmla="*/ 2 w 8"/>
                    <a:gd name="T27" fmla="*/ 10 h 10"/>
                    <a:gd name="T28" fmla="*/ 0 w 8"/>
                    <a:gd name="T29" fmla="*/ 8 h 10"/>
                    <a:gd name="T30" fmla="*/ 0 w 8"/>
                    <a:gd name="T31" fmla="*/ 7 h 10"/>
                    <a:gd name="T32" fmla="*/ 0 w 8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10"/>
                    <a:gd name="T53" fmla="*/ 8 w 8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10">
                      <a:moveTo>
                        <a:pt x="0" y="5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2"/>
                      </a:lnTo>
                      <a:lnTo>
                        <a:pt x="7" y="3"/>
                      </a:lnTo>
                      <a:lnTo>
                        <a:pt x="8" y="5"/>
                      </a:lnTo>
                      <a:lnTo>
                        <a:pt x="7" y="7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16" name="Freeform 90"/>
                <p:cNvSpPr>
                  <a:spLocks/>
                </p:cNvSpPr>
                <p:nvPr/>
              </p:nvSpPr>
              <p:spPr bwMode="auto">
                <a:xfrm>
                  <a:off x="1126" y="3351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5 h 10"/>
                    <a:gd name="T4" fmla="*/ 0 w 8"/>
                    <a:gd name="T5" fmla="*/ 3 h 10"/>
                    <a:gd name="T6" fmla="*/ 0 w 8"/>
                    <a:gd name="T7" fmla="*/ 2 h 10"/>
                    <a:gd name="T8" fmla="*/ 2 w 8"/>
                    <a:gd name="T9" fmla="*/ 0 h 10"/>
                    <a:gd name="T10" fmla="*/ 3 w 8"/>
                    <a:gd name="T11" fmla="*/ 0 h 10"/>
                    <a:gd name="T12" fmla="*/ 3 w 8"/>
                    <a:gd name="T13" fmla="*/ 0 h 10"/>
                    <a:gd name="T14" fmla="*/ 5 w 8"/>
                    <a:gd name="T15" fmla="*/ 0 h 10"/>
                    <a:gd name="T16" fmla="*/ 7 w 8"/>
                    <a:gd name="T17" fmla="*/ 2 h 10"/>
                    <a:gd name="T18" fmla="*/ 7 w 8"/>
                    <a:gd name="T19" fmla="*/ 3 h 10"/>
                    <a:gd name="T20" fmla="*/ 8 w 8"/>
                    <a:gd name="T21" fmla="*/ 5 h 10"/>
                    <a:gd name="T22" fmla="*/ 8 w 8"/>
                    <a:gd name="T23" fmla="*/ 5 h 10"/>
                    <a:gd name="T24" fmla="*/ 7 w 8"/>
                    <a:gd name="T25" fmla="*/ 7 h 10"/>
                    <a:gd name="T26" fmla="*/ 7 w 8"/>
                    <a:gd name="T27" fmla="*/ 8 h 10"/>
                    <a:gd name="T28" fmla="*/ 5 w 8"/>
                    <a:gd name="T29" fmla="*/ 10 h 10"/>
                    <a:gd name="T30" fmla="*/ 3 w 8"/>
                    <a:gd name="T31" fmla="*/ 10 h 10"/>
                    <a:gd name="T32" fmla="*/ 3 w 8"/>
                    <a:gd name="T33" fmla="*/ 10 h 10"/>
                    <a:gd name="T34" fmla="*/ 2 w 8"/>
                    <a:gd name="T35" fmla="*/ 10 h 10"/>
                    <a:gd name="T36" fmla="*/ 0 w 8"/>
                    <a:gd name="T37" fmla="*/ 8 h 10"/>
                    <a:gd name="T38" fmla="*/ 0 w 8"/>
                    <a:gd name="T39" fmla="*/ 7 h 10"/>
                    <a:gd name="T40" fmla="*/ 0 w 8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10"/>
                    <a:gd name="T65" fmla="*/ 8 w 8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2"/>
                      </a:lnTo>
                      <a:lnTo>
                        <a:pt x="7" y="3"/>
                      </a:lnTo>
                      <a:lnTo>
                        <a:pt x="8" y="5"/>
                      </a:lnTo>
                      <a:lnTo>
                        <a:pt x="7" y="7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17" name="Freeform 91"/>
                <p:cNvSpPr>
                  <a:spLocks/>
                </p:cNvSpPr>
                <p:nvPr/>
              </p:nvSpPr>
              <p:spPr bwMode="auto">
                <a:xfrm>
                  <a:off x="1138" y="3351"/>
                  <a:ext cx="10" cy="10"/>
                </a:xfrm>
                <a:custGeom>
                  <a:avLst/>
                  <a:gdLst>
                    <a:gd name="T0" fmla="*/ 0 w 10"/>
                    <a:gd name="T1" fmla="*/ 5 h 10"/>
                    <a:gd name="T2" fmla="*/ 0 w 10"/>
                    <a:gd name="T3" fmla="*/ 2 h 10"/>
                    <a:gd name="T4" fmla="*/ 2 w 10"/>
                    <a:gd name="T5" fmla="*/ 0 h 10"/>
                    <a:gd name="T6" fmla="*/ 3 w 10"/>
                    <a:gd name="T7" fmla="*/ 0 h 10"/>
                    <a:gd name="T8" fmla="*/ 5 w 10"/>
                    <a:gd name="T9" fmla="*/ 0 h 10"/>
                    <a:gd name="T10" fmla="*/ 7 w 10"/>
                    <a:gd name="T11" fmla="*/ 0 h 10"/>
                    <a:gd name="T12" fmla="*/ 8 w 10"/>
                    <a:gd name="T13" fmla="*/ 0 h 10"/>
                    <a:gd name="T14" fmla="*/ 8 w 10"/>
                    <a:gd name="T15" fmla="*/ 2 h 10"/>
                    <a:gd name="T16" fmla="*/ 10 w 10"/>
                    <a:gd name="T17" fmla="*/ 5 h 10"/>
                    <a:gd name="T18" fmla="*/ 8 w 10"/>
                    <a:gd name="T19" fmla="*/ 7 h 10"/>
                    <a:gd name="T20" fmla="*/ 8 w 10"/>
                    <a:gd name="T21" fmla="*/ 8 h 10"/>
                    <a:gd name="T22" fmla="*/ 7 w 10"/>
                    <a:gd name="T23" fmla="*/ 10 h 10"/>
                    <a:gd name="T24" fmla="*/ 5 w 10"/>
                    <a:gd name="T25" fmla="*/ 10 h 10"/>
                    <a:gd name="T26" fmla="*/ 3 w 10"/>
                    <a:gd name="T27" fmla="*/ 10 h 10"/>
                    <a:gd name="T28" fmla="*/ 2 w 10"/>
                    <a:gd name="T29" fmla="*/ 8 h 10"/>
                    <a:gd name="T30" fmla="*/ 0 w 10"/>
                    <a:gd name="T31" fmla="*/ 7 h 10"/>
                    <a:gd name="T32" fmla="*/ 0 w 10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0"/>
                    <a:gd name="T52" fmla="*/ 0 h 10"/>
                    <a:gd name="T53" fmla="*/ 10 w 10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0" h="10">
                      <a:moveTo>
                        <a:pt x="0" y="5"/>
                      </a:moveTo>
                      <a:lnTo>
                        <a:pt x="0" y="2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8" y="0"/>
                      </a:lnTo>
                      <a:lnTo>
                        <a:pt x="8" y="2"/>
                      </a:lnTo>
                      <a:lnTo>
                        <a:pt x="10" y="5"/>
                      </a:lnTo>
                      <a:lnTo>
                        <a:pt x="8" y="7"/>
                      </a:lnTo>
                      <a:lnTo>
                        <a:pt x="8" y="8"/>
                      </a:lnTo>
                      <a:lnTo>
                        <a:pt x="7" y="10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8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18" name="Freeform 92"/>
                <p:cNvSpPr>
                  <a:spLocks/>
                </p:cNvSpPr>
                <p:nvPr/>
              </p:nvSpPr>
              <p:spPr bwMode="auto">
                <a:xfrm>
                  <a:off x="1138" y="3351"/>
                  <a:ext cx="10" cy="10"/>
                </a:xfrm>
                <a:custGeom>
                  <a:avLst/>
                  <a:gdLst>
                    <a:gd name="T0" fmla="*/ 0 w 10"/>
                    <a:gd name="T1" fmla="*/ 5 h 10"/>
                    <a:gd name="T2" fmla="*/ 0 w 10"/>
                    <a:gd name="T3" fmla="*/ 5 h 10"/>
                    <a:gd name="T4" fmla="*/ 0 w 10"/>
                    <a:gd name="T5" fmla="*/ 2 h 10"/>
                    <a:gd name="T6" fmla="*/ 2 w 10"/>
                    <a:gd name="T7" fmla="*/ 0 h 10"/>
                    <a:gd name="T8" fmla="*/ 3 w 10"/>
                    <a:gd name="T9" fmla="*/ 0 h 10"/>
                    <a:gd name="T10" fmla="*/ 5 w 10"/>
                    <a:gd name="T11" fmla="*/ 0 h 10"/>
                    <a:gd name="T12" fmla="*/ 5 w 10"/>
                    <a:gd name="T13" fmla="*/ 0 h 10"/>
                    <a:gd name="T14" fmla="*/ 7 w 10"/>
                    <a:gd name="T15" fmla="*/ 0 h 10"/>
                    <a:gd name="T16" fmla="*/ 8 w 10"/>
                    <a:gd name="T17" fmla="*/ 0 h 10"/>
                    <a:gd name="T18" fmla="*/ 8 w 10"/>
                    <a:gd name="T19" fmla="*/ 2 h 10"/>
                    <a:gd name="T20" fmla="*/ 10 w 10"/>
                    <a:gd name="T21" fmla="*/ 5 h 10"/>
                    <a:gd name="T22" fmla="*/ 10 w 10"/>
                    <a:gd name="T23" fmla="*/ 5 h 10"/>
                    <a:gd name="T24" fmla="*/ 8 w 10"/>
                    <a:gd name="T25" fmla="*/ 7 h 10"/>
                    <a:gd name="T26" fmla="*/ 8 w 10"/>
                    <a:gd name="T27" fmla="*/ 8 h 10"/>
                    <a:gd name="T28" fmla="*/ 7 w 10"/>
                    <a:gd name="T29" fmla="*/ 10 h 10"/>
                    <a:gd name="T30" fmla="*/ 5 w 10"/>
                    <a:gd name="T31" fmla="*/ 10 h 10"/>
                    <a:gd name="T32" fmla="*/ 5 w 10"/>
                    <a:gd name="T33" fmla="*/ 10 h 10"/>
                    <a:gd name="T34" fmla="*/ 3 w 10"/>
                    <a:gd name="T35" fmla="*/ 10 h 10"/>
                    <a:gd name="T36" fmla="*/ 2 w 10"/>
                    <a:gd name="T37" fmla="*/ 8 h 10"/>
                    <a:gd name="T38" fmla="*/ 0 w 10"/>
                    <a:gd name="T39" fmla="*/ 7 h 10"/>
                    <a:gd name="T40" fmla="*/ 0 w 10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0"/>
                    <a:gd name="T64" fmla="*/ 0 h 10"/>
                    <a:gd name="T65" fmla="*/ 10 w 10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0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2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8" y="0"/>
                      </a:lnTo>
                      <a:lnTo>
                        <a:pt x="8" y="2"/>
                      </a:lnTo>
                      <a:lnTo>
                        <a:pt x="10" y="5"/>
                      </a:lnTo>
                      <a:lnTo>
                        <a:pt x="8" y="7"/>
                      </a:lnTo>
                      <a:lnTo>
                        <a:pt x="8" y="8"/>
                      </a:lnTo>
                      <a:lnTo>
                        <a:pt x="7" y="10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8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19" name="Freeform 93"/>
                <p:cNvSpPr>
                  <a:spLocks/>
                </p:cNvSpPr>
                <p:nvPr/>
              </p:nvSpPr>
              <p:spPr bwMode="auto">
                <a:xfrm>
                  <a:off x="828" y="3395"/>
                  <a:ext cx="36" cy="29"/>
                </a:xfrm>
                <a:custGeom>
                  <a:avLst/>
                  <a:gdLst>
                    <a:gd name="T0" fmla="*/ 32 w 36"/>
                    <a:gd name="T1" fmla="*/ 0 h 29"/>
                    <a:gd name="T2" fmla="*/ 22 w 36"/>
                    <a:gd name="T3" fmla="*/ 2 h 29"/>
                    <a:gd name="T4" fmla="*/ 15 w 36"/>
                    <a:gd name="T5" fmla="*/ 5 h 29"/>
                    <a:gd name="T6" fmla="*/ 17 w 36"/>
                    <a:gd name="T7" fmla="*/ 12 h 29"/>
                    <a:gd name="T8" fmla="*/ 12 w 36"/>
                    <a:gd name="T9" fmla="*/ 17 h 29"/>
                    <a:gd name="T10" fmla="*/ 5 w 36"/>
                    <a:gd name="T11" fmla="*/ 8 h 29"/>
                    <a:gd name="T12" fmla="*/ 0 w 36"/>
                    <a:gd name="T13" fmla="*/ 19 h 29"/>
                    <a:gd name="T14" fmla="*/ 5 w 36"/>
                    <a:gd name="T15" fmla="*/ 29 h 29"/>
                    <a:gd name="T16" fmla="*/ 19 w 36"/>
                    <a:gd name="T17" fmla="*/ 22 h 29"/>
                    <a:gd name="T18" fmla="*/ 27 w 36"/>
                    <a:gd name="T19" fmla="*/ 12 h 29"/>
                    <a:gd name="T20" fmla="*/ 36 w 36"/>
                    <a:gd name="T21" fmla="*/ 12 h 29"/>
                    <a:gd name="T22" fmla="*/ 34 w 36"/>
                    <a:gd name="T23" fmla="*/ 5 h 29"/>
                    <a:gd name="T24" fmla="*/ 32 w 36"/>
                    <a:gd name="T25" fmla="*/ 0 h 29"/>
                    <a:gd name="T26" fmla="*/ 0 60000 65536"/>
                    <a:gd name="T27" fmla="*/ 0 60000 65536"/>
                    <a:gd name="T28" fmla="*/ 0 60000 65536"/>
                    <a:gd name="T29" fmla="*/ 0 60000 65536"/>
                    <a:gd name="T30" fmla="*/ 0 60000 65536"/>
                    <a:gd name="T31" fmla="*/ 0 60000 65536"/>
                    <a:gd name="T32" fmla="*/ 0 60000 65536"/>
                    <a:gd name="T33" fmla="*/ 0 60000 65536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w 36"/>
                    <a:gd name="T40" fmla="*/ 0 h 29"/>
                    <a:gd name="T41" fmla="*/ 36 w 36"/>
                    <a:gd name="T42" fmla="*/ 29 h 29"/>
                  </a:gdLst>
                  <a:ahLst/>
                  <a:cxnLst>
                    <a:cxn ang="T26">
                      <a:pos x="T0" y="T1"/>
                    </a:cxn>
                    <a:cxn ang="T27">
                      <a:pos x="T2" y="T3"/>
                    </a:cxn>
                    <a:cxn ang="T28">
                      <a:pos x="T4" y="T5"/>
                    </a:cxn>
                    <a:cxn ang="T29">
                      <a:pos x="T6" y="T7"/>
                    </a:cxn>
                    <a:cxn ang="T30">
                      <a:pos x="T8" y="T9"/>
                    </a:cxn>
                    <a:cxn ang="T31">
                      <a:pos x="T10" y="T11"/>
                    </a:cxn>
                    <a:cxn ang="T32">
                      <a:pos x="T12" y="T13"/>
                    </a:cxn>
                    <a:cxn ang="T33">
                      <a:pos x="T14" y="T15"/>
                    </a:cxn>
                    <a:cxn ang="T34">
                      <a:pos x="T16" y="T17"/>
                    </a:cxn>
                    <a:cxn ang="T35">
                      <a:pos x="T18" y="T19"/>
                    </a:cxn>
                    <a:cxn ang="T36">
                      <a:pos x="T20" y="T21"/>
                    </a:cxn>
                    <a:cxn ang="T37">
                      <a:pos x="T22" y="T23"/>
                    </a:cxn>
                    <a:cxn ang="T38">
                      <a:pos x="T24" y="T25"/>
                    </a:cxn>
                  </a:cxnLst>
                  <a:rect l="T39" t="T40" r="T41" b="T42"/>
                  <a:pathLst>
                    <a:path w="36" h="29">
                      <a:moveTo>
                        <a:pt x="32" y="0"/>
                      </a:moveTo>
                      <a:lnTo>
                        <a:pt x="22" y="2"/>
                      </a:lnTo>
                      <a:lnTo>
                        <a:pt x="15" y="5"/>
                      </a:lnTo>
                      <a:lnTo>
                        <a:pt x="17" y="12"/>
                      </a:lnTo>
                      <a:lnTo>
                        <a:pt x="12" y="17"/>
                      </a:lnTo>
                      <a:lnTo>
                        <a:pt x="5" y="8"/>
                      </a:lnTo>
                      <a:lnTo>
                        <a:pt x="0" y="19"/>
                      </a:lnTo>
                      <a:lnTo>
                        <a:pt x="5" y="29"/>
                      </a:lnTo>
                      <a:lnTo>
                        <a:pt x="19" y="22"/>
                      </a:lnTo>
                      <a:lnTo>
                        <a:pt x="27" y="12"/>
                      </a:lnTo>
                      <a:lnTo>
                        <a:pt x="36" y="12"/>
                      </a:lnTo>
                      <a:lnTo>
                        <a:pt x="34" y="5"/>
                      </a:lnTo>
                      <a:lnTo>
                        <a:pt x="32" y="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20" name="Freeform 94"/>
                <p:cNvSpPr>
                  <a:spLocks/>
                </p:cNvSpPr>
                <p:nvPr/>
              </p:nvSpPr>
              <p:spPr bwMode="auto">
                <a:xfrm>
                  <a:off x="828" y="3395"/>
                  <a:ext cx="36" cy="29"/>
                </a:xfrm>
                <a:custGeom>
                  <a:avLst/>
                  <a:gdLst>
                    <a:gd name="T0" fmla="*/ 32 w 36"/>
                    <a:gd name="T1" fmla="*/ 0 h 29"/>
                    <a:gd name="T2" fmla="*/ 22 w 36"/>
                    <a:gd name="T3" fmla="*/ 2 h 29"/>
                    <a:gd name="T4" fmla="*/ 15 w 36"/>
                    <a:gd name="T5" fmla="*/ 5 h 29"/>
                    <a:gd name="T6" fmla="*/ 17 w 36"/>
                    <a:gd name="T7" fmla="*/ 12 h 29"/>
                    <a:gd name="T8" fmla="*/ 12 w 36"/>
                    <a:gd name="T9" fmla="*/ 17 h 29"/>
                    <a:gd name="T10" fmla="*/ 5 w 36"/>
                    <a:gd name="T11" fmla="*/ 8 h 29"/>
                    <a:gd name="T12" fmla="*/ 0 w 36"/>
                    <a:gd name="T13" fmla="*/ 19 h 29"/>
                    <a:gd name="T14" fmla="*/ 5 w 36"/>
                    <a:gd name="T15" fmla="*/ 29 h 29"/>
                    <a:gd name="T16" fmla="*/ 19 w 36"/>
                    <a:gd name="T17" fmla="*/ 22 h 29"/>
                    <a:gd name="T18" fmla="*/ 27 w 36"/>
                    <a:gd name="T19" fmla="*/ 12 h 29"/>
                    <a:gd name="T20" fmla="*/ 36 w 36"/>
                    <a:gd name="T21" fmla="*/ 12 h 29"/>
                    <a:gd name="T22" fmla="*/ 34 w 36"/>
                    <a:gd name="T23" fmla="*/ 5 h 29"/>
                    <a:gd name="T24" fmla="*/ 32 w 36"/>
                    <a:gd name="T25" fmla="*/ 0 h 29"/>
                    <a:gd name="T26" fmla="*/ 0 60000 65536"/>
                    <a:gd name="T27" fmla="*/ 0 60000 65536"/>
                    <a:gd name="T28" fmla="*/ 0 60000 65536"/>
                    <a:gd name="T29" fmla="*/ 0 60000 65536"/>
                    <a:gd name="T30" fmla="*/ 0 60000 65536"/>
                    <a:gd name="T31" fmla="*/ 0 60000 65536"/>
                    <a:gd name="T32" fmla="*/ 0 60000 65536"/>
                    <a:gd name="T33" fmla="*/ 0 60000 65536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w 36"/>
                    <a:gd name="T40" fmla="*/ 0 h 29"/>
                    <a:gd name="T41" fmla="*/ 36 w 36"/>
                    <a:gd name="T42" fmla="*/ 29 h 29"/>
                  </a:gdLst>
                  <a:ahLst/>
                  <a:cxnLst>
                    <a:cxn ang="T26">
                      <a:pos x="T0" y="T1"/>
                    </a:cxn>
                    <a:cxn ang="T27">
                      <a:pos x="T2" y="T3"/>
                    </a:cxn>
                    <a:cxn ang="T28">
                      <a:pos x="T4" y="T5"/>
                    </a:cxn>
                    <a:cxn ang="T29">
                      <a:pos x="T6" y="T7"/>
                    </a:cxn>
                    <a:cxn ang="T30">
                      <a:pos x="T8" y="T9"/>
                    </a:cxn>
                    <a:cxn ang="T31">
                      <a:pos x="T10" y="T11"/>
                    </a:cxn>
                    <a:cxn ang="T32">
                      <a:pos x="T12" y="T13"/>
                    </a:cxn>
                    <a:cxn ang="T33">
                      <a:pos x="T14" y="T15"/>
                    </a:cxn>
                    <a:cxn ang="T34">
                      <a:pos x="T16" y="T17"/>
                    </a:cxn>
                    <a:cxn ang="T35">
                      <a:pos x="T18" y="T19"/>
                    </a:cxn>
                    <a:cxn ang="T36">
                      <a:pos x="T20" y="T21"/>
                    </a:cxn>
                    <a:cxn ang="T37">
                      <a:pos x="T22" y="T23"/>
                    </a:cxn>
                    <a:cxn ang="T38">
                      <a:pos x="T24" y="T25"/>
                    </a:cxn>
                  </a:cxnLst>
                  <a:rect l="T39" t="T40" r="T41" b="T42"/>
                  <a:pathLst>
                    <a:path w="36" h="29">
                      <a:moveTo>
                        <a:pt x="32" y="0"/>
                      </a:moveTo>
                      <a:lnTo>
                        <a:pt x="22" y="2"/>
                      </a:lnTo>
                      <a:lnTo>
                        <a:pt x="15" y="5"/>
                      </a:lnTo>
                      <a:lnTo>
                        <a:pt x="17" y="12"/>
                      </a:lnTo>
                      <a:lnTo>
                        <a:pt x="12" y="17"/>
                      </a:lnTo>
                      <a:lnTo>
                        <a:pt x="5" y="8"/>
                      </a:lnTo>
                      <a:lnTo>
                        <a:pt x="0" y="19"/>
                      </a:lnTo>
                      <a:lnTo>
                        <a:pt x="5" y="29"/>
                      </a:lnTo>
                      <a:lnTo>
                        <a:pt x="19" y="22"/>
                      </a:lnTo>
                      <a:lnTo>
                        <a:pt x="27" y="12"/>
                      </a:lnTo>
                      <a:lnTo>
                        <a:pt x="36" y="12"/>
                      </a:lnTo>
                      <a:lnTo>
                        <a:pt x="34" y="5"/>
                      </a:lnTo>
                      <a:lnTo>
                        <a:pt x="32" y="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21" name="Freeform 95"/>
                <p:cNvSpPr>
                  <a:spLocks/>
                </p:cNvSpPr>
                <p:nvPr/>
              </p:nvSpPr>
              <p:spPr bwMode="auto">
                <a:xfrm>
                  <a:off x="627" y="3507"/>
                  <a:ext cx="20" cy="15"/>
                </a:xfrm>
                <a:custGeom>
                  <a:avLst/>
                  <a:gdLst>
                    <a:gd name="T0" fmla="*/ 8 w 20"/>
                    <a:gd name="T1" fmla="*/ 3 h 15"/>
                    <a:gd name="T2" fmla="*/ 15 w 20"/>
                    <a:gd name="T3" fmla="*/ 0 h 15"/>
                    <a:gd name="T4" fmla="*/ 20 w 20"/>
                    <a:gd name="T5" fmla="*/ 8 h 15"/>
                    <a:gd name="T6" fmla="*/ 7 w 20"/>
                    <a:gd name="T7" fmla="*/ 15 h 15"/>
                    <a:gd name="T8" fmla="*/ 0 w 20"/>
                    <a:gd name="T9" fmla="*/ 15 h 15"/>
                    <a:gd name="T10" fmla="*/ 5 w 20"/>
                    <a:gd name="T11" fmla="*/ 10 h 15"/>
                    <a:gd name="T12" fmla="*/ 13 w 20"/>
                    <a:gd name="T13" fmla="*/ 8 h 15"/>
                    <a:gd name="T14" fmla="*/ 8 w 20"/>
                    <a:gd name="T15" fmla="*/ 3 h 15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w 20"/>
                    <a:gd name="T25" fmla="*/ 0 h 15"/>
                    <a:gd name="T26" fmla="*/ 20 w 20"/>
                    <a:gd name="T27" fmla="*/ 15 h 15"/>
                  </a:gdLst>
                  <a:ahLst/>
                  <a:cxnLst>
                    <a:cxn ang="T16">
                      <a:pos x="T0" y="T1"/>
                    </a:cxn>
                    <a:cxn ang="T17">
                      <a:pos x="T2" y="T3"/>
                    </a:cxn>
                    <a:cxn ang="T18">
                      <a:pos x="T4" y="T5"/>
                    </a:cxn>
                    <a:cxn ang="T19">
                      <a:pos x="T6" y="T7"/>
                    </a:cxn>
                    <a:cxn ang="T20">
                      <a:pos x="T8" y="T9"/>
                    </a:cxn>
                    <a:cxn ang="T21">
                      <a:pos x="T10" y="T11"/>
                    </a:cxn>
                    <a:cxn ang="T22">
                      <a:pos x="T12" y="T13"/>
                    </a:cxn>
                    <a:cxn ang="T23">
                      <a:pos x="T14" y="T15"/>
                    </a:cxn>
                  </a:cxnLst>
                  <a:rect l="T24" t="T25" r="T26" b="T27"/>
                  <a:pathLst>
                    <a:path w="20" h="15">
                      <a:moveTo>
                        <a:pt x="8" y="3"/>
                      </a:moveTo>
                      <a:lnTo>
                        <a:pt x="15" y="0"/>
                      </a:lnTo>
                      <a:lnTo>
                        <a:pt x="20" y="8"/>
                      </a:lnTo>
                      <a:lnTo>
                        <a:pt x="7" y="15"/>
                      </a:lnTo>
                      <a:lnTo>
                        <a:pt x="0" y="15"/>
                      </a:lnTo>
                      <a:lnTo>
                        <a:pt x="5" y="10"/>
                      </a:lnTo>
                      <a:lnTo>
                        <a:pt x="13" y="8"/>
                      </a:lnTo>
                      <a:lnTo>
                        <a:pt x="8" y="3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22" name="Freeform 96"/>
                <p:cNvSpPr>
                  <a:spLocks/>
                </p:cNvSpPr>
                <p:nvPr/>
              </p:nvSpPr>
              <p:spPr bwMode="auto">
                <a:xfrm>
                  <a:off x="627" y="3507"/>
                  <a:ext cx="20" cy="15"/>
                </a:xfrm>
                <a:custGeom>
                  <a:avLst/>
                  <a:gdLst>
                    <a:gd name="T0" fmla="*/ 8 w 20"/>
                    <a:gd name="T1" fmla="*/ 3 h 15"/>
                    <a:gd name="T2" fmla="*/ 15 w 20"/>
                    <a:gd name="T3" fmla="*/ 0 h 15"/>
                    <a:gd name="T4" fmla="*/ 20 w 20"/>
                    <a:gd name="T5" fmla="*/ 8 h 15"/>
                    <a:gd name="T6" fmla="*/ 7 w 20"/>
                    <a:gd name="T7" fmla="*/ 15 h 15"/>
                    <a:gd name="T8" fmla="*/ 0 w 20"/>
                    <a:gd name="T9" fmla="*/ 15 h 15"/>
                    <a:gd name="T10" fmla="*/ 5 w 20"/>
                    <a:gd name="T11" fmla="*/ 10 h 15"/>
                    <a:gd name="T12" fmla="*/ 13 w 20"/>
                    <a:gd name="T13" fmla="*/ 8 h 15"/>
                    <a:gd name="T14" fmla="*/ 8 w 20"/>
                    <a:gd name="T15" fmla="*/ 3 h 15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w 20"/>
                    <a:gd name="T25" fmla="*/ 0 h 15"/>
                    <a:gd name="T26" fmla="*/ 20 w 20"/>
                    <a:gd name="T27" fmla="*/ 15 h 15"/>
                  </a:gdLst>
                  <a:ahLst/>
                  <a:cxnLst>
                    <a:cxn ang="T16">
                      <a:pos x="T0" y="T1"/>
                    </a:cxn>
                    <a:cxn ang="T17">
                      <a:pos x="T2" y="T3"/>
                    </a:cxn>
                    <a:cxn ang="T18">
                      <a:pos x="T4" y="T5"/>
                    </a:cxn>
                    <a:cxn ang="T19">
                      <a:pos x="T6" y="T7"/>
                    </a:cxn>
                    <a:cxn ang="T20">
                      <a:pos x="T8" y="T9"/>
                    </a:cxn>
                    <a:cxn ang="T21">
                      <a:pos x="T10" y="T11"/>
                    </a:cxn>
                    <a:cxn ang="T22">
                      <a:pos x="T12" y="T13"/>
                    </a:cxn>
                    <a:cxn ang="T23">
                      <a:pos x="T14" y="T15"/>
                    </a:cxn>
                  </a:cxnLst>
                  <a:rect l="T24" t="T25" r="T26" b="T27"/>
                  <a:pathLst>
                    <a:path w="20" h="15">
                      <a:moveTo>
                        <a:pt x="8" y="3"/>
                      </a:moveTo>
                      <a:lnTo>
                        <a:pt x="15" y="0"/>
                      </a:lnTo>
                      <a:lnTo>
                        <a:pt x="20" y="8"/>
                      </a:lnTo>
                      <a:lnTo>
                        <a:pt x="7" y="15"/>
                      </a:lnTo>
                      <a:lnTo>
                        <a:pt x="0" y="15"/>
                      </a:lnTo>
                      <a:lnTo>
                        <a:pt x="5" y="10"/>
                      </a:lnTo>
                      <a:lnTo>
                        <a:pt x="13" y="8"/>
                      </a:lnTo>
                      <a:lnTo>
                        <a:pt x="8" y="3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23" name="Freeform 97"/>
                <p:cNvSpPr>
                  <a:spLocks/>
                </p:cNvSpPr>
                <p:nvPr/>
              </p:nvSpPr>
              <p:spPr bwMode="auto">
                <a:xfrm>
                  <a:off x="600" y="3513"/>
                  <a:ext cx="23" cy="19"/>
                </a:xfrm>
                <a:custGeom>
                  <a:avLst/>
                  <a:gdLst>
                    <a:gd name="T0" fmla="*/ 0 w 23"/>
                    <a:gd name="T1" fmla="*/ 19 h 19"/>
                    <a:gd name="T2" fmla="*/ 0 w 23"/>
                    <a:gd name="T3" fmla="*/ 17 h 19"/>
                    <a:gd name="T4" fmla="*/ 0 w 23"/>
                    <a:gd name="T5" fmla="*/ 17 h 19"/>
                    <a:gd name="T6" fmla="*/ 1 w 23"/>
                    <a:gd name="T7" fmla="*/ 16 h 19"/>
                    <a:gd name="T8" fmla="*/ 1 w 23"/>
                    <a:gd name="T9" fmla="*/ 14 h 19"/>
                    <a:gd name="T10" fmla="*/ 3 w 23"/>
                    <a:gd name="T11" fmla="*/ 12 h 19"/>
                    <a:gd name="T12" fmla="*/ 5 w 23"/>
                    <a:gd name="T13" fmla="*/ 11 h 19"/>
                    <a:gd name="T14" fmla="*/ 6 w 23"/>
                    <a:gd name="T15" fmla="*/ 9 h 19"/>
                    <a:gd name="T16" fmla="*/ 8 w 23"/>
                    <a:gd name="T17" fmla="*/ 5 h 19"/>
                    <a:gd name="T18" fmla="*/ 12 w 23"/>
                    <a:gd name="T19" fmla="*/ 4 h 19"/>
                    <a:gd name="T20" fmla="*/ 13 w 23"/>
                    <a:gd name="T21" fmla="*/ 4 h 19"/>
                    <a:gd name="T22" fmla="*/ 15 w 23"/>
                    <a:gd name="T23" fmla="*/ 2 h 19"/>
                    <a:gd name="T24" fmla="*/ 18 w 23"/>
                    <a:gd name="T25" fmla="*/ 0 h 19"/>
                    <a:gd name="T26" fmla="*/ 18 w 23"/>
                    <a:gd name="T27" fmla="*/ 0 h 19"/>
                    <a:gd name="T28" fmla="*/ 20 w 23"/>
                    <a:gd name="T29" fmla="*/ 0 h 19"/>
                    <a:gd name="T30" fmla="*/ 22 w 23"/>
                    <a:gd name="T31" fmla="*/ 0 h 19"/>
                    <a:gd name="T32" fmla="*/ 22 w 23"/>
                    <a:gd name="T33" fmla="*/ 0 h 19"/>
                    <a:gd name="T34" fmla="*/ 23 w 23"/>
                    <a:gd name="T35" fmla="*/ 2 h 19"/>
                    <a:gd name="T36" fmla="*/ 22 w 23"/>
                    <a:gd name="T37" fmla="*/ 4 h 19"/>
                    <a:gd name="T38" fmla="*/ 22 w 23"/>
                    <a:gd name="T39" fmla="*/ 4 h 19"/>
                    <a:gd name="T40" fmla="*/ 20 w 23"/>
                    <a:gd name="T41" fmla="*/ 5 h 19"/>
                    <a:gd name="T42" fmla="*/ 20 w 23"/>
                    <a:gd name="T43" fmla="*/ 7 h 19"/>
                    <a:gd name="T44" fmla="*/ 18 w 23"/>
                    <a:gd name="T45" fmla="*/ 9 h 19"/>
                    <a:gd name="T46" fmla="*/ 17 w 23"/>
                    <a:gd name="T47" fmla="*/ 11 h 19"/>
                    <a:gd name="T48" fmla="*/ 13 w 23"/>
                    <a:gd name="T49" fmla="*/ 12 h 19"/>
                    <a:gd name="T50" fmla="*/ 12 w 23"/>
                    <a:gd name="T51" fmla="*/ 14 h 19"/>
                    <a:gd name="T52" fmla="*/ 10 w 23"/>
                    <a:gd name="T53" fmla="*/ 16 h 19"/>
                    <a:gd name="T54" fmla="*/ 6 w 23"/>
                    <a:gd name="T55" fmla="*/ 17 h 19"/>
                    <a:gd name="T56" fmla="*/ 5 w 23"/>
                    <a:gd name="T57" fmla="*/ 17 h 19"/>
                    <a:gd name="T58" fmla="*/ 3 w 23"/>
                    <a:gd name="T59" fmla="*/ 19 h 19"/>
                    <a:gd name="T60" fmla="*/ 1 w 23"/>
                    <a:gd name="T61" fmla="*/ 19 h 19"/>
                    <a:gd name="T62" fmla="*/ 1 w 23"/>
                    <a:gd name="T63" fmla="*/ 19 h 19"/>
                    <a:gd name="T64" fmla="*/ 0 w 23"/>
                    <a:gd name="T65" fmla="*/ 19 h 19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w 23"/>
                    <a:gd name="T100" fmla="*/ 0 h 19"/>
                    <a:gd name="T101" fmla="*/ 23 w 23"/>
                    <a:gd name="T102" fmla="*/ 19 h 19"/>
                  </a:gdLst>
                  <a:ahLst/>
                  <a:cxnLst>
                    <a:cxn ang="T66">
                      <a:pos x="T0" y="T1"/>
                    </a:cxn>
                    <a:cxn ang="T67">
                      <a:pos x="T2" y="T3"/>
                    </a:cxn>
                    <a:cxn ang="T68">
                      <a:pos x="T4" y="T5"/>
                    </a:cxn>
                    <a:cxn ang="T69">
                      <a:pos x="T6" y="T7"/>
                    </a:cxn>
                    <a:cxn ang="T70">
                      <a:pos x="T8" y="T9"/>
                    </a:cxn>
                    <a:cxn ang="T71">
                      <a:pos x="T10" y="T11"/>
                    </a:cxn>
                    <a:cxn ang="T72">
                      <a:pos x="T12" y="T13"/>
                    </a:cxn>
                    <a:cxn ang="T73">
                      <a:pos x="T14" y="T15"/>
                    </a:cxn>
                    <a:cxn ang="T74">
                      <a:pos x="T16" y="T17"/>
                    </a:cxn>
                    <a:cxn ang="T75">
                      <a:pos x="T18" y="T19"/>
                    </a:cxn>
                    <a:cxn ang="T76">
                      <a:pos x="T20" y="T21"/>
                    </a:cxn>
                    <a:cxn ang="T77">
                      <a:pos x="T22" y="T23"/>
                    </a:cxn>
                    <a:cxn ang="T78">
                      <a:pos x="T24" y="T25"/>
                    </a:cxn>
                    <a:cxn ang="T79">
                      <a:pos x="T26" y="T27"/>
                    </a:cxn>
                    <a:cxn ang="T80">
                      <a:pos x="T28" y="T29"/>
                    </a:cxn>
                    <a:cxn ang="T81">
                      <a:pos x="T30" y="T31"/>
                    </a:cxn>
                    <a:cxn ang="T82">
                      <a:pos x="T32" y="T33"/>
                    </a:cxn>
                    <a:cxn ang="T83">
                      <a:pos x="T34" y="T35"/>
                    </a:cxn>
                    <a:cxn ang="T84">
                      <a:pos x="T36" y="T37"/>
                    </a:cxn>
                    <a:cxn ang="T85">
                      <a:pos x="T38" y="T39"/>
                    </a:cxn>
                    <a:cxn ang="T86">
                      <a:pos x="T40" y="T41"/>
                    </a:cxn>
                    <a:cxn ang="T87">
                      <a:pos x="T42" y="T43"/>
                    </a:cxn>
                    <a:cxn ang="T88">
                      <a:pos x="T44" y="T45"/>
                    </a:cxn>
                    <a:cxn ang="T89">
                      <a:pos x="T46" y="T47"/>
                    </a:cxn>
                    <a:cxn ang="T90">
                      <a:pos x="T48" y="T49"/>
                    </a:cxn>
                    <a:cxn ang="T91">
                      <a:pos x="T50" y="T51"/>
                    </a:cxn>
                    <a:cxn ang="T92">
                      <a:pos x="T52" y="T53"/>
                    </a:cxn>
                    <a:cxn ang="T93">
                      <a:pos x="T54" y="T55"/>
                    </a:cxn>
                    <a:cxn ang="T94">
                      <a:pos x="T56" y="T57"/>
                    </a:cxn>
                    <a:cxn ang="T95">
                      <a:pos x="T58" y="T59"/>
                    </a:cxn>
                    <a:cxn ang="T96">
                      <a:pos x="T60" y="T61"/>
                    </a:cxn>
                    <a:cxn ang="T97">
                      <a:pos x="T62" y="T63"/>
                    </a:cxn>
                    <a:cxn ang="T98">
                      <a:pos x="T64" y="T65"/>
                    </a:cxn>
                  </a:cxnLst>
                  <a:rect l="T99" t="T100" r="T101" b="T102"/>
                  <a:pathLst>
                    <a:path w="23" h="19">
                      <a:moveTo>
                        <a:pt x="0" y="19"/>
                      </a:moveTo>
                      <a:lnTo>
                        <a:pt x="0" y="17"/>
                      </a:lnTo>
                      <a:lnTo>
                        <a:pt x="1" y="16"/>
                      </a:lnTo>
                      <a:lnTo>
                        <a:pt x="1" y="14"/>
                      </a:lnTo>
                      <a:lnTo>
                        <a:pt x="3" y="12"/>
                      </a:lnTo>
                      <a:lnTo>
                        <a:pt x="5" y="11"/>
                      </a:lnTo>
                      <a:lnTo>
                        <a:pt x="6" y="9"/>
                      </a:lnTo>
                      <a:lnTo>
                        <a:pt x="8" y="5"/>
                      </a:lnTo>
                      <a:lnTo>
                        <a:pt x="12" y="4"/>
                      </a:lnTo>
                      <a:lnTo>
                        <a:pt x="13" y="4"/>
                      </a:lnTo>
                      <a:lnTo>
                        <a:pt x="15" y="2"/>
                      </a:lnTo>
                      <a:lnTo>
                        <a:pt x="18" y="0"/>
                      </a:lnTo>
                      <a:lnTo>
                        <a:pt x="20" y="0"/>
                      </a:lnTo>
                      <a:lnTo>
                        <a:pt x="22" y="0"/>
                      </a:lnTo>
                      <a:lnTo>
                        <a:pt x="23" y="2"/>
                      </a:lnTo>
                      <a:lnTo>
                        <a:pt x="22" y="4"/>
                      </a:lnTo>
                      <a:lnTo>
                        <a:pt x="20" y="5"/>
                      </a:lnTo>
                      <a:lnTo>
                        <a:pt x="20" y="7"/>
                      </a:lnTo>
                      <a:lnTo>
                        <a:pt x="18" y="9"/>
                      </a:lnTo>
                      <a:lnTo>
                        <a:pt x="17" y="11"/>
                      </a:lnTo>
                      <a:lnTo>
                        <a:pt x="13" y="12"/>
                      </a:lnTo>
                      <a:lnTo>
                        <a:pt x="12" y="14"/>
                      </a:lnTo>
                      <a:lnTo>
                        <a:pt x="10" y="16"/>
                      </a:lnTo>
                      <a:lnTo>
                        <a:pt x="6" y="17"/>
                      </a:lnTo>
                      <a:lnTo>
                        <a:pt x="5" y="17"/>
                      </a:lnTo>
                      <a:lnTo>
                        <a:pt x="3" y="19"/>
                      </a:lnTo>
                      <a:lnTo>
                        <a:pt x="1" y="19"/>
                      </a:lnTo>
                      <a:lnTo>
                        <a:pt x="0" y="19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24" name="Freeform 98"/>
                <p:cNvSpPr>
                  <a:spLocks/>
                </p:cNvSpPr>
                <p:nvPr/>
              </p:nvSpPr>
              <p:spPr bwMode="auto">
                <a:xfrm>
                  <a:off x="600" y="3513"/>
                  <a:ext cx="23" cy="19"/>
                </a:xfrm>
                <a:custGeom>
                  <a:avLst/>
                  <a:gdLst>
                    <a:gd name="T0" fmla="*/ 0 w 23"/>
                    <a:gd name="T1" fmla="*/ 19 h 19"/>
                    <a:gd name="T2" fmla="*/ 0 w 23"/>
                    <a:gd name="T3" fmla="*/ 19 h 19"/>
                    <a:gd name="T4" fmla="*/ 0 w 23"/>
                    <a:gd name="T5" fmla="*/ 17 h 19"/>
                    <a:gd name="T6" fmla="*/ 0 w 23"/>
                    <a:gd name="T7" fmla="*/ 17 h 19"/>
                    <a:gd name="T8" fmla="*/ 1 w 23"/>
                    <a:gd name="T9" fmla="*/ 16 h 19"/>
                    <a:gd name="T10" fmla="*/ 1 w 23"/>
                    <a:gd name="T11" fmla="*/ 14 h 19"/>
                    <a:gd name="T12" fmla="*/ 3 w 23"/>
                    <a:gd name="T13" fmla="*/ 12 h 19"/>
                    <a:gd name="T14" fmla="*/ 5 w 23"/>
                    <a:gd name="T15" fmla="*/ 11 h 19"/>
                    <a:gd name="T16" fmla="*/ 6 w 23"/>
                    <a:gd name="T17" fmla="*/ 9 h 19"/>
                    <a:gd name="T18" fmla="*/ 8 w 23"/>
                    <a:gd name="T19" fmla="*/ 5 h 19"/>
                    <a:gd name="T20" fmla="*/ 8 w 23"/>
                    <a:gd name="T21" fmla="*/ 5 h 19"/>
                    <a:gd name="T22" fmla="*/ 12 w 23"/>
                    <a:gd name="T23" fmla="*/ 4 h 19"/>
                    <a:gd name="T24" fmla="*/ 13 w 23"/>
                    <a:gd name="T25" fmla="*/ 4 h 19"/>
                    <a:gd name="T26" fmla="*/ 15 w 23"/>
                    <a:gd name="T27" fmla="*/ 2 h 19"/>
                    <a:gd name="T28" fmla="*/ 18 w 23"/>
                    <a:gd name="T29" fmla="*/ 0 h 19"/>
                    <a:gd name="T30" fmla="*/ 18 w 23"/>
                    <a:gd name="T31" fmla="*/ 0 h 19"/>
                    <a:gd name="T32" fmla="*/ 20 w 23"/>
                    <a:gd name="T33" fmla="*/ 0 h 19"/>
                    <a:gd name="T34" fmla="*/ 22 w 23"/>
                    <a:gd name="T35" fmla="*/ 0 h 19"/>
                    <a:gd name="T36" fmla="*/ 22 w 23"/>
                    <a:gd name="T37" fmla="*/ 0 h 19"/>
                    <a:gd name="T38" fmla="*/ 22 w 23"/>
                    <a:gd name="T39" fmla="*/ 0 h 19"/>
                    <a:gd name="T40" fmla="*/ 23 w 23"/>
                    <a:gd name="T41" fmla="*/ 2 h 19"/>
                    <a:gd name="T42" fmla="*/ 22 w 23"/>
                    <a:gd name="T43" fmla="*/ 4 h 19"/>
                    <a:gd name="T44" fmla="*/ 22 w 23"/>
                    <a:gd name="T45" fmla="*/ 4 h 19"/>
                    <a:gd name="T46" fmla="*/ 20 w 23"/>
                    <a:gd name="T47" fmla="*/ 5 h 19"/>
                    <a:gd name="T48" fmla="*/ 20 w 23"/>
                    <a:gd name="T49" fmla="*/ 7 h 19"/>
                    <a:gd name="T50" fmla="*/ 18 w 23"/>
                    <a:gd name="T51" fmla="*/ 9 h 19"/>
                    <a:gd name="T52" fmla="*/ 17 w 23"/>
                    <a:gd name="T53" fmla="*/ 11 h 19"/>
                    <a:gd name="T54" fmla="*/ 13 w 23"/>
                    <a:gd name="T55" fmla="*/ 12 h 19"/>
                    <a:gd name="T56" fmla="*/ 13 w 23"/>
                    <a:gd name="T57" fmla="*/ 12 h 19"/>
                    <a:gd name="T58" fmla="*/ 12 w 23"/>
                    <a:gd name="T59" fmla="*/ 14 h 19"/>
                    <a:gd name="T60" fmla="*/ 10 w 23"/>
                    <a:gd name="T61" fmla="*/ 16 h 19"/>
                    <a:gd name="T62" fmla="*/ 6 w 23"/>
                    <a:gd name="T63" fmla="*/ 17 h 19"/>
                    <a:gd name="T64" fmla="*/ 5 w 23"/>
                    <a:gd name="T65" fmla="*/ 17 h 19"/>
                    <a:gd name="T66" fmla="*/ 3 w 23"/>
                    <a:gd name="T67" fmla="*/ 19 h 19"/>
                    <a:gd name="T68" fmla="*/ 1 w 23"/>
                    <a:gd name="T69" fmla="*/ 19 h 19"/>
                    <a:gd name="T70" fmla="*/ 1 w 23"/>
                    <a:gd name="T71" fmla="*/ 19 h 19"/>
                    <a:gd name="T72" fmla="*/ 0 w 23"/>
                    <a:gd name="T73" fmla="*/ 19 h 19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23"/>
                    <a:gd name="T112" fmla="*/ 0 h 19"/>
                    <a:gd name="T113" fmla="*/ 23 w 23"/>
                    <a:gd name="T114" fmla="*/ 19 h 19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23" h="19">
                      <a:moveTo>
                        <a:pt x="0" y="19"/>
                      </a:moveTo>
                      <a:lnTo>
                        <a:pt x="0" y="19"/>
                      </a:lnTo>
                      <a:lnTo>
                        <a:pt x="0" y="17"/>
                      </a:lnTo>
                      <a:lnTo>
                        <a:pt x="1" y="16"/>
                      </a:lnTo>
                      <a:lnTo>
                        <a:pt x="1" y="14"/>
                      </a:lnTo>
                      <a:lnTo>
                        <a:pt x="3" y="12"/>
                      </a:lnTo>
                      <a:lnTo>
                        <a:pt x="5" y="11"/>
                      </a:lnTo>
                      <a:lnTo>
                        <a:pt x="6" y="9"/>
                      </a:lnTo>
                      <a:lnTo>
                        <a:pt x="8" y="5"/>
                      </a:lnTo>
                      <a:lnTo>
                        <a:pt x="12" y="4"/>
                      </a:lnTo>
                      <a:lnTo>
                        <a:pt x="13" y="4"/>
                      </a:lnTo>
                      <a:lnTo>
                        <a:pt x="15" y="2"/>
                      </a:lnTo>
                      <a:lnTo>
                        <a:pt x="18" y="0"/>
                      </a:lnTo>
                      <a:lnTo>
                        <a:pt x="20" y="0"/>
                      </a:lnTo>
                      <a:lnTo>
                        <a:pt x="22" y="0"/>
                      </a:lnTo>
                      <a:lnTo>
                        <a:pt x="23" y="2"/>
                      </a:lnTo>
                      <a:lnTo>
                        <a:pt x="22" y="4"/>
                      </a:lnTo>
                      <a:lnTo>
                        <a:pt x="20" y="5"/>
                      </a:lnTo>
                      <a:lnTo>
                        <a:pt x="20" y="7"/>
                      </a:lnTo>
                      <a:lnTo>
                        <a:pt x="18" y="9"/>
                      </a:lnTo>
                      <a:lnTo>
                        <a:pt x="17" y="11"/>
                      </a:lnTo>
                      <a:lnTo>
                        <a:pt x="13" y="12"/>
                      </a:lnTo>
                      <a:lnTo>
                        <a:pt x="12" y="14"/>
                      </a:lnTo>
                      <a:lnTo>
                        <a:pt x="10" y="16"/>
                      </a:lnTo>
                      <a:lnTo>
                        <a:pt x="6" y="17"/>
                      </a:lnTo>
                      <a:lnTo>
                        <a:pt x="5" y="17"/>
                      </a:lnTo>
                      <a:lnTo>
                        <a:pt x="3" y="19"/>
                      </a:lnTo>
                      <a:lnTo>
                        <a:pt x="1" y="19"/>
                      </a:lnTo>
                      <a:lnTo>
                        <a:pt x="0" y="19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25" name="Freeform 99"/>
                <p:cNvSpPr>
                  <a:spLocks/>
                </p:cNvSpPr>
                <p:nvPr/>
              </p:nvSpPr>
              <p:spPr bwMode="auto">
                <a:xfrm>
                  <a:off x="674" y="3486"/>
                  <a:ext cx="12" cy="12"/>
                </a:xfrm>
                <a:custGeom>
                  <a:avLst/>
                  <a:gdLst>
                    <a:gd name="T0" fmla="*/ 0 w 12"/>
                    <a:gd name="T1" fmla="*/ 5 h 12"/>
                    <a:gd name="T2" fmla="*/ 0 w 12"/>
                    <a:gd name="T3" fmla="*/ 4 h 12"/>
                    <a:gd name="T4" fmla="*/ 2 w 12"/>
                    <a:gd name="T5" fmla="*/ 2 h 12"/>
                    <a:gd name="T6" fmla="*/ 4 w 12"/>
                    <a:gd name="T7" fmla="*/ 0 h 12"/>
                    <a:gd name="T8" fmla="*/ 7 w 12"/>
                    <a:gd name="T9" fmla="*/ 0 h 12"/>
                    <a:gd name="T10" fmla="*/ 9 w 12"/>
                    <a:gd name="T11" fmla="*/ 0 h 12"/>
                    <a:gd name="T12" fmla="*/ 10 w 12"/>
                    <a:gd name="T13" fmla="*/ 2 h 12"/>
                    <a:gd name="T14" fmla="*/ 12 w 12"/>
                    <a:gd name="T15" fmla="*/ 4 h 12"/>
                    <a:gd name="T16" fmla="*/ 12 w 12"/>
                    <a:gd name="T17" fmla="*/ 5 h 12"/>
                    <a:gd name="T18" fmla="*/ 12 w 12"/>
                    <a:gd name="T19" fmla="*/ 9 h 12"/>
                    <a:gd name="T20" fmla="*/ 10 w 12"/>
                    <a:gd name="T21" fmla="*/ 10 h 12"/>
                    <a:gd name="T22" fmla="*/ 9 w 12"/>
                    <a:gd name="T23" fmla="*/ 10 h 12"/>
                    <a:gd name="T24" fmla="*/ 7 w 12"/>
                    <a:gd name="T25" fmla="*/ 12 h 12"/>
                    <a:gd name="T26" fmla="*/ 4 w 12"/>
                    <a:gd name="T27" fmla="*/ 10 h 12"/>
                    <a:gd name="T28" fmla="*/ 2 w 12"/>
                    <a:gd name="T29" fmla="*/ 10 h 12"/>
                    <a:gd name="T30" fmla="*/ 0 w 12"/>
                    <a:gd name="T31" fmla="*/ 9 h 12"/>
                    <a:gd name="T32" fmla="*/ 0 w 12"/>
                    <a:gd name="T33" fmla="*/ 5 h 12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2"/>
                    <a:gd name="T52" fmla="*/ 0 h 12"/>
                    <a:gd name="T53" fmla="*/ 12 w 12"/>
                    <a:gd name="T54" fmla="*/ 12 h 12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2" h="12">
                      <a:moveTo>
                        <a:pt x="0" y="5"/>
                      </a:moveTo>
                      <a:lnTo>
                        <a:pt x="0" y="4"/>
                      </a:lnTo>
                      <a:lnTo>
                        <a:pt x="2" y="2"/>
                      </a:lnTo>
                      <a:lnTo>
                        <a:pt x="4" y="0"/>
                      </a:lnTo>
                      <a:lnTo>
                        <a:pt x="7" y="0"/>
                      </a:lnTo>
                      <a:lnTo>
                        <a:pt x="9" y="0"/>
                      </a:lnTo>
                      <a:lnTo>
                        <a:pt x="10" y="2"/>
                      </a:lnTo>
                      <a:lnTo>
                        <a:pt x="12" y="4"/>
                      </a:lnTo>
                      <a:lnTo>
                        <a:pt x="12" y="5"/>
                      </a:lnTo>
                      <a:lnTo>
                        <a:pt x="12" y="9"/>
                      </a:lnTo>
                      <a:lnTo>
                        <a:pt x="10" y="10"/>
                      </a:lnTo>
                      <a:lnTo>
                        <a:pt x="9" y="10"/>
                      </a:lnTo>
                      <a:lnTo>
                        <a:pt x="7" y="12"/>
                      </a:lnTo>
                      <a:lnTo>
                        <a:pt x="4" y="10"/>
                      </a:lnTo>
                      <a:lnTo>
                        <a:pt x="2" y="10"/>
                      </a:lnTo>
                      <a:lnTo>
                        <a:pt x="0" y="9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26" name="Freeform 100"/>
                <p:cNvSpPr>
                  <a:spLocks/>
                </p:cNvSpPr>
                <p:nvPr/>
              </p:nvSpPr>
              <p:spPr bwMode="auto">
                <a:xfrm>
                  <a:off x="674" y="3486"/>
                  <a:ext cx="12" cy="12"/>
                </a:xfrm>
                <a:custGeom>
                  <a:avLst/>
                  <a:gdLst>
                    <a:gd name="T0" fmla="*/ 0 w 12"/>
                    <a:gd name="T1" fmla="*/ 5 h 12"/>
                    <a:gd name="T2" fmla="*/ 0 w 12"/>
                    <a:gd name="T3" fmla="*/ 5 h 12"/>
                    <a:gd name="T4" fmla="*/ 0 w 12"/>
                    <a:gd name="T5" fmla="*/ 4 h 12"/>
                    <a:gd name="T6" fmla="*/ 2 w 12"/>
                    <a:gd name="T7" fmla="*/ 2 h 12"/>
                    <a:gd name="T8" fmla="*/ 4 w 12"/>
                    <a:gd name="T9" fmla="*/ 0 h 12"/>
                    <a:gd name="T10" fmla="*/ 7 w 12"/>
                    <a:gd name="T11" fmla="*/ 0 h 12"/>
                    <a:gd name="T12" fmla="*/ 7 w 12"/>
                    <a:gd name="T13" fmla="*/ 0 h 12"/>
                    <a:gd name="T14" fmla="*/ 9 w 12"/>
                    <a:gd name="T15" fmla="*/ 0 h 12"/>
                    <a:gd name="T16" fmla="*/ 10 w 12"/>
                    <a:gd name="T17" fmla="*/ 2 h 12"/>
                    <a:gd name="T18" fmla="*/ 12 w 12"/>
                    <a:gd name="T19" fmla="*/ 4 h 12"/>
                    <a:gd name="T20" fmla="*/ 12 w 12"/>
                    <a:gd name="T21" fmla="*/ 5 h 12"/>
                    <a:gd name="T22" fmla="*/ 12 w 12"/>
                    <a:gd name="T23" fmla="*/ 5 h 12"/>
                    <a:gd name="T24" fmla="*/ 12 w 12"/>
                    <a:gd name="T25" fmla="*/ 9 h 12"/>
                    <a:gd name="T26" fmla="*/ 10 w 12"/>
                    <a:gd name="T27" fmla="*/ 10 h 12"/>
                    <a:gd name="T28" fmla="*/ 9 w 12"/>
                    <a:gd name="T29" fmla="*/ 10 h 12"/>
                    <a:gd name="T30" fmla="*/ 7 w 12"/>
                    <a:gd name="T31" fmla="*/ 12 h 12"/>
                    <a:gd name="T32" fmla="*/ 7 w 12"/>
                    <a:gd name="T33" fmla="*/ 12 h 12"/>
                    <a:gd name="T34" fmla="*/ 4 w 12"/>
                    <a:gd name="T35" fmla="*/ 10 h 12"/>
                    <a:gd name="T36" fmla="*/ 2 w 12"/>
                    <a:gd name="T37" fmla="*/ 10 h 12"/>
                    <a:gd name="T38" fmla="*/ 0 w 12"/>
                    <a:gd name="T39" fmla="*/ 9 h 12"/>
                    <a:gd name="T40" fmla="*/ 0 w 12"/>
                    <a:gd name="T41" fmla="*/ 5 h 12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2"/>
                    <a:gd name="T64" fmla="*/ 0 h 12"/>
                    <a:gd name="T65" fmla="*/ 12 w 12"/>
                    <a:gd name="T66" fmla="*/ 12 h 12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2" h="12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4"/>
                      </a:lnTo>
                      <a:lnTo>
                        <a:pt x="2" y="2"/>
                      </a:lnTo>
                      <a:lnTo>
                        <a:pt x="4" y="0"/>
                      </a:lnTo>
                      <a:lnTo>
                        <a:pt x="7" y="0"/>
                      </a:lnTo>
                      <a:lnTo>
                        <a:pt x="9" y="0"/>
                      </a:lnTo>
                      <a:lnTo>
                        <a:pt x="10" y="2"/>
                      </a:lnTo>
                      <a:lnTo>
                        <a:pt x="12" y="4"/>
                      </a:lnTo>
                      <a:lnTo>
                        <a:pt x="12" y="5"/>
                      </a:lnTo>
                      <a:lnTo>
                        <a:pt x="12" y="9"/>
                      </a:lnTo>
                      <a:lnTo>
                        <a:pt x="10" y="10"/>
                      </a:lnTo>
                      <a:lnTo>
                        <a:pt x="9" y="10"/>
                      </a:lnTo>
                      <a:lnTo>
                        <a:pt x="7" y="12"/>
                      </a:lnTo>
                      <a:lnTo>
                        <a:pt x="4" y="10"/>
                      </a:lnTo>
                      <a:lnTo>
                        <a:pt x="2" y="10"/>
                      </a:lnTo>
                      <a:lnTo>
                        <a:pt x="0" y="9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27" name="Freeform 101"/>
                <p:cNvSpPr>
                  <a:spLocks/>
                </p:cNvSpPr>
                <p:nvPr/>
              </p:nvSpPr>
              <p:spPr bwMode="auto">
                <a:xfrm>
                  <a:off x="463" y="3535"/>
                  <a:ext cx="10" cy="9"/>
                </a:xfrm>
                <a:custGeom>
                  <a:avLst/>
                  <a:gdLst>
                    <a:gd name="T0" fmla="*/ 0 w 10"/>
                    <a:gd name="T1" fmla="*/ 5 h 9"/>
                    <a:gd name="T2" fmla="*/ 0 w 10"/>
                    <a:gd name="T3" fmla="*/ 4 h 9"/>
                    <a:gd name="T4" fmla="*/ 1 w 10"/>
                    <a:gd name="T5" fmla="*/ 2 h 9"/>
                    <a:gd name="T6" fmla="*/ 3 w 10"/>
                    <a:gd name="T7" fmla="*/ 0 h 9"/>
                    <a:gd name="T8" fmla="*/ 5 w 10"/>
                    <a:gd name="T9" fmla="*/ 0 h 9"/>
                    <a:gd name="T10" fmla="*/ 6 w 10"/>
                    <a:gd name="T11" fmla="*/ 0 h 9"/>
                    <a:gd name="T12" fmla="*/ 8 w 10"/>
                    <a:gd name="T13" fmla="*/ 2 h 9"/>
                    <a:gd name="T14" fmla="*/ 10 w 10"/>
                    <a:gd name="T15" fmla="*/ 4 h 9"/>
                    <a:gd name="T16" fmla="*/ 10 w 10"/>
                    <a:gd name="T17" fmla="*/ 5 h 9"/>
                    <a:gd name="T18" fmla="*/ 10 w 10"/>
                    <a:gd name="T19" fmla="*/ 7 h 9"/>
                    <a:gd name="T20" fmla="*/ 8 w 10"/>
                    <a:gd name="T21" fmla="*/ 9 h 9"/>
                    <a:gd name="T22" fmla="*/ 6 w 10"/>
                    <a:gd name="T23" fmla="*/ 9 h 9"/>
                    <a:gd name="T24" fmla="*/ 5 w 10"/>
                    <a:gd name="T25" fmla="*/ 9 h 9"/>
                    <a:gd name="T26" fmla="*/ 3 w 10"/>
                    <a:gd name="T27" fmla="*/ 9 h 9"/>
                    <a:gd name="T28" fmla="*/ 1 w 10"/>
                    <a:gd name="T29" fmla="*/ 9 h 9"/>
                    <a:gd name="T30" fmla="*/ 0 w 10"/>
                    <a:gd name="T31" fmla="*/ 7 h 9"/>
                    <a:gd name="T32" fmla="*/ 0 w 10"/>
                    <a:gd name="T33" fmla="*/ 5 h 9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0"/>
                    <a:gd name="T52" fmla="*/ 0 h 9"/>
                    <a:gd name="T53" fmla="*/ 10 w 10"/>
                    <a:gd name="T54" fmla="*/ 9 h 9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0" h="9">
                      <a:moveTo>
                        <a:pt x="0" y="5"/>
                      </a:moveTo>
                      <a:lnTo>
                        <a:pt x="0" y="4"/>
                      </a:lnTo>
                      <a:lnTo>
                        <a:pt x="1" y="2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6" y="0"/>
                      </a:lnTo>
                      <a:lnTo>
                        <a:pt x="8" y="2"/>
                      </a:lnTo>
                      <a:lnTo>
                        <a:pt x="10" y="4"/>
                      </a:lnTo>
                      <a:lnTo>
                        <a:pt x="10" y="5"/>
                      </a:lnTo>
                      <a:lnTo>
                        <a:pt x="10" y="7"/>
                      </a:lnTo>
                      <a:lnTo>
                        <a:pt x="8" y="9"/>
                      </a:lnTo>
                      <a:lnTo>
                        <a:pt x="6" y="9"/>
                      </a:lnTo>
                      <a:lnTo>
                        <a:pt x="5" y="9"/>
                      </a:lnTo>
                      <a:lnTo>
                        <a:pt x="3" y="9"/>
                      </a:lnTo>
                      <a:lnTo>
                        <a:pt x="1" y="9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28" name="Freeform 102"/>
                <p:cNvSpPr>
                  <a:spLocks/>
                </p:cNvSpPr>
                <p:nvPr/>
              </p:nvSpPr>
              <p:spPr bwMode="auto">
                <a:xfrm>
                  <a:off x="463" y="3535"/>
                  <a:ext cx="10" cy="9"/>
                </a:xfrm>
                <a:custGeom>
                  <a:avLst/>
                  <a:gdLst>
                    <a:gd name="T0" fmla="*/ 0 w 10"/>
                    <a:gd name="T1" fmla="*/ 5 h 9"/>
                    <a:gd name="T2" fmla="*/ 0 w 10"/>
                    <a:gd name="T3" fmla="*/ 5 h 9"/>
                    <a:gd name="T4" fmla="*/ 0 w 10"/>
                    <a:gd name="T5" fmla="*/ 4 h 9"/>
                    <a:gd name="T6" fmla="*/ 1 w 10"/>
                    <a:gd name="T7" fmla="*/ 2 h 9"/>
                    <a:gd name="T8" fmla="*/ 3 w 10"/>
                    <a:gd name="T9" fmla="*/ 0 h 9"/>
                    <a:gd name="T10" fmla="*/ 5 w 10"/>
                    <a:gd name="T11" fmla="*/ 0 h 9"/>
                    <a:gd name="T12" fmla="*/ 5 w 10"/>
                    <a:gd name="T13" fmla="*/ 0 h 9"/>
                    <a:gd name="T14" fmla="*/ 6 w 10"/>
                    <a:gd name="T15" fmla="*/ 0 h 9"/>
                    <a:gd name="T16" fmla="*/ 8 w 10"/>
                    <a:gd name="T17" fmla="*/ 2 h 9"/>
                    <a:gd name="T18" fmla="*/ 10 w 10"/>
                    <a:gd name="T19" fmla="*/ 4 h 9"/>
                    <a:gd name="T20" fmla="*/ 10 w 10"/>
                    <a:gd name="T21" fmla="*/ 5 h 9"/>
                    <a:gd name="T22" fmla="*/ 10 w 10"/>
                    <a:gd name="T23" fmla="*/ 5 h 9"/>
                    <a:gd name="T24" fmla="*/ 10 w 10"/>
                    <a:gd name="T25" fmla="*/ 7 h 9"/>
                    <a:gd name="T26" fmla="*/ 8 w 10"/>
                    <a:gd name="T27" fmla="*/ 9 h 9"/>
                    <a:gd name="T28" fmla="*/ 6 w 10"/>
                    <a:gd name="T29" fmla="*/ 9 h 9"/>
                    <a:gd name="T30" fmla="*/ 5 w 10"/>
                    <a:gd name="T31" fmla="*/ 9 h 9"/>
                    <a:gd name="T32" fmla="*/ 5 w 10"/>
                    <a:gd name="T33" fmla="*/ 9 h 9"/>
                    <a:gd name="T34" fmla="*/ 3 w 10"/>
                    <a:gd name="T35" fmla="*/ 9 h 9"/>
                    <a:gd name="T36" fmla="*/ 1 w 10"/>
                    <a:gd name="T37" fmla="*/ 9 h 9"/>
                    <a:gd name="T38" fmla="*/ 0 w 10"/>
                    <a:gd name="T39" fmla="*/ 7 h 9"/>
                    <a:gd name="T40" fmla="*/ 0 w 10"/>
                    <a:gd name="T41" fmla="*/ 5 h 9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0"/>
                    <a:gd name="T64" fmla="*/ 0 h 9"/>
                    <a:gd name="T65" fmla="*/ 10 w 10"/>
                    <a:gd name="T66" fmla="*/ 9 h 9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0" h="9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4"/>
                      </a:lnTo>
                      <a:lnTo>
                        <a:pt x="1" y="2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6" y="0"/>
                      </a:lnTo>
                      <a:lnTo>
                        <a:pt x="8" y="2"/>
                      </a:lnTo>
                      <a:lnTo>
                        <a:pt x="10" y="4"/>
                      </a:lnTo>
                      <a:lnTo>
                        <a:pt x="10" y="5"/>
                      </a:lnTo>
                      <a:lnTo>
                        <a:pt x="10" y="7"/>
                      </a:lnTo>
                      <a:lnTo>
                        <a:pt x="8" y="9"/>
                      </a:lnTo>
                      <a:lnTo>
                        <a:pt x="6" y="9"/>
                      </a:lnTo>
                      <a:lnTo>
                        <a:pt x="5" y="9"/>
                      </a:lnTo>
                      <a:lnTo>
                        <a:pt x="3" y="9"/>
                      </a:lnTo>
                      <a:lnTo>
                        <a:pt x="1" y="9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29" name="Freeform 103"/>
                <p:cNvSpPr>
                  <a:spLocks/>
                </p:cNvSpPr>
                <p:nvPr/>
              </p:nvSpPr>
              <p:spPr bwMode="auto">
                <a:xfrm>
                  <a:off x="515" y="3537"/>
                  <a:ext cx="15" cy="9"/>
                </a:xfrm>
                <a:custGeom>
                  <a:avLst/>
                  <a:gdLst>
                    <a:gd name="T0" fmla="*/ 0 w 15"/>
                    <a:gd name="T1" fmla="*/ 5 h 9"/>
                    <a:gd name="T2" fmla="*/ 0 w 15"/>
                    <a:gd name="T3" fmla="*/ 3 h 9"/>
                    <a:gd name="T4" fmla="*/ 2 w 15"/>
                    <a:gd name="T5" fmla="*/ 2 h 9"/>
                    <a:gd name="T6" fmla="*/ 5 w 15"/>
                    <a:gd name="T7" fmla="*/ 0 h 9"/>
                    <a:gd name="T8" fmla="*/ 7 w 15"/>
                    <a:gd name="T9" fmla="*/ 0 h 9"/>
                    <a:gd name="T10" fmla="*/ 10 w 15"/>
                    <a:gd name="T11" fmla="*/ 0 h 9"/>
                    <a:gd name="T12" fmla="*/ 12 w 15"/>
                    <a:gd name="T13" fmla="*/ 2 h 9"/>
                    <a:gd name="T14" fmla="*/ 14 w 15"/>
                    <a:gd name="T15" fmla="*/ 3 h 9"/>
                    <a:gd name="T16" fmla="*/ 15 w 15"/>
                    <a:gd name="T17" fmla="*/ 5 h 9"/>
                    <a:gd name="T18" fmla="*/ 14 w 15"/>
                    <a:gd name="T19" fmla="*/ 7 h 9"/>
                    <a:gd name="T20" fmla="*/ 12 w 15"/>
                    <a:gd name="T21" fmla="*/ 7 h 9"/>
                    <a:gd name="T22" fmla="*/ 10 w 15"/>
                    <a:gd name="T23" fmla="*/ 9 h 9"/>
                    <a:gd name="T24" fmla="*/ 7 w 15"/>
                    <a:gd name="T25" fmla="*/ 9 h 9"/>
                    <a:gd name="T26" fmla="*/ 5 w 15"/>
                    <a:gd name="T27" fmla="*/ 9 h 9"/>
                    <a:gd name="T28" fmla="*/ 2 w 15"/>
                    <a:gd name="T29" fmla="*/ 7 h 9"/>
                    <a:gd name="T30" fmla="*/ 0 w 15"/>
                    <a:gd name="T31" fmla="*/ 7 h 9"/>
                    <a:gd name="T32" fmla="*/ 0 w 15"/>
                    <a:gd name="T33" fmla="*/ 5 h 9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5"/>
                    <a:gd name="T52" fmla="*/ 0 h 9"/>
                    <a:gd name="T53" fmla="*/ 15 w 15"/>
                    <a:gd name="T54" fmla="*/ 9 h 9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5" h="9">
                      <a:moveTo>
                        <a:pt x="0" y="5"/>
                      </a:moveTo>
                      <a:lnTo>
                        <a:pt x="0" y="3"/>
                      </a:lnTo>
                      <a:lnTo>
                        <a:pt x="2" y="2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10" y="0"/>
                      </a:lnTo>
                      <a:lnTo>
                        <a:pt x="12" y="2"/>
                      </a:lnTo>
                      <a:lnTo>
                        <a:pt x="14" y="3"/>
                      </a:lnTo>
                      <a:lnTo>
                        <a:pt x="15" y="5"/>
                      </a:lnTo>
                      <a:lnTo>
                        <a:pt x="14" y="7"/>
                      </a:lnTo>
                      <a:lnTo>
                        <a:pt x="12" y="7"/>
                      </a:lnTo>
                      <a:lnTo>
                        <a:pt x="10" y="9"/>
                      </a:lnTo>
                      <a:lnTo>
                        <a:pt x="7" y="9"/>
                      </a:lnTo>
                      <a:lnTo>
                        <a:pt x="5" y="9"/>
                      </a:lnTo>
                      <a:lnTo>
                        <a:pt x="2" y="7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30" name="Freeform 104"/>
                <p:cNvSpPr>
                  <a:spLocks/>
                </p:cNvSpPr>
                <p:nvPr/>
              </p:nvSpPr>
              <p:spPr bwMode="auto">
                <a:xfrm>
                  <a:off x="515" y="3537"/>
                  <a:ext cx="15" cy="9"/>
                </a:xfrm>
                <a:custGeom>
                  <a:avLst/>
                  <a:gdLst>
                    <a:gd name="T0" fmla="*/ 0 w 15"/>
                    <a:gd name="T1" fmla="*/ 5 h 9"/>
                    <a:gd name="T2" fmla="*/ 0 w 15"/>
                    <a:gd name="T3" fmla="*/ 5 h 9"/>
                    <a:gd name="T4" fmla="*/ 0 w 15"/>
                    <a:gd name="T5" fmla="*/ 3 h 9"/>
                    <a:gd name="T6" fmla="*/ 2 w 15"/>
                    <a:gd name="T7" fmla="*/ 2 h 9"/>
                    <a:gd name="T8" fmla="*/ 5 w 15"/>
                    <a:gd name="T9" fmla="*/ 0 h 9"/>
                    <a:gd name="T10" fmla="*/ 7 w 15"/>
                    <a:gd name="T11" fmla="*/ 0 h 9"/>
                    <a:gd name="T12" fmla="*/ 7 w 15"/>
                    <a:gd name="T13" fmla="*/ 0 h 9"/>
                    <a:gd name="T14" fmla="*/ 10 w 15"/>
                    <a:gd name="T15" fmla="*/ 0 h 9"/>
                    <a:gd name="T16" fmla="*/ 12 w 15"/>
                    <a:gd name="T17" fmla="*/ 2 h 9"/>
                    <a:gd name="T18" fmla="*/ 14 w 15"/>
                    <a:gd name="T19" fmla="*/ 3 h 9"/>
                    <a:gd name="T20" fmla="*/ 15 w 15"/>
                    <a:gd name="T21" fmla="*/ 5 h 9"/>
                    <a:gd name="T22" fmla="*/ 15 w 15"/>
                    <a:gd name="T23" fmla="*/ 5 h 9"/>
                    <a:gd name="T24" fmla="*/ 14 w 15"/>
                    <a:gd name="T25" fmla="*/ 7 h 9"/>
                    <a:gd name="T26" fmla="*/ 12 w 15"/>
                    <a:gd name="T27" fmla="*/ 7 h 9"/>
                    <a:gd name="T28" fmla="*/ 10 w 15"/>
                    <a:gd name="T29" fmla="*/ 9 h 9"/>
                    <a:gd name="T30" fmla="*/ 7 w 15"/>
                    <a:gd name="T31" fmla="*/ 9 h 9"/>
                    <a:gd name="T32" fmla="*/ 7 w 15"/>
                    <a:gd name="T33" fmla="*/ 9 h 9"/>
                    <a:gd name="T34" fmla="*/ 5 w 15"/>
                    <a:gd name="T35" fmla="*/ 9 h 9"/>
                    <a:gd name="T36" fmla="*/ 2 w 15"/>
                    <a:gd name="T37" fmla="*/ 7 h 9"/>
                    <a:gd name="T38" fmla="*/ 0 w 15"/>
                    <a:gd name="T39" fmla="*/ 7 h 9"/>
                    <a:gd name="T40" fmla="*/ 0 w 15"/>
                    <a:gd name="T41" fmla="*/ 5 h 9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5"/>
                    <a:gd name="T64" fmla="*/ 0 h 9"/>
                    <a:gd name="T65" fmla="*/ 15 w 15"/>
                    <a:gd name="T66" fmla="*/ 9 h 9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5" h="9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2" y="2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10" y="0"/>
                      </a:lnTo>
                      <a:lnTo>
                        <a:pt x="12" y="2"/>
                      </a:lnTo>
                      <a:lnTo>
                        <a:pt x="14" y="3"/>
                      </a:lnTo>
                      <a:lnTo>
                        <a:pt x="15" y="5"/>
                      </a:lnTo>
                      <a:lnTo>
                        <a:pt x="14" y="7"/>
                      </a:lnTo>
                      <a:lnTo>
                        <a:pt x="12" y="7"/>
                      </a:lnTo>
                      <a:lnTo>
                        <a:pt x="10" y="9"/>
                      </a:lnTo>
                      <a:lnTo>
                        <a:pt x="7" y="9"/>
                      </a:lnTo>
                      <a:lnTo>
                        <a:pt x="5" y="9"/>
                      </a:lnTo>
                      <a:lnTo>
                        <a:pt x="2" y="7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31" name="Freeform 105"/>
                <p:cNvSpPr>
                  <a:spLocks/>
                </p:cNvSpPr>
                <p:nvPr/>
              </p:nvSpPr>
              <p:spPr bwMode="auto">
                <a:xfrm>
                  <a:off x="439" y="3529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1 h 10"/>
                    <a:gd name="T4" fmla="*/ 2 w 8"/>
                    <a:gd name="T5" fmla="*/ 1 h 10"/>
                    <a:gd name="T6" fmla="*/ 2 w 8"/>
                    <a:gd name="T7" fmla="*/ 0 h 10"/>
                    <a:gd name="T8" fmla="*/ 3 w 8"/>
                    <a:gd name="T9" fmla="*/ 0 h 10"/>
                    <a:gd name="T10" fmla="*/ 5 w 8"/>
                    <a:gd name="T11" fmla="*/ 0 h 10"/>
                    <a:gd name="T12" fmla="*/ 7 w 8"/>
                    <a:gd name="T13" fmla="*/ 1 h 10"/>
                    <a:gd name="T14" fmla="*/ 8 w 8"/>
                    <a:gd name="T15" fmla="*/ 1 h 10"/>
                    <a:gd name="T16" fmla="*/ 8 w 8"/>
                    <a:gd name="T17" fmla="*/ 5 h 10"/>
                    <a:gd name="T18" fmla="*/ 8 w 8"/>
                    <a:gd name="T19" fmla="*/ 6 h 10"/>
                    <a:gd name="T20" fmla="*/ 7 w 8"/>
                    <a:gd name="T21" fmla="*/ 8 h 10"/>
                    <a:gd name="T22" fmla="*/ 5 w 8"/>
                    <a:gd name="T23" fmla="*/ 10 h 10"/>
                    <a:gd name="T24" fmla="*/ 3 w 8"/>
                    <a:gd name="T25" fmla="*/ 10 h 10"/>
                    <a:gd name="T26" fmla="*/ 2 w 8"/>
                    <a:gd name="T27" fmla="*/ 10 h 10"/>
                    <a:gd name="T28" fmla="*/ 2 w 8"/>
                    <a:gd name="T29" fmla="*/ 8 h 10"/>
                    <a:gd name="T30" fmla="*/ 0 w 8"/>
                    <a:gd name="T31" fmla="*/ 6 h 10"/>
                    <a:gd name="T32" fmla="*/ 0 w 8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10"/>
                    <a:gd name="T53" fmla="*/ 8 w 8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10">
                      <a:moveTo>
                        <a:pt x="0" y="5"/>
                      </a:moveTo>
                      <a:lnTo>
                        <a:pt x="0" y="1"/>
                      </a:lnTo>
                      <a:lnTo>
                        <a:pt x="2" y="1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1"/>
                      </a:lnTo>
                      <a:lnTo>
                        <a:pt x="8" y="1"/>
                      </a:lnTo>
                      <a:lnTo>
                        <a:pt x="8" y="5"/>
                      </a:lnTo>
                      <a:lnTo>
                        <a:pt x="8" y="6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10"/>
                      </a:lnTo>
                      <a:lnTo>
                        <a:pt x="2" y="8"/>
                      </a:lnTo>
                      <a:lnTo>
                        <a:pt x="0" y="6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32" name="Freeform 106"/>
                <p:cNvSpPr>
                  <a:spLocks/>
                </p:cNvSpPr>
                <p:nvPr/>
              </p:nvSpPr>
              <p:spPr bwMode="auto">
                <a:xfrm>
                  <a:off x="439" y="3529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5 h 10"/>
                    <a:gd name="T4" fmla="*/ 0 w 8"/>
                    <a:gd name="T5" fmla="*/ 1 h 10"/>
                    <a:gd name="T6" fmla="*/ 2 w 8"/>
                    <a:gd name="T7" fmla="*/ 1 h 10"/>
                    <a:gd name="T8" fmla="*/ 2 w 8"/>
                    <a:gd name="T9" fmla="*/ 0 h 10"/>
                    <a:gd name="T10" fmla="*/ 3 w 8"/>
                    <a:gd name="T11" fmla="*/ 0 h 10"/>
                    <a:gd name="T12" fmla="*/ 3 w 8"/>
                    <a:gd name="T13" fmla="*/ 0 h 10"/>
                    <a:gd name="T14" fmla="*/ 5 w 8"/>
                    <a:gd name="T15" fmla="*/ 0 h 10"/>
                    <a:gd name="T16" fmla="*/ 7 w 8"/>
                    <a:gd name="T17" fmla="*/ 1 h 10"/>
                    <a:gd name="T18" fmla="*/ 8 w 8"/>
                    <a:gd name="T19" fmla="*/ 1 h 10"/>
                    <a:gd name="T20" fmla="*/ 8 w 8"/>
                    <a:gd name="T21" fmla="*/ 5 h 10"/>
                    <a:gd name="T22" fmla="*/ 8 w 8"/>
                    <a:gd name="T23" fmla="*/ 5 h 10"/>
                    <a:gd name="T24" fmla="*/ 8 w 8"/>
                    <a:gd name="T25" fmla="*/ 6 h 10"/>
                    <a:gd name="T26" fmla="*/ 7 w 8"/>
                    <a:gd name="T27" fmla="*/ 8 h 10"/>
                    <a:gd name="T28" fmla="*/ 5 w 8"/>
                    <a:gd name="T29" fmla="*/ 10 h 10"/>
                    <a:gd name="T30" fmla="*/ 3 w 8"/>
                    <a:gd name="T31" fmla="*/ 10 h 10"/>
                    <a:gd name="T32" fmla="*/ 3 w 8"/>
                    <a:gd name="T33" fmla="*/ 10 h 10"/>
                    <a:gd name="T34" fmla="*/ 2 w 8"/>
                    <a:gd name="T35" fmla="*/ 10 h 10"/>
                    <a:gd name="T36" fmla="*/ 2 w 8"/>
                    <a:gd name="T37" fmla="*/ 8 h 10"/>
                    <a:gd name="T38" fmla="*/ 0 w 8"/>
                    <a:gd name="T39" fmla="*/ 6 h 10"/>
                    <a:gd name="T40" fmla="*/ 0 w 8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10"/>
                    <a:gd name="T65" fmla="*/ 8 w 8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1"/>
                      </a:lnTo>
                      <a:lnTo>
                        <a:pt x="2" y="1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1"/>
                      </a:lnTo>
                      <a:lnTo>
                        <a:pt x="8" y="1"/>
                      </a:lnTo>
                      <a:lnTo>
                        <a:pt x="8" y="5"/>
                      </a:lnTo>
                      <a:lnTo>
                        <a:pt x="8" y="6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10"/>
                      </a:lnTo>
                      <a:lnTo>
                        <a:pt x="2" y="8"/>
                      </a:lnTo>
                      <a:lnTo>
                        <a:pt x="0" y="6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33" name="Freeform 107"/>
                <p:cNvSpPr>
                  <a:spLocks/>
                </p:cNvSpPr>
                <p:nvPr/>
              </p:nvSpPr>
              <p:spPr bwMode="auto">
                <a:xfrm>
                  <a:off x="738" y="3474"/>
                  <a:ext cx="7" cy="11"/>
                </a:xfrm>
                <a:custGeom>
                  <a:avLst/>
                  <a:gdLst>
                    <a:gd name="T0" fmla="*/ 0 w 7"/>
                    <a:gd name="T1" fmla="*/ 6 h 11"/>
                    <a:gd name="T2" fmla="*/ 0 w 7"/>
                    <a:gd name="T3" fmla="*/ 4 h 11"/>
                    <a:gd name="T4" fmla="*/ 2 w 7"/>
                    <a:gd name="T5" fmla="*/ 2 h 11"/>
                    <a:gd name="T6" fmla="*/ 2 w 7"/>
                    <a:gd name="T7" fmla="*/ 0 h 11"/>
                    <a:gd name="T8" fmla="*/ 4 w 7"/>
                    <a:gd name="T9" fmla="*/ 0 h 11"/>
                    <a:gd name="T10" fmla="*/ 6 w 7"/>
                    <a:gd name="T11" fmla="*/ 0 h 11"/>
                    <a:gd name="T12" fmla="*/ 7 w 7"/>
                    <a:gd name="T13" fmla="*/ 2 h 11"/>
                    <a:gd name="T14" fmla="*/ 7 w 7"/>
                    <a:gd name="T15" fmla="*/ 4 h 11"/>
                    <a:gd name="T16" fmla="*/ 7 w 7"/>
                    <a:gd name="T17" fmla="*/ 6 h 11"/>
                    <a:gd name="T18" fmla="*/ 7 w 7"/>
                    <a:gd name="T19" fmla="*/ 7 h 11"/>
                    <a:gd name="T20" fmla="*/ 7 w 7"/>
                    <a:gd name="T21" fmla="*/ 9 h 11"/>
                    <a:gd name="T22" fmla="*/ 6 w 7"/>
                    <a:gd name="T23" fmla="*/ 9 h 11"/>
                    <a:gd name="T24" fmla="*/ 4 w 7"/>
                    <a:gd name="T25" fmla="*/ 11 h 11"/>
                    <a:gd name="T26" fmla="*/ 2 w 7"/>
                    <a:gd name="T27" fmla="*/ 9 h 11"/>
                    <a:gd name="T28" fmla="*/ 2 w 7"/>
                    <a:gd name="T29" fmla="*/ 9 h 11"/>
                    <a:gd name="T30" fmla="*/ 0 w 7"/>
                    <a:gd name="T31" fmla="*/ 7 h 11"/>
                    <a:gd name="T32" fmla="*/ 0 w 7"/>
                    <a:gd name="T33" fmla="*/ 6 h 11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7"/>
                    <a:gd name="T52" fmla="*/ 0 h 11"/>
                    <a:gd name="T53" fmla="*/ 7 w 7"/>
                    <a:gd name="T54" fmla="*/ 11 h 11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7" h="11">
                      <a:moveTo>
                        <a:pt x="0" y="6"/>
                      </a:moveTo>
                      <a:lnTo>
                        <a:pt x="0" y="4"/>
                      </a:lnTo>
                      <a:lnTo>
                        <a:pt x="2" y="2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6" y="0"/>
                      </a:lnTo>
                      <a:lnTo>
                        <a:pt x="7" y="2"/>
                      </a:lnTo>
                      <a:lnTo>
                        <a:pt x="7" y="4"/>
                      </a:lnTo>
                      <a:lnTo>
                        <a:pt x="7" y="6"/>
                      </a:lnTo>
                      <a:lnTo>
                        <a:pt x="7" y="7"/>
                      </a:lnTo>
                      <a:lnTo>
                        <a:pt x="7" y="9"/>
                      </a:lnTo>
                      <a:lnTo>
                        <a:pt x="6" y="9"/>
                      </a:lnTo>
                      <a:lnTo>
                        <a:pt x="4" y="11"/>
                      </a:lnTo>
                      <a:lnTo>
                        <a:pt x="2" y="9"/>
                      </a:lnTo>
                      <a:lnTo>
                        <a:pt x="0" y="7"/>
                      </a:lnTo>
                      <a:lnTo>
                        <a:pt x="0" y="6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34" name="Freeform 108"/>
                <p:cNvSpPr>
                  <a:spLocks/>
                </p:cNvSpPr>
                <p:nvPr/>
              </p:nvSpPr>
              <p:spPr bwMode="auto">
                <a:xfrm>
                  <a:off x="738" y="3474"/>
                  <a:ext cx="7" cy="11"/>
                </a:xfrm>
                <a:custGeom>
                  <a:avLst/>
                  <a:gdLst>
                    <a:gd name="T0" fmla="*/ 0 w 7"/>
                    <a:gd name="T1" fmla="*/ 6 h 11"/>
                    <a:gd name="T2" fmla="*/ 0 w 7"/>
                    <a:gd name="T3" fmla="*/ 6 h 11"/>
                    <a:gd name="T4" fmla="*/ 0 w 7"/>
                    <a:gd name="T5" fmla="*/ 4 h 11"/>
                    <a:gd name="T6" fmla="*/ 2 w 7"/>
                    <a:gd name="T7" fmla="*/ 2 h 11"/>
                    <a:gd name="T8" fmla="*/ 2 w 7"/>
                    <a:gd name="T9" fmla="*/ 0 h 11"/>
                    <a:gd name="T10" fmla="*/ 4 w 7"/>
                    <a:gd name="T11" fmla="*/ 0 h 11"/>
                    <a:gd name="T12" fmla="*/ 4 w 7"/>
                    <a:gd name="T13" fmla="*/ 0 h 11"/>
                    <a:gd name="T14" fmla="*/ 6 w 7"/>
                    <a:gd name="T15" fmla="*/ 0 h 11"/>
                    <a:gd name="T16" fmla="*/ 7 w 7"/>
                    <a:gd name="T17" fmla="*/ 2 h 11"/>
                    <a:gd name="T18" fmla="*/ 7 w 7"/>
                    <a:gd name="T19" fmla="*/ 4 h 11"/>
                    <a:gd name="T20" fmla="*/ 7 w 7"/>
                    <a:gd name="T21" fmla="*/ 6 h 11"/>
                    <a:gd name="T22" fmla="*/ 7 w 7"/>
                    <a:gd name="T23" fmla="*/ 6 h 11"/>
                    <a:gd name="T24" fmla="*/ 7 w 7"/>
                    <a:gd name="T25" fmla="*/ 7 h 11"/>
                    <a:gd name="T26" fmla="*/ 7 w 7"/>
                    <a:gd name="T27" fmla="*/ 9 h 11"/>
                    <a:gd name="T28" fmla="*/ 6 w 7"/>
                    <a:gd name="T29" fmla="*/ 9 h 11"/>
                    <a:gd name="T30" fmla="*/ 4 w 7"/>
                    <a:gd name="T31" fmla="*/ 11 h 11"/>
                    <a:gd name="T32" fmla="*/ 4 w 7"/>
                    <a:gd name="T33" fmla="*/ 11 h 11"/>
                    <a:gd name="T34" fmla="*/ 2 w 7"/>
                    <a:gd name="T35" fmla="*/ 9 h 11"/>
                    <a:gd name="T36" fmla="*/ 2 w 7"/>
                    <a:gd name="T37" fmla="*/ 9 h 11"/>
                    <a:gd name="T38" fmla="*/ 0 w 7"/>
                    <a:gd name="T39" fmla="*/ 7 h 11"/>
                    <a:gd name="T40" fmla="*/ 0 w 7"/>
                    <a:gd name="T41" fmla="*/ 6 h 11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7"/>
                    <a:gd name="T64" fmla="*/ 0 h 11"/>
                    <a:gd name="T65" fmla="*/ 7 w 7"/>
                    <a:gd name="T66" fmla="*/ 11 h 11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7" h="11">
                      <a:moveTo>
                        <a:pt x="0" y="6"/>
                      </a:moveTo>
                      <a:lnTo>
                        <a:pt x="0" y="6"/>
                      </a:lnTo>
                      <a:lnTo>
                        <a:pt x="0" y="4"/>
                      </a:lnTo>
                      <a:lnTo>
                        <a:pt x="2" y="2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6" y="0"/>
                      </a:lnTo>
                      <a:lnTo>
                        <a:pt x="7" y="2"/>
                      </a:lnTo>
                      <a:lnTo>
                        <a:pt x="7" y="4"/>
                      </a:lnTo>
                      <a:lnTo>
                        <a:pt x="7" y="6"/>
                      </a:lnTo>
                      <a:lnTo>
                        <a:pt x="7" y="7"/>
                      </a:lnTo>
                      <a:lnTo>
                        <a:pt x="7" y="9"/>
                      </a:lnTo>
                      <a:lnTo>
                        <a:pt x="6" y="9"/>
                      </a:lnTo>
                      <a:lnTo>
                        <a:pt x="4" y="11"/>
                      </a:lnTo>
                      <a:lnTo>
                        <a:pt x="2" y="9"/>
                      </a:lnTo>
                      <a:lnTo>
                        <a:pt x="0" y="7"/>
                      </a:lnTo>
                      <a:lnTo>
                        <a:pt x="0" y="6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35" name="Freeform 109"/>
                <p:cNvSpPr>
                  <a:spLocks/>
                </p:cNvSpPr>
                <p:nvPr/>
              </p:nvSpPr>
              <p:spPr bwMode="auto">
                <a:xfrm>
                  <a:off x="650" y="3331"/>
                  <a:ext cx="21" cy="15"/>
                </a:xfrm>
                <a:custGeom>
                  <a:avLst/>
                  <a:gdLst>
                    <a:gd name="T0" fmla="*/ 2 w 21"/>
                    <a:gd name="T1" fmla="*/ 1 h 15"/>
                    <a:gd name="T2" fmla="*/ 19 w 21"/>
                    <a:gd name="T3" fmla="*/ 0 h 15"/>
                    <a:gd name="T4" fmla="*/ 19 w 21"/>
                    <a:gd name="T5" fmla="*/ 1 h 15"/>
                    <a:gd name="T6" fmla="*/ 19 w 21"/>
                    <a:gd name="T7" fmla="*/ 3 h 15"/>
                    <a:gd name="T8" fmla="*/ 21 w 21"/>
                    <a:gd name="T9" fmla="*/ 5 h 15"/>
                    <a:gd name="T10" fmla="*/ 21 w 21"/>
                    <a:gd name="T11" fmla="*/ 8 h 15"/>
                    <a:gd name="T12" fmla="*/ 21 w 21"/>
                    <a:gd name="T13" fmla="*/ 10 h 15"/>
                    <a:gd name="T14" fmla="*/ 21 w 21"/>
                    <a:gd name="T15" fmla="*/ 13 h 15"/>
                    <a:gd name="T16" fmla="*/ 17 w 21"/>
                    <a:gd name="T17" fmla="*/ 15 h 15"/>
                    <a:gd name="T18" fmla="*/ 12 w 21"/>
                    <a:gd name="T19" fmla="*/ 15 h 15"/>
                    <a:gd name="T20" fmla="*/ 12 w 21"/>
                    <a:gd name="T21" fmla="*/ 15 h 15"/>
                    <a:gd name="T22" fmla="*/ 11 w 21"/>
                    <a:gd name="T23" fmla="*/ 13 h 15"/>
                    <a:gd name="T24" fmla="*/ 7 w 21"/>
                    <a:gd name="T25" fmla="*/ 11 h 15"/>
                    <a:gd name="T26" fmla="*/ 6 w 21"/>
                    <a:gd name="T27" fmla="*/ 10 h 15"/>
                    <a:gd name="T28" fmla="*/ 4 w 21"/>
                    <a:gd name="T29" fmla="*/ 8 h 15"/>
                    <a:gd name="T30" fmla="*/ 2 w 21"/>
                    <a:gd name="T31" fmla="*/ 6 h 15"/>
                    <a:gd name="T32" fmla="*/ 0 w 21"/>
                    <a:gd name="T33" fmla="*/ 6 h 15"/>
                    <a:gd name="T34" fmla="*/ 0 w 21"/>
                    <a:gd name="T35" fmla="*/ 6 h 15"/>
                    <a:gd name="T36" fmla="*/ 2 w 21"/>
                    <a:gd name="T37" fmla="*/ 1 h 15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w 21"/>
                    <a:gd name="T58" fmla="*/ 0 h 15"/>
                    <a:gd name="T59" fmla="*/ 21 w 21"/>
                    <a:gd name="T60" fmla="*/ 15 h 15"/>
                  </a:gdLst>
                  <a:ahLst/>
                  <a:cxnLst>
                    <a:cxn ang="T38">
                      <a:pos x="T0" y="T1"/>
                    </a:cxn>
                    <a:cxn ang="T39">
                      <a:pos x="T2" y="T3"/>
                    </a:cxn>
                    <a:cxn ang="T40">
                      <a:pos x="T4" y="T5"/>
                    </a:cxn>
                    <a:cxn ang="T41">
                      <a:pos x="T6" y="T7"/>
                    </a:cxn>
                    <a:cxn ang="T42">
                      <a:pos x="T8" y="T9"/>
                    </a:cxn>
                    <a:cxn ang="T43">
                      <a:pos x="T10" y="T11"/>
                    </a:cxn>
                    <a:cxn ang="T44">
                      <a:pos x="T12" y="T13"/>
                    </a:cxn>
                    <a:cxn ang="T45">
                      <a:pos x="T14" y="T15"/>
                    </a:cxn>
                    <a:cxn ang="T46">
                      <a:pos x="T16" y="T17"/>
                    </a:cxn>
                    <a:cxn ang="T47">
                      <a:pos x="T18" y="T19"/>
                    </a:cxn>
                    <a:cxn ang="T48">
                      <a:pos x="T20" y="T21"/>
                    </a:cxn>
                    <a:cxn ang="T49">
                      <a:pos x="T22" y="T23"/>
                    </a:cxn>
                    <a:cxn ang="T50">
                      <a:pos x="T24" y="T25"/>
                    </a:cxn>
                    <a:cxn ang="T51">
                      <a:pos x="T26" y="T27"/>
                    </a:cxn>
                    <a:cxn ang="T52">
                      <a:pos x="T28" y="T29"/>
                    </a:cxn>
                    <a:cxn ang="T53">
                      <a:pos x="T30" y="T31"/>
                    </a:cxn>
                    <a:cxn ang="T54">
                      <a:pos x="T32" y="T33"/>
                    </a:cxn>
                    <a:cxn ang="T55">
                      <a:pos x="T34" y="T35"/>
                    </a:cxn>
                    <a:cxn ang="T56">
                      <a:pos x="T36" y="T37"/>
                    </a:cxn>
                  </a:cxnLst>
                  <a:rect l="T57" t="T58" r="T59" b="T60"/>
                  <a:pathLst>
                    <a:path w="21" h="15">
                      <a:moveTo>
                        <a:pt x="2" y="1"/>
                      </a:moveTo>
                      <a:lnTo>
                        <a:pt x="19" y="0"/>
                      </a:lnTo>
                      <a:lnTo>
                        <a:pt x="19" y="1"/>
                      </a:lnTo>
                      <a:lnTo>
                        <a:pt x="19" y="3"/>
                      </a:lnTo>
                      <a:lnTo>
                        <a:pt x="21" y="5"/>
                      </a:lnTo>
                      <a:lnTo>
                        <a:pt x="21" y="8"/>
                      </a:lnTo>
                      <a:lnTo>
                        <a:pt x="21" y="10"/>
                      </a:lnTo>
                      <a:lnTo>
                        <a:pt x="21" y="13"/>
                      </a:lnTo>
                      <a:lnTo>
                        <a:pt x="17" y="15"/>
                      </a:lnTo>
                      <a:lnTo>
                        <a:pt x="12" y="15"/>
                      </a:lnTo>
                      <a:lnTo>
                        <a:pt x="11" y="13"/>
                      </a:lnTo>
                      <a:lnTo>
                        <a:pt x="7" y="11"/>
                      </a:lnTo>
                      <a:lnTo>
                        <a:pt x="6" y="10"/>
                      </a:lnTo>
                      <a:lnTo>
                        <a:pt x="4" y="8"/>
                      </a:lnTo>
                      <a:lnTo>
                        <a:pt x="2" y="6"/>
                      </a:lnTo>
                      <a:lnTo>
                        <a:pt x="0" y="6"/>
                      </a:lnTo>
                      <a:lnTo>
                        <a:pt x="2" y="1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36" name="Freeform 110"/>
                <p:cNvSpPr>
                  <a:spLocks/>
                </p:cNvSpPr>
                <p:nvPr/>
              </p:nvSpPr>
              <p:spPr bwMode="auto">
                <a:xfrm>
                  <a:off x="650" y="3331"/>
                  <a:ext cx="21" cy="15"/>
                </a:xfrm>
                <a:custGeom>
                  <a:avLst/>
                  <a:gdLst>
                    <a:gd name="T0" fmla="*/ 2 w 21"/>
                    <a:gd name="T1" fmla="*/ 1 h 15"/>
                    <a:gd name="T2" fmla="*/ 19 w 21"/>
                    <a:gd name="T3" fmla="*/ 0 h 15"/>
                    <a:gd name="T4" fmla="*/ 19 w 21"/>
                    <a:gd name="T5" fmla="*/ 0 h 15"/>
                    <a:gd name="T6" fmla="*/ 19 w 21"/>
                    <a:gd name="T7" fmla="*/ 1 h 15"/>
                    <a:gd name="T8" fmla="*/ 19 w 21"/>
                    <a:gd name="T9" fmla="*/ 3 h 15"/>
                    <a:gd name="T10" fmla="*/ 21 w 21"/>
                    <a:gd name="T11" fmla="*/ 5 h 15"/>
                    <a:gd name="T12" fmla="*/ 21 w 21"/>
                    <a:gd name="T13" fmla="*/ 8 h 15"/>
                    <a:gd name="T14" fmla="*/ 21 w 21"/>
                    <a:gd name="T15" fmla="*/ 10 h 15"/>
                    <a:gd name="T16" fmla="*/ 21 w 21"/>
                    <a:gd name="T17" fmla="*/ 13 h 15"/>
                    <a:gd name="T18" fmla="*/ 17 w 21"/>
                    <a:gd name="T19" fmla="*/ 15 h 15"/>
                    <a:gd name="T20" fmla="*/ 12 w 21"/>
                    <a:gd name="T21" fmla="*/ 15 h 15"/>
                    <a:gd name="T22" fmla="*/ 12 w 21"/>
                    <a:gd name="T23" fmla="*/ 15 h 15"/>
                    <a:gd name="T24" fmla="*/ 12 w 21"/>
                    <a:gd name="T25" fmla="*/ 15 h 15"/>
                    <a:gd name="T26" fmla="*/ 11 w 21"/>
                    <a:gd name="T27" fmla="*/ 13 h 15"/>
                    <a:gd name="T28" fmla="*/ 7 w 21"/>
                    <a:gd name="T29" fmla="*/ 11 h 15"/>
                    <a:gd name="T30" fmla="*/ 6 w 21"/>
                    <a:gd name="T31" fmla="*/ 10 h 15"/>
                    <a:gd name="T32" fmla="*/ 4 w 21"/>
                    <a:gd name="T33" fmla="*/ 8 h 15"/>
                    <a:gd name="T34" fmla="*/ 2 w 21"/>
                    <a:gd name="T35" fmla="*/ 6 h 15"/>
                    <a:gd name="T36" fmla="*/ 0 w 21"/>
                    <a:gd name="T37" fmla="*/ 6 h 15"/>
                    <a:gd name="T38" fmla="*/ 0 w 21"/>
                    <a:gd name="T39" fmla="*/ 6 h 15"/>
                    <a:gd name="T40" fmla="*/ 2 w 21"/>
                    <a:gd name="T41" fmla="*/ 1 h 1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21"/>
                    <a:gd name="T64" fmla="*/ 0 h 15"/>
                    <a:gd name="T65" fmla="*/ 21 w 21"/>
                    <a:gd name="T66" fmla="*/ 15 h 1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21" h="15">
                      <a:moveTo>
                        <a:pt x="2" y="1"/>
                      </a:moveTo>
                      <a:lnTo>
                        <a:pt x="19" y="0"/>
                      </a:lnTo>
                      <a:lnTo>
                        <a:pt x="19" y="1"/>
                      </a:lnTo>
                      <a:lnTo>
                        <a:pt x="19" y="3"/>
                      </a:lnTo>
                      <a:lnTo>
                        <a:pt x="21" y="5"/>
                      </a:lnTo>
                      <a:lnTo>
                        <a:pt x="21" y="8"/>
                      </a:lnTo>
                      <a:lnTo>
                        <a:pt x="21" y="10"/>
                      </a:lnTo>
                      <a:lnTo>
                        <a:pt x="21" y="13"/>
                      </a:lnTo>
                      <a:lnTo>
                        <a:pt x="17" y="15"/>
                      </a:lnTo>
                      <a:lnTo>
                        <a:pt x="12" y="15"/>
                      </a:lnTo>
                      <a:lnTo>
                        <a:pt x="11" y="13"/>
                      </a:lnTo>
                      <a:lnTo>
                        <a:pt x="7" y="11"/>
                      </a:lnTo>
                      <a:lnTo>
                        <a:pt x="6" y="10"/>
                      </a:lnTo>
                      <a:lnTo>
                        <a:pt x="4" y="8"/>
                      </a:lnTo>
                      <a:lnTo>
                        <a:pt x="2" y="6"/>
                      </a:lnTo>
                      <a:lnTo>
                        <a:pt x="0" y="6"/>
                      </a:lnTo>
                      <a:lnTo>
                        <a:pt x="2" y="1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37" name="Freeform 111"/>
                <p:cNvSpPr>
                  <a:spLocks/>
                </p:cNvSpPr>
                <p:nvPr/>
              </p:nvSpPr>
              <p:spPr bwMode="auto">
                <a:xfrm>
                  <a:off x="495" y="3530"/>
                  <a:ext cx="18" cy="9"/>
                </a:xfrm>
                <a:custGeom>
                  <a:avLst/>
                  <a:gdLst>
                    <a:gd name="T0" fmla="*/ 12 w 18"/>
                    <a:gd name="T1" fmla="*/ 2 h 9"/>
                    <a:gd name="T2" fmla="*/ 0 w 18"/>
                    <a:gd name="T3" fmla="*/ 5 h 9"/>
                    <a:gd name="T4" fmla="*/ 13 w 18"/>
                    <a:gd name="T5" fmla="*/ 9 h 9"/>
                    <a:gd name="T6" fmla="*/ 18 w 18"/>
                    <a:gd name="T7" fmla="*/ 0 h 9"/>
                    <a:gd name="T8" fmla="*/ 12 w 18"/>
                    <a:gd name="T9" fmla="*/ 2 h 9"/>
                    <a:gd name="T10" fmla="*/ 0 60000 65536"/>
                    <a:gd name="T11" fmla="*/ 0 60000 65536"/>
                    <a:gd name="T12" fmla="*/ 0 60000 65536"/>
                    <a:gd name="T13" fmla="*/ 0 60000 65536"/>
                    <a:gd name="T14" fmla="*/ 0 60000 65536"/>
                    <a:gd name="T15" fmla="*/ 0 w 18"/>
                    <a:gd name="T16" fmla="*/ 0 h 9"/>
                    <a:gd name="T17" fmla="*/ 18 w 18"/>
                    <a:gd name="T18" fmla="*/ 9 h 9"/>
                  </a:gdLst>
                  <a:ahLst/>
                  <a:cxnLst>
                    <a:cxn ang="T10">
                      <a:pos x="T0" y="T1"/>
                    </a:cxn>
                    <a:cxn ang="T11">
                      <a:pos x="T2" y="T3"/>
                    </a:cxn>
                    <a:cxn ang="T12">
                      <a:pos x="T4" y="T5"/>
                    </a:cxn>
                    <a:cxn ang="T13">
                      <a:pos x="T6" y="T7"/>
                    </a:cxn>
                    <a:cxn ang="T14">
                      <a:pos x="T8" y="T9"/>
                    </a:cxn>
                  </a:cxnLst>
                  <a:rect l="T15" t="T16" r="T17" b="T18"/>
                  <a:pathLst>
                    <a:path w="18" h="9">
                      <a:moveTo>
                        <a:pt x="12" y="2"/>
                      </a:moveTo>
                      <a:lnTo>
                        <a:pt x="0" y="5"/>
                      </a:lnTo>
                      <a:lnTo>
                        <a:pt x="13" y="9"/>
                      </a:lnTo>
                      <a:lnTo>
                        <a:pt x="18" y="0"/>
                      </a:lnTo>
                      <a:lnTo>
                        <a:pt x="12" y="2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38" name="Freeform 112"/>
                <p:cNvSpPr>
                  <a:spLocks/>
                </p:cNvSpPr>
                <p:nvPr/>
              </p:nvSpPr>
              <p:spPr bwMode="auto">
                <a:xfrm>
                  <a:off x="495" y="3530"/>
                  <a:ext cx="18" cy="9"/>
                </a:xfrm>
                <a:custGeom>
                  <a:avLst/>
                  <a:gdLst>
                    <a:gd name="T0" fmla="*/ 12 w 18"/>
                    <a:gd name="T1" fmla="*/ 2 h 9"/>
                    <a:gd name="T2" fmla="*/ 0 w 18"/>
                    <a:gd name="T3" fmla="*/ 5 h 9"/>
                    <a:gd name="T4" fmla="*/ 13 w 18"/>
                    <a:gd name="T5" fmla="*/ 9 h 9"/>
                    <a:gd name="T6" fmla="*/ 18 w 18"/>
                    <a:gd name="T7" fmla="*/ 0 h 9"/>
                    <a:gd name="T8" fmla="*/ 12 w 18"/>
                    <a:gd name="T9" fmla="*/ 2 h 9"/>
                    <a:gd name="T10" fmla="*/ 0 60000 65536"/>
                    <a:gd name="T11" fmla="*/ 0 60000 65536"/>
                    <a:gd name="T12" fmla="*/ 0 60000 65536"/>
                    <a:gd name="T13" fmla="*/ 0 60000 65536"/>
                    <a:gd name="T14" fmla="*/ 0 60000 65536"/>
                    <a:gd name="T15" fmla="*/ 0 w 18"/>
                    <a:gd name="T16" fmla="*/ 0 h 9"/>
                    <a:gd name="T17" fmla="*/ 18 w 18"/>
                    <a:gd name="T18" fmla="*/ 9 h 9"/>
                  </a:gdLst>
                  <a:ahLst/>
                  <a:cxnLst>
                    <a:cxn ang="T10">
                      <a:pos x="T0" y="T1"/>
                    </a:cxn>
                    <a:cxn ang="T11">
                      <a:pos x="T2" y="T3"/>
                    </a:cxn>
                    <a:cxn ang="T12">
                      <a:pos x="T4" y="T5"/>
                    </a:cxn>
                    <a:cxn ang="T13">
                      <a:pos x="T6" y="T7"/>
                    </a:cxn>
                    <a:cxn ang="T14">
                      <a:pos x="T8" y="T9"/>
                    </a:cxn>
                  </a:cxnLst>
                  <a:rect l="T15" t="T16" r="T17" b="T18"/>
                  <a:pathLst>
                    <a:path w="18" h="9">
                      <a:moveTo>
                        <a:pt x="12" y="2"/>
                      </a:moveTo>
                      <a:lnTo>
                        <a:pt x="0" y="5"/>
                      </a:lnTo>
                      <a:lnTo>
                        <a:pt x="13" y="9"/>
                      </a:lnTo>
                      <a:lnTo>
                        <a:pt x="18" y="0"/>
                      </a:lnTo>
                      <a:lnTo>
                        <a:pt x="12" y="2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39" name="Freeform 113"/>
                <p:cNvSpPr>
                  <a:spLocks/>
                </p:cNvSpPr>
                <p:nvPr/>
              </p:nvSpPr>
              <p:spPr bwMode="auto">
                <a:xfrm>
                  <a:off x="606" y="3229"/>
                  <a:ext cx="34" cy="25"/>
                </a:xfrm>
                <a:custGeom>
                  <a:avLst/>
                  <a:gdLst>
                    <a:gd name="T0" fmla="*/ 4 w 34"/>
                    <a:gd name="T1" fmla="*/ 0 h 25"/>
                    <a:gd name="T2" fmla="*/ 4 w 34"/>
                    <a:gd name="T3" fmla="*/ 0 h 25"/>
                    <a:gd name="T4" fmla="*/ 4 w 34"/>
                    <a:gd name="T5" fmla="*/ 2 h 25"/>
                    <a:gd name="T6" fmla="*/ 6 w 34"/>
                    <a:gd name="T7" fmla="*/ 3 h 25"/>
                    <a:gd name="T8" fmla="*/ 9 w 34"/>
                    <a:gd name="T9" fmla="*/ 5 h 25"/>
                    <a:gd name="T10" fmla="*/ 11 w 34"/>
                    <a:gd name="T11" fmla="*/ 7 h 25"/>
                    <a:gd name="T12" fmla="*/ 14 w 34"/>
                    <a:gd name="T13" fmla="*/ 7 h 25"/>
                    <a:gd name="T14" fmla="*/ 17 w 34"/>
                    <a:gd name="T15" fmla="*/ 5 h 25"/>
                    <a:gd name="T16" fmla="*/ 21 w 34"/>
                    <a:gd name="T17" fmla="*/ 3 h 25"/>
                    <a:gd name="T18" fmla="*/ 21 w 34"/>
                    <a:gd name="T19" fmla="*/ 3 h 25"/>
                    <a:gd name="T20" fmla="*/ 21 w 34"/>
                    <a:gd name="T21" fmla="*/ 5 h 25"/>
                    <a:gd name="T22" fmla="*/ 22 w 34"/>
                    <a:gd name="T23" fmla="*/ 7 h 25"/>
                    <a:gd name="T24" fmla="*/ 22 w 34"/>
                    <a:gd name="T25" fmla="*/ 10 h 25"/>
                    <a:gd name="T26" fmla="*/ 26 w 34"/>
                    <a:gd name="T27" fmla="*/ 14 h 25"/>
                    <a:gd name="T28" fmla="*/ 28 w 34"/>
                    <a:gd name="T29" fmla="*/ 15 h 25"/>
                    <a:gd name="T30" fmla="*/ 31 w 34"/>
                    <a:gd name="T31" fmla="*/ 17 h 25"/>
                    <a:gd name="T32" fmla="*/ 34 w 34"/>
                    <a:gd name="T33" fmla="*/ 17 h 25"/>
                    <a:gd name="T34" fmla="*/ 34 w 34"/>
                    <a:gd name="T35" fmla="*/ 19 h 25"/>
                    <a:gd name="T36" fmla="*/ 33 w 34"/>
                    <a:gd name="T37" fmla="*/ 19 h 25"/>
                    <a:gd name="T38" fmla="*/ 31 w 34"/>
                    <a:gd name="T39" fmla="*/ 20 h 25"/>
                    <a:gd name="T40" fmla="*/ 28 w 34"/>
                    <a:gd name="T41" fmla="*/ 22 h 25"/>
                    <a:gd name="T42" fmla="*/ 26 w 34"/>
                    <a:gd name="T43" fmla="*/ 24 h 25"/>
                    <a:gd name="T44" fmla="*/ 24 w 34"/>
                    <a:gd name="T45" fmla="*/ 25 h 25"/>
                    <a:gd name="T46" fmla="*/ 22 w 34"/>
                    <a:gd name="T47" fmla="*/ 25 h 25"/>
                    <a:gd name="T48" fmla="*/ 22 w 34"/>
                    <a:gd name="T49" fmla="*/ 25 h 25"/>
                    <a:gd name="T50" fmla="*/ 22 w 34"/>
                    <a:gd name="T51" fmla="*/ 25 h 25"/>
                    <a:gd name="T52" fmla="*/ 22 w 34"/>
                    <a:gd name="T53" fmla="*/ 24 h 25"/>
                    <a:gd name="T54" fmla="*/ 21 w 34"/>
                    <a:gd name="T55" fmla="*/ 20 h 25"/>
                    <a:gd name="T56" fmla="*/ 19 w 34"/>
                    <a:gd name="T57" fmla="*/ 19 h 25"/>
                    <a:gd name="T58" fmla="*/ 17 w 34"/>
                    <a:gd name="T59" fmla="*/ 15 h 25"/>
                    <a:gd name="T60" fmla="*/ 12 w 34"/>
                    <a:gd name="T61" fmla="*/ 14 h 25"/>
                    <a:gd name="T62" fmla="*/ 7 w 34"/>
                    <a:gd name="T63" fmla="*/ 10 h 25"/>
                    <a:gd name="T64" fmla="*/ 0 w 34"/>
                    <a:gd name="T65" fmla="*/ 10 h 25"/>
                    <a:gd name="T66" fmla="*/ 0 w 34"/>
                    <a:gd name="T67" fmla="*/ 9 h 25"/>
                    <a:gd name="T68" fmla="*/ 0 w 34"/>
                    <a:gd name="T69" fmla="*/ 5 h 25"/>
                    <a:gd name="T70" fmla="*/ 2 w 34"/>
                    <a:gd name="T71" fmla="*/ 2 h 25"/>
                    <a:gd name="T72" fmla="*/ 4 w 34"/>
                    <a:gd name="T73" fmla="*/ 0 h 25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34"/>
                    <a:gd name="T112" fmla="*/ 0 h 25"/>
                    <a:gd name="T113" fmla="*/ 34 w 34"/>
                    <a:gd name="T114" fmla="*/ 25 h 25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34" h="25">
                      <a:moveTo>
                        <a:pt x="4" y="0"/>
                      </a:moveTo>
                      <a:lnTo>
                        <a:pt x="4" y="0"/>
                      </a:lnTo>
                      <a:lnTo>
                        <a:pt x="4" y="2"/>
                      </a:lnTo>
                      <a:lnTo>
                        <a:pt x="6" y="3"/>
                      </a:lnTo>
                      <a:lnTo>
                        <a:pt x="9" y="5"/>
                      </a:lnTo>
                      <a:lnTo>
                        <a:pt x="11" y="7"/>
                      </a:lnTo>
                      <a:lnTo>
                        <a:pt x="14" y="7"/>
                      </a:lnTo>
                      <a:lnTo>
                        <a:pt x="17" y="5"/>
                      </a:lnTo>
                      <a:lnTo>
                        <a:pt x="21" y="3"/>
                      </a:lnTo>
                      <a:lnTo>
                        <a:pt x="21" y="5"/>
                      </a:lnTo>
                      <a:lnTo>
                        <a:pt x="22" y="7"/>
                      </a:lnTo>
                      <a:lnTo>
                        <a:pt x="22" y="10"/>
                      </a:lnTo>
                      <a:lnTo>
                        <a:pt x="26" y="14"/>
                      </a:lnTo>
                      <a:lnTo>
                        <a:pt x="28" y="15"/>
                      </a:lnTo>
                      <a:lnTo>
                        <a:pt x="31" y="17"/>
                      </a:lnTo>
                      <a:lnTo>
                        <a:pt x="34" y="17"/>
                      </a:lnTo>
                      <a:lnTo>
                        <a:pt x="34" y="19"/>
                      </a:lnTo>
                      <a:lnTo>
                        <a:pt x="33" y="19"/>
                      </a:lnTo>
                      <a:lnTo>
                        <a:pt x="31" y="20"/>
                      </a:lnTo>
                      <a:lnTo>
                        <a:pt x="28" y="22"/>
                      </a:lnTo>
                      <a:lnTo>
                        <a:pt x="26" y="24"/>
                      </a:lnTo>
                      <a:lnTo>
                        <a:pt x="24" y="25"/>
                      </a:lnTo>
                      <a:lnTo>
                        <a:pt x="22" y="25"/>
                      </a:lnTo>
                      <a:lnTo>
                        <a:pt x="22" y="24"/>
                      </a:lnTo>
                      <a:lnTo>
                        <a:pt x="21" y="20"/>
                      </a:lnTo>
                      <a:lnTo>
                        <a:pt x="19" y="19"/>
                      </a:lnTo>
                      <a:lnTo>
                        <a:pt x="17" y="15"/>
                      </a:lnTo>
                      <a:lnTo>
                        <a:pt x="12" y="14"/>
                      </a:lnTo>
                      <a:lnTo>
                        <a:pt x="7" y="10"/>
                      </a:lnTo>
                      <a:lnTo>
                        <a:pt x="0" y="10"/>
                      </a:lnTo>
                      <a:lnTo>
                        <a:pt x="0" y="9"/>
                      </a:lnTo>
                      <a:lnTo>
                        <a:pt x="0" y="5"/>
                      </a:lnTo>
                      <a:lnTo>
                        <a:pt x="2" y="2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40" name="Freeform 114"/>
                <p:cNvSpPr>
                  <a:spLocks/>
                </p:cNvSpPr>
                <p:nvPr/>
              </p:nvSpPr>
              <p:spPr bwMode="auto">
                <a:xfrm>
                  <a:off x="606" y="3229"/>
                  <a:ext cx="34" cy="25"/>
                </a:xfrm>
                <a:custGeom>
                  <a:avLst/>
                  <a:gdLst>
                    <a:gd name="T0" fmla="*/ 4 w 34"/>
                    <a:gd name="T1" fmla="*/ 0 h 25"/>
                    <a:gd name="T2" fmla="*/ 4 w 34"/>
                    <a:gd name="T3" fmla="*/ 0 h 25"/>
                    <a:gd name="T4" fmla="*/ 4 w 34"/>
                    <a:gd name="T5" fmla="*/ 0 h 25"/>
                    <a:gd name="T6" fmla="*/ 4 w 34"/>
                    <a:gd name="T7" fmla="*/ 2 h 25"/>
                    <a:gd name="T8" fmla="*/ 6 w 34"/>
                    <a:gd name="T9" fmla="*/ 3 h 25"/>
                    <a:gd name="T10" fmla="*/ 9 w 34"/>
                    <a:gd name="T11" fmla="*/ 5 h 25"/>
                    <a:gd name="T12" fmla="*/ 11 w 34"/>
                    <a:gd name="T13" fmla="*/ 7 h 25"/>
                    <a:gd name="T14" fmla="*/ 14 w 34"/>
                    <a:gd name="T15" fmla="*/ 7 h 25"/>
                    <a:gd name="T16" fmla="*/ 17 w 34"/>
                    <a:gd name="T17" fmla="*/ 5 h 25"/>
                    <a:gd name="T18" fmla="*/ 21 w 34"/>
                    <a:gd name="T19" fmla="*/ 3 h 25"/>
                    <a:gd name="T20" fmla="*/ 21 w 34"/>
                    <a:gd name="T21" fmla="*/ 3 h 25"/>
                    <a:gd name="T22" fmla="*/ 21 w 34"/>
                    <a:gd name="T23" fmla="*/ 3 h 25"/>
                    <a:gd name="T24" fmla="*/ 21 w 34"/>
                    <a:gd name="T25" fmla="*/ 5 h 25"/>
                    <a:gd name="T26" fmla="*/ 22 w 34"/>
                    <a:gd name="T27" fmla="*/ 7 h 25"/>
                    <a:gd name="T28" fmla="*/ 22 w 34"/>
                    <a:gd name="T29" fmla="*/ 10 h 25"/>
                    <a:gd name="T30" fmla="*/ 26 w 34"/>
                    <a:gd name="T31" fmla="*/ 14 h 25"/>
                    <a:gd name="T32" fmla="*/ 28 w 34"/>
                    <a:gd name="T33" fmla="*/ 15 h 25"/>
                    <a:gd name="T34" fmla="*/ 31 w 34"/>
                    <a:gd name="T35" fmla="*/ 17 h 25"/>
                    <a:gd name="T36" fmla="*/ 34 w 34"/>
                    <a:gd name="T37" fmla="*/ 17 h 25"/>
                    <a:gd name="T38" fmla="*/ 34 w 34"/>
                    <a:gd name="T39" fmla="*/ 17 h 25"/>
                    <a:gd name="T40" fmla="*/ 34 w 34"/>
                    <a:gd name="T41" fmla="*/ 19 h 25"/>
                    <a:gd name="T42" fmla="*/ 33 w 34"/>
                    <a:gd name="T43" fmla="*/ 19 h 25"/>
                    <a:gd name="T44" fmla="*/ 31 w 34"/>
                    <a:gd name="T45" fmla="*/ 20 h 25"/>
                    <a:gd name="T46" fmla="*/ 28 w 34"/>
                    <a:gd name="T47" fmla="*/ 22 h 25"/>
                    <a:gd name="T48" fmla="*/ 26 w 34"/>
                    <a:gd name="T49" fmla="*/ 24 h 25"/>
                    <a:gd name="T50" fmla="*/ 24 w 34"/>
                    <a:gd name="T51" fmla="*/ 25 h 25"/>
                    <a:gd name="T52" fmla="*/ 22 w 34"/>
                    <a:gd name="T53" fmla="*/ 25 h 25"/>
                    <a:gd name="T54" fmla="*/ 22 w 34"/>
                    <a:gd name="T55" fmla="*/ 25 h 25"/>
                    <a:gd name="T56" fmla="*/ 22 w 34"/>
                    <a:gd name="T57" fmla="*/ 25 h 25"/>
                    <a:gd name="T58" fmla="*/ 22 w 34"/>
                    <a:gd name="T59" fmla="*/ 25 h 25"/>
                    <a:gd name="T60" fmla="*/ 22 w 34"/>
                    <a:gd name="T61" fmla="*/ 24 h 25"/>
                    <a:gd name="T62" fmla="*/ 21 w 34"/>
                    <a:gd name="T63" fmla="*/ 20 h 25"/>
                    <a:gd name="T64" fmla="*/ 19 w 34"/>
                    <a:gd name="T65" fmla="*/ 19 h 25"/>
                    <a:gd name="T66" fmla="*/ 17 w 34"/>
                    <a:gd name="T67" fmla="*/ 15 h 25"/>
                    <a:gd name="T68" fmla="*/ 12 w 34"/>
                    <a:gd name="T69" fmla="*/ 14 h 25"/>
                    <a:gd name="T70" fmla="*/ 7 w 34"/>
                    <a:gd name="T71" fmla="*/ 10 h 25"/>
                    <a:gd name="T72" fmla="*/ 0 w 34"/>
                    <a:gd name="T73" fmla="*/ 10 h 25"/>
                    <a:gd name="T74" fmla="*/ 0 w 34"/>
                    <a:gd name="T75" fmla="*/ 10 h 25"/>
                    <a:gd name="T76" fmla="*/ 0 w 34"/>
                    <a:gd name="T77" fmla="*/ 9 h 25"/>
                    <a:gd name="T78" fmla="*/ 0 w 34"/>
                    <a:gd name="T79" fmla="*/ 5 h 25"/>
                    <a:gd name="T80" fmla="*/ 2 w 34"/>
                    <a:gd name="T81" fmla="*/ 2 h 25"/>
                    <a:gd name="T82" fmla="*/ 4 w 34"/>
                    <a:gd name="T83" fmla="*/ 0 h 25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w 34"/>
                    <a:gd name="T127" fmla="*/ 0 h 25"/>
                    <a:gd name="T128" fmla="*/ 34 w 34"/>
                    <a:gd name="T129" fmla="*/ 25 h 25"/>
                  </a:gdLst>
                  <a:ahLst/>
                  <a:cxnLst>
                    <a:cxn ang="T84">
                      <a:pos x="T0" y="T1"/>
                    </a:cxn>
                    <a:cxn ang="T85">
                      <a:pos x="T2" y="T3"/>
                    </a:cxn>
                    <a:cxn ang="T86">
                      <a:pos x="T4" y="T5"/>
                    </a:cxn>
                    <a:cxn ang="T87">
                      <a:pos x="T6" y="T7"/>
                    </a:cxn>
                    <a:cxn ang="T88">
                      <a:pos x="T8" y="T9"/>
                    </a:cxn>
                    <a:cxn ang="T89">
                      <a:pos x="T10" y="T11"/>
                    </a:cxn>
                    <a:cxn ang="T90">
                      <a:pos x="T12" y="T13"/>
                    </a:cxn>
                    <a:cxn ang="T91">
                      <a:pos x="T14" y="T15"/>
                    </a:cxn>
                    <a:cxn ang="T92">
                      <a:pos x="T16" y="T17"/>
                    </a:cxn>
                    <a:cxn ang="T93">
                      <a:pos x="T18" y="T19"/>
                    </a:cxn>
                    <a:cxn ang="T94">
                      <a:pos x="T20" y="T21"/>
                    </a:cxn>
                    <a:cxn ang="T95">
                      <a:pos x="T22" y="T23"/>
                    </a:cxn>
                    <a:cxn ang="T96">
                      <a:pos x="T24" y="T25"/>
                    </a:cxn>
                    <a:cxn ang="T97">
                      <a:pos x="T26" y="T27"/>
                    </a:cxn>
                    <a:cxn ang="T98">
                      <a:pos x="T28" y="T29"/>
                    </a:cxn>
                    <a:cxn ang="T99">
                      <a:pos x="T30" y="T31"/>
                    </a:cxn>
                    <a:cxn ang="T100">
                      <a:pos x="T32" y="T33"/>
                    </a:cxn>
                    <a:cxn ang="T101">
                      <a:pos x="T34" y="T35"/>
                    </a:cxn>
                    <a:cxn ang="T102">
                      <a:pos x="T36" y="T37"/>
                    </a:cxn>
                    <a:cxn ang="T103">
                      <a:pos x="T38" y="T39"/>
                    </a:cxn>
                    <a:cxn ang="T104">
                      <a:pos x="T40" y="T41"/>
                    </a:cxn>
                    <a:cxn ang="T105">
                      <a:pos x="T42" y="T43"/>
                    </a:cxn>
                    <a:cxn ang="T106">
                      <a:pos x="T44" y="T45"/>
                    </a:cxn>
                    <a:cxn ang="T107">
                      <a:pos x="T46" y="T47"/>
                    </a:cxn>
                    <a:cxn ang="T108">
                      <a:pos x="T48" y="T49"/>
                    </a:cxn>
                    <a:cxn ang="T109">
                      <a:pos x="T50" y="T51"/>
                    </a:cxn>
                    <a:cxn ang="T110">
                      <a:pos x="T52" y="T53"/>
                    </a:cxn>
                    <a:cxn ang="T111">
                      <a:pos x="T54" y="T55"/>
                    </a:cxn>
                    <a:cxn ang="T112">
                      <a:pos x="T56" y="T57"/>
                    </a:cxn>
                    <a:cxn ang="T113">
                      <a:pos x="T58" y="T59"/>
                    </a:cxn>
                    <a:cxn ang="T114">
                      <a:pos x="T60" y="T61"/>
                    </a:cxn>
                    <a:cxn ang="T115">
                      <a:pos x="T62" y="T63"/>
                    </a:cxn>
                    <a:cxn ang="T116">
                      <a:pos x="T64" y="T65"/>
                    </a:cxn>
                    <a:cxn ang="T117">
                      <a:pos x="T66" y="T67"/>
                    </a:cxn>
                    <a:cxn ang="T118">
                      <a:pos x="T68" y="T69"/>
                    </a:cxn>
                    <a:cxn ang="T119">
                      <a:pos x="T70" y="T71"/>
                    </a:cxn>
                    <a:cxn ang="T120">
                      <a:pos x="T72" y="T73"/>
                    </a:cxn>
                    <a:cxn ang="T121">
                      <a:pos x="T74" y="T75"/>
                    </a:cxn>
                    <a:cxn ang="T122">
                      <a:pos x="T76" y="T77"/>
                    </a:cxn>
                    <a:cxn ang="T123">
                      <a:pos x="T78" y="T79"/>
                    </a:cxn>
                    <a:cxn ang="T124">
                      <a:pos x="T80" y="T81"/>
                    </a:cxn>
                    <a:cxn ang="T125">
                      <a:pos x="T82" y="T83"/>
                    </a:cxn>
                  </a:cxnLst>
                  <a:rect l="T126" t="T127" r="T128" b="T129"/>
                  <a:pathLst>
                    <a:path w="34" h="25">
                      <a:moveTo>
                        <a:pt x="4" y="0"/>
                      </a:moveTo>
                      <a:lnTo>
                        <a:pt x="4" y="0"/>
                      </a:lnTo>
                      <a:lnTo>
                        <a:pt x="4" y="2"/>
                      </a:lnTo>
                      <a:lnTo>
                        <a:pt x="6" y="3"/>
                      </a:lnTo>
                      <a:lnTo>
                        <a:pt x="9" y="5"/>
                      </a:lnTo>
                      <a:lnTo>
                        <a:pt x="11" y="7"/>
                      </a:lnTo>
                      <a:lnTo>
                        <a:pt x="14" y="7"/>
                      </a:lnTo>
                      <a:lnTo>
                        <a:pt x="17" y="5"/>
                      </a:lnTo>
                      <a:lnTo>
                        <a:pt x="21" y="3"/>
                      </a:lnTo>
                      <a:lnTo>
                        <a:pt x="21" y="5"/>
                      </a:lnTo>
                      <a:lnTo>
                        <a:pt x="22" y="7"/>
                      </a:lnTo>
                      <a:lnTo>
                        <a:pt x="22" y="10"/>
                      </a:lnTo>
                      <a:lnTo>
                        <a:pt x="26" y="14"/>
                      </a:lnTo>
                      <a:lnTo>
                        <a:pt x="28" y="15"/>
                      </a:lnTo>
                      <a:lnTo>
                        <a:pt x="31" y="17"/>
                      </a:lnTo>
                      <a:lnTo>
                        <a:pt x="34" y="17"/>
                      </a:lnTo>
                      <a:lnTo>
                        <a:pt x="34" y="19"/>
                      </a:lnTo>
                      <a:lnTo>
                        <a:pt x="33" y="19"/>
                      </a:lnTo>
                      <a:lnTo>
                        <a:pt x="31" y="20"/>
                      </a:lnTo>
                      <a:lnTo>
                        <a:pt x="28" y="22"/>
                      </a:lnTo>
                      <a:lnTo>
                        <a:pt x="26" y="24"/>
                      </a:lnTo>
                      <a:lnTo>
                        <a:pt x="24" y="25"/>
                      </a:lnTo>
                      <a:lnTo>
                        <a:pt x="22" y="25"/>
                      </a:lnTo>
                      <a:lnTo>
                        <a:pt x="22" y="24"/>
                      </a:lnTo>
                      <a:lnTo>
                        <a:pt x="21" y="20"/>
                      </a:lnTo>
                      <a:lnTo>
                        <a:pt x="19" y="19"/>
                      </a:lnTo>
                      <a:lnTo>
                        <a:pt x="17" y="15"/>
                      </a:lnTo>
                      <a:lnTo>
                        <a:pt x="12" y="14"/>
                      </a:lnTo>
                      <a:lnTo>
                        <a:pt x="7" y="10"/>
                      </a:lnTo>
                      <a:lnTo>
                        <a:pt x="0" y="10"/>
                      </a:lnTo>
                      <a:lnTo>
                        <a:pt x="0" y="9"/>
                      </a:lnTo>
                      <a:lnTo>
                        <a:pt x="0" y="5"/>
                      </a:lnTo>
                      <a:lnTo>
                        <a:pt x="2" y="2"/>
                      </a:lnTo>
                      <a:lnTo>
                        <a:pt x="4" y="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226" name="Freeform 115"/>
              <p:cNvSpPr>
                <a:spLocks/>
              </p:cNvSpPr>
              <p:nvPr/>
            </p:nvSpPr>
            <p:spPr bwMode="auto">
              <a:xfrm>
                <a:off x="250" y="1142"/>
                <a:ext cx="769" cy="650"/>
              </a:xfrm>
              <a:custGeom>
                <a:avLst/>
                <a:gdLst>
                  <a:gd name="T0" fmla="*/ 149 w 791"/>
                  <a:gd name="T1" fmla="*/ 14 h 669"/>
                  <a:gd name="T2" fmla="*/ 137 w 791"/>
                  <a:gd name="T3" fmla="*/ 12 h 669"/>
                  <a:gd name="T4" fmla="*/ 122 w 791"/>
                  <a:gd name="T5" fmla="*/ 0 h 669"/>
                  <a:gd name="T6" fmla="*/ 116 w 791"/>
                  <a:gd name="T7" fmla="*/ 29 h 669"/>
                  <a:gd name="T8" fmla="*/ 89 w 791"/>
                  <a:gd name="T9" fmla="*/ 99 h 669"/>
                  <a:gd name="T10" fmla="*/ 71 w 791"/>
                  <a:gd name="T11" fmla="*/ 147 h 669"/>
                  <a:gd name="T12" fmla="*/ 55 w 791"/>
                  <a:gd name="T13" fmla="*/ 179 h 669"/>
                  <a:gd name="T14" fmla="*/ 40 w 791"/>
                  <a:gd name="T15" fmla="*/ 210 h 669"/>
                  <a:gd name="T16" fmla="*/ 27 w 791"/>
                  <a:gd name="T17" fmla="*/ 224 h 669"/>
                  <a:gd name="T18" fmla="*/ 24 w 791"/>
                  <a:gd name="T19" fmla="*/ 230 h 669"/>
                  <a:gd name="T20" fmla="*/ 14 w 791"/>
                  <a:gd name="T21" fmla="*/ 258 h 669"/>
                  <a:gd name="T22" fmla="*/ 12 w 791"/>
                  <a:gd name="T23" fmla="*/ 275 h 669"/>
                  <a:gd name="T24" fmla="*/ 12 w 791"/>
                  <a:gd name="T25" fmla="*/ 286 h 669"/>
                  <a:gd name="T26" fmla="*/ 2 w 791"/>
                  <a:gd name="T27" fmla="*/ 302 h 669"/>
                  <a:gd name="T28" fmla="*/ 0 w 791"/>
                  <a:gd name="T29" fmla="*/ 317 h 669"/>
                  <a:gd name="T30" fmla="*/ 2 w 791"/>
                  <a:gd name="T31" fmla="*/ 326 h 669"/>
                  <a:gd name="T32" fmla="*/ 4 w 791"/>
                  <a:gd name="T33" fmla="*/ 330 h 669"/>
                  <a:gd name="T34" fmla="*/ 10 w 791"/>
                  <a:gd name="T35" fmla="*/ 337 h 669"/>
                  <a:gd name="T36" fmla="*/ 25 w 791"/>
                  <a:gd name="T37" fmla="*/ 340 h 669"/>
                  <a:gd name="T38" fmla="*/ 59 w 791"/>
                  <a:gd name="T39" fmla="*/ 350 h 669"/>
                  <a:gd name="T40" fmla="*/ 98 w 791"/>
                  <a:gd name="T41" fmla="*/ 361 h 669"/>
                  <a:gd name="T42" fmla="*/ 145 w 791"/>
                  <a:gd name="T43" fmla="*/ 374 h 669"/>
                  <a:gd name="T44" fmla="*/ 193 w 791"/>
                  <a:gd name="T45" fmla="*/ 387 h 669"/>
                  <a:gd name="T46" fmla="*/ 247 w 791"/>
                  <a:gd name="T47" fmla="*/ 400 h 669"/>
                  <a:gd name="T48" fmla="*/ 291 w 791"/>
                  <a:gd name="T49" fmla="*/ 412 h 669"/>
                  <a:gd name="T50" fmla="*/ 330 w 791"/>
                  <a:gd name="T51" fmla="*/ 422 h 669"/>
                  <a:gd name="T52" fmla="*/ 367 w 791"/>
                  <a:gd name="T53" fmla="*/ 431 h 669"/>
                  <a:gd name="T54" fmla="*/ 398 w 791"/>
                  <a:gd name="T55" fmla="*/ 436 h 669"/>
                  <a:gd name="T56" fmla="*/ 421 w 791"/>
                  <a:gd name="T57" fmla="*/ 444 h 669"/>
                  <a:gd name="T58" fmla="*/ 432 w 791"/>
                  <a:gd name="T59" fmla="*/ 448 h 669"/>
                  <a:gd name="T60" fmla="*/ 462 w 791"/>
                  <a:gd name="T61" fmla="*/ 308 h 669"/>
                  <a:gd name="T62" fmla="*/ 477 w 791"/>
                  <a:gd name="T63" fmla="*/ 266 h 669"/>
                  <a:gd name="T64" fmla="*/ 466 w 791"/>
                  <a:gd name="T65" fmla="*/ 250 h 669"/>
                  <a:gd name="T66" fmla="*/ 470 w 791"/>
                  <a:gd name="T67" fmla="*/ 245 h 669"/>
                  <a:gd name="T68" fmla="*/ 492 w 791"/>
                  <a:gd name="T69" fmla="*/ 216 h 669"/>
                  <a:gd name="T70" fmla="*/ 531 w 791"/>
                  <a:gd name="T71" fmla="*/ 159 h 669"/>
                  <a:gd name="T72" fmla="*/ 515 w 791"/>
                  <a:gd name="T73" fmla="*/ 124 h 669"/>
                  <a:gd name="T74" fmla="*/ 398 w 791"/>
                  <a:gd name="T75" fmla="*/ 96 h 669"/>
                  <a:gd name="T76" fmla="*/ 383 w 791"/>
                  <a:gd name="T77" fmla="*/ 98 h 669"/>
                  <a:gd name="T78" fmla="*/ 367 w 791"/>
                  <a:gd name="T79" fmla="*/ 95 h 669"/>
                  <a:gd name="T80" fmla="*/ 357 w 791"/>
                  <a:gd name="T81" fmla="*/ 93 h 669"/>
                  <a:gd name="T82" fmla="*/ 350 w 791"/>
                  <a:gd name="T83" fmla="*/ 96 h 669"/>
                  <a:gd name="T84" fmla="*/ 319 w 791"/>
                  <a:gd name="T85" fmla="*/ 99 h 669"/>
                  <a:gd name="T86" fmla="*/ 297 w 791"/>
                  <a:gd name="T87" fmla="*/ 94 h 669"/>
                  <a:gd name="T88" fmla="*/ 283 w 791"/>
                  <a:gd name="T89" fmla="*/ 95 h 669"/>
                  <a:gd name="T90" fmla="*/ 265 w 791"/>
                  <a:gd name="T91" fmla="*/ 95 h 669"/>
                  <a:gd name="T92" fmla="*/ 244 w 791"/>
                  <a:gd name="T93" fmla="*/ 81 h 669"/>
                  <a:gd name="T94" fmla="*/ 228 w 791"/>
                  <a:gd name="T95" fmla="*/ 80 h 669"/>
                  <a:gd name="T96" fmla="*/ 212 w 791"/>
                  <a:gd name="T97" fmla="*/ 82 h 669"/>
                  <a:gd name="T98" fmla="*/ 193 w 791"/>
                  <a:gd name="T99" fmla="*/ 81 h 669"/>
                  <a:gd name="T100" fmla="*/ 185 w 791"/>
                  <a:gd name="T101" fmla="*/ 76 h 669"/>
                  <a:gd name="T102" fmla="*/ 178 w 791"/>
                  <a:gd name="T103" fmla="*/ 70 h 669"/>
                  <a:gd name="T104" fmla="*/ 177 w 791"/>
                  <a:gd name="T105" fmla="*/ 59 h 669"/>
                  <a:gd name="T106" fmla="*/ 177 w 791"/>
                  <a:gd name="T107" fmla="*/ 43 h 669"/>
                  <a:gd name="T108" fmla="*/ 172 w 791"/>
                  <a:gd name="T109" fmla="*/ 22 h 669"/>
                  <a:gd name="T110" fmla="*/ 159 w 791"/>
                  <a:gd name="T111" fmla="*/ 17 h 669"/>
                  <a:gd name="T112" fmla="*/ 154 w 791"/>
                  <a:gd name="T113" fmla="*/ 17 h 669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791"/>
                  <a:gd name="T172" fmla="*/ 0 h 669"/>
                  <a:gd name="T173" fmla="*/ 791 w 791"/>
                  <a:gd name="T174" fmla="*/ 669 h 669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791" h="669">
                    <a:moveTo>
                      <a:pt x="239" y="27"/>
                    </a:moveTo>
                    <a:lnTo>
                      <a:pt x="232" y="27"/>
                    </a:lnTo>
                    <a:lnTo>
                      <a:pt x="227" y="22"/>
                    </a:lnTo>
                    <a:lnTo>
                      <a:pt x="222" y="19"/>
                    </a:lnTo>
                    <a:lnTo>
                      <a:pt x="220" y="14"/>
                    </a:lnTo>
                    <a:lnTo>
                      <a:pt x="214" y="12"/>
                    </a:lnTo>
                    <a:lnTo>
                      <a:pt x="212" y="12"/>
                    </a:lnTo>
                    <a:lnTo>
                      <a:pt x="207" y="14"/>
                    </a:lnTo>
                    <a:lnTo>
                      <a:pt x="202" y="12"/>
                    </a:lnTo>
                    <a:lnTo>
                      <a:pt x="197" y="9"/>
                    </a:lnTo>
                    <a:lnTo>
                      <a:pt x="193" y="9"/>
                    </a:lnTo>
                    <a:lnTo>
                      <a:pt x="190" y="12"/>
                    </a:lnTo>
                    <a:lnTo>
                      <a:pt x="185" y="7"/>
                    </a:lnTo>
                    <a:lnTo>
                      <a:pt x="181" y="0"/>
                    </a:lnTo>
                    <a:lnTo>
                      <a:pt x="178" y="0"/>
                    </a:lnTo>
                    <a:lnTo>
                      <a:pt x="180" y="17"/>
                    </a:lnTo>
                    <a:lnTo>
                      <a:pt x="178" y="26"/>
                    </a:lnTo>
                    <a:lnTo>
                      <a:pt x="168" y="34"/>
                    </a:lnTo>
                    <a:lnTo>
                      <a:pt x="173" y="43"/>
                    </a:lnTo>
                    <a:lnTo>
                      <a:pt x="168" y="48"/>
                    </a:lnTo>
                    <a:lnTo>
                      <a:pt x="161" y="63"/>
                    </a:lnTo>
                    <a:lnTo>
                      <a:pt x="164" y="73"/>
                    </a:lnTo>
                    <a:lnTo>
                      <a:pt x="156" y="88"/>
                    </a:lnTo>
                    <a:lnTo>
                      <a:pt x="134" y="147"/>
                    </a:lnTo>
                    <a:lnTo>
                      <a:pt x="119" y="169"/>
                    </a:lnTo>
                    <a:lnTo>
                      <a:pt x="119" y="176"/>
                    </a:lnTo>
                    <a:lnTo>
                      <a:pt x="102" y="222"/>
                    </a:lnTo>
                    <a:lnTo>
                      <a:pt x="104" y="222"/>
                    </a:lnTo>
                    <a:lnTo>
                      <a:pt x="104" y="220"/>
                    </a:lnTo>
                    <a:lnTo>
                      <a:pt x="102" y="222"/>
                    </a:lnTo>
                    <a:lnTo>
                      <a:pt x="95" y="239"/>
                    </a:lnTo>
                    <a:lnTo>
                      <a:pt x="90" y="254"/>
                    </a:lnTo>
                    <a:lnTo>
                      <a:pt x="83" y="268"/>
                    </a:lnTo>
                    <a:lnTo>
                      <a:pt x="76" y="279"/>
                    </a:lnTo>
                    <a:lnTo>
                      <a:pt x="71" y="290"/>
                    </a:lnTo>
                    <a:lnTo>
                      <a:pt x="66" y="300"/>
                    </a:lnTo>
                    <a:lnTo>
                      <a:pt x="61" y="308"/>
                    </a:lnTo>
                    <a:lnTo>
                      <a:pt x="56" y="315"/>
                    </a:lnTo>
                    <a:lnTo>
                      <a:pt x="53" y="322"/>
                    </a:lnTo>
                    <a:lnTo>
                      <a:pt x="49" y="327"/>
                    </a:lnTo>
                    <a:lnTo>
                      <a:pt x="46" y="332"/>
                    </a:lnTo>
                    <a:lnTo>
                      <a:pt x="43" y="335"/>
                    </a:lnTo>
                    <a:lnTo>
                      <a:pt x="41" y="337"/>
                    </a:lnTo>
                    <a:lnTo>
                      <a:pt x="39" y="339"/>
                    </a:lnTo>
                    <a:lnTo>
                      <a:pt x="39" y="340"/>
                    </a:lnTo>
                    <a:lnTo>
                      <a:pt x="39" y="344"/>
                    </a:lnTo>
                    <a:lnTo>
                      <a:pt x="38" y="345"/>
                    </a:lnTo>
                    <a:lnTo>
                      <a:pt x="34" y="351"/>
                    </a:lnTo>
                    <a:lnTo>
                      <a:pt x="31" y="359"/>
                    </a:lnTo>
                    <a:lnTo>
                      <a:pt x="24" y="367"/>
                    </a:lnTo>
                    <a:lnTo>
                      <a:pt x="19" y="378"/>
                    </a:lnTo>
                    <a:lnTo>
                      <a:pt x="14" y="386"/>
                    </a:lnTo>
                    <a:lnTo>
                      <a:pt x="10" y="393"/>
                    </a:lnTo>
                    <a:lnTo>
                      <a:pt x="9" y="396"/>
                    </a:lnTo>
                    <a:lnTo>
                      <a:pt x="10" y="401"/>
                    </a:lnTo>
                    <a:lnTo>
                      <a:pt x="12" y="406"/>
                    </a:lnTo>
                    <a:lnTo>
                      <a:pt x="12" y="411"/>
                    </a:lnTo>
                    <a:lnTo>
                      <a:pt x="12" y="417"/>
                    </a:lnTo>
                    <a:lnTo>
                      <a:pt x="12" y="420"/>
                    </a:lnTo>
                    <a:lnTo>
                      <a:pt x="12" y="423"/>
                    </a:lnTo>
                    <a:lnTo>
                      <a:pt x="12" y="427"/>
                    </a:lnTo>
                    <a:lnTo>
                      <a:pt x="12" y="428"/>
                    </a:lnTo>
                    <a:lnTo>
                      <a:pt x="9" y="432"/>
                    </a:lnTo>
                    <a:lnTo>
                      <a:pt x="7" y="437"/>
                    </a:lnTo>
                    <a:lnTo>
                      <a:pt x="5" y="442"/>
                    </a:lnTo>
                    <a:lnTo>
                      <a:pt x="4" y="447"/>
                    </a:lnTo>
                    <a:lnTo>
                      <a:pt x="2" y="452"/>
                    </a:lnTo>
                    <a:lnTo>
                      <a:pt x="2" y="457"/>
                    </a:lnTo>
                    <a:lnTo>
                      <a:pt x="0" y="462"/>
                    </a:lnTo>
                    <a:lnTo>
                      <a:pt x="0" y="466"/>
                    </a:lnTo>
                    <a:lnTo>
                      <a:pt x="0" y="471"/>
                    </a:lnTo>
                    <a:lnTo>
                      <a:pt x="0" y="474"/>
                    </a:lnTo>
                    <a:lnTo>
                      <a:pt x="0" y="477"/>
                    </a:lnTo>
                    <a:lnTo>
                      <a:pt x="2" y="481"/>
                    </a:lnTo>
                    <a:lnTo>
                      <a:pt x="2" y="484"/>
                    </a:lnTo>
                    <a:lnTo>
                      <a:pt x="2" y="486"/>
                    </a:lnTo>
                    <a:lnTo>
                      <a:pt x="2" y="488"/>
                    </a:lnTo>
                    <a:lnTo>
                      <a:pt x="2" y="489"/>
                    </a:lnTo>
                    <a:lnTo>
                      <a:pt x="4" y="491"/>
                    </a:lnTo>
                    <a:lnTo>
                      <a:pt x="4" y="494"/>
                    </a:lnTo>
                    <a:lnTo>
                      <a:pt x="5" y="496"/>
                    </a:lnTo>
                    <a:lnTo>
                      <a:pt x="5" y="498"/>
                    </a:lnTo>
                    <a:lnTo>
                      <a:pt x="7" y="499"/>
                    </a:lnTo>
                    <a:lnTo>
                      <a:pt x="7" y="501"/>
                    </a:lnTo>
                    <a:lnTo>
                      <a:pt x="10" y="503"/>
                    </a:lnTo>
                    <a:lnTo>
                      <a:pt x="16" y="503"/>
                    </a:lnTo>
                    <a:lnTo>
                      <a:pt x="21" y="506"/>
                    </a:lnTo>
                    <a:lnTo>
                      <a:pt x="26" y="508"/>
                    </a:lnTo>
                    <a:lnTo>
                      <a:pt x="32" y="510"/>
                    </a:lnTo>
                    <a:lnTo>
                      <a:pt x="39" y="511"/>
                    </a:lnTo>
                    <a:lnTo>
                      <a:pt x="48" y="515"/>
                    </a:lnTo>
                    <a:lnTo>
                      <a:pt x="56" y="516"/>
                    </a:lnTo>
                    <a:lnTo>
                      <a:pt x="66" y="520"/>
                    </a:lnTo>
                    <a:lnTo>
                      <a:pt x="76" y="521"/>
                    </a:lnTo>
                    <a:lnTo>
                      <a:pt x="87" y="525"/>
                    </a:lnTo>
                    <a:lnTo>
                      <a:pt x="97" y="528"/>
                    </a:lnTo>
                    <a:lnTo>
                      <a:pt x="109" y="532"/>
                    </a:lnTo>
                    <a:lnTo>
                      <a:pt x="120" y="535"/>
                    </a:lnTo>
                    <a:lnTo>
                      <a:pt x="132" y="538"/>
                    </a:lnTo>
                    <a:lnTo>
                      <a:pt x="146" y="542"/>
                    </a:lnTo>
                    <a:lnTo>
                      <a:pt x="159" y="545"/>
                    </a:lnTo>
                    <a:lnTo>
                      <a:pt x="173" y="549"/>
                    </a:lnTo>
                    <a:lnTo>
                      <a:pt x="186" y="552"/>
                    </a:lnTo>
                    <a:lnTo>
                      <a:pt x="200" y="555"/>
                    </a:lnTo>
                    <a:lnTo>
                      <a:pt x="214" y="560"/>
                    </a:lnTo>
                    <a:lnTo>
                      <a:pt x="229" y="564"/>
                    </a:lnTo>
                    <a:lnTo>
                      <a:pt x="244" y="567"/>
                    </a:lnTo>
                    <a:lnTo>
                      <a:pt x="259" y="572"/>
                    </a:lnTo>
                    <a:lnTo>
                      <a:pt x="274" y="576"/>
                    </a:lnTo>
                    <a:lnTo>
                      <a:pt x="288" y="579"/>
                    </a:lnTo>
                    <a:lnTo>
                      <a:pt x="305" y="584"/>
                    </a:lnTo>
                    <a:lnTo>
                      <a:pt x="318" y="587"/>
                    </a:lnTo>
                    <a:lnTo>
                      <a:pt x="335" y="591"/>
                    </a:lnTo>
                    <a:lnTo>
                      <a:pt x="349" y="594"/>
                    </a:lnTo>
                    <a:lnTo>
                      <a:pt x="366" y="599"/>
                    </a:lnTo>
                    <a:lnTo>
                      <a:pt x="379" y="603"/>
                    </a:lnTo>
                    <a:lnTo>
                      <a:pt x="393" y="606"/>
                    </a:lnTo>
                    <a:lnTo>
                      <a:pt x="406" y="609"/>
                    </a:lnTo>
                    <a:lnTo>
                      <a:pt x="418" y="613"/>
                    </a:lnTo>
                    <a:lnTo>
                      <a:pt x="432" y="616"/>
                    </a:lnTo>
                    <a:lnTo>
                      <a:pt x="444" y="620"/>
                    </a:lnTo>
                    <a:lnTo>
                      <a:pt x="456" y="621"/>
                    </a:lnTo>
                    <a:lnTo>
                      <a:pt x="469" y="625"/>
                    </a:lnTo>
                    <a:lnTo>
                      <a:pt x="479" y="628"/>
                    </a:lnTo>
                    <a:lnTo>
                      <a:pt x="491" y="631"/>
                    </a:lnTo>
                    <a:lnTo>
                      <a:pt x="503" y="633"/>
                    </a:lnTo>
                    <a:lnTo>
                      <a:pt x="515" y="637"/>
                    </a:lnTo>
                    <a:lnTo>
                      <a:pt x="525" y="640"/>
                    </a:lnTo>
                    <a:lnTo>
                      <a:pt x="535" y="642"/>
                    </a:lnTo>
                    <a:lnTo>
                      <a:pt x="545" y="645"/>
                    </a:lnTo>
                    <a:lnTo>
                      <a:pt x="555" y="647"/>
                    </a:lnTo>
                    <a:lnTo>
                      <a:pt x="564" y="650"/>
                    </a:lnTo>
                    <a:lnTo>
                      <a:pt x="574" y="652"/>
                    </a:lnTo>
                    <a:lnTo>
                      <a:pt x="582" y="653"/>
                    </a:lnTo>
                    <a:lnTo>
                      <a:pt x="589" y="655"/>
                    </a:lnTo>
                    <a:lnTo>
                      <a:pt x="598" y="657"/>
                    </a:lnTo>
                    <a:lnTo>
                      <a:pt x="604" y="659"/>
                    </a:lnTo>
                    <a:lnTo>
                      <a:pt x="611" y="660"/>
                    </a:lnTo>
                    <a:lnTo>
                      <a:pt x="616" y="662"/>
                    </a:lnTo>
                    <a:lnTo>
                      <a:pt x="623" y="664"/>
                    </a:lnTo>
                    <a:lnTo>
                      <a:pt x="626" y="665"/>
                    </a:lnTo>
                    <a:lnTo>
                      <a:pt x="632" y="667"/>
                    </a:lnTo>
                    <a:lnTo>
                      <a:pt x="635" y="667"/>
                    </a:lnTo>
                    <a:lnTo>
                      <a:pt x="638" y="667"/>
                    </a:lnTo>
                    <a:lnTo>
                      <a:pt x="640" y="669"/>
                    </a:lnTo>
                    <a:lnTo>
                      <a:pt x="643" y="669"/>
                    </a:lnTo>
                    <a:lnTo>
                      <a:pt x="689" y="474"/>
                    </a:lnTo>
                    <a:lnTo>
                      <a:pt x="687" y="461"/>
                    </a:lnTo>
                    <a:lnTo>
                      <a:pt x="706" y="428"/>
                    </a:lnTo>
                    <a:lnTo>
                      <a:pt x="706" y="418"/>
                    </a:lnTo>
                    <a:lnTo>
                      <a:pt x="711" y="411"/>
                    </a:lnTo>
                    <a:lnTo>
                      <a:pt x="714" y="403"/>
                    </a:lnTo>
                    <a:lnTo>
                      <a:pt x="709" y="398"/>
                    </a:lnTo>
                    <a:lnTo>
                      <a:pt x="691" y="386"/>
                    </a:lnTo>
                    <a:lnTo>
                      <a:pt x="692" y="378"/>
                    </a:lnTo>
                    <a:lnTo>
                      <a:pt x="692" y="376"/>
                    </a:lnTo>
                    <a:lnTo>
                      <a:pt x="692" y="374"/>
                    </a:lnTo>
                    <a:lnTo>
                      <a:pt x="694" y="373"/>
                    </a:lnTo>
                    <a:lnTo>
                      <a:pt x="694" y="371"/>
                    </a:lnTo>
                    <a:lnTo>
                      <a:pt x="696" y="369"/>
                    </a:lnTo>
                    <a:lnTo>
                      <a:pt x="696" y="367"/>
                    </a:lnTo>
                    <a:lnTo>
                      <a:pt x="696" y="366"/>
                    </a:lnTo>
                    <a:lnTo>
                      <a:pt x="701" y="356"/>
                    </a:lnTo>
                    <a:lnTo>
                      <a:pt x="706" y="347"/>
                    </a:lnTo>
                    <a:lnTo>
                      <a:pt x="714" y="339"/>
                    </a:lnTo>
                    <a:lnTo>
                      <a:pt x="721" y="330"/>
                    </a:lnTo>
                    <a:lnTo>
                      <a:pt x="730" y="323"/>
                    </a:lnTo>
                    <a:lnTo>
                      <a:pt x="736" y="318"/>
                    </a:lnTo>
                    <a:lnTo>
                      <a:pt x="740" y="315"/>
                    </a:lnTo>
                    <a:lnTo>
                      <a:pt x="742" y="313"/>
                    </a:lnTo>
                    <a:lnTo>
                      <a:pt x="742" y="305"/>
                    </a:lnTo>
                    <a:lnTo>
                      <a:pt x="789" y="239"/>
                    </a:lnTo>
                    <a:lnTo>
                      <a:pt x="791" y="230"/>
                    </a:lnTo>
                    <a:lnTo>
                      <a:pt x="784" y="217"/>
                    </a:lnTo>
                    <a:lnTo>
                      <a:pt x="774" y="208"/>
                    </a:lnTo>
                    <a:lnTo>
                      <a:pt x="762" y="185"/>
                    </a:lnTo>
                    <a:lnTo>
                      <a:pt x="764" y="186"/>
                    </a:lnTo>
                    <a:lnTo>
                      <a:pt x="596" y="144"/>
                    </a:lnTo>
                    <a:lnTo>
                      <a:pt x="594" y="144"/>
                    </a:lnTo>
                    <a:lnTo>
                      <a:pt x="593" y="144"/>
                    </a:lnTo>
                    <a:lnTo>
                      <a:pt x="589" y="144"/>
                    </a:lnTo>
                    <a:lnTo>
                      <a:pt x="586" y="144"/>
                    </a:lnTo>
                    <a:lnTo>
                      <a:pt x="582" y="146"/>
                    </a:lnTo>
                    <a:lnTo>
                      <a:pt x="577" y="146"/>
                    </a:lnTo>
                    <a:lnTo>
                      <a:pt x="574" y="146"/>
                    </a:lnTo>
                    <a:lnTo>
                      <a:pt x="569" y="146"/>
                    </a:lnTo>
                    <a:lnTo>
                      <a:pt x="564" y="146"/>
                    </a:lnTo>
                    <a:lnTo>
                      <a:pt x="559" y="146"/>
                    </a:lnTo>
                    <a:lnTo>
                      <a:pt x="554" y="144"/>
                    </a:lnTo>
                    <a:lnTo>
                      <a:pt x="549" y="144"/>
                    </a:lnTo>
                    <a:lnTo>
                      <a:pt x="544" y="142"/>
                    </a:lnTo>
                    <a:lnTo>
                      <a:pt x="538" y="141"/>
                    </a:lnTo>
                    <a:lnTo>
                      <a:pt x="533" y="139"/>
                    </a:lnTo>
                    <a:lnTo>
                      <a:pt x="532" y="139"/>
                    </a:lnTo>
                    <a:lnTo>
                      <a:pt x="530" y="139"/>
                    </a:lnTo>
                    <a:lnTo>
                      <a:pt x="528" y="139"/>
                    </a:lnTo>
                    <a:lnTo>
                      <a:pt x="527" y="141"/>
                    </a:lnTo>
                    <a:lnTo>
                      <a:pt x="523" y="142"/>
                    </a:lnTo>
                    <a:lnTo>
                      <a:pt x="522" y="144"/>
                    </a:lnTo>
                    <a:lnTo>
                      <a:pt x="520" y="144"/>
                    </a:lnTo>
                    <a:lnTo>
                      <a:pt x="498" y="144"/>
                    </a:lnTo>
                    <a:lnTo>
                      <a:pt x="496" y="144"/>
                    </a:lnTo>
                    <a:lnTo>
                      <a:pt x="491" y="144"/>
                    </a:lnTo>
                    <a:lnTo>
                      <a:pt x="483" y="146"/>
                    </a:lnTo>
                    <a:lnTo>
                      <a:pt x="472" y="147"/>
                    </a:lnTo>
                    <a:lnTo>
                      <a:pt x="464" y="147"/>
                    </a:lnTo>
                    <a:lnTo>
                      <a:pt x="454" y="147"/>
                    </a:lnTo>
                    <a:lnTo>
                      <a:pt x="447" y="144"/>
                    </a:lnTo>
                    <a:lnTo>
                      <a:pt x="440" y="141"/>
                    </a:lnTo>
                    <a:lnTo>
                      <a:pt x="437" y="141"/>
                    </a:lnTo>
                    <a:lnTo>
                      <a:pt x="434" y="141"/>
                    </a:lnTo>
                    <a:lnTo>
                      <a:pt x="428" y="141"/>
                    </a:lnTo>
                    <a:lnTo>
                      <a:pt x="423" y="141"/>
                    </a:lnTo>
                    <a:lnTo>
                      <a:pt x="420" y="142"/>
                    </a:lnTo>
                    <a:lnTo>
                      <a:pt x="417" y="142"/>
                    </a:lnTo>
                    <a:lnTo>
                      <a:pt x="408" y="141"/>
                    </a:lnTo>
                    <a:lnTo>
                      <a:pt x="395" y="144"/>
                    </a:lnTo>
                    <a:lnTo>
                      <a:pt x="395" y="142"/>
                    </a:lnTo>
                    <a:lnTo>
                      <a:pt x="390" y="139"/>
                    </a:lnTo>
                    <a:lnTo>
                      <a:pt x="384" y="134"/>
                    </a:lnTo>
                    <a:lnTo>
                      <a:pt x="376" y="129"/>
                    </a:lnTo>
                    <a:lnTo>
                      <a:pt x="369" y="124"/>
                    </a:lnTo>
                    <a:lnTo>
                      <a:pt x="361" y="120"/>
                    </a:lnTo>
                    <a:lnTo>
                      <a:pt x="352" y="117"/>
                    </a:lnTo>
                    <a:lnTo>
                      <a:pt x="346" y="117"/>
                    </a:lnTo>
                    <a:lnTo>
                      <a:pt x="344" y="117"/>
                    </a:lnTo>
                    <a:lnTo>
                      <a:pt x="342" y="117"/>
                    </a:lnTo>
                    <a:lnTo>
                      <a:pt x="339" y="119"/>
                    </a:lnTo>
                    <a:lnTo>
                      <a:pt x="335" y="119"/>
                    </a:lnTo>
                    <a:lnTo>
                      <a:pt x="332" y="120"/>
                    </a:lnTo>
                    <a:lnTo>
                      <a:pt x="327" y="120"/>
                    </a:lnTo>
                    <a:lnTo>
                      <a:pt x="320" y="122"/>
                    </a:lnTo>
                    <a:lnTo>
                      <a:pt x="315" y="122"/>
                    </a:lnTo>
                    <a:lnTo>
                      <a:pt x="310" y="122"/>
                    </a:lnTo>
                    <a:lnTo>
                      <a:pt x="303" y="122"/>
                    </a:lnTo>
                    <a:lnTo>
                      <a:pt x="298" y="122"/>
                    </a:lnTo>
                    <a:lnTo>
                      <a:pt x="293" y="122"/>
                    </a:lnTo>
                    <a:lnTo>
                      <a:pt x="288" y="120"/>
                    </a:lnTo>
                    <a:lnTo>
                      <a:pt x="283" y="119"/>
                    </a:lnTo>
                    <a:lnTo>
                      <a:pt x="280" y="117"/>
                    </a:lnTo>
                    <a:lnTo>
                      <a:pt x="278" y="114"/>
                    </a:lnTo>
                    <a:lnTo>
                      <a:pt x="276" y="112"/>
                    </a:lnTo>
                    <a:lnTo>
                      <a:pt x="274" y="112"/>
                    </a:lnTo>
                    <a:lnTo>
                      <a:pt x="273" y="110"/>
                    </a:lnTo>
                    <a:lnTo>
                      <a:pt x="269" y="107"/>
                    </a:lnTo>
                    <a:lnTo>
                      <a:pt x="268" y="105"/>
                    </a:lnTo>
                    <a:lnTo>
                      <a:pt x="266" y="103"/>
                    </a:lnTo>
                    <a:lnTo>
                      <a:pt x="264" y="103"/>
                    </a:lnTo>
                    <a:lnTo>
                      <a:pt x="259" y="92"/>
                    </a:lnTo>
                    <a:lnTo>
                      <a:pt x="259" y="90"/>
                    </a:lnTo>
                    <a:lnTo>
                      <a:pt x="261" y="87"/>
                    </a:lnTo>
                    <a:lnTo>
                      <a:pt x="261" y="83"/>
                    </a:lnTo>
                    <a:lnTo>
                      <a:pt x="263" y="78"/>
                    </a:lnTo>
                    <a:lnTo>
                      <a:pt x="263" y="73"/>
                    </a:lnTo>
                    <a:lnTo>
                      <a:pt x="263" y="68"/>
                    </a:lnTo>
                    <a:lnTo>
                      <a:pt x="263" y="63"/>
                    </a:lnTo>
                    <a:lnTo>
                      <a:pt x="263" y="56"/>
                    </a:lnTo>
                    <a:lnTo>
                      <a:pt x="261" y="51"/>
                    </a:lnTo>
                    <a:lnTo>
                      <a:pt x="261" y="46"/>
                    </a:lnTo>
                    <a:lnTo>
                      <a:pt x="258" y="41"/>
                    </a:lnTo>
                    <a:lnTo>
                      <a:pt x="254" y="36"/>
                    </a:lnTo>
                    <a:lnTo>
                      <a:pt x="251" y="32"/>
                    </a:lnTo>
                    <a:lnTo>
                      <a:pt x="246" y="29"/>
                    </a:lnTo>
                    <a:lnTo>
                      <a:pt x="239" y="27"/>
                    </a:lnTo>
                    <a:lnTo>
                      <a:pt x="237" y="27"/>
                    </a:lnTo>
                    <a:lnTo>
                      <a:pt x="236" y="27"/>
                    </a:lnTo>
                    <a:lnTo>
                      <a:pt x="232" y="26"/>
                    </a:lnTo>
                    <a:lnTo>
                      <a:pt x="230" y="26"/>
                    </a:lnTo>
                    <a:lnTo>
                      <a:pt x="229" y="26"/>
                    </a:lnTo>
                    <a:lnTo>
                      <a:pt x="227" y="26"/>
                    </a:lnTo>
                    <a:lnTo>
                      <a:pt x="239" y="27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27" name="Freeform 116"/>
              <p:cNvSpPr>
                <a:spLocks/>
              </p:cNvSpPr>
              <p:nvPr/>
            </p:nvSpPr>
            <p:spPr bwMode="auto">
              <a:xfrm>
                <a:off x="875" y="965"/>
                <a:ext cx="570" cy="930"/>
              </a:xfrm>
              <a:custGeom>
                <a:avLst/>
                <a:gdLst>
                  <a:gd name="T0" fmla="*/ 177 w 586"/>
                  <a:gd name="T1" fmla="*/ 129 h 958"/>
                  <a:gd name="T2" fmla="*/ 183 w 586"/>
                  <a:gd name="T3" fmla="*/ 147 h 958"/>
                  <a:gd name="T4" fmla="*/ 183 w 586"/>
                  <a:gd name="T5" fmla="*/ 152 h 958"/>
                  <a:gd name="T6" fmla="*/ 191 w 586"/>
                  <a:gd name="T7" fmla="*/ 156 h 958"/>
                  <a:gd name="T8" fmla="*/ 200 w 586"/>
                  <a:gd name="T9" fmla="*/ 173 h 958"/>
                  <a:gd name="T10" fmla="*/ 208 w 586"/>
                  <a:gd name="T11" fmla="*/ 192 h 958"/>
                  <a:gd name="T12" fmla="*/ 214 w 586"/>
                  <a:gd name="T13" fmla="*/ 202 h 958"/>
                  <a:gd name="T14" fmla="*/ 227 w 586"/>
                  <a:gd name="T15" fmla="*/ 217 h 958"/>
                  <a:gd name="T16" fmla="*/ 232 w 586"/>
                  <a:gd name="T17" fmla="*/ 242 h 958"/>
                  <a:gd name="T18" fmla="*/ 222 w 586"/>
                  <a:gd name="T19" fmla="*/ 265 h 958"/>
                  <a:gd name="T20" fmla="*/ 222 w 586"/>
                  <a:gd name="T21" fmla="*/ 281 h 958"/>
                  <a:gd name="T22" fmla="*/ 213 w 586"/>
                  <a:gd name="T23" fmla="*/ 292 h 958"/>
                  <a:gd name="T24" fmla="*/ 211 w 586"/>
                  <a:gd name="T25" fmla="*/ 305 h 958"/>
                  <a:gd name="T26" fmla="*/ 247 w 586"/>
                  <a:gd name="T27" fmla="*/ 300 h 958"/>
                  <a:gd name="T28" fmla="*/ 250 w 586"/>
                  <a:gd name="T29" fmla="*/ 299 h 958"/>
                  <a:gd name="T30" fmla="*/ 253 w 586"/>
                  <a:gd name="T31" fmla="*/ 329 h 958"/>
                  <a:gd name="T32" fmla="*/ 259 w 586"/>
                  <a:gd name="T33" fmla="*/ 348 h 958"/>
                  <a:gd name="T34" fmla="*/ 264 w 586"/>
                  <a:gd name="T35" fmla="*/ 360 h 958"/>
                  <a:gd name="T36" fmla="*/ 261 w 586"/>
                  <a:gd name="T37" fmla="*/ 369 h 958"/>
                  <a:gd name="T38" fmla="*/ 270 w 586"/>
                  <a:gd name="T39" fmla="*/ 378 h 958"/>
                  <a:gd name="T40" fmla="*/ 282 w 586"/>
                  <a:gd name="T41" fmla="*/ 394 h 958"/>
                  <a:gd name="T42" fmla="*/ 284 w 586"/>
                  <a:gd name="T43" fmla="*/ 415 h 958"/>
                  <a:gd name="T44" fmla="*/ 292 w 586"/>
                  <a:gd name="T45" fmla="*/ 419 h 958"/>
                  <a:gd name="T46" fmla="*/ 295 w 586"/>
                  <a:gd name="T47" fmla="*/ 411 h 958"/>
                  <a:gd name="T48" fmla="*/ 308 w 586"/>
                  <a:gd name="T49" fmla="*/ 413 h 958"/>
                  <a:gd name="T50" fmla="*/ 320 w 586"/>
                  <a:gd name="T51" fmla="*/ 416 h 958"/>
                  <a:gd name="T52" fmla="*/ 327 w 586"/>
                  <a:gd name="T53" fmla="*/ 409 h 958"/>
                  <a:gd name="T54" fmla="*/ 334 w 586"/>
                  <a:gd name="T55" fmla="*/ 411 h 958"/>
                  <a:gd name="T56" fmla="*/ 352 w 586"/>
                  <a:gd name="T57" fmla="*/ 413 h 958"/>
                  <a:gd name="T58" fmla="*/ 386 w 586"/>
                  <a:gd name="T59" fmla="*/ 403 h 958"/>
                  <a:gd name="T60" fmla="*/ 183 w 586"/>
                  <a:gd name="T61" fmla="*/ 599 h 958"/>
                  <a:gd name="T62" fmla="*/ 176 w 586"/>
                  <a:gd name="T63" fmla="*/ 598 h 958"/>
                  <a:gd name="T64" fmla="*/ 156 w 586"/>
                  <a:gd name="T65" fmla="*/ 595 h 958"/>
                  <a:gd name="T66" fmla="*/ 125 w 586"/>
                  <a:gd name="T67" fmla="*/ 588 h 958"/>
                  <a:gd name="T68" fmla="*/ 89 w 586"/>
                  <a:gd name="T69" fmla="*/ 580 h 958"/>
                  <a:gd name="T70" fmla="*/ 51 w 586"/>
                  <a:gd name="T71" fmla="*/ 572 h 958"/>
                  <a:gd name="T72" fmla="*/ 18 w 586"/>
                  <a:gd name="T73" fmla="*/ 564 h 958"/>
                  <a:gd name="T74" fmla="*/ 44 w 586"/>
                  <a:gd name="T75" fmla="*/ 403 h 958"/>
                  <a:gd name="T76" fmla="*/ 34 w 586"/>
                  <a:gd name="T77" fmla="*/ 375 h 958"/>
                  <a:gd name="T78" fmla="*/ 37 w 586"/>
                  <a:gd name="T79" fmla="*/ 368 h 958"/>
                  <a:gd name="T80" fmla="*/ 42 w 586"/>
                  <a:gd name="T81" fmla="*/ 356 h 958"/>
                  <a:gd name="T82" fmla="*/ 64 w 586"/>
                  <a:gd name="T83" fmla="*/ 330 h 958"/>
                  <a:gd name="T84" fmla="*/ 101 w 586"/>
                  <a:gd name="T85" fmla="*/ 273 h 958"/>
                  <a:gd name="T86" fmla="*/ 83 w 586"/>
                  <a:gd name="T87" fmla="*/ 228 h 958"/>
                  <a:gd name="T88" fmla="*/ 83 w 586"/>
                  <a:gd name="T89" fmla="*/ 198 h 958"/>
                  <a:gd name="T90" fmla="*/ 89 w 586"/>
                  <a:gd name="T91" fmla="*/ 176 h 958"/>
                  <a:gd name="T92" fmla="*/ 98 w 586"/>
                  <a:gd name="T93" fmla="*/ 137 h 958"/>
                  <a:gd name="T94" fmla="*/ 109 w 586"/>
                  <a:gd name="T95" fmla="*/ 91 h 958"/>
                  <a:gd name="T96" fmla="*/ 118 w 586"/>
                  <a:gd name="T97" fmla="*/ 46 h 958"/>
                  <a:gd name="T98" fmla="*/ 125 w 586"/>
                  <a:gd name="T99" fmla="*/ 17 h 958"/>
                  <a:gd name="T100" fmla="*/ 127 w 586"/>
                  <a:gd name="T101" fmla="*/ 0 h 958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w 586"/>
                  <a:gd name="T154" fmla="*/ 0 h 958"/>
                  <a:gd name="T155" fmla="*/ 586 w 586"/>
                  <a:gd name="T156" fmla="*/ 958 h 958"/>
                </a:gdLst>
                <a:ahLst/>
                <a:cxnLst>
                  <a:cxn ang="T102">
                    <a:pos x="T0" y="T1"/>
                  </a:cxn>
                  <a:cxn ang="T103">
                    <a:pos x="T2" y="T3"/>
                  </a:cxn>
                  <a:cxn ang="T104">
                    <a:pos x="T4" y="T5"/>
                  </a:cxn>
                  <a:cxn ang="T105">
                    <a:pos x="T6" y="T7"/>
                  </a:cxn>
                  <a:cxn ang="T106">
                    <a:pos x="T8" y="T9"/>
                  </a:cxn>
                  <a:cxn ang="T107">
                    <a:pos x="T10" y="T11"/>
                  </a:cxn>
                  <a:cxn ang="T108">
                    <a:pos x="T12" y="T13"/>
                  </a:cxn>
                  <a:cxn ang="T109">
                    <a:pos x="T14" y="T15"/>
                  </a:cxn>
                  <a:cxn ang="T110">
                    <a:pos x="T16" y="T17"/>
                  </a:cxn>
                  <a:cxn ang="T111">
                    <a:pos x="T18" y="T19"/>
                  </a:cxn>
                  <a:cxn ang="T112">
                    <a:pos x="T20" y="T21"/>
                  </a:cxn>
                  <a:cxn ang="T113">
                    <a:pos x="T22" y="T23"/>
                  </a:cxn>
                  <a:cxn ang="T114">
                    <a:pos x="T24" y="T25"/>
                  </a:cxn>
                  <a:cxn ang="T115">
                    <a:pos x="T26" y="T27"/>
                  </a:cxn>
                  <a:cxn ang="T116">
                    <a:pos x="T28" y="T29"/>
                  </a:cxn>
                  <a:cxn ang="T117">
                    <a:pos x="T30" y="T31"/>
                  </a:cxn>
                  <a:cxn ang="T118">
                    <a:pos x="T32" y="T33"/>
                  </a:cxn>
                  <a:cxn ang="T119">
                    <a:pos x="T34" y="T35"/>
                  </a:cxn>
                  <a:cxn ang="T120">
                    <a:pos x="T36" y="T37"/>
                  </a:cxn>
                  <a:cxn ang="T121">
                    <a:pos x="T38" y="T39"/>
                  </a:cxn>
                  <a:cxn ang="T122">
                    <a:pos x="T40" y="T41"/>
                  </a:cxn>
                  <a:cxn ang="T123">
                    <a:pos x="T42" y="T43"/>
                  </a:cxn>
                  <a:cxn ang="T124">
                    <a:pos x="T44" y="T45"/>
                  </a:cxn>
                  <a:cxn ang="T125">
                    <a:pos x="T46" y="T47"/>
                  </a:cxn>
                  <a:cxn ang="T126">
                    <a:pos x="T48" y="T49"/>
                  </a:cxn>
                  <a:cxn ang="T127">
                    <a:pos x="T50" y="T51"/>
                  </a:cxn>
                  <a:cxn ang="T128">
                    <a:pos x="T52" y="T53"/>
                  </a:cxn>
                  <a:cxn ang="T129">
                    <a:pos x="T54" y="T55"/>
                  </a:cxn>
                  <a:cxn ang="T130">
                    <a:pos x="T56" y="T57"/>
                  </a:cxn>
                  <a:cxn ang="T131">
                    <a:pos x="T58" y="T59"/>
                  </a:cxn>
                  <a:cxn ang="T132">
                    <a:pos x="T60" y="T61"/>
                  </a:cxn>
                  <a:cxn ang="T133">
                    <a:pos x="T62" y="T63"/>
                  </a:cxn>
                  <a:cxn ang="T134">
                    <a:pos x="T64" y="T65"/>
                  </a:cxn>
                  <a:cxn ang="T135">
                    <a:pos x="T66" y="T67"/>
                  </a:cxn>
                  <a:cxn ang="T136">
                    <a:pos x="T68" y="T69"/>
                  </a:cxn>
                  <a:cxn ang="T137">
                    <a:pos x="T70" y="T71"/>
                  </a:cxn>
                  <a:cxn ang="T138">
                    <a:pos x="T72" y="T73"/>
                  </a:cxn>
                  <a:cxn ang="T139">
                    <a:pos x="T74" y="T75"/>
                  </a:cxn>
                  <a:cxn ang="T140">
                    <a:pos x="T76" y="T77"/>
                  </a:cxn>
                  <a:cxn ang="T141">
                    <a:pos x="T78" y="T79"/>
                  </a:cxn>
                  <a:cxn ang="T142">
                    <a:pos x="T80" y="T81"/>
                  </a:cxn>
                  <a:cxn ang="T143">
                    <a:pos x="T82" y="T83"/>
                  </a:cxn>
                  <a:cxn ang="T144">
                    <a:pos x="T84" y="T85"/>
                  </a:cxn>
                  <a:cxn ang="T145">
                    <a:pos x="T86" y="T87"/>
                  </a:cxn>
                  <a:cxn ang="T146">
                    <a:pos x="T88" y="T89"/>
                  </a:cxn>
                  <a:cxn ang="T147">
                    <a:pos x="T90" y="T91"/>
                  </a:cxn>
                  <a:cxn ang="T148">
                    <a:pos x="T92" y="T93"/>
                  </a:cxn>
                  <a:cxn ang="T149">
                    <a:pos x="T94" y="T95"/>
                  </a:cxn>
                  <a:cxn ang="T150">
                    <a:pos x="T96" y="T97"/>
                  </a:cxn>
                  <a:cxn ang="T151">
                    <a:pos x="T98" y="T99"/>
                  </a:cxn>
                  <a:cxn ang="T152">
                    <a:pos x="T100" y="T101"/>
                  </a:cxn>
                </a:cxnLst>
                <a:rect l="T153" t="T154" r="T155" b="T156"/>
                <a:pathLst>
                  <a:path w="586" h="958">
                    <a:moveTo>
                      <a:pt x="266" y="17"/>
                    </a:moveTo>
                    <a:lnTo>
                      <a:pt x="241" y="139"/>
                    </a:lnTo>
                    <a:lnTo>
                      <a:pt x="249" y="158"/>
                    </a:lnTo>
                    <a:lnTo>
                      <a:pt x="261" y="185"/>
                    </a:lnTo>
                    <a:lnTo>
                      <a:pt x="261" y="195"/>
                    </a:lnTo>
                    <a:lnTo>
                      <a:pt x="254" y="200"/>
                    </a:lnTo>
                    <a:lnTo>
                      <a:pt x="263" y="207"/>
                    </a:lnTo>
                    <a:lnTo>
                      <a:pt x="256" y="212"/>
                    </a:lnTo>
                    <a:lnTo>
                      <a:pt x="256" y="219"/>
                    </a:lnTo>
                    <a:lnTo>
                      <a:pt x="269" y="222"/>
                    </a:lnTo>
                    <a:lnTo>
                      <a:pt x="269" y="224"/>
                    </a:lnTo>
                    <a:lnTo>
                      <a:pt x="269" y="226"/>
                    </a:lnTo>
                    <a:lnTo>
                      <a:pt x="269" y="227"/>
                    </a:lnTo>
                    <a:lnTo>
                      <a:pt x="269" y="229"/>
                    </a:lnTo>
                    <a:lnTo>
                      <a:pt x="269" y="231"/>
                    </a:lnTo>
                    <a:lnTo>
                      <a:pt x="269" y="232"/>
                    </a:lnTo>
                    <a:lnTo>
                      <a:pt x="271" y="234"/>
                    </a:lnTo>
                    <a:lnTo>
                      <a:pt x="276" y="236"/>
                    </a:lnTo>
                    <a:lnTo>
                      <a:pt x="280" y="237"/>
                    </a:lnTo>
                    <a:lnTo>
                      <a:pt x="283" y="241"/>
                    </a:lnTo>
                    <a:lnTo>
                      <a:pt x="286" y="244"/>
                    </a:lnTo>
                    <a:lnTo>
                      <a:pt x="290" y="249"/>
                    </a:lnTo>
                    <a:lnTo>
                      <a:pt x="293" y="256"/>
                    </a:lnTo>
                    <a:lnTo>
                      <a:pt x="295" y="261"/>
                    </a:lnTo>
                    <a:lnTo>
                      <a:pt x="298" y="268"/>
                    </a:lnTo>
                    <a:lnTo>
                      <a:pt x="300" y="275"/>
                    </a:lnTo>
                    <a:lnTo>
                      <a:pt x="302" y="280"/>
                    </a:lnTo>
                    <a:lnTo>
                      <a:pt x="303" y="286"/>
                    </a:lnTo>
                    <a:lnTo>
                      <a:pt x="305" y="292"/>
                    </a:lnTo>
                    <a:lnTo>
                      <a:pt x="305" y="295"/>
                    </a:lnTo>
                    <a:lnTo>
                      <a:pt x="307" y="298"/>
                    </a:lnTo>
                    <a:lnTo>
                      <a:pt x="307" y="300"/>
                    </a:lnTo>
                    <a:lnTo>
                      <a:pt x="307" y="302"/>
                    </a:lnTo>
                    <a:lnTo>
                      <a:pt x="315" y="305"/>
                    </a:lnTo>
                    <a:lnTo>
                      <a:pt x="315" y="317"/>
                    </a:lnTo>
                    <a:lnTo>
                      <a:pt x="327" y="317"/>
                    </a:lnTo>
                    <a:lnTo>
                      <a:pt x="329" y="330"/>
                    </a:lnTo>
                    <a:lnTo>
                      <a:pt x="335" y="330"/>
                    </a:lnTo>
                    <a:lnTo>
                      <a:pt x="354" y="330"/>
                    </a:lnTo>
                    <a:lnTo>
                      <a:pt x="354" y="332"/>
                    </a:lnTo>
                    <a:lnTo>
                      <a:pt x="342" y="354"/>
                    </a:lnTo>
                    <a:lnTo>
                      <a:pt x="342" y="366"/>
                    </a:lnTo>
                    <a:lnTo>
                      <a:pt x="334" y="376"/>
                    </a:lnTo>
                    <a:lnTo>
                      <a:pt x="335" y="376"/>
                    </a:lnTo>
                    <a:lnTo>
                      <a:pt x="335" y="385"/>
                    </a:lnTo>
                    <a:lnTo>
                      <a:pt x="329" y="390"/>
                    </a:lnTo>
                    <a:lnTo>
                      <a:pt x="327" y="400"/>
                    </a:lnTo>
                    <a:lnTo>
                      <a:pt x="330" y="418"/>
                    </a:lnTo>
                    <a:lnTo>
                      <a:pt x="330" y="420"/>
                    </a:lnTo>
                    <a:lnTo>
                      <a:pt x="329" y="422"/>
                    </a:lnTo>
                    <a:lnTo>
                      <a:pt x="327" y="425"/>
                    </a:lnTo>
                    <a:lnTo>
                      <a:pt x="320" y="427"/>
                    </a:lnTo>
                    <a:lnTo>
                      <a:pt x="317" y="430"/>
                    </a:lnTo>
                    <a:lnTo>
                      <a:pt x="315" y="434"/>
                    </a:lnTo>
                    <a:lnTo>
                      <a:pt x="313" y="439"/>
                    </a:lnTo>
                    <a:lnTo>
                      <a:pt x="313" y="444"/>
                    </a:lnTo>
                    <a:lnTo>
                      <a:pt x="315" y="447"/>
                    </a:lnTo>
                    <a:lnTo>
                      <a:pt x="315" y="451"/>
                    </a:lnTo>
                    <a:lnTo>
                      <a:pt x="315" y="452"/>
                    </a:lnTo>
                    <a:lnTo>
                      <a:pt x="310" y="454"/>
                    </a:lnTo>
                    <a:lnTo>
                      <a:pt x="310" y="462"/>
                    </a:lnTo>
                    <a:lnTo>
                      <a:pt x="319" y="466"/>
                    </a:lnTo>
                    <a:lnTo>
                      <a:pt x="327" y="474"/>
                    </a:lnTo>
                    <a:lnTo>
                      <a:pt x="342" y="469"/>
                    </a:lnTo>
                    <a:lnTo>
                      <a:pt x="357" y="456"/>
                    </a:lnTo>
                    <a:lnTo>
                      <a:pt x="364" y="454"/>
                    </a:lnTo>
                    <a:lnTo>
                      <a:pt x="366" y="452"/>
                    </a:lnTo>
                    <a:lnTo>
                      <a:pt x="366" y="451"/>
                    </a:lnTo>
                    <a:lnTo>
                      <a:pt x="368" y="451"/>
                    </a:lnTo>
                    <a:lnTo>
                      <a:pt x="369" y="452"/>
                    </a:lnTo>
                    <a:lnTo>
                      <a:pt x="371" y="456"/>
                    </a:lnTo>
                    <a:lnTo>
                      <a:pt x="373" y="464"/>
                    </a:lnTo>
                    <a:lnTo>
                      <a:pt x="373" y="474"/>
                    </a:lnTo>
                    <a:lnTo>
                      <a:pt x="373" y="488"/>
                    </a:lnTo>
                    <a:lnTo>
                      <a:pt x="373" y="498"/>
                    </a:lnTo>
                    <a:lnTo>
                      <a:pt x="374" y="506"/>
                    </a:lnTo>
                    <a:lnTo>
                      <a:pt x="376" y="513"/>
                    </a:lnTo>
                    <a:lnTo>
                      <a:pt x="378" y="520"/>
                    </a:lnTo>
                    <a:lnTo>
                      <a:pt x="379" y="523"/>
                    </a:lnTo>
                    <a:lnTo>
                      <a:pt x="381" y="525"/>
                    </a:lnTo>
                    <a:lnTo>
                      <a:pt x="383" y="527"/>
                    </a:lnTo>
                    <a:lnTo>
                      <a:pt x="386" y="535"/>
                    </a:lnTo>
                    <a:lnTo>
                      <a:pt x="388" y="540"/>
                    </a:lnTo>
                    <a:lnTo>
                      <a:pt x="390" y="545"/>
                    </a:lnTo>
                    <a:lnTo>
                      <a:pt x="390" y="547"/>
                    </a:lnTo>
                    <a:lnTo>
                      <a:pt x="388" y="550"/>
                    </a:lnTo>
                    <a:lnTo>
                      <a:pt x="388" y="552"/>
                    </a:lnTo>
                    <a:lnTo>
                      <a:pt x="386" y="554"/>
                    </a:lnTo>
                    <a:lnTo>
                      <a:pt x="385" y="559"/>
                    </a:lnTo>
                    <a:lnTo>
                      <a:pt x="386" y="562"/>
                    </a:lnTo>
                    <a:lnTo>
                      <a:pt x="388" y="566"/>
                    </a:lnTo>
                    <a:lnTo>
                      <a:pt x="391" y="569"/>
                    </a:lnTo>
                    <a:lnTo>
                      <a:pt x="395" y="571"/>
                    </a:lnTo>
                    <a:lnTo>
                      <a:pt x="398" y="572"/>
                    </a:lnTo>
                    <a:lnTo>
                      <a:pt x="400" y="572"/>
                    </a:lnTo>
                    <a:lnTo>
                      <a:pt x="401" y="572"/>
                    </a:lnTo>
                    <a:lnTo>
                      <a:pt x="413" y="591"/>
                    </a:lnTo>
                    <a:lnTo>
                      <a:pt x="413" y="593"/>
                    </a:lnTo>
                    <a:lnTo>
                      <a:pt x="415" y="596"/>
                    </a:lnTo>
                    <a:lnTo>
                      <a:pt x="415" y="603"/>
                    </a:lnTo>
                    <a:lnTo>
                      <a:pt x="415" y="610"/>
                    </a:lnTo>
                    <a:lnTo>
                      <a:pt x="417" y="616"/>
                    </a:lnTo>
                    <a:lnTo>
                      <a:pt x="417" y="622"/>
                    </a:lnTo>
                    <a:lnTo>
                      <a:pt x="418" y="627"/>
                    </a:lnTo>
                    <a:lnTo>
                      <a:pt x="418" y="628"/>
                    </a:lnTo>
                    <a:lnTo>
                      <a:pt x="422" y="633"/>
                    </a:lnTo>
                    <a:lnTo>
                      <a:pt x="425" y="637"/>
                    </a:lnTo>
                    <a:lnTo>
                      <a:pt x="427" y="637"/>
                    </a:lnTo>
                    <a:lnTo>
                      <a:pt x="429" y="637"/>
                    </a:lnTo>
                    <a:lnTo>
                      <a:pt x="430" y="633"/>
                    </a:lnTo>
                    <a:lnTo>
                      <a:pt x="432" y="632"/>
                    </a:lnTo>
                    <a:lnTo>
                      <a:pt x="432" y="630"/>
                    </a:lnTo>
                    <a:lnTo>
                      <a:pt x="432" y="628"/>
                    </a:lnTo>
                    <a:lnTo>
                      <a:pt x="435" y="623"/>
                    </a:lnTo>
                    <a:lnTo>
                      <a:pt x="440" y="622"/>
                    </a:lnTo>
                    <a:lnTo>
                      <a:pt x="444" y="622"/>
                    </a:lnTo>
                    <a:lnTo>
                      <a:pt x="447" y="622"/>
                    </a:lnTo>
                    <a:lnTo>
                      <a:pt x="452" y="623"/>
                    </a:lnTo>
                    <a:lnTo>
                      <a:pt x="454" y="625"/>
                    </a:lnTo>
                    <a:lnTo>
                      <a:pt x="457" y="627"/>
                    </a:lnTo>
                    <a:lnTo>
                      <a:pt x="459" y="628"/>
                    </a:lnTo>
                    <a:lnTo>
                      <a:pt x="464" y="632"/>
                    </a:lnTo>
                    <a:lnTo>
                      <a:pt x="469" y="632"/>
                    </a:lnTo>
                    <a:lnTo>
                      <a:pt x="473" y="630"/>
                    </a:lnTo>
                    <a:lnTo>
                      <a:pt x="476" y="628"/>
                    </a:lnTo>
                    <a:lnTo>
                      <a:pt x="478" y="625"/>
                    </a:lnTo>
                    <a:lnTo>
                      <a:pt x="479" y="623"/>
                    </a:lnTo>
                    <a:lnTo>
                      <a:pt x="479" y="620"/>
                    </a:lnTo>
                    <a:lnTo>
                      <a:pt x="481" y="620"/>
                    </a:lnTo>
                    <a:lnTo>
                      <a:pt x="484" y="618"/>
                    </a:lnTo>
                    <a:lnTo>
                      <a:pt x="486" y="618"/>
                    </a:lnTo>
                    <a:lnTo>
                      <a:pt x="488" y="620"/>
                    </a:lnTo>
                    <a:lnTo>
                      <a:pt x="489" y="622"/>
                    </a:lnTo>
                    <a:lnTo>
                      <a:pt x="491" y="623"/>
                    </a:lnTo>
                    <a:lnTo>
                      <a:pt x="491" y="625"/>
                    </a:lnTo>
                    <a:lnTo>
                      <a:pt x="493" y="627"/>
                    </a:lnTo>
                    <a:lnTo>
                      <a:pt x="493" y="628"/>
                    </a:lnTo>
                    <a:lnTo>
                      <a:pt x="498" y="628"/>
                    </a:lnTo>
                    <a:lnTo>
                      <a:pt x="518" y="625"/>
                    </a:lnTo>
                    <a:lnTo>
                      <a:pt x="525" y="630"/>
                    </a:lnTo>
                    <a:lnTo>
                      <a:pt x="537" y="630"/>
                    </a:lnTo>
                    <a:lnTo>
                      <a:pt x="552" y="628"/>
                    </a:lnTo>
                    <a:lnTo>
                      <a:pt x="559" y="611"/>
                    </a:lnTo>
                    <a:lnTo>
                      <a:pt x="569" y="611"/>
                    </a:lnTo>
                    <a:lnTo>
                      <a:pt x="576" y="632"/>
                    </a:lnTo>
                    <a:lnTo>
                      <a:pt x="586" y="647"/>
                    </a:lnTo>
                    <a:lnTo>
                      <a:pt x="540" y="958"/>
                    </a:lnTo>
                    <a:lnTo>
                      <a:pt x="269" y="909"/>
                    </a:lnTo>
                    <a:lnTo>
                      <a:pt x="268" y="909"/>
                    </a:lnTo>
                    <a:lnTo>
                      <a:pt x="266" y="909"/>
                    </a:lnTo>
                    <a:lnTo>
                      <a:pt x="263" y="908"/>
                    </a:lnTo>
                    <a:lnTo>
                      <a:pt x="259" y="908"/>
                    </a:lnTo>
                    <a:lnTo>
                      <a:pt x="254" y="906"/>
                    </a:lnTo>
                    <a:lnTo>
                      <a:pt x="249" y="904"/>
                    </a:lnTo>
                    <a:lnTo>
                      <a:pt x="242" y="904"/>
                    </a:lnTo>
                    <a:lnTo>
                      <a:pt x="236" y="902"/>
                    </a:lnTo>
                    <a:lnTo>
                      <a:pt x="229" y="901"/>
                    </a:lnTo>
                    <a:lnTo>
                      <a:pt x="220" y="899"/>
                    </a:lnTo>
                    <a:lnTo>
                      <a:pt x="212" y="897"/>
                    </a:lnTo>
                    <a:lnTo>
                      <a:pt x="203" y="896"/>
                    </a:lnTo>
                    <a:lnTo>
                      <a:pt x="193" y="894"/>
                    </a:lnTo>
                    <a:lnTo>
                      <a:pt x="185" y="891"/>
                    </a:lnTo>
                    <a:lnTo>
                      <a:pt x="175" y="889"/>
                    </a:lnTo>
                    <a:lnTo>
                      <a:pt x="165" y="887"/>
                    </a:lnTo>
                    <a:lnTo>
                      <a:pt x="154" y="884"/>
                    </a:lnTo>
                    <a:lnTo>
                      <a:pt x="143" y="882"/>
                    </a:lnTo>
                    <a:lnTo>
                      <a:pt x="132" y="880"/>
                    </a:lnTo>
                    <a:lnTo>
                      <a:pt x="121" y="877"/>
                    </a:lnTo>
                    <a:lnTo>
                      <a:pt x="110" y="875"/>
                    </a:lnTo>
                    <a:lnTo>
                      <a:pt x="99" y="872"/>
                    </a:lnTo>
                    <a:lnTo>
                      <a:pt x="87" y="870"/>
                    </a:lnTo>
                    <a:lnTo>
                      <a:pt x="77" y="867"/>
                    </a:lnTo>
                    <a:lnTo>
                      <a:pt x="65" y="865"/>
                    </a:lnTo>
                    <a:lnTo>
                      <a:pt x="53" y="862"/>
                    </a:lnTo>
                    <a:lnTo>
                      <a:pt x="43" y="860"/>
                    </a:lnTo>
                    <a:lnTo>
                      <a:pt x="33" y="858"/>
                    </a:lnTo>
                    <a:lnTo>
                      <a:pt x="21" y="855"/>
                    </a:lnTo>
                    <a:lnTo>
                      <a:pt x="11" y="853"/>
                    </a:lnTo>
                    <a:lnTo>
                      <a:pt x="0" y="852"/>
                    </a:lnTo>
                    <a:lnTo>
                      <a:pt x="46" y="657"/>
                    </a:lnTo>
                    <a:lnTo>
                      <a:pt x="44" y="644"/>
                    </a:lnTo>
                    <a:lnTo>
                      <a:pt x="63" y="611"/>
                    </a:lnTo>
                    <a:lnTo>
                      <a:pt x="63" y="601"/>
                    </a:lnTo>
                    <a:lnTo>
                      <a:pt x="68" y="594"/>
                    </a:lnTo>
                    <a:lnTo>
                      <a:pt x="71" y="586"/>
                    </a:lnTo>
                    <a:lnTo>
                      <a:pt x="66" y="581"/>
                    </a:lnTo>
                    <a:lnTo>
                      <a:pt x="48" y="569"/>
                    </a:lnTo>
                    <a:lnTo>
                      <a:pt x="49" y="561"/>
                    </a:lnTo>
                    <a:lnTo>
                      <a:pt x="49" y="559"/>
                    </a:lnTo>
                    <a:lnTo>
                      <a:pt x="49" y="557"/>
                    </a:lnTo>
                    <a:lnTo>
                      <a:pt x="51" y="556"/>
                    </a:lnTo>
                    <a:lnTo>
                      <a:pt x="51" y="554"/>
                    </a:lnTo>
                    <a:lnTo>
                      <a:pt x="53" y="552"/>
                    </a:lnTo>
                    <a:lnTo>
                      <a:pt x="53" y="550"/>
                    </a:lnTo>
                    <a:lnTo>
                      <a:pt x="53" y="549"/>
                    </a:lnTo>
                    <a:lnTo>
                      <a:pt x="58" y="539"/>
                    </a:lnTo>
                    <a:lnTo>
                      <a:pt x="63" y="530"/>
                    </a:lnTo>
                    <a:lnTo>
                      <a:pt x="71" y="522"/>
                    </a:lnTo>
                    <a:lnTo>
                      <a:pt x="78" y="513"/>
                    </a:lnTo>
                    <a:lnTo>
                      <a:pt x="87" y="506"/>
                    </a:lnTo>
                    <a:lnTo>
                      <a:pt x="93" y="501"/>
                    </a:lnTo>
                    <a:lnTo>
                      <a:pt x="97" y="498"/>
                    </a:lnTo>
                    <a:lnTo>
                      <a:pt x="99" y="496"/>
                    </a:lnTo>
                    <a:lnTo>
                      <a:pt x="99" y="488"/>
                    </a:lnTo>
                    <a:lnTo>
                      <a:pt x="146" y="422"/>
                    </a:lnTo>
                    <a:lnTo>
                      <a:pt x="148" y="413"/>
                    </a:lnTo>
                    <a:lnTo>
                      <a:pt x="141" y="400"/>
                    </a:lnTo>
                    <a:lnTo>
                      <a:pt x="131" y="391"/>
                    </a:lnTo>
                    <a:lnTo>
                      <a:pt x="119" y="368"/>
                    </a:lnTo>
                    <a:lnTo>
                      <a:pt x="119" y="358"/>
                    </a:lnTo>
                    <a:lnTo>
                      <a:pt x="122" y="344"/>
                    </a:lnTo>
                    <a:lnTo>
                      <a:pt x="122" y="332"/>
                    </a:lnTo>
                    <a:lnTo>
                      <a:pt x="117" y="320"/>
                    </a:lnTo>
                    <a:lnTo>
                      <a:pt x="122" y="303"/>
                    </a:lnTo>
                    <a:lnTo>
                      <a:pt x="122" y="302"/>
                    </a:lnTo>
                    <a:lnTo>
                      <a:pt x="122" y="300"/>
                    </a:lnTo>
                    <a:lnTo>
                      <a:pt x="124" y="297"/>
                    </a:lnTo>
                    <a:lnTo>
                      <a:pt x="126" y="290"/>
                    </a:lnTo>
                    <a:lnTo>
                      <a:pt x="127" y="283"/>
                    </a:lnTo>
                    <a:lnTo>
                      <a:pt x="129" y="275"/>
                    </a:lnTo>
                    <a:lnTo>
                      <a:pt x="131" y="266"/>
                    </a:lnTo>
                    <a:lnTo>
                      <a:pt x="132" y="256"/>
                    </a:lnTo>
                    <a:lnTo>
                      <a:pt x="136" y="244"/>
                    </a:lnTo>
                    <a:lnTo>
                      <a:pt x="137" y="232"/>
                    </a:lnTo>
                    <a:lnTo>
                      <a:pt x="141" y="220"/>
                    </a:lnTo>
                    <a:lnTo>
                      <a:pt x="144" y="207"/>
                    </a:lnTo>
                    <a:lnTo>
                      <a:pt x="146" y="193"/>
                    </a:lnTo>
                    <a:lnTo>
                      <a:pt x="149" y="180"/>
                    </a:lnTo>
                    <a:lnTo>
                      <a:pt x="153" y="166"/>
                    </a:lnTo>
                    <a:lnTo>
                      <a:pt x="156" y="151"/>
                    </a:lnTo>
                    <a:lnTo>
                      <a:pt x="159" y="138"/>
                    </a:lnTo>
                    <a:lnTo>
                      <a:pt x="161" y="122"/>
                    </a:lnTo>
                    <a:lnTo>
                      <a:pt x="165" y="109"/>
                    </a:lnTo>
                    <a:lnTo>
                      <a:pt x="168" y="95"/>
                    </a:lnTo>
                    <a:lnTo>
                      <a:pt x="171" y="82"/>
                    </a:lnTo>
                    <a:lnTo>
                      <a:pt x="173" y="70"/>
                    </a:lnTo>
                    <a:lnTo>
                      <a:pt x="176" y="58"/>
                    </a:lnTo>
                    <a:lnTo>
                      <a:pt x="178" y="48"/>
                    </a:lnTo>
                    <a:lnTo>
                      <a:pt x="181" y="38"/>
                    </a:lnTo>
                    <a:lnTo>
                      <a:pt x="183" y="28"/>
                    </a:lnTo>
                    <a:lnTo>
                      <a:pt x="185" y="19"/>
                    </a:lnTo>
                    <a:lnTo>
                      <a:pt x="187" y="12"/>
                    </a:lnTo>
                    <a:lnTo>
                      <a:pt x="188" y="7"/>
                    </a:lnTo>
                    <a:lnTo>
                      <a:pt x="188" y="4"/>
                    </a:lnTo>
                    <a:lnTo>
                      <a:pt x="188" y="0"/>
                    </a:lnTo>
                    <a:lnTo>
                      <a:pt x="266" y="17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28" name="Freeform 117"/>
              <p:cNvSpPr>
                <a:spLocks/>
              </p:cNvSpPr>
              <p:nvPr/>
            </p:nvSpPr>
            <p:spPr bwMode="auto">
              <a:xfrm>
                <a:off x="1110" y="981"/>
                <a:ext cx="979" cy="621"/>
              </a:xfrm>
              <a:custGeom>
                <a:avLst/>
                <a:gdLst>
                  <a:gd name="T0" fmla="*/ 289 w 1007"/>
                  <a:gd name="T1" fmla="*/ 381 h 640"/>
                  <a:gd name="T2" fmla="*/ 357 w 1007"/>
                  <a:gd name="T3" fmla="*/ 389 h 640"/>
                  <a:gd name="T4" fmla="*/ 425 w 1007"/>
                  <a:gd name="T5" fmla="*/ 398 h 640"/>
                  <a:gd name="T6" fmla="*/ 489 w 1007"/>
                  <a:gd name="T7" fmla="*/ 406 h 640"/>
                  <a:gd name="T8" fmla="*/ 550 w 1007"/>
                  <a:gd name="T9" fmla="*/ 410 h 640"/>
                  <a:gd name="T10" fmla="*/ 600 w 1007"/>
                  <a:gd name="T11" fmla="*/ 415 h 640"/>
                  <a:gd name="T12" fmla="*/ 635 w 1007"/>
                  <a:gd name="T13" fmla="*/ 418 h 640"/>
                  <a:gd name="T14" fmla="*/ 651 w 1007"/>
                  <a:gd name="T15" fmla="*/ 420 h 640"/>
                  <a:gd name="T16" fmla="*/ 635 w 1007"/>
                  <a:gd name="T17" fmla="*/ 93 h 640"/>
                  <a:gd name="T18" fmla="*/ 534 w 1007"/>
                  <a:gd name="T19" fmla="*/ 82 h 640"/>
                  <a:gd name="T20" fmla="*/ 426 w 1007"/>
                  <a:gd name="T21" fmla="*/ 70 h 640"/>
                  <a:gd name="T22" fmla="*/ 317 w 1007"/>
                  <a:gd name="T23" fmla="*/ 54 h 640"/>
                  <a:gd name="T24" fmla="*/ 215 w 1007"/>
                  <a:gd name="T25" fmla="*/ 39 h 640"/>
                  <a:gd name="T26" fmla="*/ 126 w 1007"/>
                  <a:gd name="T27" fmla="*/ 17 h 640"/>
                  <a:gd name="T28" fmla="*/ 60 w 1007"/>
                  <a:gd name="T29" fmla="*/ 12 h 640"/>
                  <a:gd name="T30" fmla="*/ 20 w 1007"/>
                  <a:gd name="T31" fmla="*/ 2 h 640"/>
                  <a:gd name="T32" fmla="*/ 0 w 1007"/>
                  <a:gd name="T33" fmla="*/ 80 h 640"/>
                  <a:gd name="T34" fmla="*/ 13 w 1007"/>
                  <a:gd name="T35" fmla="*/ 120 h 640"/>
                  <a:gd name="T36" fmla="*/ 17 w 1007"/>
                  <a:gd name="T37" fmla="*/ 135 h 640"/>
                  <a:gd name="T38" fmla="*/ 17 w 1007"/>
                  <a:gd name="T39" fmla="*/ 139 h 640"/>
                  <a:gd name="T40" fmla="*/ 17 w 1007"/>
                  <a:gd name="T41" fmla="*/ 143 h 640"/>
                  <a:gd name="T42" fmla="*/ 31 w 1007"/>
                  <a:gd name="T43" fmla="*/ 148 h 640"/>
                  <a:gd name="T44" fmla="*/ 41 w 1007"/>
                  <a:gd name="T45" fmla="*/ 165 h 640"/>
                  <a:gd name="T46" fmla="*/ 44 w 1007"/>
                  <a:gd name="T47" fmla="*/ 180 h 640"/>
                  <a:gd name="T48" fmla="*/ 45 w 1007"/>
                  <a:gd name="T49" fmla="*/ 187 h 640"/>
                  <a:gd name="T50" fmla="*/ 60 w 1007"/>
                  <a:gd name="T51" fmla="*/ 206 h 640"/>
                  <a:gd name="T52" fmla="*/ 77 w 1007"/>
                  <a:gd name="T53" fmla="*/ 206 h 640"/>
                  <a:gd name="T54" fmla="*/ 63 w 1007"/>
                  <a:gd name="T55" fmla="*/ 236 h 640"/>
                  <a:gd name="T56" fmla="*/ 58 w 1007"/>
                  <a:gd name="T57" fmla="*/ 252 h 640"/>
                  <a:gd name="T58" fmla="*/ 58 w 1007"/>
                  <a:gd name="T59" fmla="*/ 268 h 640"/>
                  <a:gd name="T60" fmla="*/ 49 w 1007"/>
                  <a:gd name="T61" fmla="*/ 274 h 640"/>
                  <a:gd name="T62" fmla="*/ 49 w 1007"/>
                  <a:gd name="T63" fmla="*/ 285 h 640"/>
                  <a:gd name="T64" fmla="*/ 51 w 1007"/>
                  <a:gd name="T65" fmla="*/ 295 h 640"/>
                  <a:gd name="T66" fmla="*/ 83 w 1007"/>
                  <a:gd name="T67" fmla="*/ 286 h 640"/>
                  <a:gd name="T68" fmla="*/ 85 w 1007"/>
                  <a:gd name="T69" fmla="*/ 285 h 640"/>
                  <a:gd name="T70" fmla="*/ 88 w 1007"/>
                  <a:gd name="T71" fmla="*/ 300 h 640"/>
                  <a:gd name="T72" fmla="*/ 90 w 1007"/>
                  <a:gd name="T73" fmla="*/ 325 h 640"/>
                  <a:gd name="T74" fmla="*/ 95 w 1007"/>
                  <a:gd name="T75" fmla="*/ 334 h 640"/>
                  <a:gd name="T76" fmla="*/ 101 w 1007"/>
                  <a:gd name="T77" fmla="*/ 347 h 640"/>
                  <a:gd name="T78" fmla="*/ 98 w 1007"/>
                  <a:gd name="T79" fmla="*/ 352 h 640"/>
                  <a:gd name="T80" fmla="*/ 101 w 1007"/>
                  <a:gd name="T81" fmla="*/ 363 h 640"/>
                  <a:gd name="T82" fmla="*/ 109 w 1007"/>
                  <a:gd name="T83" fmla="*/ 364 h 640"/>
                  <a:gd name="T84" fmla="*/ 117 w 1007"/>
                  <a:gd name="T85" fmla="*/ 385 h 640"/>
                  <a:gd name="T86" fmla="*/ 119 w 1007"/>
                  <a:gd name="T87" fmla="*/ 399 h 640"/>
                  <a:gd name="T88" fmla="*/ 125 w 1007"/>
                  <a:gd name="T89" fmla="*/ 408 h 640"/>
                  <a:gd name="T90" fmla="*/ 129 w 1007"/>
                  <a:gd name="T91" fmla="*/ 402 h 640"/>
                  <a:gd name="T92" fmla="*/ 137 w 1007"/>
                  <a:gd name="T93" fmla="*/ 397 h 640"/>
                  <a:gd name="T94" fmla="*/ 145 w 1007"/>
                  <a:gd name="T95" fmla="*/ 399 h 640"/>
                  <a:gd name="T96" fmla="*/ 157 w 1007"/>
                  <a:gd name="T97" fmla="*/ 402 h 640"/>
                  <a:gd name="T98" fmla="*/ 160 w 1007"/>
                  <a:gd name="T99" fmla="*/ 396 h 640"/>
                  <a:gd name="T100" fmla="*/ 167 w 1007"/>
                  <a:gd name="T101" fmla="*/ 396 h 640"/>
                  <a:gd name="T102" fmla="*/ 170 w 1007"/>
                  <a:gd name="T103" fmla="*/ 399 h 640"/>
                  <a:gd name="T104" fmla="*/ 192 w 1007"/>
                  <a:gd name="T105" fmla="*/ 402 h 640"/>
                  <a:gd name="T106" fmla="*/ 221 w 1007"/>
                  <a:gd name="T107" fmla="*/ 389 h 640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1007"/>
                  <a:gd name="T163" fmla="*/ 0 h 640"/>
                  <a:gd name="T164" fmla="*/ 1007 w 1007"/>
                  <a:gd name="T165" fmla="*/ 640 h 640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1007" h="640">
                    <a:moveTo>
                      <a:pt x="358" y="569"/>
                    </a:moveTo>
                    <a:lnTo>
                      <a:pt x="380" y="572"/>
                    </a:lnTo>
                    <a:lnTo>
                      <a:pt x="404" y="576"/>
                    </a:lnTo>
                    <a:lnTo>
                      <a:pt x="428" y="581"/>
                    </a:lnTo>
                    <a:lnTo>
                      <a:pt x="453" y="584"/>
                    </a:lnTo>
                    <a:lnTo>
                      <a:pt x="477" y="588"/>
                    </a:lnTo>
                    <a:lnTo>
                      <a:pt x="502" y="591"/>
                    </a:lnTo>
                    <a:lnTo>
                      <a:pt x="528" y="594"/>
                    </a:lnTo>
                    <a:lnTo>
                      <a:pt x="553" y="598"/>
                    </a:lnTo>
                    <a:lnTo>
                      <a:pt x="578" y="601"/>
                    </a:lnTo>
                    <a:lnTo>
                      <a:pt x="605" y="603"/>
                    </a:lnTo>
                    <a:lnTo>
                      <a:pt x="631" y="606"/>
                    </a:lnTo>
                    <a:lnTo>
                      <a:pt x="655" y="610"/>
                    </a:lnTo>
                    <a:lnTo>
                      <a:pt x="680" y="613"/>
                    </a:lnTo>
                    <a:lnTo>
                      <a:pt x="704" y="615"/>
                    </a:lnTo>
                    <a:lnTo>
                      <a:pt x="727" y="618"/>
                    </a:lnTo>
                    <a:lnTo>
                      <a:pt x="751" y="620"/>
                    </a:lnTo>
                    <a:lnTo>
                      <a:pt x="775" y="621"/>
                    </a:lnTo>
                    <a:lnTo>
                      <a:pt x="797" y="625"/>
                    </a:lnTo>
                    <a:lnTo>
                      <a:pt x="817" y="627"/>
                    </a:lnTo>
                    <a:lnTo>
                      <a:pt x="837" y="628"/>
                    </a:lnTo>
                    <a:lnTo>
                      <a:pt x="856" y="630"/>
                    </a:lnTo>
                    <a:lnTo>
                      <a:pt x="873" y="632"/>
                    </a:lnTo>
                    <a:lnTo>
                      <a:pt x="890" y="633"/>
                    </a:lnTo>
                    <a:lnTo>
                      <a:pt x="905" y="635"/>
                    </a:lnTo>
                    <a:lnTo>
                      <a:pt x="919" y="635"/>
                    </a:lnTo>
                    <a:lnTo>
                      <a:pt x="930" y="637"/>
                    </a:lnTo>
                    <a:lnTo>
                      <a:pt x="941" y="637"/>
                    </a:lnTo>
                    <a:lnTo>
                      <a:pt x="949" y="638"/>
                    </a:lnTo>
                    <a:lnTo>
                      <a:pt x="957" y="638"/>
                    </a:lnTo>
                    <a:lnTo>
                      <a:pt x="963" y="638"/>
                    </a:lnTo>
                    <a:lnTo>
                      <a:pt x="966" y="640"/>
                    </a:lnTo>
                    <a:lnTo>
                      <a:pt x="1007" y="144"/>
                    </a:lnTo>
                    <a:lnTo>
                      <a:pt x="974" y="143"/>
                    </a:lnTo>
                    <a:lnTo>
                      <a:pt x="941" y="141"/>
                    </a:lnTo>
                    <a:lnTo>
                      <a:pt x="905" y="139"/>
                    </a:lnTo>
                    <a:lnTo>
                      <a:pt x="869" y="136"/>
                    </a:lnTo>
                    <a:lnTo>
                      <a:pt x="832" y="131"/>
                    </a:lnTo>
                    <a:lnTo>
                      <a:pt x="793" y="127"/>
                    </a:lnTo>
                    <a:lnTo>
                      <a:pt x="754" y="122"/>
                    </a:lnTo>
                    <a:lnTo>
                      <a:pt x="714" y="117"/>
                    </a:lnTo>
                    <a:lnTo>
                      <a:pt x="673" y="112"/>
                    </a:lnTo>
                    <a:lnTo>
                      <a:pt x="633" y="105"/>
                    </a:lnTo>
                    <a:lnTo>
                      <a:pt x="592" y="100"/>
                    </a:lnTo>
                    <a:lnTo>
                      <a:pt x="551" y="93"/>
                    </a:lnTo>
                    <a:lnTo>
                      <a:pt x="511" y="88"/>
                    </a:lnTo>
                    <a:lnTo>
                      <a:pt x="470" y="82"/>
                    </a:lnTo>
                    <a:lnTo>
                      <a:pt x="431" y="75"/>
                    </a:lnTo>
                    <a:lnTo>
                      <a:pt x="392" y="68"/>
                    </a:lnTo>
                    <a:lnTo>
                      <a:pt x="355" y="61"/>
                    </a:lnTo>
                    <a:lnTo>
                      <a:pt x="318" y="56"/>
                    </a:lnTo>
                    <a:lnTo>
                      <a:pt x="282" y="49"/>
                    </a:lnTo>
                    <a:lnTo>
                      <a:pt x="248" y="43"/>
                    </a:lnTo>
                    <a:lnTo>
                      <a:pt x="216" y="38"/>
                    </a:lnTo>
                    <a:lnTo>
                      <a:pt x="188" y="31"/>
                    </a:lnTo>
                    <a:lnTo>
                      <a:pt x="159" y="26"/>
                    </a:lnTo>
                    <a:lnTo>
                      <a:pt x="133" y="21"/>
                    </a:lnTo>
                    <a:lnTo>
                      <a:pt x="108" y="17"/>
                    </a:lnTo>
                    <a:lnTo>
                      <a:pt x="88" y="12"/>
                    </a:lnTo>
                    <a:lnTo>
                      <a:pt x="69" y="9"/>
                    </a:lnTo>
                    <a:lnTo>
                      <a:pt x="54" y="5"/>
                    </a:lnTo>
                    <a:lnTo>
                      <a:pt x="42" y="4"/>
                    </a:lnTo>
                    <a:lnTo>
                      <a:pt x="34" y="2"/>
                    </a:lnTo>
                    <a:lnTo>
                      <a:pt x="27" y="0"/>
                    </a:lnTo>
                    <a:lnTo>
                      <a:pt x="25" y="0"/>
                    </a:lnTo>
                    <a:lnTo>
                      <a:pt x="0" y="122"/>
                    </a:lnTo>
                    <a:lnTo>
                      <a:pt x="8" y="141"/>
                    </a:lnTo>
                    <a:lnTo>
                      <a:pt x="20" y="168"/>
                    </a:lnTo>
                    <a:lnTo>
                      <a:pt x="20" y="178"/>
                    </a:lnTo>
                    <a:lnTo>
                      <a:pt x="13" y="183"/>
                    </a:lnTo>
                    <a:lnTo>
                      <a:pt x="22" y="190"/>
                    </a:lnTo>
                    <a:lnTo>
                      <a:pt x="15" y="195"/>
                    </a:lnTo>
                    <a:lnTo>
                      <a:pt x="15" y="202"/>
                    </a:lnTo>
                    <a:lnTo>
                      <a:pt x="28" y="205"/>
                    </a:lnTo>
                    <a:lnTo>
                      <a:pt x="28" y="207"/>
                    </a:lnTo>
                    <a:lnTo>
                      <a:pt x="28" y="209"/>
                    </a:lnTo>
                    <a:lnTo>
                      <a:pt x="28" y="210"/>
                    </a:lnTo>
                    <a:lnTo>
                      <a:pt x="28" y="212"/>
                    </a:lnTo>
                    <a:lnTo>
                      <a:pt x="28" y="214"/>
                    </a:lnTo>
                    <a:lnTo>
                      <a:pt x="28" y="215"/>
                    </a:lnTo>
                    <a:lnTo>
                      <a:pt x="30" y="217"/>
                    </a:lnTo>
                    <a:lnTo>
                      <a:pt x="35" y="219"/>
                    </a:lnTo>
                    <a:lnTo>
                      <a:pt x="39" y="220"/>
                    </a:lnTo>
                    <a:lnTo>
                      <a:pt x="42" y="224"/>
                    </a:lnTo>
                    <a:lnTo>
                      <a:pt x="45" y="227"/>
                    </a:lnTo>
                    <a:lnTo>
                      <a:pt x="49" y="232"/>
                    </a:lnTo>
                    <a:lnTo>
                      <a:pt x="52" y="239"/>
                    </a:lnTo>
                    <a:lnTo>
                      <a:pt x="54" y="244"/>
                    </a:lnTo>
                    <a:lnTo>
                      <a:pt x="57" y="251"/>
                    </a:lnTo>
                    <a:lnTo>
                      <a:pt x="59" y="258"/>
                    </a:lnTo>
                    <a:lnTo>
                      <a:pt x="61" y="263"/>
                    </a:lnTo>
                    <a:lnTo>
                      <a:pt x="62" y="269"/>
                    </a:lnTo>
                    <a:lnTo>
                      <a:pt x="64" y="275"/>
                    </a:lnTo>
                    <a:lnTo>
                      <a:pt x="64" y="278"/>
                    </a:lnTo>
                    <a:lnTo>
                      <a:pt x="66" y="281"/>
                    </a:lnTo>
                    <a:lnTo>
                      <a:pt x="66" y="283"/>
                    </a:lnTo>
                    <a:lnTo>
                      <a:pt x="66" y="285"/>
                    </a:lnTo>
                    <a:lnTo>
                      <a:pt x="74" y="288"/>
                    </a:lnTo>
                    <a:lnTo>
                      <a:pt x="74" y="300"/>
                    </a:lnTo>
                    <a:lnTo>
                      <a:pt x="86" y="300"/>
                    </a:lnTo>
                    <a:lnTo>
                      <a:pt x="88" y="313"/>
                    </a:lnTo>
                    <a:lnTo>
                      <a:pt x="94" y="313"/>
                    </a:lnTo>
                    <a:lnTo>
                      <a:pt x="113" y="313"/>
                    </a:lnTo>
                    <a:lnTo>
                      <a:pt x="113" y="315"/>
                    </a:lnTo>
                    <a:lnTo>
                      <a:pt x="101" y="337"/>
                    </a:lnTo>
                    <a:lnTo>
                      <a:pt x="101" y="349"/>
                    </a:lnTo>
                    <a:lnTo>
                      <a:pt x="93" y="359"/>
                    </a:lnTo>
                    <a:lnTo>
                      <a:pt x="94" y="359"/>
                    </a:lnTo>
                    <a:lnTo>
                      <a:pt x="94" y="368"/>
                    </a:lnTo>
                    <a:lnTo>
                      <a:pt x="88" y="373"/>
                    </a:lnTo>
                    <a:lnTo>
                      <a:pt x="86" y="383"/>
                    </a:lnTo>
                    <a:lnTo>
                      <a:pt x="89" y="401"/>
                    </a:lnTo>
                    <a:lnTo>
                      <a:pt x="89" y="403"/>
                    </a:lnTo>
                    <a:lnTo>
                      <a:pt x="88" y="405"/>
                    </a:lnTo>
                    <a:lnTo>
                      <a:pt x="86" y="408"/>
                    </a:lnTo>
                    <a:lnTo>
                      <a:pt x="79" y="410"/>
                    </a:lnTo>
                    <a:lnTo>
                      <a:pt x="76" y="413"/>
                    </a:lnTo>
                    <a:lnTo>
                      <a:pt x="74" y="417"/>
                    </a:lnTo>
                    <a:lnTo>
                      <a:pt x="72" y="422"/>
                    </a:lnTo>
                    <a:lnTo>
                      <a:pt x="72" y="427"/>
                    </a:lnTo>
                    <a:lnTo>
                      <a:pt x="74" y="430"/>
                    </a:lnTo>
                    <a:lnTo>
                      <a:pt x="74" y="434"/>
                    </a:lnTo>
                    <a:lnTo>
                      <a:pt x="74" y="435"/>
                    </a:lnTo>
                    <a:lnTo>
                      <a:pt x="69" y="437"/>
                    </a:lnTo>
                    <a:lnTo>
                      <a:pt x="69" y="445"/>
                    </a:lnTo>
                    <a:lnTo>
                      <a:pt x="78" y="449"/>
                    </a:lnTo>
                    <a:lnTo>
                      <a:pt x="86" y="457"/>
                    </a:lnTo>
                    <a:lnTo>
                      <a:pt x="101" y="452"/>
                    </a:lnTo>
                    <a:lnTo>
                      <a:pt x="116" y="439"/>
                    </a:lnTo>
                    <a:lnTo>
                      <a:pt x="123" y="437"/>
                    </a:lnTo>
                    <a:lnTo>
                      <a:pt x="125" y="435"/>
                    </a:lnTo>
                    <a:lnTo>
                      <a:pt x="125" y="434"/>
                    </a:lnTo>
                    <a:lnTo>
                      <a:pt x="127" y="434"/>
                    </a:lnTo>
                    <a:lnTo>
                      <a:pt x="128" y="435"/>
                    </a:lnTo>
                    <a:lnTo>
                      <a:pt x="130" y="439"/>
                    </a:lnTo>
                    <a:lnTo>
                      <a:pt x="132" y="447"/>
                    </a:lnTo>
                    <a:lnTo>
                      <a:pt x="132" y="457"/>
                    </a:lnTo>
                    <a:lnTo>
                      <a:pt x="132" y="471"/>
                    </a:lnTo>
                    <a:lnTo>
                      <a:pt x="132" y="481"/>
                    </a:lnTo>
                    <a:lnTo>
                      <a:pt x="133" y="489"/>
                    </a:lnTo>
                    <a:lnTo>
                      <a:pt x="135" y="496"/>
                    </a:lnTo>
                    <a:lnTo>
                      <a:pt x="137" y="503"/>
                    </a:lnTo>
                    <a:lnTo>
                      <a:pt x="138" y="506"/>
                    </a:lnTo>
                    <a:lnTo>
                      <a:pt x="140" y="508"/>
                    </a:lnTo>
                    <a:lnTo>
                      <a:pt x="142" y="510"/>
                    </a:lnTo>
                    <a:lnTo>
                      <a:pt x="145" y="518"/>
                    </a:lnTo>
                    <a:lnTo>
                      <a:pt x="147" y="523"/>
                    </a:lnTo>
                    <a:lnTo>
                      <a:pt x="149" y="528"/>
                    </a:lnTo>
                    <a:lnTo>
                      <a:pt x="149" y="530"/>
                    </a:lnTo>
                    <a:lnTo>
                      <a:pt x="147" y="533"/>
                    </a:lnTo>
                    <a:lnTo>
                      <a:pt x="147" y="535"/>
                    </a:lnTo>
                    <a:lnTo>
                      <a:pt x="145" y="537"/>
                    </a:lnTo>
                    <a:lnTo>
                      <a:pt x="144" y="542"/>
                    </a:lnTo>
                    <a:lnTo>
                      <a:pt x="145" y="545"/>
                    </a:lnTo>
                    <a:lnTo>
                      <a:pt x="147" y="549"/>
                    </a:lnTo>
                    <a:lnTo>
                      <a:pt x="150" y="552"/>
                    </a:lnTo>
                    <a:lnTo>
                      <a:pt x="154" y="554"/>
                    </a:lnTo>
                    <a:lnTo>
                      <a:pt x="157" y="555"/>
                    </a:lnTo>
                    <a:lnTo>
                      <a:pt x="159" y="555"/>
                    </a:lnTo>
                    <a:lnTo>
                      <a:pt x="160" y="555"/>
                    </a:lnTo>
                    <a:lnTo>
                      <a:pt x="172" y="574"/>
                    </a:lnTo>
                    <a:lnTo>
                      <a:pt x="172" y="576"/>
                    </a:lnTo>
                    <a:lnTo>
                      <a:pt x="174" y="579"/>
                    </a:lnTo>
                    <a:lnTo>
                      <a:pt x="174" y="586"/>
                    </a:lnTo>
                    <a:lnTo>
                      <a:pt x="174" y="593"/>
                    </a:lnTo>
                    <a:lnTo>
                      <a:pt x="176" y="599"/>
                    </a:lnTo>
                    <a:lnTo>
                      <a:pt x="176" y="605"/>
                    </a:lnTo>
                    <a:lnTo>
                      <a:pt x="177" y="610"/>
                    </a:lnTo>
                    <a:lnTo>
                      <a:pt x="177" y="611"/>
                    </a:lnTo>
                    <a:lnTo>
                      <a:pt x="181" y="616"/>
                    </a:lnTo>
                    <a:lnTo>
                      <a:pt x="184" y="620"/>
                    </a:lnTo>
                    <a:lnTo>
                      <a:pt x="186" y="620"/>
                    </a:lnTo>
                    <a:lnTo>
                      <a:pt x="188" y="620"/>
                    </a:lnTo>
                    <a:lnTo>
                      <a:pt x="189" y="616"/>
                    </a:lnTo>
                    <a:lnTo>
                      <a:pt x="191" y="615"/>
                    </a:lnTo>
                    <a:lnTo>
                      <a:pt x="191" y="613"/>
                    </a:lnTo>
                    <a:lnTo>
                      <a:pt x="191" y="611"/>
                    </a:lnTo>
                    <a:lnTo>
                      <a:pt x="194" y="606"/>
                    </a:lnTo>
                    <a:lnTo>
                      <a:pt x="199" y="605"/>
                    </a:lnTo>
                    <a:lnTo>
                      <a:pt x="203" y="605"/>
                    </a:lnTo>
                    <a:lnTo>
                      <a:pt x="206" y="605"/>
                    </a:lnTo>
                    <a:lnTo>
                      <a:pt x="211" y="606"/>
                    </a:lnTo>
                    <a:lnTo>
                      <a:pt x="213" y="608"/>
                    </a:lnTo>
                    <a:lnTo>
                      <a:pt x="216" y="610"/>
                    </a:lnTo>
                    <a:lnTo>
                      <a:pt x="218" y="611"/>
                    </a:lnTo>
                    <a:lnTo>
                      <a:pt x="223" y="615"/>
                    </a:lnTo>
                    <a:lnTo>
                      <a:pt x="228" y="615"/>
                    </a:lnTo>
                    <a:lnTo>
                      <a:pt x="232" y="613"/>
                    </a:lnTo>
                    <a:lnTo>
                      <a:pt x="235" y="611"/>
                    </a:lnTo>
                    <a:lnTo>
                      <a:pt x="237" y="608"/>
                    </a:lnTo>
                    <a:lnTo>
                      <a:pt x="238" y="606"/>
                    </a:lnTo>
                    <a:lnTo>
                      <a:pt x="238" y="603"/>
                    </a:lnTo>
                    <a:lnTo>
                      <a:pt x="240" y="603"/>
                    </a:lnTo>
                    <a:lnTo>
                      <a:pt x="243" y="601"/>
                    </a:lnTo>
                    <a:lnTo>
                      <a:pt x="245" y="601"/>
                    </a:lnTo>
                    <a:lnTo>
                      <a:pt x="247" y="603"/>
                    </a:lnTo>
                    <a:lnTo>
                      <a:pt x="248" y="605"/>
                    </a:lnTo>
                    <a:lnTo>
                      <a:pt x="250" y="606"/>
                    </a:lnTo>
                    <a:lnTo>
                      <a:pt x="250" y="608"/>
                    </a:lnTo>
                    <a:lnTo>
                      <a:pt x="252" y="610"/>
                    </a:lnTo>
                    <a:lnTo>
                      <a:pt x="252" y="611"/>
                    </a:lnTo>
                    <a:lnTo>
                      <a:pt x="257" y="611"/>
                    </a:lnTo>
                    <a:lnTo>
                      <a:pt x="277" y="608"/>
                    </a:lnTo>
                    <a:lnTo>
                      <a:pt x="284" y="613"/>
                    </a:lnTo>
                    <a:lnTo>
                      <a:pt x="296" y="613"/>
                    </a:lnTo>
                    <a:lnTo>
                      <a:pt x="311" y="611"/>
                    </a:lnTo>
                    <a:lnTo>
                      <a:pt x="318" y="594"/>
                    </a:lnTo>
                    <a:lnTo>
                      <a:pt x="328" y="594"/>
                    </a:lnTo>
                    <a:lnTo>
                      <a:pt x="335" y="615"/>
                    </a:lnTo>
                    <a:lnTo>
                      <a:pt x="345" y="630"/>
                    </a:lnTo>
                    <a:lnTo>
                      <a:pt x="358" y="56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29" name="Freeform 118"/>
              <p:cNvSpPr>
                <a:spLocks/>
              </p:cNvSpPr>
              <p:nvPr/>
            </p:nvSpPr>
            <p:spPr bwMode="auto">
              <a:xfrm>
                <a:off x="528" y="1726"/>
                <a:ext cx="609" cy="942"/>
              </a:xfrm>
              <a:custGeom>
                <a:avLst/>
                <a:gdLst>
                  <a:gd name="T0" fmla="*/ 0 w 626"/>
                  <a:gd name="T1" fmla="*/ 243 h 970"/>
                  <a:gd name="T2" fmla="*/ 64 w 626"/>
                  <a:gd name="T3" fmla="*/ 2 h 970"/>
                  <a:gd name="T4" fmla="*/ 82 w 626"/>
                  <a:gd name="T5" fmla="*/ 8 h 970"/>
                  <a:gd name="T6" fmla="*/ 99 w 626"/>
                  <a:gd name="T7" fmla="*/ 15 h 970"/>
                  <a:gd name="T8" fmla="*/ 116 w 626"/>
                  <a:gd name="T9" fmla="*/ 17 h 970"/>
                  <a:gd name="T10" fmla="*/ 131 w 626"/>
                  <a:gd name="T11" fmla="*/ 17 h 970"/>
                  <a:gd name="T12" fmla="*/ 148 w 626"/>
                  <a:gd name="T13" fmla="*/ 18 h 970"/>
                  <a:gd name="T14" fmla="*/ 162 w 626"/>
                  <a:gd name="T15" fmla="*/ 25 h 970"/>
                  <a:gd name="T16" fmla="*/ 177 w 626"/>
                  <a:gd name="T17" fmla="*/ 30 h 970"/>
                  <a:gd name="T18" fmla="*/ 189 w 626"/>
                  <a:gd name="T19" fmla="*/ 35 h 970"/>
                  <a:gd name="T20" fmla="*/ 201 w 626"/>
                  <a:gd name="T21" fmla="*/ 37 h 970"/>
                  <a:gd name="T22" fmla="*/ 213 w 626"/>
                  <a:gd name="T23" fmla="*/ 39 h 970"/>
                  <a:gd name="T24" fmla="*/ 221 w 626"/>
                  <a:gd name="T25" fmla="*/ 41 h 970"/>
                  <a:gd name="T26" fmla="*/ 229 w 626"/>
                  <a:gd name="T27" fmla="*/ 43 h 970"/>
                  <a:gd name="T28" fmla="*/ 235 w 626"/>
                  <a:gd name="T29" fmla="*/ 44 h 970"/>
                  <a:gd name="T30" fmla="*/ 239 w 626"/>
                  <a:gd name="T31" fmla="*/ 44 h 970"/>
                  <a:gd name="T32" fmla="*/ 243 w 626"/>
                  <a:gd name="T33" fmla="*/ 45 h 970"/>
                  <a:gd name="T34" fmla="*/ 243 w 626"/>
                  <a:gd name="T35" fmla="*/ 45 h 970"/>
                  <a:gd name="T36" fmla="*/ 425 w 626"/>
                  <a:gd name="T37" fmla="*/ 83 h 970"/>
                  <a:gd name="T38" fmla="*/ 334 w 626"/>
                  <a:gd name="T39" fmla="*/ 552 h 970"/>
                  <a:gd name="T40" fmla="*/ 332 w 626"/>
                  <a:gd name="T41" fmla="*/ 555 h 970"/>
                  <a:gd name="T42" fmla="*/ 330 w 626"/>
                  <a:gd name="T43" fmla="*/ 564 h 970"/>
                  <a:gd name="T44" fmla="*/ 323 w 626"/>
                  <a:gd name="T45" fmla="*/ 570 h 970"/>
                  <a:gd name="T46" fmla="*/ 315 w 626"/>
                  <a:gd name="T47" fmla="*/ 566 h 970"/>
                  <a:gd name="T48" fmla="*/ 313 w 626"/>
                  <a:gd name="T49" fmla="*/ 564 h 970"/>
                  <a:gd name="T50" fmla="*/ 313 w 626"/>
                  <a:gd name="T51" fmla="*/ 562 h 970"/>
                  <a:gd name="T52" fmla="*/ 311 w 626"/>
                  <a:gd name="T53" fmla="*/ 557 h 970"/>
                  <a:gd name="T54" fmla="*/ 305 w 626"/>
                  <a:gd name="T55" fmla="*/ 555 h 970"/>
                  <a:gd name="T56" fmla="*/ 303 w 626"/>
                  <a:gd name="T57" fmla="*/ 555 h 970"/>
                  <a:gd name="T58" fmla="*/ 302 w 626"/>
                  <a:gd name="T59" fmla="*/ 554 h 970"/>
                  <a:gd name="T60" fmla="*/ 298 w 626"/>
                  <a:gd name="T61" fmla="*/ 554 h 970"/>
                  <a:gd name="T62" fmla="*/ 297 w 626"/>
                  <a:gd name="T63" fmla="*/ 555 h 970"/>
                  <a:gd name="T64" fmla="*/ 294 w 626"/>
                  <a:gd name="T65" fmla="*/ 555 h 970"/>
                  <a:gd name="T66" fmla="*/ 289 w 626"/>
                  <a:gd name="T67" fmla="*/ 555 h 970"/>
                  <a:gd name="T68" fmla="*/ 286 w 626"/>
                  <a:gd name="T69" fmla="*/ 555 h 970"/>
                  <a:gd name="T70" fmla="*/ 285 w 626"/>
                  <a:gd name="T71" fmla="*/ 559 h 970"/>
                  <a:gd name="T72" fmla="*/ 285 w 626"/>
                  <a:gd name="T73" fmla="*/ 562 h 970"/>
                  <a:gd name="T74" fmla="*/ 286 w 626"/>
                  <a:gd name="T75" fmla="*/ 566 h 970"/>
                  <a:gd name="T76" fmla="*/ 286 w 626"/>
                  <a:gd name="T77" fmla="*/ 572 h 970"/>
                  <a:gd name="T78" fmla="*/ 286 w 626"/>
                  <a:gd name="T79" fmla="*/ 580 h 970"/>
                  <a:gd name="T80" fmla="*/ 288 w 626"/>
                  <a:gd name="T81" fmla="*/ 587 h 970"/>
                  <a:gd name="T82" fmla="*/ 286 w 626"/>
                  <a:gd name="T83" fmla="*/ 596 h 970"/>
                  <a:gd name="T84" fmla="*/ 285 w 626"/>
                  <a:gd name="T85" fmla="*/ 602 h 970"/>
                  <a:gd name="T86" fmla="*/ 282 w 626"/>
                  <a:gd name="T87" fmla="*/ 607 h 970"/>
                  <a:gd name="T88" fmla="*/ 282 w 626"/>
                  <a:gd name="T89" fmla="*/ 612 h 970"/>
                  <a:gd name="T90" fmla="*/ 282 w 626"/>
                  <a:gd name="T91" fmla="*/ 620 h 970"/>
                  <a:gd name="T92" fmla="*/ 282 w 626"/>
                  <a:gd name="T93" fmla="*/ 629 h 970"/>
                  <a:gd name="T94" fmla="*/ 281 w 626"/>
                  <a:gd name="T95" fmla="*/ 637 h 970"/>
                  <a:gd name="T96" fmla="*/ 279 w 626"/>
                  <a:gd name="T97" fmla="*/ 637 h 970"/>
                  <a:gd name="T98" fmla="*/ 276 w 626"/>
                  <a:gd name="T99" fmla="*/ 640 h 970"/>
                  <a:gd name="T100" fmla="*/ 273 w 626"/>
                  <a:gd name="T101" fmla="*/ 643 h 970"/>
                  <a:gd name="T102" fmla="*/ 272 w 626"/>
                  <a:gd name="T103" fmla="*/ 644 h 970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w 626"/>
                  <a:gd name="T157" fmla="*/ 0 h 970"/>
                  <a:gd name="T158" fmla="*/ 626 w 626"/>
                  <a:gd name="T159" fmla="*/ 970 h 970"/>
                </a:gdLst>
                <a:ahLst/>
                <a:cxnLst>
                  <a:cxn ang="T104">
                    <a:pos x="T0" y="T1"/>
                  </a:cxn>
                  <a:cxn ang="T105">
                    <a:pos x="T2" y="T3"/>
                  </a:cxn>
                  <a:cxn ang="T106">
                    <a:pos x="T4" y="T5"/>
                  </a:cxn>
                  <a:cxn ang="T107">
                    <a:pos x="T6" y="T7"/>
                  </a:cxn>
                  <a:cxn ang="T108">
                    <a:pos x="T8" y="T9"/>
                  </a:cxn>
                  <a:cxn ang="T109">
                    <a:pos x="T10" y="T11"/>
                  </a:cxn>
                  <a:cxn ang="T110">
                    <a:pos x="T12" y="T13"/>
                  </a:cxn>
                  <a:cxn ang="T111">
                    <a:pos x="T14" y="T15"/>
                  </a:cxn>
                  <a:cxn ang="T112">
                    <a:pos x="T16" y="T17"/>
                  </a:cxn>
                  <a:cxn ang="T113">
                    <a:pos x="T18" y="T19"/>
                  </a:cxn>
                  <a:cxn ang="T114">
                    <a:pos x="T20" y="T21"/>
                  </a:cxn>
                  <a:cxn ang="T115">
                    <a:pos x="T22" y="T23"/>
                  </a:cxn>
                  <a:cxn ang="T116">
                    <a:pos x="T24" y="T25"/>
                  </a:cxn>
                  <a:cxn ang="T117">
                    <a:pos x="T26" y="T27"/>
                  </a:cxn>
                  <a:cxn ang="T118">
                    <a:pos x="T28" y="T29"/>
                  </a:cxn>
                  <a:cxn ang="T119">
                    <a:pos x="T30" y="T31"/>
                  </a:cxn>
                  <a:cxn ang="T120">
                    <a:pos x="T32" y="T33"/>
                  </a:cxn>
                  <a:cxn ang="T121">
                    <a:pos x="T34" y="T35"/>
                  </a:cxn>
                  <a:cxn ang="T122">
                    <a:pos x="T36" y="T37"/>
                  </a:cxn>
                  <a:cxn ang="T123">
                    <a:pos x="T38" y="T39"/>
                  </a:cxn>
                  <a:cxn ang="T124">
                    <a:pos x="T40" y="T41"/>
                  </a:cxn>
                  <a:cxn ang="T125">
                    <a:pos x="T42" y="T43"/>
                  </a:cxn>
                  <a:cxn ang="T126">
                    <a:pos x="T44" y="T45"/>
                  </a:cxn>
                  <a:cxn ang="T127">
                    <a:pos x="T46" y="T47"/>
                  </a:cxn>
                  <a:cxn ang="T128">
                    <a:pos x="T48" y="T49"/>
                  </a:cxn>
                  <a:cxn ang="T129">
                    <a:pos x="T50" y="T51"/>
                  </a:cxn>
                  <a:cxn ang="T130">
                    <a:pos x="T52" y="T53"/>
                  </a:cxn>
                  <a:cxn ang="T131">
                    <a:pos x="T54" y="T55"/>
                  </a:cxn>
                  <a:cxn ang="T132">
                    <a:pos x="T56" y="T57"/>
                  </a:cxn>
                  <a:cxn ang="T133">
                    <a:pos x="T58" y="T59"/>
                  </a:cxn>
                  <a:cxn ang="T134">
                    <a:pos x="T60" y="T61"/>
                  </a:cxn>
                  <a:cxn ang="T135">
                    <a:pos x="T62" y="T63"/>
                  </a:cxn>
                  <a:cxn ang="T136">
                    <a:pos x="T64" y="T65"/>
                  </a:cxn>
                  <a:cxn ang="T137">
                    <a:pos x="T66" y="T67"/>
                  </a:cxn>
                  <a:cxn ang="T138">
                    <a:pos x="T68" y="T69"/>
                  </a:cxn>
                  <a:cxn ang="T139">
                    <a:pos x="T70" y="T71"/>
                  </a:cxn>
                  <a:cxn ang="T140">
                    <a:pos x="T72" y="T73"/>
                  </a:cxn>
                  <a:cxn ang="T141">
                    <a:pos x="T74" y="T75"/>
                  </a:cxn>
                  <a:cxn ang="T142">
                    <a:pos x="T76" y="T77"/>
                  </a:cxn>
                  <a:cxn ang="T143">
                    <a:pos x="T78" y="T79"/>
                  </a:cxn>
                  <a:cxn ang="T144">
                    <a:pos x="T80" y="T81"/>
                  </a:cxn>
                  <a:cxn ang="T145">
                    <a:pos x="T82" y="T83"/>
                  </a:cxn>
                  <a:cxn ang="T146">
                    <a:pos x="T84" y="T85"/>
                  </a:cxn>
                  <a:cxn ang="T147">
                    <a:pos x="T86" y="T87"/>
                  </a:cxn>
                  <a:cxn ang="T148">
                    <a:pos x="T88" y="T89"/>
                  </a:cxn>
                  <a:cxn ang="T149">
                    <a:pos x="T90" y="T91"/>
                  </a:cxn>
                  <a:cxn ang="T150">
                    <a:pos x="T92" y="T93"/>
                  </a:cxn>
                  <a:cxn ang="T151">
                    <a:pos x="T94" y="T95"/>
                  </a:cxn>
                  <a:cxn ang="T152">
                    <a:pos x="T96" y="T97"/>
                  </a:cxn>
                  <a:cxn ang="T153">
                    <a:pos x="T98" y="T99"/>
                  </a:cxn>
                  <a:cxn ang="T154">
                    <a:pos x="T100" y="T101"/>
                  </a:cxn>
                  <a:cxn ang="T155">
                    <a:pos x="T102" y="T103"/>
                  </a:cxn>
                </a:cxnLst>
                <a:rect l="T156" t="T157" r="T158" b="T159"/>
                <a:pathLst>
                  <a:path w="626" h="970">
                    <a:moveTo>
                      <a:pt x="400" y="970"/>
                    </a:moveTo>
                    <a:lnTo>
                      <a:pt x="0" y="366"/>
                    </a:lnTo>
                    <a:lnTo>
                      <a:pt x="95" y="0"/>
                    </a:lnTo>
                    <a:lnTo>
                      <a:pt x="93" y="2"/>
                    </a:lnTo>
                    <a:lnTo>
                      <a:pt x="107" y="5"/>
                    </a:lnTo>
                    <a:lnTo>
                      <a:pt x="120" y="8"/>
                    </a:lnTo>
                    <a:lnTo>
                      <a:pt x="132" y="12"/>
                    </a:lnTo>
                    <a:lnTo>
                      <a:pt x="146" y="15"/>
                    </a:lnTo>
                    <a:lnTo>
                      <a:pt x="158" y="19"/>
                    </a:lnTo>
                    <a:lnTo>
                      <a:pt x="170" y="20"/>
                    </a:lnTo>
                    <a:lnTo>
                      <a:pt x="183" y="24"/>
                    </a:lnTo>
                    <a:lnTo>
                      <a:pt x="193" y="27"/>
                    </a:lnTo>
                    <a:lnTo>
                      <a:pt x="205" y="30"/>
                    </a:lnTo>
                    <a:lnTo>
                      <a:pt x="217" y="32"/>
                    </a:lnTo>
                    <a:lnTo>
                      <a:pt x="229" y="36"/>
                    </a:lnTo>
                    <a:lnTo>
                      <a:pt x="239" y="39"/>
                    </a:lnTo>
                    <a:lnTo>
                      <a:pt x="249" y="41"/>
                    </a:lnTo>
                    <a:lnTo>
                      <a:pt x="259" y="44"/>
                    </a:lnTo>
                    <a:lnTo>
                      <a:pt x="269" y="46"/>
                    </a:lnTo>
                    <a:lnTo>
                      <a:pt x="278" y="49"/>
                    </a:lnTo>
                    <a:lnTo>
                      <a:pt x="288" y="51"/>
                    </a:lnTo>
                    <a:lnTo>
                      <a:pt x="296" y="52"/>
                    </a:lnTo>
                    <a:lnTo>
                      <a:pt x="303" y="54"/>
                    </a:lnTo>
                    <a:lnTo>
                      <a:pt x="312" y="56"/>
                    </a:lnTo>
                    <a:lnTo>
                      <a:pt x="318" y="58"/>
                    </a:lnTo>
                    <a:lnTo>
                      <a:pt x="325" y="59"/>
                    </a:lnTo>
                    <a:lnTo>
                      <a:pt x="330" y="61"/>
                    </a:lnTo>
                    <a:lnTo>
                      <a:pt x="337" y="63"/>
                    </a:lnTo>
                    <a:lnTo>
                      <a:pt x="340" y="64"/>
                    </a:lnTo>
                    <a:lnTo>
                      <a:pt x="346" y="66"/>
                    </a:lnTo>
                    <a:lnTo>
                      <a:pt x="349" y="66"/>
                    </a:lnTo>
                    <a:lnTo>
                      <a:pt x="352" y="66"/>
                    </a:lnTo>
                    <a:lnTo>
                      <a:pt x="354" y="68"/>
                    </a:lnTo>
                    <a:lnTo>
                      <a:pt x="357" y="68"/>
                    </a:lnTo>
                    <a:lnTo>
                      <a:pt x="626" y="125"/>
                    </a:lnTo>
                    <a:lnTo>
                      <a:pt x="508" y="741"/>
                    </a:lnTo>
                    <a:lnTo>
                      <a:pt x="491" y="831"/>
                    </a:lnTo>
                    <a:lnTo>
                      <a:pt x="491" y="833"/>
                    </a:lnTo>
                    <a:lnTo>
                      <a:pt x="489" y="836"/>
                    </a:lnTo>
                    <a:lnTo>
                      <a:pt x="488" y="843"/>
                    </a:lnTo>
                    <a:lnTo>
                      <a:pt x="484" y="850"/>
                    </a:lnTo>
                    <a:lnTo>
                      <a:pt x="481" y="855"/>
                    </a:lnTo>
                    <a:lnTo>
                      <a:pt x="476" y="858"/>
                    </a:lnTo>
                    <a:lnTo>
                      <a:pt x="471" y="858"/>
                    </a:lnTo>
                    <a:lnTo>
                      <a:pt x="464" y="853"/>
                    </a:lnTo>
                    <a:lnTo>
                      <a:pt x="464" y="851"/>
                    </a:lnTo>
                    <a:lnTo>
                      <a:pt x="462" y="850"/>
                    </a:lnTo>
                    <a:lnTo>
                      <a:pt x="462" y="848"/>
                    </a:lnTo>
                    <a:lnTo>
                      <a:pt x="462" y="846"/>
                    </a:lnTo>
                    <a:lnTo>
                      <a:pt x="461" y="844"/>
                    </a:lnTo>
                    <a:lnTo>
                      <a:pt x="457" y="841"/>
                    </a:lnTo>
                    <a:lnTo>
                      <a:pt x="454" y="841"/>
                    </a:lnTo>
                    <a:lnTo>
                      <a:pt x="449" y="839"/>
                    </a:lnTo>
                    <a:lnTo>
                      <a:pt x="447" y="839"/>
                    </a:lnTo>
                    <a:lnTo>
                      <a:pt x="445" y="838"/>
                    </a:lnTo>
                    <a:lnTo>
                      <a:pt x="445" y="836"/>
                    </a:lnTo>
                    <a:lnTo>
                      <a:pt x="444" y="834"/>
                    </a:lnTo>
                    <a:lnTo>
                      <a:pt x="440" y="833"/>
                    </a:lnTo>
                    <a:lnTo>
                      <a:pt x="439" y="833"/>
                    </a:lnTo>
                    <a:lnTo>
                      <a:pt x="437" y="833"/>
                    </a:lnTo>
                    <a:lnTo>
                      <a:pt x="435" y="836"/>
                    </a:lnTo>
                    <a:lnTo>
                      <a:pt x="434" y="836"/>
                    </a:lnTo>
                    <a:lnTo>
                      <a:pt x="432" y="838"/>
                    </a:lnTo>
                    <a:lnTo>
                      <a:pt x="428" y="838"/>
                    </a:lnTo>
                    <a:lnTo>
                      <a:pt x="425" y="838"/>
                    </a:lnTo>
                    <a:lnTo>
                      <a:pt x="423" y="838"/>
                    </a:lnTo>
                    <a:lnTo>
                      <a:pt x="420" y="839"/>
                    </a:lnTo>
                    <a:lnTo>
                      <a:pt x="420" y="841"/>
                    </a:lnTo>
                    <a:lnTo>
                      <a:pt x="418" y="843"/>
                    </a:lnTo>
                    <a:lnTo>
                      <a:pt x="418" y="844"/>
                    </a:lnTo>
                    <a:lnTo>
                      <a:pt x="418" y="846"/>
                    </a:lnTo>
                    <a:lnTo>
                      <a:pt x="420" y="850"/>
                    </a:lnTo>
                    <a:lnTo>
                      <a:pt x="420" y="853"/>
                    </a:lnTo>
                    <a:lnTo>
                      <a:pt x="420" y="856"/>
                    </a:lnTo>
                    <a:lnTo>
                      <a:pt x="420" y="861"/>
                    </a:lnTo>
                    <a:lnTo>
                      <a:pt x="420" y="866"/>
                    </a:lnTo>
                    <a:lnTo>
                      <a:pt x="420" y="873"/>
                    </a:lnTo>
                    <a:lnTo>
                      <a:pt x="422" y="878"/>
                    </a:lnTo>
                    <a:lnTo>
                      <a:pt x="422" y="885"/>
                    </a:lnTo>
                    <a:lnTo>
                      <a:pt x="420" y="890"/>
                    </a:lnTo>
                    <a:lnTo>
                      <a:pt x="420" y="897"/>
                    </a:lnTo>
                    <a:lnTo>
                      <a:pt x="420" y="902"/>
                    </a:lnTo>
                    <a:lnTo>
                      <a:pt x="418" y="907"/>
                    </a:lnTo>
                    <a:lnTo>
                      <a:pt x="417" y="912"/>
                    </a:lnTo>
                    <a:lnTo>
                      <a:pt x="415" y="916"/>
                    </a:lnTo>
                    <a:lnTo>
                      <a:pt x="415" y="919"/>
                    </a:lnTo>
                    <a:lnTo>
                      <a:pt x="415" y="922"/>
                    </a:lnTo>
                    <a:lnTo>
                      <a:pt x="415" y="927"/>
                    </a:lnTo>
                    <a:lnTo>
                      <a:pt x="415" y="934"/>
                    </a:lnTo>
                    <a:lnTo>
                      <a:pt x="415" y="941"/>
                    </a:lnTo>
                    <a:lnTo>
                      <a:pt x="415" y="948"/>
                    </a:lnTo>
                    <a:lnTo>
                      <a:pt x="415" y="954"/>
                    </a:lnTo>
                    <a:lnTo>
                      <a:pt x="413" y="960"/>
                    </a:lnTo>
                    <a:lnTo>
                      <a:pt x="412" y="960"/>
                    </a:lnTo>
                    <a:lnTo>
                      <a:pt x="410" y="961"/>
                    </a:lnTo>
                    <a:lnTo>
                      <a:pt x="408" y="963"/>
                    </a:lnTo>
                    <a:lnTo>
                      <a:pt x="406" y="965"/>
                    </a:lnTo>
                    <a:lnTo>
                      <a:pt x="403" y="966"/>
                    </a:lnTo>
                    <a:lnTo>
                      <a:pt x="401" y="968"/>
                    </a:lnTo>
                    <a:lnTo>
                      <a:pt x="400" y="97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30" name="Freeform 119"/>
              <p:cNvSpPr>
                <a:spLocks/>
              </p:cNvSpPr>
              <p:nvPr/>
            </p:nvSpPr>
            <p:spPr bwMode="auto">
              <a:xfrm>
                <a:off x="846" y="2445"/>
                <a:ext cx="649" cy="757"/>
              </a:xfrm>
              <a:custGeom>
                <a:avLst/>
                <a:gdLst>
                  <a:gd name="T0" fmla="*/ 18 w 667"/>
                  <a:gd name="T1" fmla="*/ 337 h 780"/>
                  <a:gd name="T2" fmla="*/ 25 w 667"/>
                  <a:gd name="T3" fmla="*/ 334 h 780"/>
                  <a:gd name="T4" fmla="*/ 28 w 667"/>
                  <a:gd name="T5" fmla="*/ 326 h 780"/>
                  <a:gd name="T6" fmla="*/ 28 w 667"/>
                  <a:gd name="T7" fmla="*/ 319 h 780"/>
                  <a:gd name="T8" fmla="*/ 27 w 667"/>
                  <a:gd name="T9" fmla="*/ 316 h 780"/>
                  <a:gd name="T10" fmla="*/ 18 w 667"/>
                  <a:gd name="T11" fmla="*/ 299 h 780"/>
                  <a:gd name="T12" fmla="*/ 18 w 667"/>
                  <a:gd name="T13" fmla="*/ 285 h 780"/>
                  <a:gd name="T14" fmla="*/ 18 w 667"/>
                  <a:gd name="T15" fmla="*/ 284 h 780"/>
                  <a:gd name="T16" fmla="*/ 23 w 667"/>
                  <a:gd name="T17" fmla="*/ 280 h 780"/>
                  <a:gd name="T18" fmla="*/ 28 w 667"/>
                  <a:gd name="T19" fmla="*/ 279 h 780"/>
                  <a:gd name="T20" fmla="*/ 32 w 667"/>
                  <a:gd name="T21" fmla="*/ 277 h 780"/>
                  <a:gd name="T22" fmla="*/ 41 w 667"/>
                  <a:gd name="T23" fmla="*/ 270 h 780"/>
                  <a:gd name="T24" fmla="*/ 43 w 667"/>
                  <a:gd name="T25" fmla="*/ 261 h 780"/>
                  <a:gd name="T26" fmla="*/ 44 w 667"/>
                  <a:gd name="T27" fmla="*/ 253 h 780"/>
                  <a:gd name="T28" fmla="*/ 44 w 667"/>
                  <a:gd name="T29" fmla="*/ 248 h 780"/>
                  <a:gd name="T30" fmla="*/ 46 w 667"/>
                  <a:gd name="T31" fmla="*/ 238 h 780"/>
                  <a:gd name="T32" fmla="*/ 54 w 667"/>
                  <a:gd name="T33" fmla="*/ 230 h 780"/>
                  <a:gd name="T34" fmla="*/ 66 w 667"/>
                  <a:gd name="T35" fmla="*/ 226 h 780"/>
                  <a:gd name="T36" fmla="*/ 70 w 667"/>
                  <a:gd name="T37" fmla="*/ 226 h 780"/>
                  <a:gd name="T38" fmla="*/ 74 w 667"/>
                  <a:gd name="T39" fmla="*/ 214 h 780"/>
                  <a:gd name="T40" fmla="*/ 64 w 667"/>
                  <a:gd name="T41" fmla="*/ 186 h 780"/>
                  <a:gd name="T42" fmla="*/ 51 w 667"/>
                  <a:gd name="T43" fmla="*/ 161 h 780"/>
                  <a:gd name="T44" fmla="*/ 50 w 667"/>
                  <a:gd name="T45" fmla="*/ 150 h 780"/>
                  <a:gd name="T46" fmla="*/ 51 w 667"/>
                  <a:gd name="T47" fmla="*/ 148 h 780"/>
                  <a:gd name="T48" fmla="*/ 54 w 667"/>
                  <a:gd name="T49" fmla="*/ 146 h 780"/>
                  <a:gd name="T50" fmla="*/ 57 w 667"/>
                  <a:gd name="T51" fmla="*/ 144 h 780"/>
                  <a:gd name="T52" fmla="*/ 60 w 667"/>
                  <a:gd name="T53" fmla="*/ 140 h 780"/>
                  <a:gd name="T54" fmla="*/ 60 w 667"/>
                  <a:gd name="T55" fmla="*/ 132 h 780"/>
                  <a:gd name="T56" fmla="*/ 60 w 667"/>
                  <a:gd name="T57" fmla="*/ 123 h 780"/>
                  <a:gd name="T58" fmla="*/ 60 w 667"/>
                  <a:gd name="T59" fmla="*/ 116 h 780"/>
                  <a:gd name="T60" fmla="*/ 62 w 667"/>
                  <a:gd name="T61" fmla="*/ 112 h 780"/>
                  <a:gd name="T62" fmla="*/ 64 w 667"/>
                  <a:gd name="T63" fmla="*/ 106 h 780"/>
                  <a:gd name="T64" fmla="*/ 64 w 667"/>
                  <a:gd name="T65" fmla="*/ 99 h 780"/>
                  <a:gd name="T66" fmla="*/ 66 w 667"/>
                  <a:gd name="T67" fmla="*/ 90 h 780"/>
                  <a:gd name="T68" fmla="*/ 64 w 667"/>
                  <a:gd name="T69" fmla="*/ 82 h 780"/>
                  <a:gd name="T70" fmla="*/ 64 w 667"/>
                  <a:gd name="T71" fmla="*/ 76 h 780"/>
                  <a:gd name="T72" fmla="*/ 64 w 667"/>
                  <a:gd name="T73" fmla="*/ 72 h 780"/>
                  <a:gd name="T74" fmla="*/ 63 w 667"/>
                  <a:gd name="T75" fmla="*/ 68 h 780"/>
                  <a:gd name="T76" fmla="*/ 64 w 667"/>
                  <a:gd name="T77" fmla="*/ 66 h 780"/>
                  <a:gd name="T78" fmla="*/ 66 w 667"/>
                  <a:gd name="T79" fmla="*/ 64 h 780"/>
                  <a:gd name="T80" fmla="*/ 70 w 667"/>
                  <a:gd name="T81" fmla="*/ 64 h 780"/>
                  <a:gd name="T82" fmla="*/ 74 w 667"/>
                  <a:gd name="T83" fmla="*/ 63 h 780"/>
                  <a:gd name="T84" fmla="*/ 76 w 667"/>
                  <a:gd name="T85" fmla="*/ 61 h 780"/>
                  <a:gd name="T86" fmla="*/ 78 w 667"/>
                  <a:gd name="T87" fmla="*/ 61 h 780"/>
                  <a:gd name="T88" fmla="*/ 81 w 667"/>
                  <a:gd name="T89" fmla="*/ 63 h 780"/>
                  <a:gd name="T90" fmla="*/ 82 w 667"/>
                  <a:gd name="T91" fmla="*/ 65 h 780"/>
                  <a:gd name="T92" fmla="*/ 87 w 667"/>
                  <a:gd name="T93" fmla="*/ 66 h 780"/>
                  <a:gd name="T94" fmla="*/ 90 w 667"/>
                  <a:gd name="T95" fmla="*/ 68 h 780"/>
                  <a:gd name="T96" fmla="*/ 91 w 667"/>
                  <a:gd name="T97" fmla="*/ 71 h 780"/>
                  <a:gd name="T98" fmla="*/ 93 w 667"/>
                  <a:gd name="T99" fmla="*/ 73 h 780"/>
                  <a:gd name="T100" fmla="*/ 98 w 667"/>
                  <a:gd name="T101" fmla="*/ 78 h 780"/>
                  <a:gd name="T102" fmla="*/ 105 w 667"/>
                  <a:gd name="T103" fmla="*/ 76 h 780"/>
                  <a:gd name="T104" fmla="*/ 111 w 667"/>
                  <a:gd name="T105" fmla="*/ 68 h 780"/>
                  <a:gd name="T106" fmla="*/ 113 w 667"/>
                  <a:gd name="T107" fmla="*/ 61 h 780"/>
                  <a:gd name="T108" fmla="*/ 123 w 667"/>
                  <a:gd name="T109" fmla="*/ 0 h 780"/>
                  <a:gd name="T110" fmla="*/ 454 w 667"/>
                  <a:gd name="T111" fmla="*/ 53 h 780"/>
                  <a:gd name="T112" fmla="*/ 247 w 667"/>
                  <a:gd name="T113" fmla="*/ 495 h 780"/>
                  <a:gd name="T114" fmla="*/ 13 w 667"/>
                  <a:gd name="T115" fmla="*/ 337 h 780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667"/>
                  <a:gd name="T175" fmla="*/ 0 h 780"/>
                  <a:gd name="T176" fmla="*/ 667 w 667"/>
                  <a:gd name="T177" fmla="*/ 780 h 780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667" h="780">
                    <a:moveTo>
                      <a:pt x="13" y="513"/>
                    </a:moveTo>
                    <a:lnTo>
                      <a:pt x="29" y="513"/>
                    </a:lnTo>
                    <a:lnTo>
                      <a:pt x="34" y="511"/>
                    </a:lnTo>
                    <a:lnTo>
                      <a:pt x="39" y="508"/>
                    </a:lnTo>
                    <a:lnTo>
                      <a:pt x="41" y="503"/>
                    </a:lnTo>
                    <a:lnTo>
                      <a:pt x="42" y="496"/>
                    </a:lnTo>
                    <a:lnTo>
                      <a:pt x="42" y="491"/>
                    </a:lnTo>
                    <a:lnTo>
                      <a:pt x="42" y="486"/>
                    </a:lnTo>
                    <a:lnTo>
                      <a:pt x="42" y="483"/>
                    </a:lnTo>
                    <a:lnTo>
                      <a:pt x="41" y="481"/>
                    </a:lnTo>
                    <a:lnTo>
                      <a:pt x="24" y="472"/>
                    </a:lnTo>
                    <a:lnTo>
                      <a:pt x="29" y="455"/>
                    </a:lnTo>
                    <a:lnTo>
                      <a:pt x="27" y="444"/>
                    </a:lnTo>
                    <a:lnTo>
                      <a:pt x="30" y="433"/>
                    </a:lnTo>
                    <a:lnTo>
                      <a:pt x="32" y="432"/>
                    </a:lnTo>
                    <a:lnTo>
                      <a:pt x="35" y="430"/>
                    </a:lnTo>
                    <a:lnTo>
                      <a:pt x="37" y="427"/>
                    </a:lnTo>
                    <a:lnTo>
                      <a:pt x="41" y="425"/>
                    </a:lnTo>
                    <a:lnTo>
                      <a:pt x="42" y="423"/>
                    </a:lnTo>
                    <a:lnTo>
                      <a:pt x="44" y="422"/>
                    </a:lnTo>
                    <a:lnTo>
                      <a:pt x="46" y="420"/>
                    </a:lnTo>
                    <a:lnTo>
                      <a:pt x="51" y="415"/>
                    </a:lnTo>
                    <a:lnTo>
                      <a:pt x="56" y="410"/>
                    </a:lnTo>
                    <a:lnTo>
                      <a:pt x="57" y="403"/>
                    </a:lnTo>
                    <a:lnTo>
                      <a:pt x="59" y="396"/>
                    </a:lnTo>
                    <a:lnTo>
                      <a:pt x="61" y="389"/>
                    </a:lnTo>
                    <a:lnTo>
                      <a:pt x="61" y="384"/>
                    </a:lnTo>
                    <a:lnTo>
                      <a:pt x="61" y="379"/>
                    </a:lnTo>
                    <a:lnTo>
                      <a:pt x="61" y="378"/>
                    </a:lnTo>
                    <a:lnTo>
                      <a:pt x="63" y="369"/>
                    </a:lnTo>
                    <a:lnTo>
                      <a:pt x="66" y="361"/>
                    </a:lnTo>
                    <a:lnTo>
                      <a:pt x="73" y="354"/>
                    </a:lnTo>
                    <a:lnTo>
                      <a:pt x="81" y="349"/>
                    </a:lnTo>
                    <a:lnTo>
                      <a:pt x="88" y="345"/>
                    </a:lnTo>
                    <a:lnTo>
                      <a:pt x="95" y="344"/>
                    </a:lnTo>
                    <a:lnTo>
                      <a:pt x="100" y="344"/>
                    </a:lnTo>
                    <a:lnTo>
                      <a:pt x="101" y="342"/>
                    </a:lnTo>
                    <a:lnTo>
                      <a:pt x="108" y="334"/>
                    </a:lnTo>
                    <a:lnTo>
                      <a:pt x="108" y="325"/>
                    </a:lnTo>
                    <a:lnTo>
                      <a:pt x="91" y="301"/>
                    </a:lnTo>
                    <a:lnTo>
                      <a:pt x="93" y="283"/>
                    </a:lnTo>
                    <a:lnTo>
                      <a:pt x="81" y="257"/>
                    </a:lnTo>
                    <a:lnTo>
                      <a:pt x="76" y="244"/>
                    </a:lnTo>
                    <a:lnTo>
                      <a:pt x="73" y="229"/>
                    </a:lnTo>
                    <a:lnTo>
                      <a:pt x="74" y="227"/>
                    </a:lnTo>
                    <a:lnTo>
                      <a:pt x="76" y="225"/>
                    </a:lnTo>
                    <a:lnTo>
                      <a:pt x="79" y="224"/>
                    </a:lnTo>
                    <a:lnTo>
                      <a:pt x="81" y="222"/>
                    </a:lnTo>
                    <a:lnTo>
                      <a:pt x="83" y="220"/>
                    </a:lnTo>
                    <a:lnTo>
                      <a:pt x="85" y="219"/>
                    </a:lnTo>
                    <a:lnTo>
                      <a:pt x="86" y="219"/>
                    </a:lnTo>
                    <a:lnTo>
                      <a:pt x="88" y="213"/>
                    </a:lnTo>
                    <a:lnTo>
                      <a:pt x="88" y="207"/>
                    </a:lnTo>
                    <a:lnTo>
                      <a:pt x="88" y="200"/>
                    </a:lnTo>
                    <a:lnTo>
                      <a:pt x="88" y="193"/>
                    </a:lnTo>
                    <a:lnTo>
                      <a:pt x="88" y="186"/>
                    </a:lnTo>
                    <a:lnTo>
                      <a:pt x="88" y="181"/>
                    </a:lnTo>
                    <a:lnTo>
                      <a:pt x="88" y="178"/>
                    </a:lnTo>
                    <a:lnTo>
                      <a:pt x="88" y="175"/>
                    </a:lnTo>
                    <a:lnTo>
                      <a:pt x="90" y="171"/>
                    </a:lnTo>
                    <a:lnTo>
                      <a:pt x="91" y="166"/>
                    </a:lnTo>
                    <a:lnTo>
                      <a:pt x="93" y="161"/>
                    </a:lnTo>
                    <a:lnTo>
                      <a:pt x="93" y="156"/>
                    </a:lnTo>
                    <a:lnTo>
                      <a:pt x="93" y="149"/>
                    </a:lnTo>
                    <a:lnTo>
                      <a:pt x="95" y="144"/>
                    </a:lnTo>
                    <a:lnTo>
                      <a:pt x="95" y="137"/>
                    </a:lnTo>
                    <a:lnTo>
                      <a:pt x="93" y="132"/>
                    </a:lnTo>
                    <a:lnTo>
                      <a:pt x="93" y="125"/>
                    </a:lnTo>
                    <a:lnTo>
                      <a:pt x="93" y="120"/>
                    </a:lnTo>
                    <a:lnTo>
                      <a:pt x="93" y="115"/>
                    </a:lnTo>
                    <a:lnTo>
                      <a:pt x="93" y="112"/>
                    </a:lnTo>
                    <a:lnTo>
                      <a:pt x="93" y="109"/>
                    </a:lnTo>
                    <a:lnTo>
                      <a:pt x="91" y="105"/>
                    </a:lnTo>
                    <a:lnTo>
                      <a:pt x="91" y="103"/>
                    </a:lnTo>
                    <a:lnTo>
                      <a:pt x="91" y="102"/>
                    </a:lnTo>
                    <a:lnTo>
                      <a:pt x="93" y="100"/>
                    </a:lnTo>
                    <a:lnTo>
                      <a:pt x="93" y="98"/>
                    </a:lnTo>
                    <a:lnTo>
                      <a:pt x="96" y="97"/>
                    </a:lnTo>
                    <a:lnTo>
                      <a:pt x="98" y="97"/>
                    </a:lnTo>
                    <a:lnTo>
                      <a:pt x="101" y="97"/>
                    </a:lnTo>
                    <a:lnTo>
                      <a:pt x="105" y="97"/>
                    </a:lnTo>
                    <a:lnTo>
                      <a:pt x="107" y="95"/>
                    </a:lnTo>
                    <a:lnTo>
                      <a:pt x="108" y="95"/>
                    </a:lnTo>
                    <a:lnTo>
                      <a:pt x="110" y="92"/>
                    </a:lnTo>
                    <a:lnTo>
                      <a:pt x="112" y="92"/>
                    </a:lnTo>
                    <a:lnTo>
                      <a:pt x="113" y="92"/>
                    </a:lnTo>
                    <a:lnTo>
                      <a:pt x="117" y="93"/>
                    </a:lnTo>
                    <a:lnTo>
                      <a:pt x="118" y="95"/>
                    </a:lnTo>
                    <a:lnTo>
                      <a:pt x="118" y="97"/>
                    </a:lnTo>
                    <a:lnTo>
                      <a:pt x="120" y="98"/>
                    </a:lnTo>
                    <a:lnTo>
                      <a:pt x="122" y="98"/>
                    </a:lnTo>
                    <a:lnTo>
                      <a:pt x="127" y="100"/>
                    </a:lnTo>
                    <a:lnTo>
                      <a:pt x="130" y="100"/>
                    </a:lnTo>
                    <a:lnTo>
                      <a:pt x="134" y="103"/>
                    </a:lnTo>
                    <a:lnTo>
                      <a:pt x="135" y="105"/>
                    </a:lnTo>
                    <a:lnTo>
                      <a:pt x="135" y="107"/>
                    </a:lnTo>
                    <a:lnTo>
                      <a:pt x="135" y="109"/>
                    </a:lnTo>
                    <a:lnTo>
                      <a:pt x="137" y="110"/>
                    </a:lnTo>
                    <a:lnTo>
                      <a:pt x="137" y="112"/>
                    </a:lnTo>
                    <a:lnTo>
                      <a:pt x="144" y="117"/>
                    </a:lnTo>
                    <a:lnTo>
                      <a:pt x="149" y="117"/>
                    </a:lnTo>
                    <a:lnTo>
                      <a:pt x="154" y="114"/>
                    </a:lnTo>
                    <a:lnTo>
                      <a:pt x="157" y="109"/>
                    </a:lnTo>
                    <a:lnTo>
                      <a:pt x="161" y="102"/>
                    </a:lnTo>
                    <a:lnTo>
                      <a:pt x="162" y="95"/>
                    </a:lnTo>
                    <a:lnTo>
                      <a:pt x="164" y="92"/>
                    </a:lnTo>
                    <a:lnTo>
                      <a:pt x="164" y="90"/>
                    </a:lnTo>
                    <a:lnTo>
                      <a:pt x="181" y="0"/>
                    </a:lnTo>
                    <a:lnTo>
                      <a:pt x="667" y="81"/>
                    </a:lnTo>
                    <a:lnTo>
                      <a:pt x="570" y="780"/>
                    </a:lnTo>
                    <a:lnTo>
                      <a:pt x="362" y="753"/>
                    </a:lnTo>
                    <a:lnTo>
                      <a:pt x="0" y="542"/>
                    </a:lnTo>
                    <a:lnTo>
                      <a:pt x="13" y="513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31" name="Freeform 120"/>
              <p:cNvSpPr>
                <a:spLocks/>
              </p:cNvSpPr>
              <p:nvPr/>
            </p:nvSpPr>
            <p:spPr bwMode="auto">
              <a:xfrm>
                <a:off x="1495" y="2036"/>
                <a:ext cx="697" cy="552"/>
              </a:xfrm>
              <a:custGeom>
                <a:avLst/>
                <a:gdLst>
                  <a:gd name="T0" fmla="*/ 387 w 717"/>
                  <a:gd name="T1" fmla="*/ 376 h 568"/>
                  <a:gd name="T2" fmla="*/ 368 w 717"/>
                  <a:gd name="T3" fmla="*/ 375 h 568"/>
                  <a:gd name="T4" fmla="*/ 343 w 717"/>
                  <a:gd name="T5" fmla="*/ 374 h 568"/>
                  <a:gd name="T6" fmla="*/ 315 w 717"/>
                  <a:gd name="T7" fmla="*/ 372 h 568"/>
                  <a:gd name="T8" fmla="*/ 285 w 717"/>
                  <a:gd name="T9" fmla="*/ 369 h 568"/>
                  <a:gd name="T10" fmla="*/ 252 w 717"/>
                  <a:gd name="T11" fmla="*/ 364 h 568"/>
                  <a:gd name="T12" fmla="*/ 219 w 717"/>
                  <a:gd name="T13" fmla="*/ 362 h 568"/>
                  <a:gd name="T14" fmla="*/ 185 w 717"/>
                  <a:gd name="T15" fmla="*/ 359 h 568"/>
                  <a:gd name="T16" fmla="*/ 152 w 717"/>
                  <a:gd name="T17" fmla="*/ 354 h 568"/>
                  <a:gd name="T18" fmla="*/ 119 w 717"/>
                  <a:gd name="T19" fmla="*/ 351 h 568"/>
                  <a:gd name="T20" fmla="*/ 89 w 717"/>
                  <a:gd name="T21" fmla="*/ 347 h 568"/>
                  <a:gd name="T22" fmla="*/ 63 w 717"/>
                  <a:gd name="T23" fmla="*/ 344 h 568"/>
                  <a:gd name="T24" fmla="*/ 42 w 717"/>
                  <a:gd name="T25" fmla="*/ 342 h 568"/>
                  <a:gd name="T26" fmla="*/ 17 w 717"/>
                  <a:gd name="T27" fmla="*/ 340 h 568"/>
                  <a:gd name="T28" fmla="*/ 11 w 717"/>
                  <a:gd name="T29" fmla="*/ 336 h 568"/>
                  <a:gd name="T30" fmla="*/ 1 w 717"/>
                  <a:gd name="T31" fmla="*/ 336 h 568"/>
                  <a:gd name="T32" fmla="*/ 45 w 717"/>
                  <a:gd name="T33" fmla="*/ 0 h 568"/>
                  <a:gd name="T34" fmla="*/ 49 w 717"/>
                  <a:gd name="T35" fmla="*/ 2 h 568"/>
                  <a:gd name="T36" fmla="*/ 63 w 717"/>
                  <a:gd name="T37" fmla="*/ 5 h 568"/>
                  <a:gd name="T38" fmla="*/ 79 w 717"/>
                  <a:gd name="T39" fmla="*/ 7 h 568"/>
                  <a:gd name="T40" fmla="*/ 99 w 717"/>
                  <a:gd name="T41" fmla="*/ 10 h 568"/>
                  <a:gd name="T42" fmla="*/ 122 w 717"/>
                  <a:gd name="T43" fmla="*/ 15 h 568"/>
                  <a:gd name="T44" fmla="*/ 149 w 717"/>
                  <a:gd name="T45" fmla="*/ 17 h 568"/>
                  <a:gd name="T46" fmla="*/ 177 w 717"/>
                  <a:gd name="T47" fmla="*/ 17 h 568"/>
                  <a:gd name="T48" fmla="*/ 205 w 717"/>
                  <a:gd name="T49" fmla="*/ 17 h 568"/>
                  <a:gd name="T50" fmla="*/ 233 w 717"/>
                  <a:gd name="T51" fmla="*/ 20 h 568"/>
                  <a:gd name="T52" fmla="*/ 261 w 717"/>
                  <a:gd name="T53" fmla="*/ 23 h 568"/>
                  <a:gd name="T54" fmla="*/ 286 w 717"/>
                  <a:gd name="T55" fmla="*/ 26 h 568"/>
                  <a:gd name="T56" fmla="*/ 308 w 717"/>
                  <a:gd name="T57" fmla="*/ 32 h 568"/>
                  <a:gd name="T58" fmla="*/ 327 w 717"/>
                  <a:gd name="T59" fmla="*/ 33 h 568"/>
                  <a:gd name="T60" fmla="*/ 341 w 717"/>
                  <a:gd name="T61" fmla="*/ 37 h 568"/>
                  <a:gd name="T62" fmla="*/ 350 w 717"/>
                  <a:gd name="T63" fmla="*/ 38 h 568"/>
                  <a:gd name="T64" fmla="*/ 355 w 717"/>
                  <a:gd name="T65" fmla="*/ 38 h 568"/>
                  <a:gd name="T66" fmla="*/ 483 w 717"/>
                  <a:gd name="T67" fmla="*/ 44 h 568"/>
                  <a:gd name="T68" fmla="*/ 459 w 717"/>
                  <a:gd name="T69" fmla="*/ 381 h 568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w 717"/>
                  <a:gd name="T106" fmla="*/ 0 h 568"/>
                  <a:gd name="T107" fmla="*/ 717 w 717"/>
                  <a:gd name="T108" fmla="*/ 568 h 568"/>
                </a:gdLst>
                <a:ahLst/>
                <a:cxnLst>
                  <a:cxn ang="T70">
                    <a:pos x="T0" y="T1"/>
                  </a:cxn>
                  <a:cxn ang="T71">
                    <a:pos x="T2" y="T3"/>
                  </a:cxn>
                  <a:cxn ang="T72">
                    <a:pos x="T4" y="T5"/>
                  </a:cxn>
                  <a:cxn ang="T73">
                    <a:pos x="T6" y="T7"/>
                  </a:cxn>
                  <a:cxn ang="T74">
                    <a:pos x="T8" y="T9"/>
                  </a:cxn>
                  <a:cxn ang="T75">
                    <a:pos x="T10" y="T11"/>
                  </a:cxn>
                  <a:cxn ang="T76">
                    <a:pos x="T12" y="T13"/>
                  </a:cxn>
                  <a:cxn ang="T77">
                    <a:pos x="T14" y="T15"/>
                  </a:cxn>
                  <a:cxn ang="T78">
                    <a:pos x="T16" y="T17"/>
                  </a:cxn>
                  <a:cxn ang="T79">
                    <a:pos x="T18" y="T19"/>
                  </a:cxn>
                  <a:cxn ang="T80">
                    <a:pos x="T20" y="T21"/>
                  </a:cxn>
                  <a:cxn ang="T81">
                    <a:pos x="T22" y="T23"/>
                  </a:cxn>
                  <a:cxn ang="T82">
                    <a:pos x="T24" y="T25"/>
                  </a:cxn>
                  <a:cxn ang="T83">
                    <a:pos x="T26" y="T27"/>
                  </a:cxn>
                  <a:cxn ang="T84">
                    <a:pos x="T28" y="T29"/>
                  </a:cxn>
                  <a:cxn ang="T85">
                    <a:pos x="T30" y="T31"/>
                  </a:cxn>
                  <a:cxn ang="T86">
                    <a:pos x="T32" y="T33"/>
                  </a:cxn>
                  <a:cxn ang="T87">
                    <a:pos x="T34" y="T35"/>
                  </a:cxn>
                  <a:cxn ang="T88">
                    <a:pos x="T36" y="T37"/>
                  </a:cxn>
                  <a:cxn ang="T89">
                    <a:pos x="T38" y="T39"/>
                  </a:cxn>
                  <a:cxn ang="T90">
                    <a:pos x="T40" y="T41"/>
                  </a:cxn>
                  <a:cxn ang="T91">
                    <a:pos x="T42" y="T43"/>
                  </a:cxn>
                  <a:cxn ang="T92">
                    <a:pos x="T44" y="T45"/>
                  </a:cxn>
                  <a:cxn ang="T93">
                    <a:pos x="T46" y="T47"/>
                  </a:cxn>
                  <a:cxn ang="T94">
                    <a:pos x="T48" y="T49"/>
                  </a:cxn>
                  <a:cxn ang="T95">
                    <a:pos x="T50" y="T51"/>
                  </a:cxn>
                  <a:cxn ang="T96">
                    <a:pos x="T52" y="T53"/>
                  </a:cxn>
                  <a:cxn ang="T97">
                    <a:pos x="T54" y="T55"/>
                  </a:cxn>
                  <a:cxn ang="T98">
                    <a:pos x="T56" y="T57"/>
                  </a:cxn>
                  <a:cxn ang="T99">
                    <a:pos x="T58" y="T59"/>
                  </a:cxn>
                  <a:cxn ang="T100">
                    <a:pos x="T60" y="T61"/>
                  </a:cxn>
                  <a:cxn ang="T101">
                    <a:pos x="T62" y="T63"/>
                  </a:cxn>
                  <a:cxn ang="T102">
                    <a:pos x="T64" y="T65"/>
                  </a:cxn>
                  <a:cxn ang="T103">
                    <a:pos x="T66" y="T67"/>
                  </a:cxn>
                  <a:cxn ang="T104">
                    <a:pos x="T68" y="T69"/>
                  </a:cxn>
                </a:cxnLst>
                <a:rect l="T105" t="T106" r="T107" b="T108"/>
                <a:pathLst>
                  <a:path w="717" h="568">
                    <a:moveTo>
                      <a:pt x="587" y="562"/>
                    </a:moveTo>
                    <a:lnTo>
                      <a:pt x="575" y="562"/>
                    </a:lnTo>
                    <a:lnTo>
                      <a:pt x="561" y="562"/>
                    </a:lnTo>
                    <a:lnTo>
                      <a:pt x="546" y="560"/>
                    </a:lnTo>
                    <a:lnTo>
                      <a:pt x="528" y="560"/>
                    </a:lnTo>
                    <a:lnTo>
                      <a:pt x="509" y="558"/>
                    </a:lnTo>
                    <a:lnTo>
                      <a:pt x="489" y="557"/>
                    </a:lnTo>
                    <a:lnTo>
                      <a:pt x="468" y="555"/>
                    </a:lnTo>
                    <a:lnTo>
                      <a:pt x="446" y="552"/>
                    </a:lnTo>
                    <a:lnTo>
                      <a:pt x="423" y="550"/>
                    </a:lnTo>
                    <a:lnTo>
                      <a:pt x="399" y="548"/>
                    </a:lnTo>
                    <a:lnTo>
                      <a:pt x="374" y="545"/>
                    </a:lnTo>
                    <a:lnTo>
                      <a:pt x="350" y="543"/>
                    </a:lnTo>
                    <a:lnTo>
                      <a:pt x="325" y="540"/>
                    </a:lnTo>
                    <a:lnTo>
                      <a:pt x="299" y="538"/>
                    </a:lnTo>
                    <a:lnTo>
                      <a:pt x="274" y="535"/>
                    </a:lnTo>
                    <a:lnTo>
                      <a:pt x="250" y="531"/>
                    </a:lnTo>
                    <a:lnTo>
                      <a:pt x="225" y="530"/>
                    </a:lnTo>
                    <a:lnTo>
                      <a:pt x="201" y="526"/>
                    </a:lnTo>
                    <a:lnTo>
                      <a:pt x="177" y="523"/>
                    </a:lnTo>
                    <a:lnTo>
                      <a:pt x="155" y="521"/>
                    </a:lnTo>
                    <a:lnTo>
                      <a:pt x="133" y="518"/>
                    </a:lnTo>
                    <a:lnTo>
                      <a:pt x="113" y="516"/>
                    </a:lnTo>
                    <a:lnTo>
                      <a:pt x="93" y="513"/>
                    </a:lnTo>
                    <a:lnTo>
                      <a:pt x="74" y="511"/>
                    </a:lnTo>
                    <a:lnTo>
                      <a:pt x="59" y="509"/>
                    </a:lnTo>
                    <a:lnTo>
                      <a:pt x="44" y="508"/>
                    </a:lnTo>
                    <a:lnTo>
                      <a:pt x="30" y="506"/>
                    </a:lnTo>
                    <a:lnTo>
                      <a:pt x="20" y="504"/>
                    </a:lnTo>
                    <a:lnTo>
                      <a:pt x="11" y="502"/>
                    </a:lnTo>
                    <a:lnTo>
                      <a:pt x="5" y="502"/>
                    </a:lnTo>
                    <a:lnTo>
                      <a:pt x="1" y="502"/>
                    </a:lnTo>
                    <a:lnTo>
                      <a:pt x="0" y="502"/>
                    </a:lnTo>
                    <a:lnTo>
                      <a:pt x="66" y="0"/>
                    </a:lnTo>
                    <a:lnTo>
                      <a:pt x="69" y="2"/>
                    </a:lnTo>
                    <a:lnTo>
                      <a:pt x="74" y="2"/>
                    </a:lnTo>
                    <a:lnTo>
                      <a:pt x="83" y="3"/>
                    </a:lnTo>
                    <a:lnTo>
                      <a:pt x="93" y="5"/>
                    </a:lnTo>
                    <a:lnTo>
                      <a:pt x="103" y="5"/>
                    </a:lnTo>
                    <a:lnTo>
                      <a:pt x="116" y="7"/>
                    </a:lnTo>
                    <a:lnTo>
                      <a:pt x="132" y="8"/>
                    </a:lnTo>
                    <a:lnTo>
                      <a:pt x="147" y="10"/>
                    </a:lnTo>
                    <a:lnTo>
                      <a:pt x="164" y="13"/>
                    </a:lnTo>
                    <a:lnTo>
                      <a:pt x="182" y="15"/>
                    </a:lnTo>
                    <a:lnTo>
                      <a:pt x="201" y="17"/>
                    </a:lnTo>
                    <a:lnTo>
                      <a:pt x="221" y="18"/>
                    </a:lnTo>
                    <a:lnTo>
                      <a:pt x="242" y="22"/>
                    </a:lnTo>
                    <a:lnTo>
                      <a:pt x="262" y="24"/>
                    </a:lnTo>
                    <a:lnTo>
                      <a:pt x="282" y="27"/>
                    </a:lnTo>
                    <a:lnTo>
                      <a:pt x="304" y="29"/>
                    </a:lnTo>
                    <a:lnTo>
                      <a:pt x="325" y="30"/>
                    </a:lnTo>
                    <a:lnTo>
                      <a:pt x="347" y="34"/>
                    </a:lnTo>
                    <a:lnTo>
                      <a:pt x="367" y="35"/>
                    </a:lnTo>
                    <a:lnTo>
                      <a:pt x="387" y="37"/>
                    </a:lnTo>
                    <a:lnTo>
                      <a:pt x="406" y="39"/>
                    </a:lnTo>
                    <a:lnTo>
                      <a:pt x="424" y="40"/>
                    </a:lnTo>
                    <a:lnTo>
                      <a:pt x="441" y="44"/>
                    </a:lnTo>
                    <a:lnTo>
                      <a:pt x="457" y="46"/>
                    </a:lnTo>
                    <a:lnTo>
                      <a:pt x="472" y="47"/>
                    </a:lnTo>
                    <a:lnTo>
                      <a:pt x="485" y="47"/>
                    </a:lnTo>
                    <a:lnTo>
                      <a:pt x="497" y="49"/>
                    </a:lnTo>
                    <a:lnTo>
                      <a:pt x="507" y="51"/>
                    </a:lnTo>
                    <a:lnTo>
                      <a:pt x="516" y="51"/>
                    </a:lnTo>
                    <a:lnTo>
                      <a:pt x="521" y="52"/>
                    </a:lnTo>
                    <a:lnTo>
                      <a:pt x="526" y="52"/>
                    </a:lnTo>
                    <a:lnTo>
                      <a:pt x="524" y="52"/>
                    </a:lnTo>
                    <a:lnTo>
                      <a:pt x="717" y="64"/>
                    </a:lnTo>
                    <a:lnTo>
                      <a:pt x="710" y="189"/>
                    </a:lnTo>
                    <a:lnTo>
                      <a:pt x="683" y="568"/>
                    </a:lnTo>
                    <a:lnTo>
                      <a:pt x="587" y="562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32" name="Freeform 121"/>
              <p:cNvSpPr>
                <a:spLocks/>
              </p:cNvSpPr>
              <p:nvPr/>
            </p:nvSpPr>
            <p:spPr bwMode="auto">
              <a:xfrm>
                <a:off x="1401" y="2524"/>
                <a:ext cx="665" cy="694"/>
              </a:xfrm>
              <a:custGeom>
                <a:avLst/>
                <a:gdLst>
                  <a:gd name="T0" fmla="*/ 60 w 684"/>
                  <a:gd name="T1" fmla="*/ 470 h 715"/>
                  <a:gd name="T2" fmla="*/ 65 w 684"/>
                  <a:gd name="T3" fmla="*/ 433 h 715"/>
                  <a:gd name="T4" fmla="*/ 182 w 684"/>
                  <a:gd name="T5" fmla="*/ 449 h 715"/>
                  <a:gd name="T6" fmla="*/ 177 w 684"/>
                  <a:gd name="T7" fmla="*/ 439 h 715"/>
                  <a:gd name="T8" fmla="*/ 177 w 684"/>
                  <a:gd name="T9" fmla="*/ 428 h 715"/>
                  <a:gd name="T10" fmla="*/ 426 w 684"/>
                  <a:gd name="T11" fmla="*/ 452 h 715"/>
                  <a:gd name="T12" fmla="*/ 459 w 684"/>
                  <a:gd name="T13" fmla="*/ 80 h 715"/>
                  <a:gd name="T14" fmla="*/ 461 w 684"/>
                  <a:gd name="T15" fmla="*/ 41 h 715"/>
                  <a:gd name="T16" fmla="*/ 453 w 684"/>
                  <a:gd name="T17" fmla="*/ 41 h 715"/>
                  <a:gd name="T18" fmla="*/ 444 w 684"/>
                  <a:gd name="T19" fmla="*/ 41 h 715"/>
                  <a:gd name="T20" fmla="*/ 434 w 684"/>
                  <a:gd name="T21" fmla="*/ 40 h 715"/>
                  <a:gd name="T22" fmla="*/ 422 w 684"/>
                  <a:gd name="T23" fmla="*/ 40 h 715"/>
                  <a:gd name="T24" fmla="*/ 409 w 684"/>
                  <a:gd name="T25" fmla="*/ 39 h 715"/>
                  <a:gd name="T26" fmla="*/ 395 w 684"/>
                  <a:gd name="T27" fmla="*/ 39 h 715"/>
                  <a:gd name="T28" fmla="*/ 380 w 684"/>
                  <a:gd name="T29" fmla="*/ 38 h 715"/>
                  <a:gd name="T30" fmla="*/ 367 w 684"/>
                  <a:gd name="T31" fmla="*/ 36 h 715"/>
                  <a:gd name="T32" fmla="*/ 350 w 684"/>
                  <a:gd name="T33" fmla="*/ 34 h 715"/>
                  <a:gd name="T34" fmla="*/ 334 w 684"/>
                  <a:gd name="T35" fmla="*/ 32 h 715"/>
                  <a:gd name="T36" fmla="*/ 318 w 684"/>
                  <a:gd name="T37" fmla="*/ 29 h 715"/>
                  <a:gd name="T38" fmla="*/ 301 w 684"/>
                  <a:gd name="T39" fmla="*/ 27 h 715"/>
                  <a:gd name="T40" fmla="*/ 285 w 684"/>
                  <a:gd name="T41" fmla="*/ 24 h 715"/>
                  <a:gd name="T42" fmla="*/ 266 w 684"/>
                  <a:gd name="T43" fmla="*/ 22 h 715"/>
                  <a:gd name="T44" fmla="*/ 251 w 684"/>
                  <a:gd name="T45" fmla="*/ 19 h 715"/>
                  <a:gd name="T46" fmla="*/ 234 w 684"/>
                  <a:gd name="T47" fmla="*/ 17 h 715"/>
                  <a:gd name="T48" fmla="*/ 217 w 684"/>
                  <a:gd name="T49" fmla="*/ 17 h 715"/>
                  <a:gd name="T50" fmla="*/ 201 w 684"/>
                  <a:gd name="T51" fmla="*/ 17 h 715"/>
                  <a:gd name="T52" fmla="*/ 185 w 684"/>
                  <a:gd name="T53" fmla="*/ 17 h 715"/>
                  <a:gd name="T54" fmla="*/ 170 w 684"/>
                  <a:gd name="T55" fmla="*/ 17 h 715"/>
                  <a:gd name="T56" fmla="*/ 155 w 684"/>
                  <a:gd name="T57" fmla="*/ 16 h 715"/>
                  <a:gd name="T58" fmla="*/ 142 w 684"/>
                  <a:gd name="T59" fmla="*/ 14 h 715"/>
                  <a:gd name="T60" fmla="*/ 128 w 684"/>
                  <a:gd name="T61" fmla="*/ 11 h 715"/>
                  <a:gd name="T62" fmla="*/ 116 w 684"/>
                  <a:gd name="T63" fmla="*/ 9 h 715"/>
                  <a:gd name="T64" fmla="*/ 106 w 684"/>
                  <a:gd name="T65" fmla="*/ 7 h 715"/>
                  <a:gd name="T66" fmla="*/ 95 w 684"/>
                  <a:gd name="T67" fmla="*/ 6 h 715"/>
                  <a:gd name="T68" fmla="*/ 85 w 684"/>
                  <a:gd name="T69" fmla="*/ 4 h 715"/>
                  <a:gd name="T70" fmla="*/ 79 w 684"/>
                  <a:gd name="T71" fmla="*/ 2 h 715"/>
                  <a:gd name="T72" fmla="*/ 73 w 684"/>
                  <a:gd name="T73" fmla="*/ 0 h 715"/>
                  <a:gd name="T74" fmla="*/ 69 w 684"/>
                  <a:gd name="T75" fmla="*/ 0 h 715"/>
                  <a:gd name="T76" fmla="*/ 67 w 684"/>
                  <a:gd name="T77" fmla="*/ 0 h 715"/>
                  <a:gd name="T78" fmla="*/ 66 w 684"/>
                  <a:gd name="T79" fmla="*/ 0 h 715"/>
                  <a:gd name="T80" fmla="*/ 66 w 684"/>
                  <a:gd name="T81" fmla="*/ 0 h 715"/>
                  <a:gd name="T82" fmla="*/ 66 w 684"/>
                  <a:gd name="T83" fmla="*/ 0 h 715"/>
                  <a:gd name="T84" fmla="*/ 0 w 684"/>
                  <a:gd name="T85" fmla="*/ 460 h 715"/>
                  <a:gd name="T86" fmla="*/ 60 w 684"/>
                  <a:gd name="T87" fmla="*/ 470 h 715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w 684"/>
                  <a:gd name="T133" fmla="*/ 0 h 715"/>
                  <a:gd name="T134" fmla="*/ 684 w 684"/>
                  <a:gd name="T135" fmla="*/ 715 h 715"/>
                </a:gdLst>
                <a:ahLst/>
                <a:cxnLst>
                  <a:cxn ang="T88">
                    <a:pos x="T0" y="T1"/>
                  </a:cxn>
                  <a:cxn ang="T89">
                    <a:pos x="T2" y="T3"/>
                  </a:cxn>
                  <a:cxn ang="T90">
                    <a:pos x="T4" y="T5"/>
                  </a:cxn>
                  <a:cxn ang="T91">
                    <a:pos x="T6" y="T7"/>
                  </a:cxn>
                  <a:cxn ang="T92">
                    <a:pos x="T8" y="T9"/>
                  </a:cxn>
                  <a:cxn ang="T93">
                    <a:pos x="T10" y="T11"/>
                  </a:cxn>
                  <a:cxn ang="T94">
                    <a:pos x="T12" y="T13"/>
                  </a:cxn>
                  <a:cxn ang="T95">
                    <a:pos x="T14" y="T15"/>
                  </a:cxn>
                  <a:cxn ang="T96">
                    <a:pos x="T16" y="T17"/>
                  </a:cxn>
                  <a:cxn ang="T97">
                    <a:pos x="T18" y="T19"/>
                  </a:cxn>
                  <a:cxn ang="T98">
                    <a:pos x="T20" y="T21"/>
                  </a:cxn>
                  <a:cxn ang="T99">
                    <a:pos x="T22" y="T23"/>
                  </a:cxn>
                  <a:cxn ang="T100">
                    <a:pos x="T24" y="T25"/>
                  </a:cxn>
                  <a:cxn ang="T101">
                    <a:pos x="T26" y="T27"/>
                  </a:cxn>
                  <a:cxn ang="T102">
                    <a:pos x="T28" y="T29"/>
                  </a:cxn>
                  <a:cxn ang="T103">
                    <a:pos x="T30" y="T31"/>
                  </a:cxn>
                  <a:cxn ang="T104">
                    <a:pos x="T32" y="T33"/>
                  </a:cxn>
                  <a:cxn ang="T105">
                    <a:pos x="T34" y="T35"/>
                  </a:cxn>
                  <a:cxn ang="T106">
                    <a:pos x="T36" y="T37"/>
                  </a:cxn>
                  <a:cxn ang="T107">
                    <a:pos x="T38" y="T39"/>
                  </a:cxn>
                  <a:cxn ang="T108">
                    <a:pos x="T40" y="T41"/>
                  </a:cxn>
                  <a:cxn ang="T109">
                    <a:pos x="T42" y="T43"/>
                  </a:cxn>
                  <a:cxn ang="T110">
                    <a:pos x="T44" y="T45"/>
                  </a:cxn>
                  <a:cxn ang="T111">
                    <a:pos x="T46" y="T47"/>
                  </a:cxn>
                  <a:cxn ang="T112">
                    <a:pos x="T48" y="T49"/>
                  </a:cxn>
                  <a:cxn ang="T113">
                    <a:pos x="T50" y="T51"/>
                  </a:cxn>
                  <a:cxn ang="T114">
                    <a:pos x="T52" y="T53"/>
                  </a:cxn>
                  <a:cxn ang="T115">
                    <a:pos x="T54" y="T55"/>
                  </a:cxn>
                  <a:cxn ang="T116">
                    <a:pos x="T56" y="T57"/>
                  </a:cxn>
                  <a:cxn ang="T117">
                    <a:pos x="T58" y="T59"/>
                  </a:cxn>
                  <a:cxn ang="T118">
                    <a:pos x="T60" y="T61"/>
                  </a:cxn>
                  <a:cxn ang="T119">
                    <a:pos x="T62" y="T63"/>
                  </a:cxn>
                  <a:cxn ang="T120">
                    <a:pos x="T64" y="T65"/>
                  </a:cxn>
                  <a:cxn ang="T121">
                    <a:pos x="T66" y="T67"/>
                  </a:cxn>
                  <a:cxn ang="T122">
                    <a:pos x="T68" y="T69"/>
                  </a:cxn>
                  <a:cxn ang="T123">
                    <a:pos x="T70" y="T71"/>
                  </a:cxn>
                  <a:cxn ang="T124">
                    <a:pos x="T72" y="T73"/>
                  </a:cxn>
                  <a:cxn ang="T125">
                    <a:pos x="T74" y="T75"/>
                  </a:cxn>
                  <a:cxn ang="T126">
                    <a:pos x="T76" y="T77"/>
                  </a:cxn>
                  <a:cxn ang="T127">
                    <a:pos x="T78" y="T79"/>
                  </a:cxn>
                  <a:cxn ang="T128">
                    <a:pos x="T80" y="T81"/>
                  </a:cxn>
                  <a:cxn ang="T129">
                    <a:pos x="T82" y="T83"/>
                  </a:cxn>
                  <a:cxn ang="T130">
                    <a:pos x="T84" y="T85"/>
                  </a:cxn>
                  <a:cxn ang="T131">
                    <a:pos x="T86" y="T87"/>
                  </a:cxn>
                </a:cxnLst>
                <a:rect l="T132" t="T133" r="T134" b="T135"/>
                <a:pathLst>
                  <a:path w="684" h="715">
                    <a:moveTo>
                      <a:pt x="88" y="715"/>
                    </a:moveTo>
                    <a:lnTo>
                      <a:pt x="95" y="657"/>
                    </a:lnTo>
                    <a:lnTo>
                      <a:pt x="268" y="681"/>
                    </a:lnTo>
                    <a:lnTo>
                      <a:pt x="262" y="666"/>
                    </a:lnTo>
                    <a:lnTo>
                      <a:pt x="262" y="649"/>
                    </a:lnTo>
                    <a:lnTo>
                      <a:pt x="633" y="686"/>
                    </a:lnTo>
                    <a:lnTo>
                      <a:pt x="679" y="121"/>
                    </a:lnTo>
                    <a:lnTo>
                      <a:pt x="684" y="60"/>
                    </a:lnTo>
                    <a:lnTo>
                      <a:pt x="672" y="60"/>
                    </a:lnTo>
                    <a:lnTo>
                      <a:pt x="658" y="60"/>
                    </a:lnTo>
                    <a:lnTo>
                      <a:pt x="643" y="58"/>
                    </a:lnTo>
                    <a:lnTo>
                      <a:pt x="625" y="58"/>
                    </a:lnTo>
                    <a:lnTo>
                      <a:pt x="606" y="56"/>
                    </a:lnTo>
                    <a:lnTo>
                      <a:pt x="586" y="55"/>
                    </a:lnTo>
                    <a:lnTo>
                      <a:pt x="565" y="53"/>
                    </a:lnTo>
                    <a:lnTo>
                      <a:pt x="543" y="50"/>
                    </a:lnTo>
                    <a:lnTo>
                      <a:pt x="520" y="48"/>
                    </a:lnTo>
                    <a:lnTo>
                      <a:pt x="496" y="46"/>
                    </a:lnTo>
                    <a:lnTo>
                      <a:pt x="471" y="43"/>
                    </a:lnTo>
                    <a:lnTo>
                      <a:pt x="447" y="41"/>
                    </a:lnTo>
                    <a:lnTo>
                      <a:pt x="422" y="38"/>
                    </a:lnTo>
                    <a:lnTo>
                      <a:pt x="396" y="36"/>
                    </a:lnTo>
                    <a:lnTo>
                      <a:pt x="371" y="33"/>
                    </a:lnTo>
                    <a:lnTo>
                      <a:pt x="347" y="29"/>
                    </a:lnTo>
                    <a:lnTo>
                      <a:pt x="322" y="28"/>
                    </a:lnTo>
                    <a:lnTo>
                      <a:pt x="298" y="24"/>
                    </a:lnTo>
                    <a:lnTo>
                      <a:pt x="274" y="21"/>
                    </a:lnTo>
                    <a:lnTo>
                      <a:pt x="252" y="19"/>
                    </a:lnTo>
                    <a:lnTo>
                      <a:pt x="230" y="16"/>
                    </a:lnTo>
                    <a:lnTo>
                      <a:pt x="210" y="14"/>
                    </a:lnTo>
                    <a:lnTo>
                      <a:pt x="190" y="11"/>
                    </a:lnTo>
                    <a:lnTo>
                      <a:pt x="171" y="9"/>
                    </a:lnTo>
                    <a:lnTo>
                      <a:pt x="156" y="7"/>
                    </a:lnTo>
                    <a:lnTo>
                      <a:pt x="141" y="6"/>
                    </a:lnTo>
                    <a:lnTo>
                      <a:pt x="127" y="4"/>
                    </a:lnTo>
                    <a:lnTo>
                      <a:pt x="117" y="2"/>
                    </a:lnTo>
                    <a:lnTo>
                      <a:pt x="108" y="0"/>
                    </a:lnTo>
                    <a:lnTo>
                      <a:pt x="102" y="0"/>
                    </a:lnTo>
                    <a:lnTo>
                      <a:pt x="98" y="0"/>
                    </a:lnTo>
                    <a:lnTo>
                      <a:pt x="97" y="0"/>
                    </a:lnTo>
                    <a:lnTo>
                      <a:pt x="0" y="699"/>
                    </a:lnTo>
                    <a:lnTo>
                      <a:pt x="88" y="71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33" name="Freeform 122"/>
              <p:cNvSpPr>
                <a:spLocks/>
              </p:cNvSpPr>
              <p:nvPr/>
            </p:nvSpPr>
            <p:spPr bwMode="auto">
              <a:xfrm>
                <a:off x="2061" y="2582"/>
                <a:ext cx="827" cy="428"/>
              </a:xfrm>
              <a:custGeom>
                <a:avLst/>
                <a:gdLst>
                  <a:gd name="T0" fmla="*/ 203 w 851"/>
                  <a:gd name="T1" fmla="*/ 212 h 441"/>
                  <a:gd name="T2" fmla="*/ 234 w 851"/>
                  <a:gd name="T3" fmla="*/ 228 h 441"/>
                  <a:gd name="T4" fmla="*/ 266 w 851"/>
                  <a:gd name="T5" fmla="*/ 242 h 441"/>
                  <a:gd name="T6" fmla="*/ 271 w 851"/>
                  <a:gd name="T7" fmla="*/ 245 h 441"/>
                  <a:gd name="T8" fmla="*/ 277 w 851"/>
                  <a:gd name="T9" fmla="*/ 248 h 441"/>
                  <a:gd name="T10" fmla="*/ 285 w 851"/>
                  <a:gd name="T11" fmla="*/ 247 h 441"/>
                  <a:gd name="T12" fmla="*/ 297 w 851"/>
                  <a:gd name="T13" fmla="*/ 248 h 441"/>
                  <a:gd name="T14" fmla="*/ 303 w 851"/>
                  <a:gd name="T15" fmla="*/ 255 h 441"/>
                  <a:gd name="T16" fmla="*/ 315 w 851"/>
                  <a:gd name="T17" fmla="*/ 251 h 441"/>
                  <a:gd name="T18" fmla="*/ 332 w 851"/>
                  <a:gd name="T19" fmla="*/ 257 h 441"/>
                  <a:gd name="T20" fmla="*/ 347 w 851"/>
                  <a:gd name="T21" fmla="*/ 264 h 441"/>
                  <a:gd name="T22" fmla="*/ 367 w 851"/>
                  <a:gd name="T23" fmla="*/ 271 h 441"/>
                  <a:gd name="T24" fmla="*/ 367 w 851"/>
                  <a:gd name="T25" fmla="*/ 273 h 441"/>
                  <a:gd name="T26" fmla="*/ 369 w 851"/>
                  <a:gd name="T27" fmla="*/ 278 h 441"/>
                  <a:gd name="T28" fmla="*/ 380 w 851"/>
                  <a:gd name="T29" fmla="*/ 271 h 441"/>
                  <a:gd name="T30" fmla="*/ 384 w 851"/>
                  <a:gd name="T31" fmla="*/ 265 h 441"/>
                  <a:gd name="T32" fmla="*/ 385 w 851"/>
                  <a:gd name="T33" fmla="*/ 272 h 441"/>
                  <a:gd name="T34" fmla="*/ 389 w 851"/>
                  <a:gd name="T35" fmla="*/ 283 h 441"/>
                  <a:gd name="T36" fmla="*/ 392 w 851"/>
                  <a:gd name="T37" fmla="*/ 280 h 441"/>
                  <a:gd name="T38" fmla="*/ 392 w 851"/>
                  <a:gd name="T39" fmla="*/ 276 h 441"/>
                  <a:gd name="T40" fmla="*/ 425 w 851"/>
                  <a:gd name="T41" fmla="*/ 269 h 441"/>
                  <a:gd name="T42" fmla="*/ 423 w 851"/>
                  <a:gd name="T43" fmla="*/ 270 h 441"/>
                  <a:gd name="T44" fmla="*/ 425 w 851"/>
                  <a:gd name="T45" fmla="*/ 275 h 441"/>
                  <a:gd name="T46" fmla="*/ 438 w 851"/>
                  <a:gd name="T47" fmla="*/ 280 h 441"/>
                  <a:gd name="T48" fmla="*/ 446 w 851"/>
                  <a:gd name="T49" fmla="*/ 286 h 441"/>
                  <a:gd name="T50" fmla="*/ 452 w 851"/>
                  <a:gd name="T51" fmla="*/ 282 h 441"/>
                  <a:gd name="T52" fmla="*/ 465 w 851"/>
                  <a:gd name="T53" fmla="*/ 272 h 441"/>
                  <a:gd name="T54" fmla="*/ 476 w 851"/>
                  <a:gd name="T55" fmla="*/ 273 h 441"/>
                  <a:gd name="T56" fmla="*/ 479 w 851"/>
                  <a:gd name="T57" fmla="*/ 279 h 441"/>
                  <a:gd name="T58" fmla="*/ 479 w 851"/>
                  <a:gd name="T59" fmla="*/ 279 h 441"/>
                  <a:gd name="T60" fmla="*/ 479 w 851"/>
                  <a:gd name="T61" fmla="*/ 276 h 441"/>
                  <a:gd name="T62" fmla="*/ 487 w 851"/>
                  <a:gd name="T63" fmla="*/ 269 h 441"/>
                  <a:gd name="T64" fmla="*/ 489 w 851"/>
                  <a:gd name="T65" fmla="*/ 264 h 441"/>
                  <a:gd name="T66" fmla="*/ 492 w 851"/>
                  <a:gd name="T67" fmla="*/ 269 h 441"/>
                  <a:gd name="T68" fmla="*/ 504 w 851"/>
                  <a:gd name="T69" fmla="*/ 278 h 441"/>
                  <a:gd name="T70" fmla="*/ 506 w 851"/>
                  <a:gd name="T71" fmla="*/ 280 h 441"/>
                  <a:gd name="T72" fmla="*/ 509 w 851"/>
                  <a:gd name="T73" fmla="*/ 272 h 441"/>
                  <a:gd name="T74" fmla="*/ 520 w 851"/>
                  <a:gd name="T75" fmla="*/ 267 h 441"/>
                  <a:gd name="T76" fmla="*/ 527 w 851"/>
                  <a:gd name="T77" fmla="*/ 269 h 441"/>
                  <a:gd name="T78" fmla="*/ 546 w 851"/>
                  <a:gd name="T79" fmla="*/ 285 h 441"/>
                  <a:gd name="T80" fmla="*/ 569 w 851"/>
                  <a:gd name="T81" fmla="*/ 147 h 441"/>
                  <a:gd name="T82" fmla="*/ 555 w 851"/>
                  <a:gd name="T83" fmla="*/ 16 h 441"/>
                  <a:gd name="T84" fmla="*/ 546 w 851"/>
                  <a:gd name="T85" fmla="*/ 16 h 441"/>
                  <a:gd name="T86" fmla="*/ 519 w 851"/>
                  <a:gd name="T87" fmla="*/ 16 h 441"/>
                  <a:gd name="T88" fmla="*/ 477 w 851"/>
                  <a:gd name="T89" fmla="*/ 16 h 441"/>
                  <a:gd name="T90" fmla="*/ 427 w 851"/>
                  <a:gd name="T91" fmla="*/ 16 h 441"/>
                  <a:gd name="T92" fmla="*/ 368 w 851"/>
                  <a:gd name="T93" fmla="*/ 16 h 441"/>
                  <a:gd name="T94" fmla="*/ 306 w 851"/>
                  <a:gd name="T95" fmla="*/ 16 h 441"/>
                  <a:gd name="T96" fmla="*/ 244 w 851"/>
                  <a:gd name="T97" fmla="*/ 15 h 441"/>
                  <a:gd name="T98" fmla="*/ 185 w 851"/>
                  <a:gd name="T99" fmla="*/ 13 h 441"/>
                  <a:gd name="T100" fmla="*/ 133 w 851"/>
                  <a:gd name="T101" fmla="*/ 12 h 441"/>
                  <a:gd name="T102" fmla="*/ 88 w 851"/>
                  <a:gd name="T103" fmla="*/ 8 h 441"/>
                  <a:gd name="T104" fmla="*/ 5 w 851"/>
                  <a:gd name="T105" fmla="*/ 0 h 441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w 851"/>
                  <a:gd name="T160" fmla="*/ 0 h 441"/>
                  <a:gd name="T161" fmla="*/ 851 w 851"/>
                  <a:gd name="T162" fmla="*/ 441 h 441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T159" t="T160" r="T161" b="T162"/>
                <a:pathLst>
                  <a:path w="851" h="441">
                    <a:moveTo>
                      <a:pt x="303" y="79"/>
                    </a:moveTo>
                    <a:lnTo>
                      <a:pt x="294" y="320"/>
                    </a:lnTo>
                    <a:lnTo>
                      <a:pt x="303" y="321"/>
                    </a:lnTo>
                    <a:lnTo>
                      <a:pt x="326" y="345"/>
                    </a:lnTo>
                    <a:lnTo>
                      <a:pt x="335" y="338"/>
                    </a:lnTo>
                    <a:lnTo>
                      <a:pt x="350" y="347"/>
                    </a:lnTo>
                    <a:lnTo>
                      <a:pt x="359" y="335"/>
                    </a:lnTo>
                    <a:lnTo>
                      <a:pt x="379" y="369"/>
                    </a:lnTo>
                    <a:lnTo>
                      <a:pt x="397" y="369"/>
                    </a:lnTo>
                    <a:lnTo>
                      <a:pt x="399" y="369"/>
                    </a:lnTo>
                    <a:lnTo>
                      <a:pt x="401" y="370"/>
                    </a:lnTo>
                    <a:lnTo>
                      <a:pt x="404" y="372"/>
                    </a:lnTo>
                    <a:lnTo>
                      <a:pt x="408" y="374"/>
                    </a:lnTo>
                    <a:lnTo>
                      <a:pt x="411" y="375"/>
                    </a:lnTo>
                    <a:lnTo>
                      <a:pt x="414" y="377"/>
                    </a:lnTo>
                    <a:lnTo>
                      <a:pt x="418" y="379"/>
                    </a:lnTo>
                    <a:lnTo>
                      <a:pt x="419" y="379"/>
                    </a:lnTo>
                    <a:lnTo>
                      <a:pt x="426" y="374"/>
                    </a:lnTo>
                    <a:lnTo>
                      <a:pt x="431" y="372"/>
                    </a:lnTo>
                    <a:lnTo>
                      <a:pt x="438" y="374"/>
                    </a:lnTo>
                    <a:lnTo>
                      <a:pt x="443" y="377"/>
                    </a:lnTo>
                    <a:lnTo>
                      <a:pt x="447" y="380"/>
                    </a:lnTo>
                    <a:lnTo>
                      <a:pt x="450" y="386"/>
                    </a:lnTo>
                    <a:lnTo>
                      <a:pt x="452" y="387"/>
                    </a:lnTo>
                    <a:lnTo>
                      <a:pt x="453" y="389"/>
                    </a:lnTo>
                    <a:lnTo>
                      <a:pt x="458" y="379"/>
                    </a:lnTo>
                    <a:lnTo>
                      <a:pt x="469" y="382"/>
                    </a:lnTo>
                    <a:lnTo>
                      <a:pt x="484" y="377"/>
                    </a:lnTo>
                    <a:lnTo>
                      <a:pt x="484" y="391"/>
                    </a:lnTo>
                    <a:lnTo>
                      <a:pt x="496" y="392"/>
                    </a:lnTo>
                    <a:lnTo>
                      <a:pt x="499" y="406"/>
                    </a:lnTo>
                    <a:lnTo>
                      <a:pt x="511" y="411"/>
                    </a:lnTo>
                    <a:lnTo>
                      <a:pt x="518" y="401"/>
                    </a:lnTo>
                    <a:lnTo>
                      <a:pt x="529" y="397"/>
                    </a:lnTo>
                    <a:lnTo>
                      <a:pt x="540" y="408"/>
                    </a:lnTo>
                    <a:lnTo>
                      <a:pt x="548" y="411"/>
                    </a:lnTo>
                    <a:lnTo>
                      <a:pt x="548" y="413"/>
                    </a:lnTo>
                    <a:lnTo>
                      <a:pt x="548" y="414"/>
                    </a:lnTo>
                    <a:lnTo>
                      <a:pt x="548" y="416"/>
                    </a:lnTo>
                    <a:lnTo>
                      <a:pt x="548" y="418"/>
                    </a:lnTo>
                    <a:lnTo>
                      <a:pt x="550" y="419"/>
                    </a:lnTo>
                    <a:lnTo>
                      <a:pt x="551" y="421"/>
                    </a:lnTo>
                    <a:lnTo>
                      <a:pt x="555" y="419"/>
                    </a:lnTo>
                    <a:lnTo>
                      <a:pt x="562" y="416"/>
                    </a:lnTo>
                    <a:lnTo>
                      <a:pt x="567" y="411"/>
                    </a:lnTo>
                    <a:lnTo>
                      <a:pt x="570" y="408"/>
                    </a:lnTo>
                    <a:lnTo>
                      <a:pt x="572" y="406"/>
                    </a:lnTo>
                    <a:lnTo>
                      <a:pt x="572" y="404"/>
                    </a:lnTo>
                    <a:lnTo>
                      <a:pt x="572" y="408"/>
                    </a:lnTo>
                    <a:lnTo>
                      <a:pt x="573" y="413"/>
                    </a:lnTo>
                    <a:lnTo>
                      <a:pt x="575" y="419"/>
                    </a:lnTo>
                    <a:lnTo>
                      <a:pt x="579" y="428"/>
                    </a:lnTo>
                    <a:lnTo>
                      <a:pt x="580" y="431"/>
                    </a:lnTo>
                    <a:lnTo>
                      <a:pt x="584" y="431"/>
                    </a:lnTo>
                    <a:lnTo>
                      <a:pt x="584" y="430"/>
                    </a:lnTo>
                    <a:lnTo>
                      <a:pt x="585" y="426"/>
                    </a:lnTo>
                    <a:lnTo>
                      <a:pt x="585" y="424"/>
                    </a:lnTo>
                    <a:lnTo>
                      <a:pt x="585" y="421"/>
                    </a:lnTo>
                    <a:lnTo>
                      <a:pt x="585" y="419"/>
                    </a:lnTo>
                    <a:lnTo>
                      <a:pt x="602" y="406"/>
                    </a:lnTo>
                    <a:lnTo>
                      <a:pt x="616" y="416"/>
                    </a:lnTo>
                    <a:lnTo>
                      <a:pt x="633" y="408"/>
                    </a:lnTo>
                    <a:lnTo>
                      <a:pt x="631" y="409"/>
                    </a:lnTo>
                    <a:lnTo>
                      <a:pt x="631" y="413"/>
                    </a:lnTo>
                    <a:lnTo>
                      <a:pt x="633" y="414"/>
                    </a:lnTo>
                    <a:lnTo>
                      <a:pt x="634" y="418"/>
                    </a:lnTo>
                    <a:lnTo>
                      <a:pt x="639" y="421"/>
                    </a:lnTo>
                    <a:lnTo>
                      <a:pt x="646" y="424"/>
                    </a:lnTo>
                    <a:lnTo>
                      <a:pt x="653" y="428"/>
                    </a:lnTo>
                    <a:lnTo>
                      <a:pt x="658" y="431"/>
                    </a:lnTo>
                    <a:lnTo>
                      <a:pt x="661" y="433"/>
                    </a:lnTo>
                    <a:lnTo>
                      <a:pt x="665" y="435"/>
                    </a:lnTo>
                    <a:lnTo>
                      <a:pt x="667" y="435"/>
                    </a:lnTo>
                    <a:lnTo>
                      <a:pt x="670" y="433"/>
                    </a:lnTo>
                    <a:lnTo>
                      <a:pt x="675" y="430"/>
                    </a:lnTo>
                    <a:lnTo>
                      <a:pt x="682" y="423"/>
                    </a:lnTo>
                    <a:lnTo>
                      <a:pt x="690" y="416"/>
                    </a:lnTo>
                    <a:lnTo>
                      <a:pt x="697" y="413"/>
                    </a:lnTo>
                    <a:lnTo>
                      <a:pt x="702" y="413"/>
                    </a:lnTo>
                    <a:lnTo>
                      <a:pt x="707" y="414"/>
                    </a:lnTo>
                    <a:lnTo>
                      <a:pt x="709" y="416"/>
                    </a:lnTo>
                    <a:lnTo>
                      <a:pt x="712" y="419"/>
                    </a:lnTo>
                    <a:lnTo>
                      <a:pt x="714" y="421"/>
                    </a:lnTo>
                    <a:lnTo>
                      <a:pt x="714" y="423"/>
                    </a:lnTo>
                    <a:lnTo>
                      <a:pt x="716" y="423"/>
                    </a:lnTo>
                    <a:lnTo>
                      <a:pt x="716" y="421"/>
                    </a:lnTo>
                    <a:lnTo>
                      <a:pt x="717" y="419"/>
                    </a:lnTo>
                    <a:lnTo>
                      <a:pt x="721" y="416"/>
                    </a:lnTo>
                    <a:lnTo>
                      <a:pt x="724" y="411"/>
                    </a:lnTo>
                    <a:lnTo>
                      <a:pt x="727" y="408"/>
                    </a:lnTo>
                    <a:lnTo>
                      <a:pt x="727" y="404"/>
                    </a:lnTo>
                    <a:lnTo>
                      <a:pt x="727" y="401"/>
                    </a:lnTo>
                    <a:lnTo>
                      <a:pt x="729" y="401"/>
                    </a:lnTo>
                    <a:lnTo>
                      <a:pt x="731" y="404"/>
                    </a:lnTo>
                    <a:lnTo>
                      <a:pt x="734" y="408"/>
                    </a:lnTo>
                    <a:lnTo>
                      <a:pt x="741" y="411"/>
                    </a:lnTo>
                    <a:lnTo>
                      <a:pt x="746" y="416"/>
                    </a:lnTo>
                    <a:lnTo>
                      <a:pt x="751" y="421"/>
                    </a:lnTo>
                    <a:lnTo>
                      <a:pt x="753" y="423"/>
                    </a:lnTo>
                    <a:lnTo>
                      <a:pt x="755" y="424"/>
                    </a:lnTo>
                    <a:lnTo>
                      <a:pt x="756" y="423"/>
                    </a:lnTo>
                    <a:lnTo>
                      <a:pt x="758" y="419"/>
                    </a:lnTo>
                    <a:lnTo>
                      <a:pt x="761" y="414"/>
                    </a:lnTo>
                    <a:lnTo>
                      <a:pt x="766" y="409"/>
                    </a:lnTo>
                    <a:lnTo>
                      <a:pt x="771" y="406"/>
                    </a:lnTo>
                    <a:lnTo>
                      <a:pt x="775" y="406"/>
                    </a:lnTo>
                    <a:lnTo>
                      <a:pt x="780" y="406"/>
                    </a:lnTo>
                    <a:lnTo>
                      <a:pt x="783" y="408"/>
                    </a:lnTo>
                    <a:lnTo>
                      <a:pt x="787" y="408"/>
                    </a:lnTo>
                    <a:lnTo>
                      <a:pt x="788" y="409"/>
                    </a:lnTo>
                    <a:lnTo>
                      <a:pt x="815" y="433"/>
                    </a:lnTo>
                    <a:lnTo>
                      <a:pt x="831" y="435"/>
                    </a:lnTo>
                    <a:lnTo>
                      <a:pt x="849" y="441"/>
                    </a:lnTo>
                    <a:lnTo>
                      <a:pt x="851" y="223"/>
                    </a:lnTo>
                    <a:lnTo>
                      <a:pt x="831" y="84"/>
                    </a:lnTo>
                    <a:lnTo>
                      <a:pt x="829" y="20"/>
                    </a:lnTo>
                    <a:lnTo>
                      <a:pt x="827" y="20"/>
                    </a:lnTo>
                    <a:lnTo>
                      <a:pt x="822" y="20"/>
                    </a:lnTo>
                    <a:lnTo>
                      <a:pt x="814" y="20"/>
                    </a:lnTo>
                    <a:lnTo>
                      <a:pt x="804" y="20"/>
                    </a:lnTo>
                    <a:lnTo>
                      <a:pt x="790" y="20"/>
                    </a:lnTo>
                    <a:lnTo>
                      <a:pt x="773" y="20"/>
                    </a:lnTo>
                    <a:lnTo>
                      <a:pt x="755" y="20"/>
                    </a:lnTo>
                    <a:lnTo>
                      <a:pt x="736" y="20"/>
                    </a:lnTo>
                    <a:lnTo>
                      <a:pt x="712" y="20"/>
                    </a:lnTo>
                    <a:lnTo>
                      <a:pt x="689" y="20"/>
                    </a:lnTo>
                    <a:lnTo>
                      <a:pt x="663" y="20"/>
                    </a:lnTo>
                    <a:lnTo>
                      <a:pt x="636" y="20"/>
                    </a:lnTo>
                    <a:lnTo>
                      <a:pt x="609" y="20"/>
                    </a:lnTo>
                    <a:lnTo>
                      <a:pt x="579" y="18"/>
                    </a:lnTo>
                    <a:lnTo>
                      <a:pt x="550" y="18"/>
                    </a:lnTo>
                    <a:lnTo>
                      <a:pt x="519" y="18"/>
                    </a:lnTo>
                    <a:lnTo>
                      <a:pt x="489" y="18"/>
                    </a:lnTo>
                    <a:lnTo>
                      <a:pt x="457" y="17"/>
                    </a:lnTo>
                    <a:lnTo>
                      <a:pt x="426" y="17"/>
                    </a:lnTo>
                    <a:lnTo>
                      <a:pt x="396" y="17"/>
                    </a:lnTo>
                    <a:lnTo>
                      <a:pt x="364" y="15"/>
                    </a:lnTo>
                    <a:lnTo>
                      <a:pt x="335" y="15"/>
                    </a:lnTo>
                    <a:lnTo>
                      <a:pt x="304" y="15"/>
                    </a:lnTo>
                    <a:lnTo>
                      <a:pt x="276" y="13"/>
                    </a:lnTo>
                    <a:lnTo>
                      <a:pt x="249" y="13"/>
                    </a:lnTo>
                    <a:lnTo>
                      <a:pt x="221" y="12"/>
                    </a:lnTo>
                    <a:lnTo>
                      <a:pt x="198" y="12"/>
                    </a:lnTo>
                    <a:lnTo>
                      <a:pt x="174" y="10"/>
                    </a:lnTo>
                    <a:lnTo>
                      <a:pt x="152" y="10"/>
                    </a:lnTo>
                    <a:lnTo>
                      <a:pt x="133" y="8"/>
                    </a:lnTo>
                    <a:lnTo>
                      <a:pt x="117" y="6"/>
                    </a:lnTo>
                    <a:lnTo>
                      <a:pt x="101" y="6"/>
                    </a:lnTo>
                    <a:lnTo>
                      <a:pt x="5" y="0"/>
                    </a:lnTo>
                    <a:lnTo>
                      <a:pt x="0" y="61"/>
                    </a:lnTo>
                    <a:lnTo>
                      <a:pt x="303" y="7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34" name="Freeform 123"/>
              <p:cNvSpPr>
                <a:spLocks/>
              </p:cNvSpPr>
              <p:nvPr/>
            </p:nvSpPr>
            <p:spPr bwMode="auto">
              <a:xfrm>
                <a:off x="1658" y="2620"/>
                <a:ext cx="1334" cy="1316"/>
              </a:xfrm>
              <a:custGeom>
                <a:avLst/>
                <a:gdLst>
                  <a:gd name="T0" fmla="*/ 522 w 1371"/>
                  <a:gd name="T1" fmla="*/ 189 h 1355"/>
                  <a:gd name="T2" fmla="*/ 569 w 1371"/>
                  <a:gd name="T3" fmla="*/ 212 h 1355"/>
                  <a:gd name="T4" fmla="*/ 614 w 1371"/>
                  <a:gd name="T5" fmla="*/ 210 h 1355"/>
                  <a:gd name="T6" fmla="*/ 658 w 1371"/>
                  <a:gd name="T7" fmla="*/ 236 h 1355"/>
                  <a:gd name="T8" fmla="*/ 674 w 1371"/>
                  <a:gd name="T9" fmla="*/ 231 h 1355"/>
                  <a:gd name="T10" fmla="*/ 695 w 1371"/>
                  <a:gd name="T11" fmla="*/ 229 h 1355"/>
                  <a:gd name="T12" fmla="*/ 729 w 1371"/>
                  <a:gd name="T13" fmla="*/ 244 h 1355"/>
                  <a:gd name="T14" fmla="*/ 767 w 1371"/>
                  <a:gd name="T15" fmla="*/ 234 h 1355"/>
                  <a:gd name="T16" fmla="*/ 775 w 1371"/>
                  <a:gd name="T17" fmla="*/ 236 h 1355"/>
                  <a:gd name="T18" fmla="*/ 796 w 1371"/>
                  <a:gd name="T19" fmla="*/ 240 h 1355"/>
                  <a:gd name="T20" fmla="*/ 818 w 1371"/>
                  <a:gd name="T21" fmla="*/ 231 h 1355"/>
                  <a:gd name="T22" fmla="*/ 894 w 1371"/>
                  <a:gd name="T23" fmla="*/ 303 h 1355"/>
                  <a:gd name="T24" fmla="*/ 931 w 1371"/>
                  <a:gd name="T25" fmla="*/ 458 h 1355"/>
                  <a:gd name="T26" fmla="*/ 923 w 1371"/>
                  <a:gd name="T27" fmla="*/ 500 h 1355"/>
                  <a:gd name="T28" fmla="*/ 925 w 1371"/>
                  <a:gd name="T29" fmla="*/ 533 h 1355"/>
                  <a:gd name="T30" fmla="*/ 913 w 1371"/>
                  <a:gd name="T31" fmla="*/ 574 h 1355"/>
                  <a:gd name="T32" fmla="*/ 894 w 1371"/>
                  <a:gd name="T33" fmla="*/ 585 h 1355"/>
                  <a:gd name="T34" fmla="*/ 867 w 1371"/>
                  <a:gd name="T35" fmla="*/ 592 h 1355"/>
                  <a:gd name="T36" fmla="*/ 853 w 1371"/>
                  <a:gd name="T37" fmla="*/ 594 h 1355"/>
                  <a:gd name="T38" fmla="*/ 853 w 1371"/>
                  <a:gd name="T39" fmla="*/ 583 h 1355"/>
                  <a:gd name="T40" fmla="*/ 841 w 1371"/>
                  <a:gd name="T41" fmla="*/ 579 h 1355"/>
                  <a:gd name="T42" fmla="*/ 833 w 1371"/>
                  <a:gd name="T43" fmla="*/ 582 h 1355"/>
                  <a:gd name="T44" fmla="*/ 829 w 1371"/>
                  <a:gd name="T45" fmla="*/ 591 h 1355"/>
                  <a:gd name="T46" fmla="*/ 840 w 1371"/>
                  <a:gd name="T47" fmla="*/ 610 h 1355"/>
                  <a:gd name="T48" fmla="*/ 811 w 1371"/>
                  <a:gd name="T49" fmla="*/ 644 h 1355"/>
                  <a:gd name="T50" fmla="*/ 773 w 1371"/>
                  <a:gd name="T51" fmla="*/ 666 h 1355"/>
                  <a:gd name="T52" fmla="*/ 739 w 1371"/>
                  <a:gd name="T53" fmla="*/ 687 h 1355"/>
                  <a:gd name="T54" fmla="*/ 770 w 1371"/>
                  <a:gd name="T55" fmla="*/ 665 h 1355"/>
                  <a:gd name="T56" fmla="*/ 751 w 1371"/>
                  <a:gd name="T57" fmla="*/ 672 h 1355"/>
                  <a:gd name="T58" fmla="*/ 747 w 1371"/>
                  <a:gd name="T59" fmla="*/ 663 h 1355"/>
                  <a:gd name="T60" fmla="*/ 719 w 1371"/>
                  <a:gd name="T61" fmla="*/ 666 h 1355"/>
                  <a:gd name="T62" fmla="*/ 729 w 1371"/>
                  <a:gd name="T63" fmla="*/ 684 h 1355"/>
                  <a:gd name="T64" fmla="*/ 716 w 1371"/>
                  <a:gd name="T65" fmla="*/ 694 h 1355"/>
                  <a:gd name="T66" fmla="*/ 704 w 1371"/>
                  <a:gd name="T67" fmla="*/ 682 h 1355"/>
                  <a:gd name="T68" fmla="*/ 695 w 1371"/>
                  <a:gd name="T69" fmla="*/ 702 h 1355"/>
                  <a:gd name="T70" fmla="*/ 684 w 1371"/>
                  <a:gd name="T71" fmla="*/ 718 h 1355"/>
                  <a:gd name="T72" fmla="*/ 669 w 1371"/>
                  <a:gd name="T73" fmla="*/ 733 h 1355"/>
                  <a:gd name="T74" fmla="*/ 654 w 1371"/>
                  <a:gd name="T75" fmla="*/ 779 h 1355"/>
                  <a:gd name="T76" fmla="*/ 646 w 1371"/>
                  <a:gd name="T77" fmla="*/ 769 h 1355"/>
                  <a:gd name="T78" fmla="*/ 653 w 1371"/>
                  <a:gd name="T79" fmla="*/ 795 h 1355"/>
                  <a:gd name="T80" fmla="*/ 654 w 1371"/>
                  <a:gd name="T81" fmla="*/ 897 h 1355"/>
                  <a:gd name="T82" fmla="*/ 623 w 1371"/>
                  <a:gd name="T83" fmla="*/ 881 h 1355"/>
                  <a:gd name="T84" fmla="*/ 595 w 1371"/>
                  <a:gd name="T85" fmla="*/ 881 h 1355"/>
                  <a:gd name="T86" fmla="*/ 535 w 1371"/>
                  <a:gd name="T87" fmla="*/ 853 h 1355"/>
                  <a:gd name="T88" fmla="*/ 522 w 1371"/>
                  <a:gd name="T89" fmla="*/ 841 h 1355"/>
                  <a:gd name="T90" fmla="*/ 509 w 1371"/>
                  <a:gd name="T91" fmla="*/ 806 h 1355"/>
                  <a:gd name="T92" fmla="*/ 504 w 1371"/>
                  <a:gd name="T93" fmla="*/ 781 h 1355"/>
                  <a:gd name="T94" fmla="*/ 487 w 1371"/>
                  <a:gd name="T95" fmla="*/ 748 h 1355"/>
                  <a:gd name="T96" fmla="*/ 463 w 1371"/>
                  <a:gd name="T97" fmla="*/ 718 h 1355"/>
                  <a:gd name="T98" fmla="*/ 444 w 1371"/>
                  <a:gd name="T99" fmla="*/ 693 h 1355"/>
                  <a:gd name="T100" fmla="*/ 361 w 1371"/>
                  <a:gd name="T101" fmla="*/ 569 h 1355"/>
                  <a:gd name="T102" fmla="*/ 323 w 1371"/>
                  <a:gd name="T103" fmla="*/ 563 h 1355"/>
                  <a:gd name="T104" fmla="*/ 297 w 1371"/>
                  <a:gd name="T105" fmla="*/ 557 h 1355"/>
                  <a:gd name="T106" fmla="*/ 282 w 1371"/>
                  <a:gd name="T107" fmla="*/ 562 h 1355"/>
                  <a:gd name="T108" fmla="*/ 251 w 1371"/>
                  <a:gd name="T109" fmla="*/ 600 h 1355"/>
                  <a:gd name="T110" fmla="*/ 238 w 1371"/>
                  <a:gd name="T111" fmla="*/ 614 h 1355"/>
                  <a:gd name="T112" fmla="*/ 215 w 1371"/>
                  <a:gd name="T113" fmla="*/ 619 h 1355"/>
                  <a:gd name="T114" fmla="*/ 177 w 1371"/>
                  <a:gd name="T115" fmla="*/ 594 h 1355"/>
                  <a:gd name="T116" fmla="*/ 143 w 1371"/>
                  <a:gd name="T117" fmla="*/ 567 h 1355"/>
                  <a:gd name="T118" fmla="*/ 124 w 1371"/>
                  <a:gd name="T119" fmla="*/ 510 h 1355"/>
                  <a:gd name="T120" fmla="*/ 88 w 1371"/>
                  <a:gd name="T121" fmla="*/ 458 h 1355"/>
                  <a:gd name="T122" fmla="*/ 6 w 1371"/>
                  <a:gd name="T123" fmla="*/ 372 h 1355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w 1371"/>
                  <a:gd name="T187" fmla="*/ 0 h 1355"/>
                  <a:gd name="T188" fmla="*/ 1371 w 1371"/>
                  <a:gd name="T189" fmla="*/ 1355 h 1355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T186" t="T187" r="T188" b="T189"/>
                <a:pathLst>
                  <a:path w="1371" h="1355">
                    <a:moveTo>
                      <a:pt x="6" y="560"/>
                    </a:moveTo>
                    <a:lnTo>
                      <a:pt x="0" y="545"/>
                    </a:lnTo>
                    <a:lnTo>
                      <a:pt x="0" y="528"/>
                    </a:lnTo>
                    <a:lnTo>
                      <a:pt x="371" y="565"/>
                    </a:lnTo>
                    <a:lnTo>
                      <a:pt x="417" y="0"/>
                    </a:lnTo>
                    <a:lnTo>
                      <a:pt x="720" y="18"/>
                    </a:lnTo>
                    <a:lnTo>
                      <a:pt x="711" y="259"/>
                    </a:lnTo>
                    <a:lnTo>
                      <a:pt x="720" y="260"/>
                    </a:lnTo>
                    <a:lnTo>
                      <a:pt x="743" y="284"/>
                    </a:lnTo>
                    <a:lnTo>
                      <a:pt x="752" y="277"/>
                    </a:lnTo>
                    <a:lnTo>
                      <a:pt x="767" y="286"/>
                    </a:lnTo>
                    <a:lnTo>
                      <a:pt x="776" y="274"/>
                    </a:lnTo>
                    <a:lnTo>
                      <a:pt x="796" y="308"/>
                    </a:lnTo>
                    <a:lnTo>
                      <a:pt x="814" y="308"/>
                    </a:lnTo>
                    <a:lnTo>
                      <a:pt x="816" y="308"/>
                    </a:lnTo>
                    <a:lnTo>
                      <a:pt x="818" y="309"/>
                    </a:lnTo>
                    <a:lnTo>
                      <a:pt x="821" y="311"/>
                    </a:lnTo>
                    <a:lnTo>
                      <a:pt x="825" y="313"/>
                    </a:lnTo>
                    <a:lnTo>
                      <a:pt x="828" y="314"/>
                    </a:lnTo>
                    <a:lnTo>
                      <a:pt x="831" y="316"/>
                    </a:lnTo>
                    <a:lnTo>
                      <a:pt x="835" y="318"/>
                    </a:lnTo>
                    <a:lnTo>
                      <a:pt x="836" y="318"/>
                    </a:lnTo>
                    <a:lnTo>
                      <a:pt x="843" y="313"/>
                    </a:lnTo>
                    <a:lnTo>
                      <a:pt x="848" y="311"/>
                    </a:lnTo>
                    <a:lnTo>
                      <a:pt x="855" y="313"/>
                    </a:lnTo>
                    <a:lnTo>
                      <a:pt x="860" y="316"/>
                    </a:lnTo>
                    <a:lnTo>
                      <a:pt x="864" y="319"/>
                    </a:lnTo>
                    <a:lnTo>
                      <a:pt x="867" y="325"/>
                    </a:lnTo>
                    <a:lnTo>
                      <a:pt x="869" y="326"/>
                    </a:lnTo>
                    <a:lnTo>
                      <a:pt x="870" y="328"/>
                    </a:lnTo>
                    <a:lnTo>
                      <a:pt x="875" y="318"/>
                    </a:lnTo>
                    <a:lnTo>
                      <a:pt x="886" y="321"/>
                    </a:lnTo>
                    <a:lnTo>
                      <a:pt x="901" y="316"/>
                    </a:lnTo>
                    <a:lnTo>
                      <a:pt x="901" y="330"/>
                    </a:lnTo>
                    <a:lnTo>
                      <a:pt x="913" y="331"/>
                    </a:lnTo>
                    <a:lnTo>
                      <a:pt x="916" y="345"/>
                    </a:lnTo>
                    <a:lnTo>
                      <a:pt x="928" y="350"/>
                    </a:lnTo>
                    <a:lnTo>
                      <a:pt x="935" y="340"/>
                    </a:lnTo>
                    <a:lnTo>
                      <a:pt x="946" y="336"/>
                    </a:lnTo>
                    <a:lnTo>
                      <a:pt x="957" y="347"/>
                    </a:lnTo>
                    <a:lnTo>
                      <a:pt x="965" y="350"/>
                    </a:lnTo>
                    <a:lnTo>
                      <a:pt x="965" y="352"/>
                    </a:lnTo>
                    <a:lnTo>
                      <a:pt x="965" y="353"/>
                    </a:lnTo>
                    <a:lnTo>
                      <a:pt x="965" y="355"/>
                    </a:lnTo>
                    <a:lnTo>
                      <a:pt x="965" y="357"/>
                    </a:lnTo>
                    <a:lnTo>
                      <a:pt x="967" y="358"/>
                    </a:lnTo>
                    <a:lnTo>
                      <a:pt x="968" y="360"/>
                    </a:lnTo>
                    <a:lnTo>
                      <a:pt x="972" y="358"/>
                    </a:lnTo>
                    <a:lnTo>
                      <a:pt x="979" y="355"/>
                    </a:lnTo>
                    <a:lnTo>
                      <a:pt x="984" y="350"/>
                    </a:lnTo>
                    <a:lnTo>
                      <a:pt x="987" y="347"/>
                    </a:lnTo>
                    <a:lnTo>
                      <a:pt x="989" y="345"/>
                    </a:lnTo>
                    <a:lnTo>
                      <a:pt x="989" y="343"/>
                    </a:lnTo>
                    <a:lnTo>
                      <a:pt x="989" y="347"/>
                    </a:lnTo>
                    <a:lnTo>
                      <a:pt x="990" y="352"/>
                    </a:lnTo>
                    <a:lnTo>
                      <a:pt x="992" y="358"/>
                    </a:lnTo>
                    <a:lnTo>
                      <a:pt x="996" y="367"/>
                    </a:lnTo>
                    <a:lnTo>
                      <a:pt x="997" y="370"/>
                    </a:lnTo>
                    <a:lnTo>
                      <a:pt x="1001" y="370"/>
                    </a:lnTo>
                    <a:lnTo>
                      <a:pt x="1001" y="369"/>
                    </a:lnTo>
                    <a:lnTo>
                      <a:pt x="1002" y="365"/>
                    </a:lnTo>
                    <a:lnTo>
                      <a:pt x="1002" y="363"/>
                    </a:lnTo>
                    <a:lnTo>
                      <a:pt x="1002" y="360"/>
                    </a:lnTo>
                    <a:lnTo>
                      <a:pt x="1002" y="358"/>
                    </a:lnTo>
                    <a:lnTo>
                      <a:pt x="1019" y="345"/>
                    </a:lnTo>
                    <a:lnTo>
                      <a:pt x="1033" y="355"/>
                    </a:lnTo>
                    <a:lnTo>
                      <a:pt x="1050" y="347"/>
                    </a:lnTo>
                    <a:lnTo>
                      <a:pt x="1048" y="348"/>
                    </a:lnTo>
                    <a:lnTo>
                      <a:pt x="1048" y="352"/>
                    </a:lnTo>
                    <a:lnTo>
                      <a:pt x="1050" y="353"/>
                    </a:lnTo>
                    <a:lnTo>
                      <a:pt x="1051" y="357"/>
                    </a:lnTo>
                    <a:lnTo>
                      <a:pt x="1056" y="360"/>
                    </a:lnTo>
                    <a:lnTo>
                      <a:pt x="1063" y="363"/>
                    </a:lnTo>
                    <a:lnTo>
                      <a:pt x="1070" y="367"/>
                    </a:lnTo>
                    <a:lnTo>
                      <a:pt x="1075" y="370"/>
                    </a:lnTo>
                    <a:lnTo>
                      <a:pt x="1078" y="372"/>
                    </a:lnTo>
                    <a:lnTo>
                      <a:pt x="1082" y="374"/>
                    </a:lnTo>
                    <a:lnTo>
                      <a:pt x="1084" y="374"/>
                    </a:lnTo>
                    <a:lnTo>
                      <a:pt x="1087" y="372"/>
                    </a:lnTo>
                    <a:lnTo>
                      <a:pt x="1092" y="369"/>
                    </a:lnTo>
                    <a:lnTo>
                      <a:pt x="1099" y="362"/>
                    </a:lnTo>
                    <a:lnTo>
                      <a:pt x="1107" y="355"/>
                    </a:lnTo>
                    <a:lnTo>
                      <a:pt x="1114" y="352"/>
                    </a:lnTo>
                    <a:lnTo>
                      <a:pt x="1119" y="352"/>
                    </a:lnTo>
                    <a:lnTo>
                      <a:pt x="1124" y="353"/>
                    </a:lnTo>
                    <a:lnTo>
                      <a:pt x="1126" y="355"/>
                    </a:lnTo>
                    <a:lnTo>
                      <a:pt x="1129" y="358"/>
                    </a:lnTo>
                    <a:lnTo>
                      <a:pt x="1131" y="360"/>
                    </a:lnTo>
                    <a:lnTo>
                      <a:pt x="1131" y="362"/>
                    </a:lnTo>
                    <a:lnTo>
                      <a:pt x="1133" y="362"/>
                    </a:lnTo>
                    <a:lnTo>
                      <a:pt x="1133" y="360"/>
                    </a:lnTo>
                    <a:lnTo>
                      <a:pt x="1134" y="358"/>
                    </a:lnTo>
                    <a:lnTo>
                      <a:pt x="1138" y="355"/>
                    </a:lnTo>
                    <a:lnTo>
                      <a:pt x="1141" y="350"/>
                    </a:lnTo>
                    <a:lnTo>
                      <a:pt x="1144" y="347"/>
                    </a:lnTo>
                    <a:lnTo>
                      <a:pt x="1144" y="343"/>
                    </a:lnTo>
                    <a:lnTo>
                      <a:pt x="1144" y="340"/>
                    </a:lnTo>
                    <a:lnTo>
                      <a:pt x="1146" y="340"/>
                    </a:lnTo>
                    <a:lnTo>
                      <a:pt x="1148" y="343"/>
                    </a:lnTo>
                    <a:lnTo>
                      <a:pt x="1151" y="347"/>
                    </a:lnTo>
                    <a:lnTo>
                      <a:pt x="1158" y="350"/>
                    </a:lnTo>
                    <a:lnTo>
                      <a:pt x="1163" y="355"/>
                    </a:lnTo>
                    <a:lnTo>
                      <a:pt x="1168" y="360"/>
                    </a:lnTo>
                    <a:lnTo>
                      <a:pt x="1170" y="362"/>
                    </a:lnTo>
                    <a:lnTo>
                      <a:pt x="1172" y="363"/>
                    </a:lnTo>
                    <a:lnTo>
                      <a:pt x="1173" y="362"/>
                    </a:lnTo>
                    <a:lnTo>
                      <a:pt x="1175" y="358"/>
                    </a:lnTo>
                    <a:lnTo>
                      <a:pt x="1178" y="353"/>
                    </a:lnTo>
                    <a:lnTo>
                      <a:pt x="1183" y="348"/>
                    </a:lnTo>
                    <a:lnTo>
                      <a:pt x="1188" y="345"/>
                    </a:lnTo>
                    <a:lnTo>
                      <a:pt x="1192" y="345"/>
                    </a:lnTo>
                    <a:lnTo>
                      <a:pt x="1197" y="345"/>
                    </a:lnTo>
                    <a:lnTo>
                      <a:pt x="1200" y="347"/>
                    </a:lnTo>
                    <a:lnTo>
                      <a:pt x="1204" y="347"/>
                    </a:lnTo>
                    <a:lnTo>
                      <a:pt x="1205" y="348"/>
                    </a:lnTo>
                    <a:lnTo>
                      <a:pt x="1232" y="372"/>
                    </a:lnTo>
                    <a:lnTo>
                      <a:pt x="1248" y="374"/>
                    </a:lnTo>
                    <a:lnTo>
                      <a:pt x="1266" y="380"/>
                    </a:lnTo>
                    <a:lnTo>
                      <a:pt x="1265" y="377"/>
                    </a:lnTo>
                    <a:lnTo>
                      <a:pt x="1276" y="392"/>
                    </a:lnTo>
                    <a:lnTo>
                      <a:pt x="1302" y="389"/>
                    </a:lnTo>
                    <a:lnTo>
                      <a:pt x="1312" y="391"/>
                    </a:lnTo>
                    <a:lnTo>
                      <a:pt x="1312" y="455"/>
                    </a:lnTo>
                    <a:lnTo>
                      <a:pt x="1317" y="580"/>
                    </a:lnTo>
                    <a:lnTo>
                      <a:pt x="1341" y="611"/>
                    </a:lnTo>
                    <a:lnTo>
                      <a:pt x="1341" y="641"/>
                    </a:lnTo>
                    <a:lnTo>
                      <a:pt x="1354" y="655"/>
                    </a:lnTo>
                    <a:lnTo>
                      <a:pt x="1361" y="675"/>
                    </a:lnTo>
                    <a:lnTo>
                      <a:pt x="1361" y="677"/>
                    </a:lnTo>
                    <a:lnTo>
                      <a:pt x="1363" y="678"/>
                    </a:lnTo>
                    <a:lnTo>
                      <a:pt x="1364" y="682"/>
                    </a:lnTo>
                    <a:lnTo>
                      <a:pt x="1366" y="687"/>
                    </a:lnTo>
                    <a:lnTo>
                      <a:pt x="1366" y="690"/>
                    </a:lnTo>
                    <a:lnTo>
                      <a:pt x="1368" y="695"/>
                    </a:lnTo>
                    <a:lnTo>
                      <a:pt x="1370" y="700"/>
                    </a:lnTo>
                    <a:lnTo>
                      <a:pt x="1371" y="705"/>
                    </a:lnTo>
                    <a:lnTo>
                      <a:pt x="1371" y="710"/>
                    </a:lnTo>
                    <a:lnTo>
                      <a:pt x="1371" y="717"/>
                    </a:lnTo>
                    <a:lnTo>
                      <a:pt x="1371" y="722"/>
                    </a:lnTo>
                    <a:lnTo>
                      <a:pt x="1370" y="727"/>
                    </a:lnTo>
                    <a:lnTo>
                      <a:pt x="1368" y="734"/>
                    </a:lnTo>
                    <a:lnTo>
                      <a:pt x="1366" y="739"/>
                    </a:lnTo>
                    <a:lnTo>
                      <a:pt x="1363" y="744"/>
                    </a:lnTo>
                    <a:lnTo>
                      <a:pt x="1356" y="753"/>
                    </a:lnTo>
                    <a:lnTo>
                      <a:pt x="1353" y="759"/>
                    </a:lnTo>
                    <a:lnTo>
                      <a:pt x="1351" y="765"/>
                    </a:lnTo>
                    <a:lnTo>
                      <a:pt x="1351" y="768"/>
                    </a:lnTo>
                    <a:lnTo>
                      <a:pt x="1353" y="771"/>
                    </a:lnTo>
                    <a:lnTo>
                      <a:pt x="1354" y="773"/>
                    </a:lnTo>
                    <a:lnTo>
                      <a:pt x="1356" y="775"/>
                    </a:lnTo>
                    <a:lnTo>
                      <a:pt x="1353" y="797"/>
                    </a:lnTo>
                    <a:lnTo>
                      <a:pt x="1356" y="798"/>
                    </a:lnTo>
                    <a:lnTo>
                      <a:pt x="1358" y="802"/>
                    </a:lnTo>
                    <a:lnTo>
                      <a:pt x="1361" y="807"/>
                    </a:lnTo>
                    <a:lnTo>
                      <a:pt x="1363" y="812"/>
                    </a:lnTo>
                    <a:lnTo>
                      <a:pt x="1363" y="819"/>
                    </a:lnTo>
                    <a:lnTo>
                      <a:pt x="1359" y="827"/>
                    </a:lnTo>
                    <a:lnTo>
                      <a:pt x="1353" y="836"/>
                    </a:lnTo>
                    <a:lnTo>
                      <a:pt x="1351" y="837"/>
                    </a:lnTo>
                    <a:lnTo>
                      <a:pt x="1348" y="836"/>
                    </a:lnTo>
                    <a:lnTo>
                      <a:pt x="1346" y="836"/>
                    </a:lnTo>
                    <a:lnTo>
                      <a:pt x="1329" y="854"/>
                    </a:lnTo>
                    <a:lnTo>
                      <a:pt x="1337" y="866"/>
                    </a:lnTo>
                    <a:lnTo>
                      <a:pt x="1339" y="875"/>
                    </a:lnTo>
                    <a:lnTo>
                      <a:pt x="1337" y="875"/>
                    </a:lnTo>
                    <a:lnTo>
                      <a:pt x="1334" y="875"/>
                    </a:lnTo>
                    <a:lnTo>
                      <a:pt x="1332" y="875"/>
                    </a:lnTo>
                    <a:lnTo>
                      <a:pt x="1329" y="875"/>
                    </a:lnTo>
                    <a:lnTo>
                      <a:pt x="1324" y="876"/>
                    </a:lnTo>
                    <a:lnTo>
                      <a:pt x="1319" y="878"/>
                    </a:lnTo>
                    <a:lnTo>
                      <a:pt x="1312" y="880"/>
                    </a:lnTo>
                    <a:lnTo>
                      <a:pt x="1305" y="883"/>
                    </a:lnTo>
                    <a:lnTo>
                      <a:pt x="1295" y="888"/>
                    </a:lnTo>
                    <a:lnTo>
                      <a:pt x="1285" y="893"/>
                    </a:lnTo>
                    <a:lnTo>
                      <a:pt x="1273" y="898"/>
                    </a:lnTo>
                    <a:lnTo>
                      <a:pt x="1260" y="905"/>
                    </a:lnTo>
                    <a:lnTo>
                      <a:pt x="1246" y="913"/>
                    </a:lnTo>
                    <a:lnTo>
                      <a:pt x="1251" y="905"/>
                    </a:lnTo>
                    <a:lnTo>
                      <a:pt x="1256" y="902"/>
                    </a:lnTo>
                    <a:lnTo>
                      <a:pt x="1268" y="895"/>
                    </a:lnTo>
                    <a:lnTo>
                      <a:pt x="1270" y="895"/>
                    </a:lnTo>
                    <a:lnTo>
                      <a:pt x="1271" y="893"/>
                    </a:lnTo>
                    <a:lnTo>
                      <a:pt x="1271" y="891"/>
                    </a:lnTo>
                    <a:lnTo>
                      <a:pt x="1268" y="890"/>
                    </a:lnTo>
                    <a:lnTo>
                      <a:pt x="1266" y="890"/>
                    </a:lnTo>
                    <a:lnTo>
                      <a:pt x="1263" y="890"/>
                    </a:lnTo>
                    <a:lnTo>
                      <a:pt x="1261" y="890"/>
                    </a:lnTo>
                    <a:lnTo>
                      <a:pt x="1260" y="890"/>
                    </a:lnTo>
                    <a:lnTo>
                      <a:pt x="1258" y="891"/>
                    </a:lnTo>
                    <a:lnTo>
                      <a:pt x="1256" y="891"/>
                    </a:lnTo>
                    <a:lnTo>
                      <a:pt x="1251" y="895"/>
                    </a:lnTo>
                    <a:lnTo>
                      <a:pt x="1249" y="895"/>
                    </a:lnTo>
                    <a:lnTo>
                      <a:pt x="1248" y="895"/>
                    </a:lnTo>
                    <a:lnTo>
                      <a:pt x="1246" y="895"/>
                    </a:lnTo>
                    <a:lnTo>
                      <a:pt x="1244" y="895"/>
                    </a:lnTo>
                    <a:lnTo>
                      <a:pt x="1243" y="893"/>
                    </a:lnTo>
                    <a:lnTo>
                      <a:pt x="1244" y="890"/>
                    </a:lnTo>
                    <a:lnTo>
                      <a:pt x="1246" y="886"/>
                    </a:lnTo>
                    <a:lnTo>
                      <a:pt x="1248" y="881"/>
                    </a:lnTo>
                    <a:lnTo>
                      <a:pt x="1249" y="878"/>
                    </a:lnTo>
                    <a:lnTo>
                      <a:pt x="1251" y="876"/>
                    </a:lnTo>
                    <a:lnTo>
                      <a:pt x="1253" y="875"/>
                    </a:lnTo>
                    <a:lnTo>
                      <a:pt x="1254" y="873"/>
                    </a:lnTo>
                    <a:lnTo>
                      <a:pt x="1254" y="871"/>
                    </a:lnTo>
                    <a:lnTo>
                      <a:pt x="1254" y="869"/>
                    </a:lnTo>
                    <a:lnTo>
                      <a:pt x="1253" y="868"/>
                    </a:lnTo>
                    <a:lnTo>
                      <a:pt x="1251" y="864"/>
                    </a:lnTo>
                    <a:lnTo>
                      <a:pt x="1249" y="864"/>
                    </a:lnTo>
                    <a:lnTo>
                      <a:pt x="1248" y="864"/>
                    </a:lnTo>
                    <a:lnTo>
                      <a:pt x="1243" y="868"/>
                    </a:lnTo>
                    <a:lnTo>
                      <a:pt x="1238" y="869"/>
                    </a:lnTo>
                    <a:lnTo>
                      <a:pt x="1234" y="871"/>
                    </a:lnTo>
                    <a:lnTo>
                      <a:pt x="1232" y="873"/>
                    </a:lnTo>
                    <a:lnTo>
                      <a:pt x="1232" y="875"/>
                    </a:lnTo>
                    <a:lnTo>
                      <a:pt x="1232" y="876"/>
                    </a:lnTo>
                    <a:lnTo>
                      <a:pt x="1232" y="878"/>
                    </a:lnTo>
                    <a:lnTo>
                      <a:pt x="1231" y="880"/>
                    </a:lnTo>
                    <a:lnTo>
                      <a:pt x="1229" y="880"/>
                    </a:lnTo>
                    <a:lnTo>
                      <a:pt x="1227" y="880"/>
                    </a:lnTo>
                    <a:lnTo>
                      <a:pt x="1224" y="878"/>
                    </a:lnTo>
                    <a:lnTo>
                      <a:pt x="1222" y="875"/>
                    </a:lnTo>
                    <a:lnTo>
                      <a:pt x="1219" y="873"/>
                    </a:lnTo>
                    <a:lnTo>
                      <a:pt x="1217" y="871"/>
                    </a:lnTo>
                    <a:lnTo>
                      <a:pt x="1216" y="869"/>
                    </a:lnTo>
                    <a:lnTo>
                      <a:pt x="1216" y="871"/>
                    </a:lnTo>
                    <a:lnTo>
                      <a:pt x="1217" y="875"/>
                    </a:lnTo>
                    <a:lnTo>
                      <a:pt x="1219" y="878"/>
                    </a:lnTo>
                    <a:lnTo>
                      <a:pt x="1219" y="881"/>
                    </a:lnTo>
                    <a:lnTo>
                      <a:pt x="1219" y="885"/>
                    </a:lnTo>
                    <a:lnTo>
                      <a:pt x="1217" y="886"/>
                    </a:lnTo>
                    <a:lnTo>
                      <a:pt x="1216" y="890"/>
                    </a:lnTo>
                    <a:lnTo>
                      <a:pt x="1216" y="891"/>
                    </a:lnTo>
                    <a:lnTo>
                      <a:pt x="1217" y="895"/>
                    </a:lnTo>
                    <a:lnTo>
                      <a:pt x="1221" y="898"/>
                    </a:lnTo>
                    <a:lnTo>
                      <a:pt x="1226" y="903"/>
                    </a:lnTo>
                    <a:lnTo>
                      <a:pt x="1231" y="907"/>
                    </a:lnTo>
                    <a:lnTo>
                      <a:pt x="1234" y="910"/>
                    </a:lnTo>
                    <a:lnTo>
                      <a:pt x="1236" y="913"/>
                    </a:lnTo>
                    <a:lnTo>
                      <a:pt x="1234" y="915"/>
                    </a:lnTo>
                    <a:lnTo>
                      <a:pt x="1234" y="917"/>
                    </a:lnTo>
                    <a:lnTo>
                      <a:pt x="1232" y="919"/>
                    </a:lnTo>
                    <a:lnTo>
                      <a:pt x="1231" y="919"/>
                    </a:lnTo>
                    <a:lnTo>
                      <a:pt x="1212" y="939"/>
                    </a:lnTo>
                    <a:lnTo>
                      <a:pt x="1202" y="937"/>
                    </a:lnTo>
                    <a:lnTo>
                      <a:pt x="1192" y="959"/>
                    </a:lnTo>
                    <a:lnTo>
                      <a:pt x="1202" y="957"/>
                    </a:lnTo>
                    <a:lnTo>
                      <a:pt x="1200" y="959"/>
                    </a:lnTo>
                    <a:lnTo>
                      <a:pt x="1199" y="961"/>
                    </a:lnTo>
                    <a:lnTo>
                      <a:pt x="1197" y="964"/>
                    </a:lnTo>
                    <a:lnTo>
                      <a:pt x="1194" y="966"/>
                    </a:lnTo>
                    <a:lnTo>
                      <a:pt x="1190" y="969"/>
                    </a:lnTo>
                    <a:lnTo>
                      <a:pt x="1185" y="973"/>
                    </a:lnTo>
                    <a:lnTo>
                      <a:pt x="1180" y="976"/>
                    </a:lnTo>
                    <a:lnTo>
                      <a:pt x="1177" y="981"/>
                    </a:lnTo>
                    <a:lnTo>
                      <a:pt x="1172" y="985"/>
                    </a:lnTo>
                    <a:lnTo>
                      <a:pt x="1165" y="988"/>
                    </a:lnTo>
                    <a:lnTo>
                      <a:pt x="1160" y="991"/>
                    </a:lnTo>
                    <a:lnTo>
                      <a:pt x="1155" y="995"/>
                    </a:lnTo>
                    <a:lnTo>
                      <a:pt x="1148" y="998"/>
                    </a:lnTo>
                    <a:lnTo>
                      <a:pt x="1143" y="1000"/>
                    </a:lnTo>
                    <a:lnTo>
                      <a:pt x="1136" y="1001"/>
                    </a:lnTo>
                    <a:lnTo>
                      <a:pt x="1134" y="1003"/>
                    </a:lnTo>
                    <a:lnTo>
                      <a:pt x="1129" y="1007"/>
                    </a:lnTo>
                    <a:lnTo>
                      <a:pt x="1124" y="1010"/>
                    </a:lnTo>
                    <a:lnTo>
                      <a:pt x="1117" y="1013"/>
                    </a:lnTo>
                    <a:lnTo>
                      <a:pt x="1111" y="1018"/>
                    </a:lnTo>
                    <a:lnTo>
                      <a:pt x="1106" y="1022"/>
                    </a:lnTo>
                    <a:lnTo>
                      <a:pt x="1102" y="1023"/>
                    </a:lnTo>
                    <a:lnTo>
                      <a:pt x="1100" y="1025"/>
                    </a:lnTo>
                    <a:lnTo>
                      <a:pt x="1099" y="1025"/>
                    </a:lnTo>
                    <a:lnTo>
                      <a:pt x="1094" y="1029"/>
                    </a:lnTo>
                    <a:lnTo>
                      <a:pt x="1089" y="1032"/>
                    </a:lnTo>
                    <a:lnTo>
                      <a:pt x="1084" y="1034"/>
                    </a:lnTo>
                    <a:lnTo>
                      <a:pt x="1078" y="1034"/>
                    </a:lnTo>
                    <a:lnTo>
                      <a:pt x="1080" y="1034"/>
                    </a:lnTo>
                    <a:lnTo>
                      <a:pt x="1085" y="1029"/>
                    </a:lnTo>
                    <a:lnTo>
                      <a:pt x="1099" y="1020"/>
                    </a:lnTo>
                    <a:lnTo>
                      <a:pt x="1100" y="1018"/>
                    </a:lnTo>
                    <a:lnTo>
                      <a:pt x="1102" y="1017"/>
                    </a:lnTo>
                    <a:lnTo>
                      <a:pt x="1107" y="1015"/>
                    </a:lnTo>
                    <a:lnTo>
                      <a:pt x="1112" y="1012"/>
                    </a:lnTo>
                    <a:lnTo>
                      <a:pt x="1119" y="1008"/>
                    </a:lnTo>
                    <a:lnTo>
                      <a:pt x="1124" y="1005"/>
                    </a:lnTo>
                    <a:lnTo>
                      <a:pt x="1131" y="1001"/>
                    </a:lnTo>
                    <a:lnTo>
                      <a:pt x="1136" y="998"/>
                    </a:lnTo>
                    <a:lnTo>
                      <a:pt x="1139" y="995"/>
                    </a:lnTo>
                    <a:lnTo>
                      <a:pt x="1141" y="993"/>
                    </a:lnTo>
                    <a:lnTo>
                      <a:pt x="1143" y="993"/>
                    </a:lnTo>
                    <a:lnTo>
                      <a:pt x="1141" y="993"/>
                    </a:lnTo>
                    <a:lnTo>
                      <a:pt x="1138" y="993"/>
                    </a:lnTo>
                    <a:lnTo>
                      <a:pt x="1131" y="996"/>
                    </a:lnTo>
                    <a:lnTo>
                      <a:pt x="1119" y="1001"/>
                    </a:lnTo>
                    <a:lnTo>
                      <a:pt x="1106" y="1008"/>
                    </a:lnTo>
                    <a:lnTo>
                      <a:pt x="1104" y="1008"/>
                    </a:lnTo>
                    <a:lnTo>
                      <a:pt x="1102" y="1010"/>
                    </a:lnTo>
                    <a:lnTo>
                      <a:pt x="1099" y="1012"/>
                    </a:lnTo>
                    <a:lnTo>
                      <a:pt x="1097" y="1013"/>
                    </a:lnTo>
                    <a:lnTo>
                      <a:pt x="1094" y="1015"/>
                    </a:lnTo>
                    <a:lnTo>
                      <a:pt x="1092" y="1015"/>
                    </a:lnTo>
                    <a:lnTo>
                      <a:pt x="1092" y="1012"/>
                    </a:lnTo>
                    <a:lnTo>
                      <a:pt x="1094" y="1008"/>
                    </a:lnTo>
                    <a:lnTo>
                      <a:pt x="1094" y="1007"/>
                    </a:lnTo>
                    <a:lnTo>
                      <a:pt x="1095" y="1005"/>
                    </a:lnTo>
                    <a:lnTo>
                      <a:pt x="1095" y="1003"/>
                    </a:lnTo>
                    <a:lnTo>
                      <a:pt x="1097" y="1000"/>
                    </a:lnTo>
                    <a:lnTo>
                      <a:pt x="1097" y="998"/>
                    </a:lnTo>
                    <a:lnTo>
                      <a:pt x="1099" y="995"/>
                    </a:lnTo>
                    <a:lnTo>
                      <a:pt x="1099" y="993"/>
                    </a:lnTo>
                    <a:lnTo>
                      <a:pt x="1087" y="1005"/>
                    </a:lnTo>
                    <a:lnTo>
                      <a:pt x="1078" y="1007"/>
                    </a:lnTo>
                    <a:lnTo>
                      <a:pt x="1075" y="1001"/>
                    </a:lnTo>
                    <a:lnTo>
                      <a:pt x="1077" y="1012"/>
                    </a:lnTo>
                    <a:lnTo>
                      <a:pt x="1067" y="1015"/>
                    </a:lnTo>
                    <a:lnTo>
                      <a:pt x="1065" y="1013"/>
                    </a:lnTo>
                    <a:lnTo>
                      <a:pt x="1062" y="1008"/>
                    </a:lnTo>
                    <a:lnTo>
                      <a:pt x="1056" y="1003"/>
                    </a:lnTo>
                    <a:lnTo>
                      <a:pt x="1051" y="1000"/>
                    </a:lnTo>
                    <a:lnTo>
                      <a:pt x="1048" y="998"/>
                    </a:lnTo>
                    <a:lnTo>
                      <a:pt x="1048" y="1000"/>
                    </a:lnTo>
                    <a:lnTo>
                      <a:pt x="1050" y="1007"/>
                    </a:lnTo>
                    <a:lnTo>
                      <a:pt x="1058" y="1020"/>
                    </a:lnTo>
                    <a:lnTo>
                      <a:pt x="1060" y="1020"/>
                    </a:lnTo>
                    <a:lnTo>
                      <a:pt x="1063" y="1023"/>
                    </a:lnTo>
                    <a:lnTo>
                      <a:pt x="1067" y="1023"/>
                    </a:lnTo>
                    <a:lnTo>
                      <a:pt x="1068" y="1025"/>
                    </a:lnTo>
                    <a:lnTo>
                      <a:pt x="1070" y="1029"/>
                    </a:lnTo>
                    <a:lnTo>
                      <a:pt x="1070" y="1032"/>
                    </a:lnTo>
                    <a:lnTo>
                      <a:pt x="1067" y="1035"/>
                    </a:lnTo>
                    <a:lnTo>
                      <a:pt x="1063" y="1037"/>
                    </a:lnTo>
                    <a:lnTo>
                      <a:pt x="1062" y="1039"/>
                    </a:lnTo>
                    <a:lnTo>
                      <a:pt x="1058" y="1040"/>
                    </a:lnTo>
                    <a:lnTo>
                      <a:pt x="1056" y="1042"/>
                    </a:lnTo>
                    <a:lnTo>
                      <a:pt x="1053" y="1044"/>
                    </a:lnTo>
                    <a:lnTo>
                      <a:pt x="1051" y="1045"/>
                    </a:lnTo>
                    <a:lnTo>
                      <a:pt x="1050" y="1045"/>
                    </a:lnTo>
                    <a:lnTo>
                      <a:pt x="1050" y="1047"/>
                    </a:lnTo>
                    <a:lnTo>
                      <a:pt x="1048" y="1047"/>
                    </a:lnTo>
                    <a:lnTo>
                      <a:pt x="1046" y="1047"/>
                    </a:lnTo>
                    <a:lnTo>
                      <a:pt x="1045" y="1047"/>
                    </a:lnTo>
                    <a:lnTo>
                      <a:pt x="1043" y="1045"/>
                    </a:lnTo>
                    <a:lnTo>
                      <a:pt x="1041" y="1044"/>
                    </a:lnTo>
                    <a:lnTo>
                      <a:pt x="1040" y="1039"/>
                    </a:lnTo>
                    <a:lnTo>
                      <a:pt x="1040" y="1034"/>
                    </a:lnTo>
                    <a:lnTo>
                      <a:pt x="1036" y="1030"/>
                    </a:lnTo>
                    <a:lnTo>
                      <a:pt x="1036" y="1027"/>
                    </a:lnTo>
                    <a:lnTo>
                      <a:pt x="1033" y="1027"/>
                    </a:lnTo>
                    <a:lnTo>
                      <a:pt x="1033" y="1025"/>
                    </a:lnTo>
                    <a:lnTo>
                      <a:pt x="1031" y="1025"/>
                    </a:lnTo>
                    <a:lnTo>
                      <a:pt x="1029" y="1025"/>
                    </a:lnTo>
                    <a:lnTo>
                      <a:pt x="1019" y="1013"/>
                    </a:lnTo>
                    <a:lnTo>
                      <a:pt x="1023" y="1027"/>
                    </a:lnTo>
                    <a:lnTo>
                      <a:pt x="1031" y="1037"/>
                    </a:lnTo>
                    <a:lnTo>
                      <a:pt x="1028" y="1040"/>
                    </a:lnTo>
                    <a:lnTo>
                      <a:pt x="1031" y="1056"/>
                    </a:lnTo>
                    <a:lnTo>
                      <a:pt x="1019" y="1069"/>
                    </a:lnTo>
                    <a:lnTo>
                      <a:pt x="1018" y="1057"/>
                    </a:lnTo>
                    <a:lnTo>
                      <a:pt x="1011" y="1067"/>
                    </a:lnTo>
                    <a:lnTo>
                      <a:pt x="1006" y="1064"/>
                    </a:lnTo>
                    <a:lnTo>
                      <a:pt x="984" y="1078"/>
                    </a:lnTo>
                    <a:lnTo>
                      <a:pt x="992" y="1086"/>
                    </a:lnTo>
                    <a:lnTo>
                      <a:pt x="996" y="1083"/>
                    </a:lnTo>
                    <a:lnTo>
                      <a:pt x="997" y="1081"/>
                    </a:lnTo>
                    <a:lnTo>
                      <a:pt x="1001" y="1078"/>
                    </a:lnTo>
                    <a:lnTo>
                      <a:pt x="1002" y="1076"/>
                    </a:lnTo>
                    <a:lnTo>
                      <a:pt x="1004" y="1078"/>
                    </a:lnTo>
                    <a:lnTo>
                      <a:pt x="1004" y="1081"/>
                    </a:lnTo>
                    <a:lnTo>
                      <a:pt x="1001" y="1089"/>
                    </a:lnTo>
                    <a:lnTo>
                      <a:pt x="999" y="1091"/>
                    </a:lnTo>
                    <a:lnTo>
                      <a:pt x="997" y="1095"/>
                    </a:lnTo>
                    <a:lnTo>
                      <a:pt x="996" y="1098"/>
                    </a:lnTo>
                    <a:lnTo>
                      <a:pt x="994" y="1100"/>
                    </a:lnTo>
                    <a:lnTo>
                      <a:pt x="992" y="1103"/>
                    </a:lnTo>
                    <a:lnTo>
                      <a:pt x="992" y="1105"/>
                    </a:lnTo>
                    <a:lnTo>
                      <a:pt x="985" y="1110"/>
                    </a:lnTo>
                    <a:lnTo>
                      <a:pt x="982" y="1103"/>
                    </a:lnTo>
                    <a:lnTo>
                      <a:pt x="952" y="1103"/>
                    </a:lnTo>
                    <a:lnTo>
                      <a:pt x="957" y="1110"/>
                    </a:lnTo>
                    <a:lnTo>
                      <a:pt x="962" y="1111"/>
                    </a:lnTo>
                    <a:lnTo>
                      <a:pt x="965" y="1120"/>
                    </a:lnTo>
                    <a:lnTo>
                      <a:pt x="972" y="1125"/>
                    </a:lnTo>
                    <a:lnTo>
                      <a:pt x="977" y="1123"/>
                    </a:lnTo>
                    <a:lnTo>
                      <a:pt x="963" y="1167"/>
                    </a:lnTo>
                    <a:lnTo>
                      <a:pt x="963" y="1169"/>
                    </a:lnTo>
                    <a:lnTo>
                      <a:pt x="962" y="1171"/>
                    </a:lnTo>
                    <a:lnTo>
                      <a:pt x="962" y="1172"/>
                    </a:lnTo>
                    <a:lnTo>
                      <a:pt x="960" y="1172"/>
                    </a:lnTo>
                    <a:lnTo>
                      <a:pt x="958" y="1174"/>
                    </a:lnTo>
                    <a:lnTo>
                      <a:pt x="957" y="1172"/>
                    </a:lnTo>
                    <a:lnTo>
                      <a:pt x="955" y="1169"/>
                    </a:lnTo>
                    <a:lnTo>
                      <a:pt x="955" y="1162"/>
                    </a:lnTo>
                    <a:lnTo>
                      <a:pt x="953" y="1159"/>
                    </a:lnTo>
                    <a:lnTo>
                      <a:pt x="953" y="1155"/>
                    </a:lnTo>
                    <a:lnTo>
                      <a:pt x="952" y="1154"/>
                    </a:lnTo>
                    <a:lnTo>
                      <a:pt x="950" y="1152"/>
                    </a:lnTo>
                    <a:lnTo>
                      <a:pt x="948" y="1154"/>
                    </a:lnTo>
                    <a:lnTo>
                      <a:pt x="948" y="1157"/>
                    </a:lnTo>
                    <a:lnTo>
                      <a:pt x="948" y="1164"/>
                    </a:lnTo>
                    <a:lnTo>
                      <a:pt x="946" y="1166"/>
                    </a:lnTo>
                    <a:lnTo>
                      <a:pt x="945" y="1169"/>
                    </a:lnTo>
                    <a:lnTo>
                      <a:pt x="941" y="1172"/>
                    </a:lnTo>
                    <a:lnTo>
                      <a:pt x="940" y="1172"/>
                    </a:lnTo>
                    <a:lnTo>
                      <a:pt x="930" y="1166"/>
                    </a:lnTo>
                    <a:lnTo>
                      <a:pt x="931" y="1174"/>
                    </a:lnTo>
                    <a:lnTo>
                      <a:pt x="928" y="1179"/>
                    </a:lnTo>
                    <a:lnTo>
                      <a:pt x="938" y="1184"/>
                    </a:lnTo>
                    <a:lnTo>
                      <a:pt x="957" y="1181"/>
                    </a:lnTo>
                    <a:lnTo>
                      <a:pt x="958" y="1198"/>
                    </a:lnTo>
                    <a:lnTo>
                      <a:pt x="948" y="1223"/>
                    </a:lnTo>
                    <a:lnTo>
                      <a:pt x="948" y="1233"/>
                    </a:lnTo>
                    <a:lnTo>
                      <a:pt x="962" y="1269"/>
                    </a:lnTo>
                    <a:lnTo>
                      <a:pt x="960" y="1291"/>
                    </a:lnTo>
                    <a:lnTo>
                      <a:pt x="970" y="1304"/>
                    </a:lnTo>
                    <a:lnTo>
                      <a:pt x="975" y="1325"/>
                    </a:lnTo>
                    <a:lnTo>
                      <a:pt x="982" y="1337"/>
                    </a:lnTo>
                    <a:lnTo>
                      <a:pt x="968" y="1347"/>
                    </a:lnTo>
                    <a:lnTo>
                      <a:pt x="962" y="1355"/>
                    </a:lnTo>
                    <a:lnTo>
                      <a:pt x="960" y="1353"/>
                    </a:lnTo>
                    <a:lnTo>
                      <a:pt x="958" y="1352"/>
                    </a:lnTo>
                    <a:lnTo>
                      <a:pt x="957" y="1350"/>
                    </a:lnTo>
                    <a:lnTo>
                      <a:pt x="953" y="1347"/>
                    </a:lnTo>
                    <a:lnTo>
                      <a:pt x="950" y="1343"/>
                    </a:lnTo>
                    <a:lnTo>
                      <a:pt x="946" y="1340"/>
                    </a:lnTo>
                    <a:lnTo>
                      <a:pt x="943" y="1338"/>
                    </a:lnTo>
                    <a:lnTo>
                      <a:pt x="938" y="1335"/>
                    </a:lnTo>
                    <a:lnTo>
                      <a:pt x="933" y="1331"/>
                    </a:lnTo>
                    <a:lnTo>
                      <a:pt x="926" y="1330"/>
                    </a:lnTo>
                    <a:lnTo>
                      <a:pt x="919" y="1326"/>
                    </a:lnTo>
                    <a:lnTo>
                      <a:pt x="913" y="1325"/>
                    </a:lnTo>
                    <a:lnTo>
                      <a:pt x="904" y="1325"/>
                    </a:lnTo>
                    <a:lnTo>
                      <a:pt x="896" y="1325"/>
                    </a:lnTo>
                    <a:lnTo>
                      <a:pt x="887" y="1325"/>
                    </a:lnTo>
                    <a:lnTo>
                      <a:pt x="886" y="1325"/>
                    </a:lnTo>
                    <a:lnTo>
                      <a:pt x="884" y="1325"/>
                    </a:lnTo>
                    <a:lnTo>
                      <a:pt x="882" y="1325"/>
                    </a:lnTo>
                    <a:lnTo>
                      <a:pt x="879" y="1325"/>
                    </a:lnTo>
                    <a:lnTo>
                      <a:pt x="877" y="1325"/>
                    </a:lnTo>
                    <a:lnTo>
                      <a:pt x="875" y="1326"/>
                    </a:lnTo>
                    <a:lnTo>
                      <a:pt x="874" y="1326"/>
                    </a:lnTo>
                    <a:lnTo>
                      <a:pt x="872" y="1326"/>
                    </a:lnTo>
                    <a:lnTo>
                      <a:pt x="836" y="1304"/>
                    </a:lnTo>
                    <a:lnTo>
                      <a:pt x="821" y="1304"/>
                    </a:lnTo>
                    <a:lnTo>
                      <a:pt x="821" y="1303"/>
                    </a:lnTo>
                    <a:lnTo>
                      <a:pt x="820" y="1301"/>
                    </a:lnTo>
                    <a:lnTo>
                      <a:pt x="820" y="1298"/>
                    </a:lnTo>
                    <a:lnTo>
                      <a:pt x="816" y="1294"/>
                    </a:lnTo>
                    <a:lnTo>
                      <a:pt x="811" y="1291"/>
                    </a:lnTo>
                    <a:lnTo>
                      <a:pt x="806" y="1287"/>
                    </a:lnTo>
                    <a:lnTo>
                      <a:pt x="798" y="1284"/>
                    </a:lnTo>
                    <a:lnTo>
                      <a:pt x="787" y="1284"/>
                    </a:lnTo>
                    <a:lnTo>
                      <a:pt x="786" y="1284"/>
                    </a:lnTo>
                    <a:lnTo>
                      <a:pt x="784" y="1284"/>
                    </a:lnTo>
                    <a:lnTo>
                      <a:pt x="781" y="1284"/>
                    </a:lnTo>
                    <a:lnTo>
                      <a:pt x="779" y="1284"/>
                    </a:lnTo>
                    <a:lnTo>
                      <a:pt x="777" y="1284"/>
                    </a:lnTo>
                    <a:lnTo>
                      <a:pt x="776" y="1284"/>
                    </a:lnTo>
                    <a:lnTo>
                      <a:pt x="774" y="1284"/>
                    </a:lnTo>
                    <a:lnTo>
                      <a:pt x="774" y="1269"/>
                    </a:lnTo>
                    <a:lnTo>
                      <a:pt x="767" y="1267"/>
                    </a:lnTo>
                    <a:lnTo>
                      <a:pt x="767" y="1265"/>
                    </a:lnTo>
                    <a:lnTo>
                      <a:pt x="767" y="1262"/>
                    </a:lnTo>
                    <a:lnTo>
                      <a:pt x="765" y="1257"/>
                    </a:lnTo>
                    <a:lnTo>
                      <a:pt x="764" y="1252"/>
                    </a:lnTo>
                    <a:lnTo>
                      <a:pt x="764" y="1247"/>
                    </a:lnTo>
                    <a:lnTo>
                      <a:pt x="762" y="1242"/>
                    </a:lnTo>
                    <a:lnTo>
                      <a:pt x="759" y="1237"/>
                    </a:lnTo>
                    <a:lnTo>
                      <a:pt x="757" y="1230"/>
                    </a:lnTo>
                    <a:lnTo>
                      <a:pt x="755" y="1225"/>
                    </a:lnTo>
                    <a:lnTo>
                      <a:pt x="754" y="1220"/>
                    </a:lnTo>
                    <a:lnTo>
                      <a:pt x="750" y="1216"/>
                    </a:lnTo>
                    <a:lnTo>
                      <a:pt x="748" y="1213"/>
                    </a:lnTo>
                    <a:lnTo>
                      <a:pt x="745" y="1210"/>
                    </a:lnTo>
                    <a:lnTo>
                      <a:pt x="743" y="1208"/>
                    </a:lnTo>
                    <a:lnTo>
                      <a:pt x="740" y="1208"/>
                    </a:lnTo>
                    <a:lnTo>
                      <a:pt x="738" y="1208"/>
                    </a:lnTo>
                    <a:lnTo>
                      <a:pt x="738" y="1205"/>
                    </a:lnTo>
                    <a:lnTo>
                      <a:pt x="738" y="1199"/>
                    </a:lnTo>
                    <a:lnTo>
                      <a:pt x="738" y="1193"/>
                    </a:lnTo>
                    <a:lnTo>
                      <a:pt x="738" y="1188"/>
                    </a:lnTo>
                    <a:lnTo>
                      <a:pt x="738" y="1181"/>
                    </a:lnTo>
                    <a:lnTo>
                      <a:pt x="738" y="1177"/>
                    </a:lnTo>
                    <a:lnTo>
                      <a:pt x="738" y="1176"/>
                    </a:lnTo>
                    <a:lnTo>
                      <a:pt x="728" y="1166"/>
                    </a:lnTo>
                    <a:lnTo>
                      <a:pt x="728" y="1164"/>
                    </a:lnTo>
                    <a:lnTo>
                      <a:pt x="728" y="1161"/>
                    </a:lnTo>
                    <a:lnTo>
                      <a:pt x="730" y="1154"/>
                    </a:lnTo>
                    <a:lnTo>
                      <a:pt x="730" y="1147"/>
                    </a:lnTo>
                    <a:lnTo>
                      <a:pt x="728" y="1140"/>
                    </a:lnTo>
                    <a:lnTo>
                      <a:pt x="726" y="1133"/>
                    </a:lnTo>
                    <a:lnTo>
                      <a:pt x="725" y="1128"/>
                    </a:lnTo>
                    <a:lnTo>
                      <a:pt x="720" y="1127"/>
                    </a:lnTo>
                    <a:lnTo>
                      <a:pt x="718" y="1127"/>
                    </a:lnTo>
                    <a:lnTo>
                      <a:pt x="715" y="1125"/>
                    </a:lnTo>
                    <a:lnTo>
                      <a:pt x="711" y="1123"/>
                    </a:lnTo>
                    <a:lnTo>
                      <a:pt x="708" y="1122"/>
                    </a:lnTo>
                    <a:lnTo>
                      <a:pt x="706" y="1118"/>
                    </a:lnTo>
                    <a:lnTo>
                      <a:pt x="703" y="1115"/>
                    </a:lnTo>
                    <a:lnTo>
                      <a:pt x="699" y="1111"/>
                    </a:lnTo>
                    <a:lnTo>
                      <a:pt x="696" y="1106"/>
                    </a:lnTo>
                    <a:lnTo>
                      <a:pt x="693" y="1103"/>
                    </a:lnTo>
                    <a:lnTo>
                      <a:pt x="689" y="1098"/>
                    </a:lnTo>
                    <a:lnTo>
                      <a:pt x="686" y="1091"/>
                    </a:lnTo>
                    <a:lnTo>
                      <a:pt x="682" y="1086"/>
                    </a:lnTo>
                    <a:lnTo>
                      <a:pt x="679" y="1081"/>
                    </a:lnTo>
                    <a:lnTo>
                      <a:pt x="676" y="1074"/>
                    </a:lnTo>
                    <a:lnTo>
                      <a:pt x="672" y="1069"/>
                    </a:lnTo>
                    <a:lnTo>
                      <a:pt x="669" y="1062"/>
                    </a:lnTo>
                    <a:lnTo>
                      <a:pt x="667" y="1061"/>
                    </a:lnTo>
                    <a:lnTo>
                      <a:pt x="666" y="1059"/>
                    </a:lnTo>
                    <a:lnTo>
                      <a:pt x="662" y="1056"/>
                    </a:lnTo>
                    <a:lnTo>
                      <a:pt x="660" y="1051"/>
                    </a:lnTo>
                    <a:lnTo>
                      <a:pt x="657" y="1047"/>
                    </a:lnTo>
                    <a:lnTo>
                      <a:pt x="654" y="1045"/>
                    </a:lnTo>
                    <a:lnTo>
                      <a:pt x="652" y="1044"/>
                    </a:lnTo>
                    <a:lnTo>
                      <a:pt x="652" y="1042"/>
                    </a:lnTo>
                    <a:lnTo>
                      <a:pt x="610" y="949"/>
                    </a:lnTo>
                    <a:lnTo>
                      <a:pt x="605" y="935"/>
                    </a:lnTo>
                    <a:lnTo>
                      <a:pt x="591" y="915"/>
                    </a:lnTo>
                    <a:lnTo>
                      <a:pt x="564" y="891"/>
                    </a:lnTo>
                    <a:lnTo>
                      <a:pt x="562" y="890"/>
                    </a:lnTo>
                    <a:lnTo>
                      <a:pt x="561" y="885"/>
                    </a:lnTo>
                    <a:lnTo>
                      <a:pt x="554" y="880"/>
                    </a:lnTo>
                    <a:lnTo>
                      <a:pt x="549" y="873"/>
                    </a:lnTo>
                    <a:lnTo>
                      <a:pt x="542" y="866"/>
                    </a:lnTo>
                    <a:lnTo>
                      <a:pt x="535" y="861"/>
                    </a:lnTo>
                    <a:lnTo>
                      <a:pt x="528" y="856"/>
                    </a:lnTo>
                    <a:lnTo>
                      <a:pt x="522" y="854"/>
                    </a:lnTo>
                    <a:lnTo>
                      <a:pt x="520" y="854"/>
                    </a:lnTo>
                    <a:lnTo>
                      <a:pt x="515" y="854"/>
                    </a:lnTo>
                    <a:lnTo>
                      <a:pt x="512" y="853"/>
                    </a:lnTo>
                    <a:lnTo>
                      <a:pt x="506" y="853"/>
                    </a:lnTo>
                    <a:lnTo>
                      <a:pt x="501" y="853"/>
                    </a:lnTo>
                    <a:lnTo>
                      <a:pt x="496" y="851"/>
                    </a:lnTo>
                    <a:lnTo>
                      <a:pt x="490" y="851"/>
                    </a:lnTo>
                    <a:lnTo>
                      <a:pt x="484" y="849"/>
                    </a:lnTo>
                    <a:lnTo>
                      <a:pt x="478" y="849"/>
                    </a:lnTo>
                    <a:lnTo>
                      <a:pt x="473" y="847"/>
                    </a:lnTo>
                    <a:lnTo>
                      <a:pt x="468" y="846"/>
                    </a:lnTo>
                    <a:lnTo>
                      <a:pt x="461" y="844"/>
                    </a:lnTo>
                    <a:lnTo>
                      <a:pt x="457" y="844"/>
                    </a:lnTo>
                    <a:lnTo>
                      <a:pt x="452" y="841"/>
                    </a:lnTo>
                    <a:lnTo>
                      <a:pt x="449" y="839"/>
                    </a:lnTo>
                    <a:lnTo>
                      <a:pt x="446" y="837"/>
                    </a:lnTo>
                    <a:lnTo>
                      <a:pt x="442" y="836"/>
                    </a:lnTo>
                    <a:lnTo>
                      <a:pt x="440" y="834"/>
                    </a:lnTo>
                    <a:lnTo>
                      <a:pt x="439" y="834"/>
                    </a:lnTo>
                    <a:lnTo>
                      <a:pt x="435" y="836"/>
                    </a:lnTo>
                    <a:lnTo>
                      <a:pt x="434" y="837"/>
                    </a:lnTo>
                    <a:lnTo>
                      <a:pt x="432" y="839"/>
                    </a:lnTo>
                    <a:lnTo>
                      <a:pt x="429" y="842"/>
                    </a:lnTo>
                    <a:lnTo>
                      <a:pt x="427" y="846"/>
                    </a:lnTo>
                    <a:lnTo>
                      <a:pt x="424" y="847"/>
                    </a:lnTo>
                    <a:lnTo>
                      <a:pt x="420" y="849"/>
                    </a:lnTo>
                    <a:lnTo>
                      <a:pt x="418" y="849"/>
                    </a:lnTo>
                    <a:lnTo>
                      <a:pt x="417" y="849"/>
                    </a:lnTo>
                    <a:lnTo>
                      <a:pt x="415" y="847"/>
                    </a:lnTo>
                    <a:lnTo>
                      <a:pt x="413" y="846"/>
                    </a:lnTo>
                    <a:lnTo>
                      <a:pt x="412" y="844"/>
                    </a:lnTo>
                    <a:lnTo>
                      <a:pt x="408" y="844"/>
                    </a:lnTo>
                    <a:lnTo>
                      <a:pt x="405" y="846"/>
                    </a:lnTo>
                    <a:lnTo>
                      <a:pt x="398" y="847"/>
                    </a:lnTo>
                    <a:lnTo>
                      <a:pt x="391" y="853"/>
                    </a:lnTo>
                    <a:lnTo>
                      <a:pt x="386" y="863"/>
                    </a:lnTo>
                    <a:lnTo>
                      <a:pt x="380" y="875"/>
                    </a:lnTo>
                    <a:lnTo>
                      <a:pt x="374" y="891"/>
                    </a:lnTo>
                    <a:lnTo>
                      <a:pt x="368" y="902"/>
                    </a:lnTo>
                    <a:lnTo>
                      <a:pt x="368" y="903"/>
                    </a:lnTo>
                    <a:lnTo>
                      <a:pt x="366" y="903"/>
                    </a:lnTo>
                    <a:lnTo>
                      <a:pt x="366" y="905"/>
                    </a:lnTo>
                    <a:lnTo>
                      <a:pt x="364" y="908"/>
                    </a:lnTo>
                    <a:lnTo>
                      <a:pt x="361" y="912"/>
                    </a:lnTo>
                    <a:lnTo>
                      <a:pt x="358" y="915"/>
                    </a:lnTo>
                    <a:lnTo>
                      <a:pt x="356" y="915"/>
                    </a:lnTo>
                    <a:lnTo>
                      <a:pt x="356" y="917"/>
                    </a:lnTo>
                    <a:lnTo>
                      <a:pt x="352" y="919"/>
                    </a:lnTo>
                    <a:lnTo>
                      <a:pt x="351" y="922"/>
                    </a:lnTo>
                    <a:lnTo>
                      <a:pt x="349" y="924"/>
                    </a:lnTo>
                    <a:lnTo>
                      <a:pt x="347" y="925"/>
                    </a:lnTo>
                    <a:lnTo>
                      <a:pt x="346" y="927"/>
                    </a:lnTo>
                    <a:lnTo>
                      <a:pt x="346" y="930"/>
                    </a:lnTo>
                    <a:lnTo>
                      <a:pt x="344" y="932"/>
                    </a:lnTo>
                    <a:lnTo>
                      <a:pt x="342" y="935"/>
                    </a:lnTo>
                    <a:lnTo>
                      <a:pt x="339" y="937"/>
                    </a:lnTo>
                    <a:lnTo>
                      <a:pt x="334" y="937"/>
                    </a:lnTo>
                    <a:lnTo>
                      <a:pt x="325" y="937"/>
                    </a:lnTo>
                    <a:lnTo>
                      <a:pt x="314" y="932"/>
                    </a:lnTo>
                    <a:lnTo>
                      <a:pt x="312" y="930"/>
                    </a:lnTo>
                    <a:lnTo>
                      <a:pt x="308" y="927"/>
                    </a:lnTo>
                    <a:lnTo>
                      <a:pt x="303" y="924"/>
                    </a:lnTo>
                    <a:lnTo>
                      <a:pt x="297" y="919"/>
                    </a:lnTo>
                    <a:lnTo>
                      <a:pt x="288" y="912"/>
                    </a:lnTo>
                    <a:lnTo>
                      <a:pt x="280" y="907"/>
                    </a:lnTo>
                    <a:lnTo>
                      <a:pt x="271" y="902"/>
                    </a:lnTo>
                    <a:lnTo>
                      <a:pt x="263" y="895"/>
                    </a:lnTo>
                    <a:lnTo>
                      <a:pt x="261" y="895"/>
                    </a:lnTo>
                    <a:lnTo>
                      <a:pt x="259" y="895"/>
                    </a:lnTo>
                    <a:lnTo>
                      <a:pt x="256" y="895"/>
                    </a:lnTo>
                    <a:lnTo>
                      <a:pt x="251" y="893"/>
                    </a:lnTo>
                    <a:lnTo>
                      <a:pt x="246" y="890"/>
                    </a:lnTo>
                    <a:lnTo>
                      <a:pt x="239" y="885"/>
                    </a:lnTo>
                    <a:lnTo>
                      <a:pt x="234" y="880"/>
                    </a:lnTo>
                    <a:lnTo>
                      <a:pt x="227" y="869"/>
                    </a:lnTo>
                    <a:lnTo>
                      <a:pt x="224" y="866"/>
                    </a:lnTo>
                    <a:lnTo>
                      <a:pt x="220" y="864"/>
                    </a:lnTo>
                    <a:lnTo>
                      <a:pt x="217" y="863"/>
                    </a:lnTo>
                    <a:lnTo>
                      <a:pt x="214" y="859"/>
                    </a:lnTo>
                    <a:lnTo>
                      <a:pt x="209" y="854"/>
                    </a:lnTo>
                    <a:lnTo>
                      <a:pt x="204" y="846"/>
                    </a:lnTo>
                    <a:lnTo>
                      <a:pt x="195" y="834"/>
                    </a:lnTo>
                    <a:lnTo>
                      <a:pt x="187" y="819"/>
                    </a:lnTo>
                    <a:lnTo>
                      <a:pt x="187" y="815"/>
                    </a:lnTo>
                    <a:lnTo>
                      <a:pt x="185" y="809"/>
                    </a:lnTo>
                    <a:lnTo>
                      <a:pt x="185" y="800"/>
                    </a:lnTo>
                    <a:lnTo>
                      <a:pt x="185" y="792"/>
                    </a:lnTo>
                    <a:lnTo>
                      <a:pt x="183" y="783"/>
                    </a:lnTo>
                    <a:lnTo>
                      <a:pt x="183" y="776"/>
                    </a:lnTo>
                    <a:lnTo>
                      <a:pt x="183" y="771"/>
                    </a:lnTo>
                    <a:lnTo>
                      <a:pt x="183" y="770"/>
                    </a:lnTo>
                    <a:lnTo>
                      <a:pt x="171" y="753"/>
                    </a:lnTo>
                    <a:lnTo>
                      <a:pt x="171" y="751"/>
                    </a:lnTo>
                    <a:lnTo>
                      <a:pt x="171" y="749"/>
                    </a:lnTo>
                    <a:lnTo>
                      <a:pt x="171" y="746"/>
                    </a:lnTo>
                    <a:lnTo>
                      <a:pt x="170" y="741"/>
                    </a:lnTo>
                    <a:lnTo>
                      <a:pt x="166" y="732"/>
                    </a:lnTo>
                    <a:lnTo>
                      <a:pt x="160" y="722"/>
                    </a:lnTo>
                    <a:lnTo>
                      <a:pt x="149" y="710"/>
                    </a:lnTo>
                    <a:lnTo>
                      <a:pt x="134" y="695"/>
                    </a:lnTo>
                    <a:lnTo>
                      <a:pt x="132" y="693"/>
                    </a:lnTo>
                    <a:lnTo>
                      <a:pt x="129" y="690"/>
                    </a:lnTo>
                    <a:lnTo>
                      <a:pt x="124" y="685"/>
                    </a:lnTo>
                    <a:lnTo>
                      <a:pt x="119" y="680"/>
                    </a:lnTo>
                    <a:lnTo>
                      <a:pt x="114" y="677"/>
                    </a:lnTo>
                    <a:lnTo>
                      <a:pt x="109" y="671"/>
                    </a:lnTo>
                    <a:lnTo>
                      <a:pt x="105" y="670"/>
                    </a:lnTo>
                    <a:lnTo>
                      <a:pt x="104" y="668"/>
                    </a:lnTo>
                    <a:lnTo>
                      <a:pt x="92" y="648"/>
                    </a:lnTo>
                    <a:lnTo>
                      <a:pt x="60" y="609"/>
                    </a:lnTo>
                    <a:lnTo>
                      <a:pt x="43" y="605"/>
                    </a:lnTo>
                    <a:lnTo>
                      <a:pt x="19" y="561"/>
                    </a:lnTo>
                    <a:lnTo>
                      <a:pt x="6" y="56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35" name="Freeform 124"/>
              <p:cNvSpPr>
                <a:spLocks/>
              </p:cNvSpPr>
              <p:nvPr/>
            </p:nvSpPr>
            <p:spPr bwMode="auto">
              <a:xfrm>
                <a:off x="2004" y="1844"/>
                <a:ext cx="789" cy="392"/>
              </a:xfrm>
              <a:custGeom>
                <a:avLst/>
                <a:gdLst>
                  <a:gd name="T0" fmla="*/ 533 w 811"/>
                  <a:gd name="T1" fmla="*/ 239 h 404"/>
                  <a:gd name="T2" fmla="*/ 531 w 811"/>
                  <a:gd name="T3" fmla="*/ 229 h 404"/>
                  <a:gd name="T4" fmla="*/ 528 w 811"/>
                  <a:gd name="T5" fmla="*/ 221 h 404"/>
                  <a:gd name="T6" fmla="*/ 526 w 811"/>
                  <a:gd name="T7" fmla="*/ 216 h 404"/>
                  <a:gd name="T8" fmla="*/ 520 w 811"/>
                  <a:gd name="T9" fmla="*/ 209 h 404"/>
                  <a:gd name="T10" fmla="*/ 518 w 811"/>
                  <a:gd name="T11" fmla="*/ 199 h 404"/>
                  <a:gd name="T12" fmla="*/ 520 w 811"/>
                  <a:gd name="T13" fmla="*/ 188 h 404"/>
                  <a:gd name="T14" fmla="*/ 520 w 811"/>
                  <a:gd name="T15" fmla="*/ 178 h 404"/>
                  <a:gd name="T16" fmla="*/ 521 w 811"/>
                  <a:gd name="T17" fmla="*/ 173 h 404"/>
                  <a:gd name="T18" fmla="*/ 516 w 811"/>
                  <a:gd name="T19" fmla="*/ 146 h 404"/>
                  <a:gd name="T20" fmla="*/ 508 w 811"/>
                  <a:gd name="T21" fmla="*/ 138 h 404"/>
                  <a:gd name="T22" fmla="*/ 505 w 811"/>
                  <a:gd name="T23" fmla="*/ 127 h 404"/>
                  <a:gd name="T24" fmla="*/ 506 w 811"/>
                  <a:gd name="T25" fmla="*/ 122 h 404"/>
                  <a:gd name="T26" fmla="*/ 504 w 811"/>
                  <a:gd name="T27" fmla="*/ 108 h 404"/>
                  <a:gd name="T28" fmla="*/ 501 w 811"/>
                  <a:gd name="T29" fmla="*/ 102 h 404"/>
                  <a:gd name="T30" fmla="*/ 493 w 811"/>
                  <a:gd name="T31" fmla="*/ 97 h 404"/>
                  <a:gd name="T32" fmla="*/ 490 w 811"/>
                  <a:gd name="T33" fmla="*/ 87 h 404"/>
                  <a:gd name="T34" fmla="*/ 489 w 811"/>
                  <a:gd name="T35" fmla="*/ 80 h 404"/>
                  <a:gd name="T36" fmla="*/ 486 w 811"/>
                  <a:gd name="T37" fmla="*/ 73 h 404"/>
                  <a:gd name="T38" fmla="*/ 484 w 811"/>
                  <a:gd name="T39" fmla="*/ 70 h 404"/>
                  <a:gd name="T40" fmla="*/ 478 w 811"/>
                  <a:gd name="T41" fmla="*/ 63 h 404"/>
                  <a:gd name="T42" fmla="*/ 474 w 811"/>
                  <a:gd name="T43" fmla="*/ 58 h 404"/>
                  <a:gd name="T44" fmla="*/ 469 w 811"/>
                  <a:gd name="T45" fmla="*/ 48 h 404"/>
                  <a:gd name="T46" fmla="*/ 459 w 811"/>
                  <a:gd name="T47" fmla="*/ 41 h 404"/>
                  <a:gd name="T48" fmla="*/ 450 w 811"/>
                  <a:gd name="T49" fmla="*/ 39 h 404"/>
                  <a:gd name="T50" fmla="*/ 441 w 811"/>
                  <a:gd name="T51" fmla="*/ 38 h 404"/>
                  <a:gd name="T52" fmla="*/ 398 w 811"/>
                  <a:gd name="T53" fmla="*/ 32 h 404"/>
                  <a:gd name="T54" fmla="*/ 391 w 811"/>
                  <a:gd name="T55" fmla="*/ 37 h 404"/>
                  <a:gd name="T56" fmla="*/ 384 w 811"/>
                  <a:gd name="T57" fmla="*/ 38 h 404"/>
                  <a:gd name="T58" fmla="*/ 378 w 811"/>
                  <a:gd name="T59" fmla="*/ 32 h 404"/>
                  <a:gd name="T60" fmla="*/ 364 w 811"/>
                  <a:gd name="T61" fmla="*/ 18 h 404"/>
                  <a:gd name="T62" fmla="*/ 355 w 811"/>
                  <a:gd name="T63" fmla="*/ 16 h 404"/>
                  <a:gd name="T64" fmla="*/ 348 w 811"/>
                  <a:gd name="T65" fmla="*/ 16 h 404"/>
                  <a:gd name="T66" fmla="*/ 328 w 811"/>
                  <a:gd name="T67" fmla="*/ 16 h 404"/>
                  <a:gd name="T68" fmla="*/ 295 w 811"/>
                  <a:gd name="T69" fmla="*/ 16 h 404"/>
                  <a:gd name="T70" fmla="*/ 258 w 811"/>
                  <a:gd name="T71" fmla="*/ 16 h 404"/>
                  <a:gd name="T72" fmla="*/ 214 w 811"/>
                  <a:gd name="T73" fmla="*/ 16 h 404"/>
                  <a:gd name="T74" fmla="*/ 167 w 811"/>
                  <a:gd name="T75" fmla="*/ 13 h 404"/>
                  <a:gd name="T76" fmla="*/ 123 w 811"/>
                  <a:gd name="T77" fmla="*/ 12 h 404"/>
                  <a:gd name="T78" fmla="*/ 84 w 811"/>
                  <a:gd name="T79" fmla="*/ 8 h 404"/>
                  <a:gd name="T80" fmla="*/ 50 w 811"/>
                  <a:gd name="T81" fmla="*/ 5 h 404"/>
                  <a:gd name="T82" fmla="*/ 23 w 811"/>
                  <a:gd name="T83" fmla="*/ 2 h 404"/>
                  <a:gd name="T84" fmla="*/ 2 w 811"/>
                  <a:gd name="T85" fmla="*/ 165 h 404"/>
                  <a:gd name="T86" fmla="*/ 126 w 811"/>
                  <a:gd name="T87" fmla="*/ 254 h 404"/>
                  <a:gd name="T88" fmla="*/ 153 w 811"/>
                  <a:gd name="T89" fmla="*/ 257 h 404"/>
                  <a:gd name="T90" fmla="*/ 189 w 811"/>
                  <a:gd name="T91" fmla="*/ 260 h 404"/>
                  <a:gd name="T92" fmla="*/ 234 w 811"/>
                  <a:gd name="T93" fmla="*/ 262 h 404"/>
                  <a:gd name="T94" fmla="*/ 289 w 811"/>
                  <a:gd name="T95" fmla="*/ 262 h 404"/>
                  <a:gd name="T96" fmla="*/ 343 w 811"/>
                  <a:gd name="T97" fmla="*/ 262 h 404"/>
                  <a:gd name="T98" fmla="*/ 400 w 811"/>
                  <a:gd name="T99" fmla="*/ 264 h 404"/>
                  <a:gd name="T100" fmla="*/ 449 w 811"/>
                  <a:gd name="T101" fmla="*/ 264 h 404"/>
                  <a:gd name="T102" fmla="*/ 492 w 811"/>
                  <a:gd name="T103" fmla="*/ 265 h 404"/>
                  <a:gd name="T104" fmla="*/ 528 w 811"/>
                  <a:gd name="T105" fmla="*/ 265 h 404"/>
                  <a:gd name="T106" fmla="*/ 547 w 811"/>
                  <a:gd name="T107" fmla="*/ 265 h 404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811"/>
                  <a:gd name="T163" fmla="*/ 0 h 404"/>
                  <a:gd name="T164" fmla="*/ 811 w 811"/>
                  <a:gd name="T165" fmla="*/ 404 h 404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811" h="404">
                    <a:moveTo>
                      <a:pt x="811" y="404"/>
                    </a:moveTo>
                    <a:lnTo>
                      <a:pt x="799" y="376"/>
                    </a:lnTo>
                    <a:lnTo>
                      <a:pt x="785" y="364"/>
                    </a:lnTo>
                    <a:lnTo>
                      <a:pt x="782" y="352"/>
                    </a:lnTo>
                    <a:lnTo>
                      <a:pt x="782" y="350"/>
                    </a:lnTo>
                    <a:lnTo>
                      <a:pt x="780" y="348"/>
                    </a:lnTo>
                    <a:lnTo>
                      <a:pt x="779" y="345"/>
                    </a:lnTo>
                    <a:lnTo>
                      <a:pt x="777" y="342"/>
                    </a:lnTo>
                    <a:lnTo>
                      <a:pt x="775" y="337"/>
                    </a:lnTo>
                    <a:lnTo>
                      <a:pt x="774" y="333"/>
                    </a:lnTo>
                    <a:lnTo>
                      <a:pt x="772" y="330"/>
                    </a:lnTo>
                    <a:lnTo>
                      <a:pt x="769" y="326"/>
                    </a:lnTo>
                    <a:lnTo>
                      <a:pt x="767" y="323"/>
                    </a:lnTo>
                    <a:lnTo>
                      <a:pt x="765" y="318"/>
                    </a:lnTo>
                    <a:lnTo>
                      <a:pt x="765" y="313"/>
                    </a:lnTo>
                    <a:lnTo>
                      <a:pt x="763" y="308"/>
                    </a:lnTo>
                    <a:lnTo>
                      <a:pt x="763" y="303"/>
                    </a:lnTo>
                    <a:lnTo>
                      <a:pt x="763" y="298"/>
                    </a:lnTo>
                    <a:lnTo>
                      <a:pt x="763" y="291"/>
                    </a:lnTo>
                    <a:lnTo>
                      <a:pt x="765" y="286"/>
                    </a:lnTo>
                    <a:lnTo>
                      <a:pt x="765" y="281"/>
                    </a:lnTo>
                    <a:lnTo>
                      <a:pt x="765" y="276"/>
                    </a:lnTo>
                    <a:lnTo>
                      <a:pt x="765" y="272"/>
                    </a:lnTo>
                    <a:lnTo>
                      <a:pt x="767" y="269"/>
                    </a:lnTo>
                    <a:lnTo>
                      <a:pt x="767" y="266"/>
                    </a:lnTo>
                    <a:lnTo>
                      <a:pt x="767" y="264"/>
                    </a:lnTo>
                    <a:lnTo>
                      <a:pt x="760" y="255"/>
                    </a:lnTo>
                    <a:lnTo>
                      <a:pt x="758" y="223"/>
                    </a:lnTo>
                    <a:lnTo>
                      <a:pt x="755" y="218"/>
                    </a:lnTo>
                    <a:lnTo>
                      <a:pt x="750" y="215"/>
                    </a:lnTo>
                    <a:lnTo>
                      <a:pt x="747" y="210"/>
                    </a:lnTo>
                    <a:lnTo>
                      <a:pt x="743" y="205"/>
                    </a:lnTo>
                    <a:lnTo>
                      <a:pt x="743" y="200"/>
                    </a:lnTo>
                    <a:lnTo>
                      <a:pt x="743" y="194"/>
                    </a:lnTo>
                    <a:lnTo>
                      <a:pt x="743" y="191"/>
                    </a:lnTo>
                    <a:lnTo>
                      <a:pt x="743" y="188"/>
                    </a:lnTo>
                    <a:lnTo>
                      <a:pt x="745" y="186"/>
                    </a:lnTo>
                    <a:lnTo>
                      <a:pt x="743" y="178"/>
                    </a:lnTo>
                    <a:lnTo>
                      <a:pt x="743" y="169"/>
                    </a:lnTo>
                    <a:lnTo>
                      <a:pt x="741" y="164"/>
                    </a:lnTo>
                    <a:lnTo>
                      <a:pt x="738" y="159"/>
                    </a:lnTo>
                    <a:lnTo>
                      <a:pt x="736" y="156"/>
                    </a:lnTo>
                    <a:lnTo>
                      <a:pt x="735" y="154"/>
                    </a:lnTo>
                    <a:lnTo>
                      <a:pt x="733" y="152"/>
                    </a:lnTo>
                    <a:lnTo>
                      <a:pt x="731" y="150"/>
                    </a:lnTo>
                    <a:lnTo>
                      <a:pt x="726" y="147"/>
                    </a:lnTo>
                    <a:lnTo>
                      <a:pt x="725" y="144"/>
                    </a:lnTo>
                    <a:lnTo>
                      <a:pt x="721" y="139"/>
                    </a:lnTo>
                    <a:lnTo>
                      <a:pt x="721" y="134"/>
                    </a:lnTo>
                    <a:lnTo>
                      <a:pt x="719" y="130"/>
                    </a:lnTo>
                    <a:lnTo>
                      <a:pt x="719" y="125"/>
                    </a:lnTo>
                    <a:lnTo>
                      <a:pt x="719" y="123"/>
                    </a:lnTo>
                    <a:lnTo>
                      <a:pt x="714" y="110"/>
                    </a:lnTo>
                    <a:lnTo>
                      <a:pt x="713" y="108"/>
                    </a:lnTo>
                    <a:lnTo>
                      <a:pt x="711" y="105"/>
                    </a:lnTo>
                    <a:lnTo>
                      <a:pt x="708" y="103"/>
                    </a:lnTo>
                    <a:lnTo>
                      <a:pt x="706" y="100"/>
                    </a:lnTo>
                    <a:lnTo>
                      <a:pt x="703" y="95"/>
                    </a:lnTo>
                    <a:lnTo>
                      <a:pt x="699" y="93"/>
                    </a:lnTo>
                    <a:lnTo>
                      <a:pt x="697" y="90"/>
                    </a:lnTo>
                    <a:lnTo>
                      <a:pt x="696" y="88"/>
                    </a:lnTo>
                    <a:lnTo>
                      <a:pt x="694" y="84"/>
                    </a:lnTo>
                    <a:lnTo>
                      <a:pt x="692" y="79"/>
                    </a:lnTo>
                    <a:lnTo>
                      <a:pt x="689" y="74"/>
                    </a:lnTo>
                    <a:lnTo>
                      <a:pt x="686" y="69"/>
                    </a:lnTo>
                    <a:lnTo>
                      <a:pt x="681" y="64"/>
                    </a:lnTo>
                    <a:lnTo>
                      <a:pt x="675" y="61"/>
                    </a:lnTo>
                    <a:lnTo>
                      <a:pt x="667" y="59"/>
                    </a:lnTo>
                    <a:lnTo>
                      <a:pt x="665" y="59"/>
                    </a:lnTo>
                    <a:lnTo>
                      <a:pt x="662" y="57"/>
                    </a:lnTo>
                    <a:lnTo>
                      <a:pt x="659" y="56"/>
                    </a:lnTo>
                    <a:lnTo>
                      <a:pt x="659" y="54"/>
                    </a:lnTo>
                    <a:lnTo>
                      <a:pt x="648" y="54"/>
                    </a:lnTo>
                    <a:lnTo>
                      <a:pt x="637" y="44"/>
                    </a:lnTo>
                    <a:lnTo>
                      <a:pt x="584" y="44"/>
                    </a:lnTo>
                    <a:lnTo>
                      <a:pt x="584" y="46"/>
                    </a:lnTo>
                    <a:lnTo>
                      <a:pt x="582" y="47"/>
                    </a:lnTo>
                    <a:lnTo>
                      <a:pt x="579" y="51"/>
                    </a:lnTo>
                    <a:lnTo>
                      <a:pt x="576" y="52"/>
                    </a:lnTo>
                    <a:lnTo>
                      <a:pt x="572" y="56"/>
                    </a:lnTo>
                    <a:lnTo>
                      <a:pt x="569" y="56"/>
                    </a:lnTo>
                    <a:lnTo>
                      <a:pt x="565" y="54"/>
                    </a:lnTo>
                    <a:lnTo>
                      <a:pt x="562" y="51"/>
                    </a:lnTo>
                    <a:lnTo>
                      <a:pt x="560" y="49"/>
                    </a:lnTo>
                    <a:lnTo>
                      <a:pt x="555" y="46"/>
                    </a:lnTo>
                    <a:lnTo>
                      <a:pt x="549" y="42"/>
                    </a:lnTo>
                    <a:lnTo>
                      <a:pt x="542" y="37"/>
                    </a:lnTo>
                    <a:lnTo>
                      <a:pt x="535" y="32"/>
                    </a:lnTo>
                    <a:lnTo>
                      <a:pt x="528" y="29"/>
                    </a:lnTo>
                    <a:lnTo>
                      <a:pt x="523" y="25"/>
                    </a:lnTo>
                    <a:lnTo>
                      <a:pt x="521" y="25"/>
                    </a:lnTo>
                    <a:lnTo>
                      <a:pt x="520" y="25"/>
                    </a:lnTo>
                    <a:lnTo>
                      <a:pt x="516" y="25"/>
                    </a:lnTo>
                    <a:lnTo>
                      <a:pt x="511" y="24"/>
                    </a:lnTo>
                    <a:lnTo>
                      <a:pt x="503" y="24"/>
                    </a:lnTo>
                    <a:lnTo>
                      <a:pt x="493" y="24"/>
                    </a:lnTo>
                    <a:lnTo>
                      <a:pt x="481" y="24"/>
                    </a:lnTo>
                    <a:lnTo>
                      <a:pt x="467" y="24"/>
                    </a:lnTo>
                    <a:lnTo>
                      <a:pt x="450" y="22"/>
                    </a:lnTo>
                    <a:lnTo>
                      <a:pt x="433" y="22"/>
                    </a:lnTo>
                    <a:lnTo>
                      <a:pt x="417" y="20"/>
                    </a:lnTo>
                    <a:lnTo>
                      <a:pt x="398" y="20"/>
                    </a:lnTo>
                    <a:lnTo>
                      <a:pt x="378" y="20"/>
                    </a:lnTo>
                    <a:lnTo>
                      <a:pt x="357" y="18"/>
                    </a:lnTo>
                    <a:lnTo>
                      <a:pt x="335" y="18"/>
                    </a:lnTo>
                    <a:lnTo>
                      <a:pt x="313" y="17"/>
                    </a:lnTo>
                    <a:lnTo>
                      <a:pt x="291" y="15"/>
                    </a:lnTo>
                    <a:lnTo>
                      <a:pt x="269" y="15"/>
                    </a:lnTo>
                    <a:lnTo>
                      <a:pt x="247" y="13"/>
                    </a:lnTo>
                    <a:lnTo>
                      <a:pt x="225" y="13"/>
                    </a:lnTo>
                    <a:lnTo>
                      <a:pt x="203" y="12"/>
                    </a:lnTo>
                    <a:lnTo>
                      <a:pt x="181" y="12"/>
                    </a:lnTo>
                    <a:lnTo>
                      <a:pt x="161" y="10"/>
                    </a:lnTo>
                    <a:lnTo>
                      <a:pt x="142" y="8"/>
                    </a:lnTo>
                    <a:lnTo>
                      <a:pt x="122" y="8"/>
                    </a:lnTo>
                    <a:lnTo>
                      <a:pt x="105" y="7"/>
                    </a:lnTo>
                    <a:lnTo>
                      <a:pt x="88" y="7"/>
                    </a:lnTo>
                    <a:lnTo>
                      <a:pt x="73" y="5"/>
                    </a:lnTo>
                    <a:lnTo>
                      <a:pt x="59" y="3"/>
                    </a:lnTo>
                    <a:lnTo>
                      <a:pt x="48" y="3"/>
                    </a:lnTo>
                    <a:lnTo>
                      <a:pt x="37" y="2"/>
                    </a:lnTo>
                    <a:lnTo>
                      <a:pt x="31" y="2"/>
                    </a:lnTo>
                    <a:lnTo>
                      <a:pt x="24" y="0"/>
                    </a:lnTo>
                    <a:lnTo>
                      <a:pt x="2" y="250"/>
                    </a:lnTo>
                    <a:lnTo>
                      <a:pt x="0" y="250"/>
                    </a:lnTo>
                    <a:lnTo>
                      <a:pt x="193" y="262"/>
                    </a:lnTo>
                    <a:lnTo>
                      <a:pt x="186" y="387"/>
                    </a:lnTo>
                    <a:lnTo>
                      <a:pt x="197" y="389"/>
                    </a:lnTo>
                    <a:lnTo>
                      <a:pt x="208" y="391"/>
                    </a:lnTo>
                    <a:lnTo>
                      <a:pt x="224" y="392"/>
                    </a:lnTo>
                    <a:lnTo>
                      <a:pt x="239" y="392"/>
                    </a:lnTo>
                    <a:lnTo>
                      <a:pt x="257" y="394"/>
                    </a:lnTo>
                    <a:lnTo>
                      <a:pt x="278" y="396"/>
                    </a:lnTo>
                    <a:lnTo>
                      <a:pt x="298" y="396"/>
                    </a:lnTo>
                    <a:lnTo>
                      <a:pt x="322" y="398"/>
                    </a:lnTo>
                    <a:lnTo>
                      <a:pt x="345" y="398"/>
                    </a:lnTo>
                    <a:lnTo>
                      <a:pt x="371" y="399"/>
                    </a:lnTo>
                    <a:lnTo>
                      <a:pt x="396" y="399"/>
                    </a:lnTo>
                    <a:lnTo>
                      <a:pt x="423" y="399"/>
                    </a:lnTo>
                    <a:lnTo>
                      <a:pt x="450" y="401"/>
                    </a:lnTo>
                    <a:lnTo>
                      <a:pt x="477" y="401"/>
                    </a:lnTo>
                    <a:lnTo>
                      <a:pt x="505" y="401"/>
                    </a:lnTo>
                    <a:lnTo>
                      <a:pt x="532" y="401"/>
                    </a:lnTo>
                    <a:lnTo>
                      <a:pt x="559" y="403"/>
                    </a:lnTo>
                    <a:lnTo>
                      <a:pt x="586" y="403"/>
                    </a:lnTo>
                    <a:lnTo>
                      <a:pt x="611" y="403"/>
                    </a:lnTo>
                    <a:lnTo>
                      <a:pt x="637" y="403"/>
                    </a:lnTo>
                    <a:lnTo>
                      <a:pt x="660" y="403"/>
                    </a:lnTo>
                    <a:lnTo>
                      <a:pt x="684" y="403"/>
                    </a:lnTo>
                    <a:lnTo>
                      <a:pt x="704" y="404"/>
                    </a:lnTo>
                    <a:lnTo>
                      <a:pt x="725" y="404"/>
                    </a:lnTo>
                    <a:lnTo>
                      <a:pt x="743" y="404"/>
                    </a:lnTo>
                    <a:lnTo>
                      <a:pt x="760" y="404"/>
                    </a:lnTo>
                    <a:lnTo>
                      <a:pt x="775" y="404"/>
                    </a:lnTo>
                    <a:lnTo>
                      <a:pt x="787" y="404"/>
                    </a:lnTo>
                    <a:lnTo>
                      <a:pt x="797" y="404"/>
                    </a:lnTo>
                    <a:lnTo>
                      <a:pt x="804" y="404"/>
                    </a:lnTo>
                    <a:lnTo>
                      <a:pt x="809" y="404"/>
                    </a:lnTo>
                    <a:lnTo>
                      <a:pt x="811" y="404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36" name="Freeform 125"/>
              <p:cNvSpPr>
                <a:spLocks/>
              </p:cNvSpPr>
              <p:nvPr/>
            </p:nvSpPr>
            <p:spPr bwMode="auto">
              <a:xfrm>
                <a:off x="1384" y="1534"/>
                <a:ext cx="665" cy="553"/>
              </a:xfrm>
              <a:custGeom>
                <a:avLst/>
                <a:gdLst>
                  <a:gd name="T0" fmla="*/ 119 w 684"/>
                  <a:gd name="T1" fmla="*/ 340 h 570"/>
                  <a:gd name="T2" fmla="*/ 108 w 684"/>
                  <a:gd name="T3" fmla="*/ 337 h 570"/>
                  <a:gd name="T4" fmla="*/ 89 w 684"/>
                  <a:gd name="T5" fmla="*/ 333 h 570"/>
                  <a:gd name="T6" fmla="*/ 69 w 684"/>
                  <a:gd name="T7" fmla="*/ 330 h 570"/>
                  <a:gd name="T8" fmla="*/ 47 w 684"/>
                  <a:gd name="T9" fmla="*/ 327 h 570"/>
                  <a:gd name="T10" fmla="*/ 25 w 684"/>
                  <a:gd name="T11" fmla="*/ 324 h 570"/>
                  <a:gd name="T12" fmla="*/ 16 w 684"/>
                  <a:gd name="T13" fmla="*/ 322 h 570"/>
                  <a:gd name="T14" fmla="*/ 2 w 684"/>
                  <a:gd name="T15" fmla="*/ 320 h 570"/>
                  <a:gd name="T16" fmla="*/ 17 w 684"/>
                  <a:gd name="T17" fmla="*/ 244 h 570"/>
                  <a:gd name="T18" fmla="*/ 50 w 684"/>
                  <a:gd name="T19" fmla="*/ 0 h 570"/>
                  <a:gd name="T20" fmla="*/ 83 w 684"/>
                  <a:gd name="T21" fmla="*/ 7 h 570"/>
                  <a:gd name="T22" fmla="*/ 116 w 684"/>
                  <a:gd name="T23" fmla="*/ 15 h 570"/>
                  <a:gd name="T24" fmla="*/ 149 w 684"/>
                  <a:gd name="T25" fmla="*/ 16 h 570"/>
                  <a:gd name="T26" fmla="*/ 182 w 684"/>
                  <a:gd name="T27" fmla="*/ 16 h 570"/>
                  <a:gd name="T28" fmla="*/ 218 w 684"/>
                  <a:gd name="T29" fmla="*/ 20 h 570"/>
                  <a:gd name="T30" fmla="*/ 252 w 684"/>
                  <a:gd name="T31" fmla="*/ 27 h 570"/>
                  <a:gd name="T32" fmla="*/ 285 w 684"/>
                  <a:gd name="T33" fmla="*/ 32 h 570"/>
                  <a:gd name="T34" fmla="*/ 316 w 684"/>
                  <a:gd name="T35" fmla="*/ 36 h 570"/>
                  <a:gd name="T36" fmla="*/ 347 w 684"/>
                  <a:gd name="T37" fmla="*/ 39 h 570"/>
                  <a:gd name="T38" fmla="*/ 374 w 684"/>
                  <a:gd name="T39" fmla="*/ 40 h 570"/>
                  <a:gd name="T40" fmla="*/ 399 w 684"/>
                  <a:gd name="T41" fmla="*/ 42 h 570"/>
                  <a:gd name="T42" fmla="*/ 421 w 684"/>
                  <a:gd name="T43" fmla="*/ 44 h 570"/>
                  <a:gd name="T44" fmla="*/ 437 w 684"/>
                  <a:gd name="T45" fmla="*/ 45 h 570"/>
                  <a:gd name="T46" fmla="*/ 449 w 684"/>
                  <a:gd name="T47" fmla="*/ 45 h 570"/>
                  <a:gd name="T48" fmla="*/ 459 w 684"/>
                  <a:gd name="T49" fmla="*/ 45 h 570"/>
                  <a:gd name="T50" fmla="*/ 461 w 684"/>
                  <a:gd name="T51" fmla="*/ 46 h 570"/>
                  <a:gd name="T52" fmla="*/ 446 w 684"/>
                  <a:gd name="T53" fmla="*/ 210 h 570"/>
                  <a:gd name="T54" fmla="*/ 432 w 684"/>
                  <a:gd name="T55" fmla="*/ 373 h 570"/>
                  <a:gd name="T56" fmla="*/ 425 w 684"/>
                  <a:gd name="T57" fmla="*/ 372 h 570"/>
                  <a:gd name="T58" fmla="*/ 412 w 684"/>
                  <a:gd name="T59" fmla="*/ 372 h 570"/>
                  <a:gd name="T60" fmla="*/ 395 w 684"/>
                  <a:gd name="T61" fmla="*/ 371 h 570"/>
                  <a:gd name="T62" fmla="*/ 374 w 684"/>
                  <a:gd name="T63" fmla="*/ 368 h 570"/>
                  <a:gd name="T64" fmla="*/ 350 w 684"/>
                  <a:gd name="T65" fmla="*/ 364 h 570"/>
                  <a:gd name="T66" fmla="*/ 324 w 684"/>
                  <a:gd name="T67" fmla="*/ 362 h 570"/>
                  <a:gd name="T68" fmla="*/ 296 w 684"/>
                  <a:gd name="T69" fmla="*/ 360 h 570"/>
                  <a:gd name="T70" fmla="*/ 266 w 684"/>
                  <a:gd name="T71" fmla="*/ 357 h 570"/>
                  <a:gd name="T72" fmla="*/ 240 w 684"/>
                  <a:gd name="T73" fmla="*/ 353 h 570"/>
                  <a:gd name="T74" fmla="*/ 213 w 684"/>
                  <a:gd name="T75" fmla="*/ 350 h 570"/>
                  <a:gd name="T76" fmla="*/ 187 w 684"/>
                  <a:gd name="T77" fmla="*/ 348 h 570"/>
                  <a:gd name="T78" fmla="*/ 166 w 684"/>
                  <a:gd name="T79" fmla="*/ 344 h 570"/>
                  <a:gd name="T80" fmla="*/ 146 w 684"/>
                  <a:gd name="T81" fmla="*/ 342 h 570"/>
                  <a:gd name="T82" fmla="*/ 134 w 684"/>
                  <a:gd name="T83" fmla="*/ 341 h 570"/>
                  <a:gd name="T84" fmla="*/ 122 w 684"/>
                  <a:gd name="T85" fmla="*/ 340 h 570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w 684"/>
                  <a:gd name="T130" fmla="*/ 0 h 570"/>
                  <a:gd name="T131" fmla="*/ 684 w 684"/>
                  <a:gd name="T132" fmla="*/ 570 h 570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T129" t="T130" r="T131" b="T132"/>
                <a:pathLst>
                  <a:path w="684" h="570">
                    <a:moveTo>
                      <a:pt x="180" y="518"/>
                    </a:moveTo>
                    <a:lnTo>
                      <a:pt x="176" y="518"/>
                    </a:lnTo>
                    <a:lnTo>
                      <a:pt x="169" y="516"/>
                    </a:lnTo>
                    <a:lnTo>
                      <a:pt x="159" y="514"/>
                    </a:lnTo>
                    <a:lnTo>
                      <a:pt x="147" y="513"/>
                    </a:lnTo>
                    <a:lnTo>
                      <a:pt x="134" y="509"/>
                    </a:lnTo>
                    <a:lnTo>
                      <a:pt x="119" y="508"/>
                    </a:lnTo>
                    <a:lnTo>
                      <a:pt x="102" y="504"/>
                    </a:lnTo>
                    <a:lnTo>
                      <a:pt x="87" y="503"/>
                    </a:lnTo>
                    <a:lnTo>
                      <a:pt x="70" y="499"/>
                    </a:lnTo>
                    <a:lnTo>
                      <a:pt x="54" y="498"/>
                    </a:lnTo>
                    <a:lnTo>
                      <a:pt x="39" y="496"/>
                    </a:lnTo>
                    <a:lnTo>
                      <a:pt x="27" y="492"/>
                    </a:lnTo>
                    <a:lnTo>
                      <a:pt x="16" y="491"/>
                    </a:lnTo>
                    <a:lnTo>
                      <a:pt x="9" y="489"/>
                    </a:lnTo>
                    <a:lnTo>
                      <a:pt x="2" y="489"/>
                    </a:lnTo>
                    <a:lnTo>
                      <a:pt x="0" y="489"/>
                    </a:lnTo>
                    <a:lnTo>
                      <a:pt x="17" y="372"/>
                    </a:lnTo>
                    <a:lnTo>
                      <a:pt x="63" y="61"/>
                    </a:lnTo>
                    <a:lnTo>
                      <a:pt x="76" y="0"/>
                    </a:lnTo>
                    <a:lnTo>
                      <a:pt x="98" y="3"/>
                    </a:lnTo>
                    <a:lnTo>
                      <a:pt x="122" y="7"/>
                    </a:lnTo>
                    <a:lnTo>
                      <a:pt x="146" y="12"/>
                    </a:lnTo>
                    <a:lnTo>
                      <a:pt x="171" y="15"/>
                    </a:lnTo>
                    <a:lnTo>
                      <a:pt x="195" y="19"/>
                    </a:lnTo>
                    <a:lnTo>
                      <a:pt x="220" y="22"/>
                    </a:lnTo>
                    <a:lnTo>
                      <a:pt x="246" y="25"/>
                    </a:lnTo>
                    <a:lnTo>
                      <a:pt x="271" y="29"/>
                    </a:lnTo>
                    <a:lnTo>
                      <a:pt x="296" y="32"/>
                    </a:lnTo>
                    <a:lnTo>
                      <a:pt x="323" y="34"/>
                    </a:lnTo>
                    <a:lnTo>
                      <a:pt x="349" y="37"/>
                    </a:lnTo>
                    <a:lnTo>
                      <a:pt x="373" y="41"/>
                    </a:lnTo>
                    <a:lnTo>
                      <a:pt x="398" y="44"/>
                    </a:lnTo>
                    <a:lnTo>
                      <a:pt x="422" y="46"/>
                    </a:lnTo>
                    <a:lnTo>
                      <a:pt x="445" y="49"/>
                    </a:lnTo>
                    <a:lnTo>
                      <a:pt x="469" y="51"/>
                    </a:lnTo>
                    <a:lnTo>
                      <a:pt x="493" y="52"/>
                    </a:lnTo>
                    <a:lnTo>
                      <a:pt x="515" y="56"/>
                    </a:lnTo>
                    <a:lnTo>
                      <a:pt x="535" y="58"/>
                    </a:lnTo>
                    <a:lnTo>
                      <a:pt x="555" y="59"/>
                    </a:lnTo>
                    <a:lnTo>
                      <a:pt x="574" y="61"/>
                    </a:lnTo>
                    <a:lnTo>
                      <a:pt x="591" y="63"/>
                    </a:lnTo>
                    <a:lnTo>
                      <a:pt x="608" y="64"/>
                    </a:lnTo>
                    <a:lnTo>
                      <a:pt x="623" y="66"/>
                    </a:lnTo>
                    <a:lnTo>
                      <a:pt x="637" y="66"/>
                    </a:lnTo>
                    <a:lnTo>
                      <a:pt x="648" y="68"/>
                    </a:lnTo>
                    <a:lnTo>
                      <a:pt x="659" y="68"/>
                    </a:lnTo>
                    <a:lnTo>
                      <a:pt x="667" y="69"/>
                    </a:lnTo>
                    <a:lnTo>
                      <a:pt x="675" y="69"/>
                    </a:lnTo>
                    <a:lnTo>
                      <a:pt x="681" y="69"/>
                    </a:lnTo>
                    <a:lnTo>
                      <a:pt x="684" y="71"/>
                    </a:lnTo>
                    <a:lnTo>
                      <a:pt x="662" y="320"/>
                    </a:lnTo>
                    <a:lnTo>
                      <a:pt x="640" y="570"/>
                    </a:lnTo>
                    <a:lnTo>
                      <a:pt x="635" y="570"/>
                    </a:lnTo>
                    <a:lnTo>
                      <a:pt x="630" y="569"/>
                    </a:lnTo>
                    <a:lnTo>
                      <a:pt x="621" y="569"/>
                    </a:lnTo>
                    <a:lnTo>
                      <a:pt x="611" y="567"/>
                    </a:lnTo>
                    <a:lnTo>
                      <a:pt x="599" y="565"/>
                    </a:lnTo>
                    <a:lnTo>
                      <a:pt x="586" y="565"/>
                    </a:lnTo>
                    <a:lnTo>
                      <a:pt x="571" y="564"/>
                    </a:lnTo>
                    <a:lnTo>
                      <a:pt x="555" y="562"/>
                    </a:lnTo>
                    <a:lnTo>
                      <a:pt x="538" y="558"/>
                    </a:lnTo>
                    <a:lnTo>
                      <a:pt x="520" y="557"/>
                    </a:lnTo>
                    <a:lnTo>
                      <a:pt x="501" y="555"/>
                    </a:lnTo>
                    <a:lnTo>
                      <a:pt x="481" y="553"/>
                    </a:lnTo>
                    <a:lnTo>
                      <a:pt x="461" y="552"/>
                    </a:lnTo>
                    <a:lnTo>
                      <a:pt x="439" y="548"/>
                    </a:lnTo>
                    <a:lnTo>
                      <a:pt x="418" y="547"/>
                    </a:lnTo>
                    <a:lnTo>
                      <a:pt x="396" y="545"/>
                    </a:lnTo>
                    <a:lnTo>
                      <a:pt x="376" y="542"/>
                    </a:lnTo>
                    <a:lnTo>
                      <a:pt x="356" y="540"/>
                    </a:lnTo>
                    <a:lnTo>
                      <a:pt x="335" y="536"/>
                    </a:lnTo>
                    <a:lnTo>
                      <a:pt x="315" y="535"/>
                    </a:lnTo>
                    <a:lnTo>
                      <a:pt x="296" y="533"/>
                    </a:lnTo>
                    <a:lnTo>
                      <a:pt x="278" y="531"/>
                    </a:lnTo>
                    <a:lnTo>
                      <a:pt x="261" y="528"/>
                    </a:lnTo>
                    <a:lnTo>
                      <a:pt x="246" y="526"/>
                    </a:lnTo>
                    <a:lnTo>
                      <a:pt x="230" y="525"/>
                    </a:lnTo>
                    <a:lnTo>
                      <a:pt x="217" y="523"/>
                    </a:lnTo>
                    <a:lnTo>
                      <a:pt x="207" y="523"/>
                    </a:lnTo>
                    <a:lnTo>
                      <a:pt x="197" y="521"/>
                    </a:lnTo>
                    <a:lnTo>
                      <a:pt x="188" y="520"/>
                    </a:lnTo>
                    <a:lnTo>
                      <a:pt x="183" y="520"/>
                    </a:lnTo>
                    <a:lnTo>
                      <a:pt x="180" y="51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237" name="Group 126"/>
              <p:cNvGrpSpPr>
                <a:grpSpLocks/>
              </p:cNvGrpSpPr>
              <p:nvPr/>
            </p:nvGrpSpPr>
            <p:grpSpPr bwMode="auto">
              <a:xfrm>
                <a:off x="3179" y="1296"/>
                <a:ext cx="723" cy="681"/>
                <a:chOff x="3132" y="1095"/>
                <a:chExt cx="724" cy="681"/>
              </a:xfrm>
            </p:grpSpPr>
            <p:sp>
              <p:nvSpPr>
                <p:cNvPr id="301" name="Freeform 127"/>
                <p:cNvSpPr>
                  <a:spLocks/>
                </p:cNvSpPr>
                <p:nvPr/>
              </p:nvSpPr>
              <p:spPr bwMode="auto">
                <a:xfrm>
                  <a:off x="3132" y="1095"/>
                  <a:ext cx="548" cy="284"/>
                </a:xfrm>
                <a:custGeom>
                  <a:avLst/>
                  <a:gdLst>
                    <a:gd name="T0" fmla="*/ 12 w 564"/>
                    <a:gd name="T1" fmla="*/ 83 h 293"/>
                    <a:gd name="T2" fmla="*/ 17 w 564"/>
                    <a:gd name="T3" fmla="*/ 98 h 293"/>
                    <a:gd name="T4" fmla="*/ 27 w 564"/>
                    <a:gd name="T5" fmla="*/ 104 h 293"/>
                    <a:gd name="T6" fmla="*/ 45 w 564"/>
                    <a:gd name="T7" fmla="*/ 104 h 293"/>
                    <a:gd name="T8" fmla="*/ 79 w 564"/>
                    <a:gd name="T9" fmla="*/ 112 h 293"/>
                    <a:gd name="T10" fmla="*/ 104 w 564"/>
                    <a:gd name="T11" fmla="*/ 122 h 293"/>
                    <a:gd name="T12" fmla="*/ 137 w 564"/>
                    <a:gd name="T13" fmla="*/ 125 h 293"/>
                    <a:gd name="T14" fmla="*/ 149 w 564"/>
                    <a:gd name="T15" fmla="*/ 137 h 293"/>
                    <a:gd name="T16" fmla="*/ 156 w 564"/>
                    <a:gd name="T17" fmla="*/ 160 h 293"/>
                    <a:gd name="T18" fmla="*/ 154 w 564"/>
                    <a:gd name="T19" fmla="*/ 172 h 293"/>
                    <a:gd name="T20" fmla="*/ 168 w 564"/>
                    <a:gd name="T21" fmla="*/ 184 h 293"/>
                    <a:gd name="T22" fmla="*/ 178 w 564"/>
                    <a:gd name="T23" fmla="*/ 181 h 293"/>
                    <a:gd name="T24" fmla="*/ 182 w 564"/>
                    <a:gd name="T25" fmla="*/ 172 h 293"/>
                    <a:gd name="T26" fmla="*/ 193 w 564"/>
                    <a:gd name="T27" fmla="*/ 151 h 293"/>
                    <a:gd name="T28" fmla="*/ 200 w 564"/>
                    <a:gd name="T29" fmla="*/ 139 h 293"/>
                    <a:gd name="T30" fmla="*/ 206 w 564"/>
                    <a:gd name="T31" fmla="*/ 122 h 293"/>
                    <a:gd name="T32" fmla="*/ 206 w 564"/>
                    <a:gd name="T33" fmla="*/ 132 h 293"/>
                    <a:gd name="T34" fmla="*/ 218 w 564"/>
                    <a:gd name="T35" fmla="*/ 125 h 293"/>
                    <a:gd name="T36" fmla="*/ 229 w 564"/>
                    <a:gd name="T37" fmla="*/ 127 h 293"/>
                    <a:gd name="T38" fmla="*/ 224 w 564"/>
                    <a:gd name="T39" fmla="*/ 139 h 293"/>
                    <a:gd name="T40" fmla="*/ 229 w 564"/>
                    <a:gd name="T41" fmla="*/ 137 h 293"/>
                    <a:gd name="T42" fmla="*/ 244 w 564"/>
                    <a:gd name="T43" fmla="*/ 125 h 293"/>
                    <a:gd name="T44" fmla="*/ 250 w 564"/>
                    <a:gd name="T45" fmla="*/ 111 h 293"/>
                    <a:gd name="T46" fmla="*/ 287 w 564"/>
                    <a:gd name="T47" fmla="*/ 98 h 293"/>
                    <a:gd name="T48" fmla="*/ 315 w 564"/>
                    <a:gd name="T49" fmla="*/ 101 h 293"/>
                    <a:gd name="T50" fmla="*/ 335 w 564"/>
                    <a:gd name="T51" fmla="*/ 114 h 293"/>
                    <a:gd name="T52" fmla="*/ 334 w 564"/>
                    <a:gd name="T53" fmla="*/ 101 h 293"/>
                    <a:gd name="T54" fmla="*/ 341 w 564"/>
                    <a:gd name="T55" fmla="*/ 97 h 293"/>
                    <a:gd name="T56" fmla="*/ 351 w 564"/>
                    <a:gd name="T57" fmla="*/ 98 h 293"/>
                    <a:gd name="T58" fmla="*/ 373 w 564"/>
                    <a:gd name="T59" fmla="*/ 94 h 293"/>
                    <a:gd name="T60" fmla="*/ 360 w 564"/>
                    <a:gd name="T61" fmla="*/ 79 h 293"/>
                    <a:gd name="T62" fmla="*/ 357 w 564"/>
                    <a:gd name="T63" fmla="*/ 65 h 293"/>
                    <a:gd name="T64" fmla="*/ 347 w 564"/>
                    <a:gd name="T65" fmla="*/ 63 h 293"/>
                    <a:gd name="T66" fmla="*/ 331 w 564"/>
                    <a:gd name="T67" fmla="*/ 64 h 293"/>
                    <a:gd name="T68" fmla="*/ 309 w 564"/>
                    <a:gd name="T69" fmla="*/ 46 h 293"/>
                    <a:gd name="T70" fmla="*/ 304 w 564"/>
                    <a:gd name="T71" fmla="*/ 42 h 293"/>
                    <a:gd name="T72" fmla="*/ 290 w 564"/>
                    <a:gd name="T73" fmla="*/ 46 h 293"/>
                    <a:gd name="T74" fmla="*/ 264 w 564"/>
                    <a:gd name="T75" fmla="*/ 53 h 293"/>
                    <a:gd name="T76" fmla="*/ 247 w 564"/>
                    <a:gd name="T77" fmla="*/ 54 h 293"/>
                    <a:gd name="T78" fmla="*/ 212 w 564"/>
                    <a:gd name="T79" fmla="*/ 76 h 293"/>
                    <a:gd name="T80" fmla="*/ 203 w 564"/>
                    <a:gd name="T81" fmla="*/ 72 h 293"/>
                    <a:gd name="T82" fmla="*/ 190 w 564"/>
                    <a:gd name="T83" fmla="*/ 75 h 293"/>
                    <a:gd name="T84" fmla="*/ 170 w 564"/>
                    <a:gd name="T85" fmla="*/ 65 h 293"/>
                    <a:gd name="T86" fmla="*/ 151 w 564"/>
                    <a:gd name="T87" fmla="*/ 45 h 293"/>
                    <a:gd name="T88" fmla="*/ 127 w 564"/>
                    <a:gd name="T89" fmla="*/ 52 h 293"/>
                    <a:gd name="T90" fmla="*/ 130 w 564"/>
                    <a:gd name="T91" fmla="*/ 44 h 293"/>
                    <a:gd name="T92" fmla="*/ 117 w 564"/>
                    <a:gd name="T93" fmla="*/ 52 h 293"/>
                    <a:gd name="T94" fmla="*/ 113 w 564"/>
                    <a:gd name="T95" fmla="*/ 42 h 293"/>
                    <a:gd name="T96" fmla="*/ 108 w 564"/>
                    <a:gd name="T97" fmla="*/ 40 h 293"/>
                    <a:gd name="T98" fmla="*/ 111 w 564"/>
                    <a:gd name="T99" fmla="*/ 35 h 293"/>
                    <a:gd name="T100" fmla="*/ 113 w 564"/>
                    <a:gd name="T101" fmla="*/ 35 h 293"/>
                    <a:gd name="T102" fmla="*/ 114 w 564"/>
                    <a:gd name="T103" fmla="*/ 39 h 293"/>
                    <a:gd name="T104" fmla="*/ 117 w 564"/>
                    <a:gd name="T105" fmla="*/ 37 h 293"/>
                    <a:gd name="T106" fmla="*/ 142 w 564"/>
                    <a:gd name="T107" fmla="*/ 8 h 293"/>
                    <a:gd name="T108" fmla="*/ 152 w 564"/>
                    <a:gd name="T109" fmla="*/ 3 h 293"/>
                    <a:gd name="T110" fmla="*/ 132 w 564"/>
                    <a:gd name="T111" fmla="*/ 2 h 293"/>
                    <a:gd name="T112" fmla="*/ 104 w 564"/>
                    <a:gd name="T113" fmla="*/ 20 h 293"/>
                    <a:gd name="T114" fmla="*/ 87 w 564"/>
                    <a:gd name="T115" fmla="*/ 38 h 293"/>
                    <a:gd name="T116" fmla="*/ 74 w 564"/>
                    <a:gd name="T117" fmla="*/ 46 h 293"/>
                    <a:gd name="T118" fmla="*/ 55 w 564"/>
                    <a:gd name="T119" fmla="*/ 59 h 293"/>
                    <a:gd name="T120" fmla="*/ 42 w 564"/>
                    <a:gd name="T121" fmla="*/ 61 h 293"/>
                    <a:gd name="T122" fmla="*/ 17 w 564"/>
                    <a:gd name="T123" fmla="*/ 76 h 293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w 564"/>
                    <a:gd name="T187" fmla="*/ 0 h 293"/>
                    <a:gd name="T188" fmla="*/ 564 w 564"/>
                    <a:gd name="T189" fmla="*/ 293 h 293"/>
                  </a:gdLst>
                  <a:ahLst/>
                  <a:cxnLst>
                    <a:cxn ang="T124">
                      <a:pos x="T0" y="T1"/>
                    </a:cxn>
                    <a:cxn ang="T125">
                      <a:pos x="T2" y="T3"/>
                    </a:cxn>
                    <a:cxn ang="T126">
                      <a:pos x="T4" y="T5"/>
                    </a:cxn>
                    <a:cxn ang="T127">
                      <a:pos x="T6" y="T7"/>
                    </a:cxn>
                    <a:cxn ang="T128">
                      <a:pos x="T8" y="T9"/>
                    </a:cxn>
                    <a:cxn ang="T129">
                      <a:pos x="T10" y="T11"/>
                    </a:cxn>
                    <a:cxn ang="T130">
                      <a:pos x="T12" y="T13"/>
                    </a:cxn>
                    <a:cxn ang="T131">
                      <a:pos x="T14" y="T15"/>
                    </a:cxn>
                    <a:cxn ang="T132">
                      <a:pos x="T16" y="T17"/>
                    </a:cxn>
                    <a:cxn ang="T133">
                      <a:pos x="T18" y="T19"/>
                    </a:cxn>
                    <a:cxn ang="T134">
                      <a:pos x="T20" y="T21"/>
                    </a:cxn>
                    <a:cxn ang="T135">
                      <a:pos x="T22" y="T23"/>
                    </a:cxn>
                    <a:cxn ang="T136">
                      <a:pos x="T24" y="T25"/>
                    </a:cxn>
                    <a:cxn ang="T137">
                      <a:pos x="T26" y="T27"/>
                    </a:cxn>
                    <a:cxn ang="T138">
                      <a:pos x="T28" y="T29"/>
                    </a:cxn>
                    <a:cxn ang="T139">
                      <a:pos x="T30" y="T31"/>
                    </a:cxn>
                    <a:cxn ang="T140">
                      <a:pos x="T32" y="T33"/>
                    </a:cxn>
                    <a:cxn ang="T141">
                      <a:pos x="T34" y="T35"/>
                    </a:cxn>
                    <a:cxn ang="T142">
                      <a:pos x="T36" y="T37"/>
                    </a:cxn>
                    <a:cxn ang="T143">
                      <a:pos x="T38" y="T39"/>
                    </a:cxn>
                    <a:cxn ang="T144">
                      <a:pos x="T40" y="T41"/>
                    </a:cxn>
                    <a:cxn ang="T145">
                      <a:pos x="T42" y="T43"/>
                    </a:cxn>
                    <a:cxn ang="T146">
                      <a:pos x="T44" y="T45"/>
                    </a:cxn>
                    <a:cxn ang="T147">
                      <a:pos x="T46" y="T47"/>
                    </a:cxn>
                    <a:cxn ang="T148">
                      <a:pos x="T48" y="T49"/>
                    </a:cxn>
                    <a:cxn ang="T149">
                      <a:pos x="T50" y="T51"/>
                    </a:cxn>
                    <a:cxn ang="T150">
                      <a:pos x="T52" y="T53"/>
                    </a:cxn>
                    <a:cxn ang="T151">
                      <a:pos x="T54" y="T55"/>
                    </a:cxn>
                    <a:cxn ang="T152">
                      <a:pos x="T56" y="T57"/>
                    </a:cxn>
                    <a:cxn ang="T153">
                      <a:pos x="T58" y="T59"/>
                    </a:cxn>
                    <a:cxn ang="T154">
                      <a:pos x="T60" y="T61"/>
                    </a:cxn>
                    <a:cxn ang="T155">
                      <a:pos x="T62" y="T63"/>
                    </a:cxn>
                    <a:cxn ang="T156">
                      <a:pos x="T64" y="T65"/>
                    </a:cxn>
                    <a:cxn ang="T157">
                      <a:pos x="T66" y="T67"/>
                    </a:cxn>
                    <a:cxn ang="T158">
                      <a:pos x="T68" y="T69"/>
                    </a:cxn>
                    <a:cxn ang="T159">
                      <a:pos x="T70" y="T71"/>
                    </a:cxn>
                    <a:cxn ang="T160">
                      <a:pos x="T72" y="T73"/>
                    </a:cxn>
                    <a:cxn ang="T161">
                      <a:pos x="T74" y="T75"/>
                    </a:cxn>
                    <a:cxn ang="T162">
                      <a:pos x="T76" y="T77"/>
                    </a:cxn>
                    <a:cxn ang="T163">
                      <a:pos x="T78" y="T79"/>
                    </a:cxn>
                    <a:cxn ang="T164">
                      <a:pos x="T80" y="T81"/>
                    </a:cxn>
                    <a:cxn ang="T165">
                      <a:pos x="T82" y="T83"/>
                    </a:cxn>
                    <a:cxn ang="T166">
                      <a:pos x="T84" y="T85"/>
                    </a:cxn>
                    <a:cxn ang="T167">
                      <a:pos x="T86" y="T87"/>
                    </a:cxn>
                    <a:cxn ang="T168">
                      <a:pos x="T88" y="T89"/>
                    </a:cxn>
                    <a:cxn ang="T169">
                      <a:pos x="T90" y="T91"/>
                    </a:cxn>
                    <a:cxn ang="T170">
                      <a:pos x="T92" y="T93"/>
                    </a:cxn>
                    <a:cxn ang="T171">
                      <a:pos x="T94" y="T95"/>
                    </a:cxn>
                    <a:cxn ang="T172">
                      <a:pos x="T96" y="T97"/>
                    </a:cxn>
                    <a:cxn ang="T173">
                      <a:pos x="T98" y="T99"/>
                    </a:cxn>
                    <a:cxn ang="T174">
                      <a:pos x="T100" y="T101"/>
                    </a:cxn>
                    <a:cxn ang="T175">
                      <a:pos x="T102" y="T103"/>
                    </a:cxn>
                    <a:cxn ang="T176">
                      <a:pos x="T104" y="T105"/>
                    </a:cxn>
                    <a:cxn ang="T177">
                      <a:pos x="T106" y="T107"/>
                    </a:cxn>
                    <a:cxn ang="T178">
                      <a:pos x="T108" y="T109"/>
                    </a:cxn>
                    <a:cxn ang="T179">
                      <a:pos x="T110" y="T111"/>
                    </a:cxn>
                    <a:cxn ang="T180">
                      <a:pos x="T112" y="T113"/>
                    </a:cxn>
                    <a:cxn ang="T181">
                      <a:pos x="T114" y="T115"/>
                    </a:cxn>
                    <a:cxn ang="T182">
                      <a:pos x="T116" y="T117"/>
                    </a:cxn>
                    <a:cxn ang="T183">
                      <a:pos x="T118" y="T119"/>
                    </a:cxn>
                    <a:cxn ang="T184">
                      <a:pos x="T120" y="T121"/>
                    </a:cxn>
                    <a:cxn ang="T185">
                      <a:pos x="T122" y="T123"/>
                    </a:cxn>
                  </a:cxnLst>
                  <a:rect l="T186" t="T187" r="T188" b="T189"/>
                  <a:pathLst>
                    <a:path w="564" h="293">
                      <a:moveTo>
                        <a:pt x="0" y="129"/>
                      </a:moveTo>
                      <a:lnTo>
                        <a:pt x="2" y="129"/>
                      </a:lnTo>
                      <a:lnTo>
                        <a:pt x="4" y="129"/>
                      </a:lnTo>
                      <a:lnTo>
                        <a:pt x="6" y="129"/>
                      </a:lnTo>
                      <a:lnTo>
                        <a:pt x="9" y="129"/>
                      </a:lnTo>
                      <a:lnTo>
                        <a:pt x="12" y="129"/>
                      </a:lnTo>
                      <a:lnTo>
                        <a:pt x="17" y="130"/>
                      </a:lnTo>
                      <a:lnTo>
                        <a:pt x="21" y="135"/>
                      </a:lnTo>
                      <a:lnTo>
                        <a:pt x="26" y="140"/>
                      </a:lnTo>
                      <a:lnTo>
                        <a:pt x="29" y="149"/>
                      </a:lnTo>
                      <a:lnTo>
                        <a:pt x="31" y="151"/>
                      </a:lnTo>
                      <a:lnTo>
                        <a:pt x="31" y="152"/>
                      </a:lnTo>
                      <a:lnTo>
                        <a:pt x="34" y="154"/>
                      </a:lnTo>
                      <a:lnTo>
                        <a:pt x="36" y="156"/>
                      </a:lnTo>
                      <a:lnTo>
                        <a:pt x="38" y="157"/>
                      </a:lnTo>
                      <a:lnTo>
                        <a:pt x="39" y="159"/>
                      </a:lnTo>
                      <a:lnTo>
                        <a:pt x="41" y="159"/>
                      </a:lnTo>
                      <a:lnTo>
                        <a:pt x="41" y="161"/>
                      </a:lnTo>
                      <a:lnTo>
                        <a:pt x="44" y="161"/>
                      </a:lnTo>
                      <a:lnTo>
                        <a:pt x="48" y="161"/>
                      </a:lnTo>
                      <a:lnTo>
                        <a:pt x="53" y="161"/>
                      </a:lnTo>
                      <a:lnTo>
                        <a:pt x="60" y="162"/>
                      </a:lnTo>
                      <a:lnTo>
                        <a:pt x="66" y="162"/>
                      </a:lnTo>
                      <a:lnTo>
                        <a:pt x="75" y="164"/>
                      </a:lnTo>
                      <a:lnTo>
                        <a:pt x="83" y="166"/>
                      </a:lnTo>
                      <a:lnTo>
                        <a:pt x="92" y="168"/>
                      </a:lnTo>
                      <a:lnTo>
                        <a:pt x="100" y="169"/>
                      </a:lnTo>
                      <a:lnTo>
                        <a:pt x="109" y="171"/>
                      </a:lnTo>
                      <a:lnTo>
                        <a:pt x="117" y="174"/>
                      </a:lnTo>
                      <a:lnTo>
                        <a:pt x="126" y="176"/>
                      </a:lnTo>
                      <a:lnTo>
                        <a:pt x="132" y="179"/>
                      </a:lnTo>
                      <a:lnTo>
                        <a:pt x="139" y="183"/>
                      </a:lnTo>
                      <a:lnTo>
                        <a:pt x="146" y="186"/>
                      </a:lnTo>
                      <a:lnTo>
                        <a:pt x="148" y="186"/>
                      </a:lnTo>
                      <a:lnTo>
                        <a:pt x="154" y="188"/>
                      </a:lnTo>
                      <a:lnTo>
                        <a:pt x="165" y="190"/>
                      </a:lnTo>
                      <a:lnTo>
                        <a:pt x="175" y="190"/>
                      </a:lnTo>
                      <a:lnTo>
                        <a:pt x="185" y="191"/>
                      </a:lnTo>
                      <a:lnTo>
                        <a:pt x="193" y="193"/>
                      </a:lnTo>
                      <a:lnTo>
                        <a:pt x="200" y="193"/>
                      </a:lnTo>
                      <a:lnTo>
                        <a:pt x="204" y="193"/>
                      </a:lnTo>
                      <a:lnTo>
                        <a:pt x="207" y="198"/>
                      </a:lnTo>
                      <a:lnTo>
                        <a:pt x="210" y="210"/>
                      </a:lnTo>
                      <a:lnTo>
                        <a:pt x="212" y="210"/>
                      </a:lnTo>
                      <a:lnTo>
                        <a:pt x="214" y="210"/>
                      </a:lnTo>
                      <a:lnTo>
                        <a:pt x="219" y="210"/>
                      </a:lnTo>
                      <a:lnTo>
                        <a:pt x="222" y="212"/>
                      </a:lnTo>
                      <a:lnTo>
                        <a:pt x="227" y="215"/>
                      </a:lnTo>
                      <a:lnTo>
                        <a:pt x="231" y="222"/>
                      </a:lnTo>
                      <a:lnTo>
                        <a:pt x="234" y="230"/>
                      </a:lnTo>
                      <a:lnTo>
                        <a:pt x="236" y="242"/>
                      </a:lnTo>
                      <a:lnTo>
                        <a:pt x="236" y="244"/>
                      </a:lnTo>
                      <a:lnTo>
                        <a:pt x="234" y="247"/>
                      </a:lnTo>
                      <a:lnTo>
                        <a:pt x="234" y="250"/>
                      </a:lnTo>
                      <a:lnTo>
                        <a:pt x="234" y="256"/>
                      </a:lnTo>
                      <a:lnTo>
                        <a:pt x="232" y="259"/>
                      </a:lnTo>
                      <a:lnTo>
                        <a:pt x="232" y="262"/>
                      </a:lnTo>
                      <a:lnTo>
                        <a:pt x="231" y="266"/>
                      </a:lnTo>
                      <a:lnTo>
                        <a:pt x="253" y="266"/>
                      </a:lnTo>
                      <a:lnTo>
                        <a:pt x="253" y="267"/>
                      </a:lnTo>
                      <a:lnTo>
                        <a:pt x="251" y="269"/>
                      </a:lnTo>
                      <a:lnTo>
                        <a:pt x="251" y="274"/>
                      </a:lnTo>
                      <a:lnTo>
                        <a:pt x="251" y="279"/>
                      </a:lnTo>
                      <a:lnTo>
                        <a:pt x="251" y="284"/>
                      </a:lnTo>
                      <a:lnTo>
                        <a:pt x="253" y="288"/>
                      </a:lnTo>
                      <a:lnTo>
                        <a:pt x="256" y="291"/>
                      </a:lnTo>
                      <a:lnTo>
                        <a:pt x="261" y="293"/>
                      </a:lnTo>
                      <a:lnTo>
                        <a:pt x="266" y="279"/>
                      </a:lnTo>
                      <a:lnTo>
                        <a:pt x="266" y="281"/>
                      </a:lnTo>
                      <a:lnTo>
                        <a:pt x="266" y="279"/>
                      </a:lnTo>
                      <a:lnTo>
                        <a:pt x="266" y="278"/>
                      </a:lnTo>
                      <a:lnTo>
                        <a:pt x="268" y="274"/>
                      </a:lnTo>
                      <a:lnTo>
                        <a:pt x="270" y="271"/>
                      </a:lnTo>
                      <a:lnTo>
                        <a:pt x="271" y="266"/>
                      </a:lnTo>
                      <a:lnTo>
                        <a:pt x="275" y="261"/>
                      </a:lnTo>
                      <a:lnTo>
                        <a:pt x="276" y="256"/>
                      </a:lnTo>
                      <a:lnTo>
                        <a:pt x="280" y="250"/>
                      </a:lnTo>
                      <a:lnTo>
                        <a:pt x="283" y="245"/>
                      </a:lnTo>
                      <a:lnTo>
                        <a:pt x="286" y="239"/>
                      </a:lnTo>
                      <a:lnTo>
                        <a:pt x="288" y="234"/>
                      </a:lnTo>
                      <a:lnTo>
                        <a:pt x="292" y="228"/>
                      </a:lnTo>
                      <a:lnTo>
                        <a:pt x="293" y="225"/>
                      </a:lnTo>
                      <a:lnTo>
                        <a:pt x="297" y="220"/>
                      </a:lnTo>
                      <a:lnTo>
                        <a:pt x="298" y="218"/>
                      </a:lnTo>
                      <a:lnTo>
                        <a:pt x="298" y="217"/>
                      </a:lnTo>
                      <a:lnTo>
                        <a:pt x="300" y="215"/>
                      </a:lnTo>
                      <a:lnTo>
                        <a:pt x="300" y="206"/>
                      </a:lnTo>
                      <a:lnTo>
                        <a:pt x="302" y="198"/>
                      </a:lnTo>
                      <a:lnTo>
                        <a:pt x="303" y="193"/>
                      </a:lnTo>
                      <a:lnTo>
                        <a:pt x="305" y="191"/>
                      </a:lnTo>
                      <a:lnTo>
                        <a:pt x="307" y="188"/>
                      </a:lnTo>
                      <a:lnTo>
                        <a:pt x="308" y="188"/>
                      </a:lnTo>
                      <a:lnTo>
                        <a:pt x="310" y="188"/>
                      </a:lnTo>
                      <a:lnTo>
                        <a:pt x="308" y="191"/>
                      </a:lnTo>
                      <a:lnTo>
                        <a:pt x="308" y="195"/>
                      </a:lnTo>
                      <a:lnTo>
                        <a:pt x="308" y="198"/>
                      </a:lnTo>
                      <a:lnTo>
                        <a:pt x="308" y="203"/>
                      </a:lnTo>
                      <a:lnTo>
                        <a:pt x="308" y="206"/>
                      </a:lnTo>
                      <a:lnTo>
                        <a:pt x="308" y="210"/>
                      </a:lnTo>
                      <a:lnTo>
                        <a:pt x="310" y="213"/>
                      </a:lnTo>
                      <a:lnTo>
                        <a:pt x="327" y="201"/>
                      </a:lnTo>
                      <a:lnTo>
                        <a:pt x="327" y="193"/>
                      </a:lnTo>
                      <a:lnTo>
                        <a:pt x="336" y="191"/>
                      </a:lnTo>
                      <a:lnTo>
                        <a:pt x="341" y="186"/>
                      </a:lnTo>
                      <a:lnTo>
                        <a:pt x="346" y="191"/>
                      </a:lnTo>
                      <a:lnTo>
                        <a:pt x="344" y="191"/>
                      </a:lnTo>
                      <a:lnTo>
                        <a:pt x="344" y="193"/>
                      </a:lnTo>
                      <a:lnTo>
                        <a:pt x="342" y="196"/>
                      </a:lnTo>
                      <a:lnTo>
                        <a:pt x="341" y="198"/>
                      </a:lnTo>
                      <a:lnTo>
                        <a:pt x="339" y="201"/>
                      </a:lnTo>
                      <a:lnTo>
                        <a:pt x="336" y="205"/>
                      </a:lnTo>
                      <a:lnTo>
                        <a:pt x="336" y="208"/>
                      </a:lnTo>
                      <a:lnTo>
                        <a:pt x="336" y="210"/>
                      </a:lnTo>
                      <a:lnTo>
                        <a:pt x="336" y="215"/>
                      </a:lnTo>
                      <a:lnTo>
                        <a:pt x="336" y="218"/>
                      </a:lnTo>
                      <a:lnTo>
                        <a:pt x="337" y="218"/>
                      </a:lnTo>
                      <a:lnTo>
                        <a:pt x="339" y="217"/>
                      </a:lnTo>
                      <a:lnTo>
                        <a:pt x="341" y="215"/>
                      </a:lnTo>
                      <a:lnTo>
                        <a:pt x="342" y="213"/>
                      </a:lnTo>
                      <a:lnTo>
                        <a:pt x="342" y="212"/>
                      </a:lnTo>
                      <a:lnTo>
                        <a:pt x="344" y="210"/>
                      </a:lnTo>
                      <a:lnTo>
                        <a:pt x="354" y="198"/>
                      </a:lnTo>
                      <a:lnTo>
                        <a:pt x="356" y="198"/>
                      </a:lnTo>
                      <a:lnTo>
                        <a:pt x="359" y="196"/>
                      </a:lnTo>
                      <a:lnTo>
                        <a:pt x="363" y="193"/>
                      </a:lnTo>
                      <a:lnTo>
                        <a:pt x="364" y="193"/>
                      </a:lnTo>
                      <a:lnTo>
                        <a:pt x="363" y="188"/>
                      </a:lnTo>
                      <a:lnTo>
                        <a:pt x="363" y="183"/>
                      </a:lnTo>
                      <a:lnTo>
                        <a:pt x="364" y="179"/>
                      </a:lnTo>
                      <a:lnTo>
                        <a:pt x="366" y="176"/>
                      </a:lnTo>
                      <a:lnTo>
                        <a:pt x="369" y="174"/>
                      </a:lnTo>
                      <a:lnTo>
                        <a:pt x="373" y="173"/>
                      </a:lnTo>
                      <a:lnTo>
                        <a:pt x="374" y="173"/>
                      </a:lnTo>
                      <a:lnTo>
                        <a:pt x="376" y="171"/>
                      </a:lnTo>
                      <a:lnTo>
                        <a:pt x="400" y="173"/>
                      </a:lnTo>
                      <a:lnTo>
                        <a:pt x="400" y="168"/>
                      </a:lnTo>
                      <a:lnTo>
                        <a:pt x="417" y="168"/>
                      </a:lnTo>
                      <a:lnTo>
                        <a:pt x="429" y="151"/>
                      </a:lnTo>
                      <a:lnTo>
                        <a:pt x="468" y="154"/>
                      </a:lnTo>
                      <a:lnTo>
                        <a:pt x="471" y="157"/>
                      </a:lnTo>
                      <a:lnTo>
                        <a:pt x="474" y="159"/>
                      </a:lnTo>
                      <a:lnTo>
                        <a:pt x="479" y="162"/>
                      </a:lnTo>
                      <a:lnTo>
                        <a:pt x="486" y="168"/>
                      </a:lnTo>
                      <a:lnTo>
                        <a:pt x="493" y="171"/>
                      </a:lnTo>
                      <a:lnTo>
                        <a:pt x="498" y="174"/>
                      </a:lnTo>
                      <a:lnTo>
                        <a:pt x="501" y="176"/>
                      </a:lnTo>
                      <a:lnTo>
                        <a:pt x="503" y="174"/>
                      </a:lnTo>
                      <a:lnTo>
                        <a:pt x="503" y="173"/>
                      </a:lnTo>
                      <a:lnTo>
                        <a:pt x="501" y="171"/>
                      </a:lnTo>
                      <a:lnTo>
                        <a:pt x="501" y="166"/>
                      </a:lnTo>
                      <a:lnTo>
                        <a:pt x="500" y="162"/>
                      </a:lnTo>
                      <a:lnTo>
                        <a:pt x="500" y="157"/>
                      </a:lnTo>
                      <a:lnTo>
                        <a:pt x="501" y="154"/>
                      </a:lnTo>
                      <a:lnTo>
                        <a:pt x="501" y="152"/>
                      </a:lnTo>
                      <a:lnTo>
                        <a:pt x="505" y="151"/>
                      </a:lnTo>
                      <a:lnTo>
                        <a:pt x="506" y="149"/>
                      </a:lnTo>
                      <a:lnTo>
                        <a:pt x="508" y="149"/>
                      </a:lnTo>
                      <a:lnTo>
                        <a:pt x="510" y="149"/>
                      </a:lnTo>
                      <a:lnTo>
                        <a:pt x="510" y="152"/>
                      </a:lnTo>
                      <a:lnTo>
                        <a:pt x="513" y="154"/>
                      </a:lnTo>
                      <a:lnTo>
                        <a:pt x="517" y="154"/>
                      </a:lnTo>
                      <a:lnTo>
                        <a:pt x="520" y="154"/>
                      </a:lnTo>
                      <a:lnTo>
                        <a:pt x="525" y="152"/>
                      </a:lnTo>
                      <a:lnTo>
                        <a:pt x="528" y="151"/>
                      </a:lnTo>
                      <a:lnTo>
                        <a:pt x="532" y="151"/>
                      </a:lnTo>
                      <a:lnTo>
                        <a:pt x="532" y="149"/>
                      </a:lnTo>
                      <a:lnTo>
                        <a:pt x="562" y="149"/>
                      </a:lnTo>
                      <a:lnTo>
                        <a:pt x="564" y="144"/>
                      </a:lnTo>
                      <a:lnTo>
                        <a:pt x="559" y="144"/>
                      </a:lnTo>
                      <a:lnTo>
                        <a:pt x="550" y="129"/>
                      </a:lnTo>
                      <a:lnTo>
                        <a:pt x="537" y="129"/>
                      </a:lnTo>
                      <a:lnTo>
                        <a:pt x="537" y="127"/>
                      </a:lnTo>
                      <a:lnTo>
                        <a:pt x="537" y="125"/>
                      </a:lnTo>
                      <a:lnTo>
                        <a:pt x="537" y="124"/>
                      </a:lnTo>
                      <a:lnTo>
                        <a:pt x="535" y="120"/>
                      </a:lnTo>
                      <a:lnTo>
                        <a:pt x="535" y="118"/>
                      </a:lnTo>
                      <a:lnTo>
                        <a:pt x="535" y="117"/>
                      </a:lnTo>
                      <a:lnTo>
                        <a:pt x="535" y="115"/>
                      </a:lnTo>
                      <a:lnTo>
                        <a:pt x="535" y="105"/>
                      </a:lnTo>
                      <a:lnTo>
                        <a:pt x="534" y="100"/>
                      </a:lnTo>
                      <a:lnTo>
                        <a:pt x="530" y="96"/>
                      </a:lnTo>
                      <a:lnTo>
                        <a:pt x="527" y="95"/>
                      </a:lnTo>
                      <a:lnTo>
                        <a:pt x="523" y="95"/>
                      </a:lnTo>
                      <a:lnTo>
                        <a:pt x="520" y="95"/>
                      </a:lnTo>
                      <a:lnTo>
                        <a:pt x="518" y="96"/>
                      </a:lnTo>
                      <a:lnTo>
                        <a:pt x="513" y="102"/>
                      </a:lnTo>
                      <a:lnTo>
                        <a:pt x="508" y="102"/>
                      </a:lnTo>
                      <a:lnTo>
                        <a:pt x="505" y="102"/>
                      </a:lnTo>
                      <a:lnTo>
                        <a:pt x="501" y="102"/>
                      </a:lnTo>
                      <a:lnTo>
                        <a:pt x="500" y="100"/>
                      </a:lnTo>
                      <a:lnTo>
                        <a:pt x="496" y="98"/>
                      </a:lnTo>
                      <a:lnTo>
                        <a:pt x="496" y="96"/>
                      </a:lnTo>
                      <a:lnTo>
                        <a:pt x="496" y="95"/>
                      </a:lnTo>
                      <a:lnTo>
                        <a:pt x="490" y="102"/>
                      </a:lnTo>
                      <a:lnTo>
                        <a:pt x="468" y="100"/>
                      </a:lnTo>
                      <a:lnTo>
                        <a:pt x="466" y="95"/>
                      </a:lnTo>
                      <a:lnTo>
                        <a:pt x="462" y="73"/>
                      </a:lnTo>
                      <a:lnTo>
                        <a:pt x="466" y="68"/>
                      </a:lnTo>
                      <a:lnTo>
                        <a:pt x="464" y="61"/>
                      </a:lnTo>
                      <a:lnTo>
                        <a:pt x="462" y="63"/>
                      </a:lnTo>
                      <a:lnTo>
                        <a:pt x="459" y="63"/>
                      </a:lnTo>
                      <a:lnTo>
                        <a:pt x="456" y="64"/>
                      </a:lnTo>
                      <a:lnTo>
                        <a:pt x="452" y="66"/>
                      </a:lnTo>
                      <a:lnTo>
                        <a:pt x="449" y="66"/>
                      </a:lnTo>
                      <a:lnTo>
                        <a:pt x="447" y="68"/>
                      </a:lnTo>
                      <a:lnTo>
                        <a:pt x="440" y="71"/>
                      </a:lnTo>
                      <a:lnTo>
                        <a:pt x="434" y="73"/>
                      </a:lnTo>
                      <a:lnTo>
                        <a:pt x="427" y="74"/>
                      </a:lnTo>
                      <a:lnTo>
                        <a:pt x="420" y="78"/>
                      </a:lnTo>
                      <a:lnTo>
                        <a:pt x="413" y="78"/>
                      </a:lnTo>
                      <a:lnTo>
                        <a:pt x="407" y="80"/>
                      </a:lnTo>
                      <a:lnTo>
                        <a:pt x="402" y="81"/>
                      </a:lnTo>
                      <a:lnTo>
                        <a:pt x="395" y="81"/>
                      </a:lnTo>
                      <a:lnTo>
                        <a:pt x="390" y="83"/>
                      </a:lnTo>
                      <a:lnTo>
                        <a:pt x="383" y="83"/>
                      </a:lnTo>
                      <a:lnTo>
                        <a:pt x="380" y="83"/>
                      </a:lnTo>
                      <a:lnTo>
                        <a:pt x="374" y="83"/>
                      </a:lnTo>
                      <a:lnTo>
                        <a:pt x="371" y="83"/>
                      </a:lnTo>
                      <a:lnTo>
                        <a:pt x="369" y="83"/>
                      </a:lnTo>
                      <a:lnTo>
                        <a:pt x="368" y="83"/>
                      </a:lnTo>
                      <a:lnTo>
                        <a:pt x="330" y="118"/>
                      </a:lnTo>
                      <a:lnTo>
                        <a:pt x="324" y="117"/>
                      </a:lnTo>
                      <a:lnTo>
                        <a:pt x="317" y="117"/>
                      </a:lnTo>
                      <a:lnTo>
                        <a:pt x="315" y="117"/>
                      </a:lnTo>
                      <a:lnTo>
                        <a:pt x="312" y="117"/>
                      </a:lnTo>
                      <a:lnTo>
                        <a:pt x="308" y="117"/>
                      </a:lnTo>
                      <a:lnTo>
                        <a:pt x="307" y="117"/>
                      </a:lnTo>
                      <a:lnTo>
                        <a:pt x="305" y="112"/>
                      </a:lnTo>
                      <a:lnTo>
                        <a:pt x="303" y="110"/>
                      </a:lnTo>
                      <a:lnTo>
                        <a:pt x="300" y="108"/>
                      </a:lnTo>
                      <a:lnTo>
                        <a:pt x="297" y="110"/>
                      </a:lnTo>
                      <a:lnTo>
                        <a:pt x="292" y="112"/>
                      </a:lnTo>
                      <a:lnTo>
                        <a:pt x="288" y="113"/>
                      </a:lnTo>
                      <a:lnTo>
                        <a:pt x="286" y="115"/>
                      </a:lnTo>
                      <a:lnTo>
                        <a:pt x="285" y="115"/>
                      </a:lnTo>
                      <a:lnTo>
                        <a:pt x="266" y="115"/>
                      </a:lnTo>
                      <a:lnTo>
                        <a:pt x="263" y="108"/>
                      </a:lnTo>
                      <a:lnTo>
                        <a:pt x="263" y="107"/>
                      </a:lnTo>
                      <a:lnTo>
                        <a:pt x="261" y="105"/>
                      </a:lnTo>
                      <a:lnTo>
                        <a:pt x="258" y="102"/>
                      </a:lnTo>
                      <a:lnTo>
                        <a:pt x="254" y="100"/>
                      </a:lnTo>
                      <a:lnTo>
                        <a:pt x="253" y="96"/>
                      </a:lnTo>
                      <a:lnTo>
                        <a:pt x="249" y="93"/>
                      </a:lnTo>
                      <a:lnTo>
                        <a:pt x="246" y="90"/>
                      </a:lnTo>
                      <a:lnTo>
                        <a:pt x="244" y="88"/>
                      </a:lnTo>
                      <a:lnTo>
                        <a:pt x="236" y="78"/>
                      </a:lnTo>
                      <a:lnTo>
                        <a:pt x="226" y="71"/>
                      </a:lnTo>
                      <a:lnTo>
                        <a:pt x="217" y="69"/>
                      </a:lnTo>
                      <a:lnTo>
                        <a:pt x="209" y="69"/>
                      </a:lnTo>
                      <a:lnTo>
                        <a:pt x="200" y="73"/>
                      </a:lnTo>
                      <a:lnTo>
                        <a:pt x="195" y="76"/>
                      </a:lnTo>
                      <a:lnTo>
                        <a:pt x="192" y="78"/>
                      </a:lnTo>
                      <a:lnTo>
                        <a:pt x="190" y="80"/>
                      </a:lnTo>
                      <a:lnTo>
                        <a:pt x="190" y="78"/>
                      </a:lnTo>
                      <a:lnTo>
                        <a:pt x="192" y="74"/>
                      </a:lnTo>
                      <a:lnTo>
                        <a:pt x="192" y="73"/>
                      </a:lnTo>
                      <a:lnTo>
                        <a:pt x="193" y="71"/>
                      </a:lnTo>
                      <a:lnTo>
                        <a:pt x="193" y="68"/>
                      </a:lnTo>
                      <a:lnTo>
                        <a:pt x="193" y="66"/>
                      </a:lnTo>
                      <a:lnTo>
                        <a:pt x="188" y="68"/>
                      </a:lnTo>
                      <a:lnTo>
                        <a:pt x="183" y="69"/>
                      </a:lnTo>
                      <a:lnTo>
                        <a:pt x="180" y="74"/>
                      </a:lnTo>
                      <a:lnTo>
                        <a:pt x="176" y="80"/>
                      </a:lnTo>
                      <a:lnTo>
                        <a:pt x="173" y="85"/>
                      </a:lnTo>
                      <a:lnTo>
                        <a:pt x="171" y="88"/>
                      </a:lnTo>
                      <a:lnTo>
                        <a:pt x="170" y="91"/>
                      </a:lnTo>
                      <a:lnTo>
                        <a:pt x="168" y="64"/>
                      </a:lnTo>
                      <a:lnTo>
                        <a:pt x="168" y="66"/>
                      </a:lnTo>
                      <a:lnTo>
                        <a:pt x="166" y="66"/>
                      </a:lnTo>
                      <a:lnTo>
                        <a:pt x="165" y="66"/>
                      </a:lnTo>
                      <a:lnTo>
                        <a:pt x="163" y="64"/>
                      </a:lnTo>
                      <a:lnTo>
                        <a:pt x="163" y="63"/>
                      </a:lnTo>
                      <a:lnTo>
                        <a:pt x="161" y="61"/>
                      </a:lnTo>
                      <a:lnTo>
                        <a:pt x="163" y="56"/>
                      </a:lnTo>
                      <a:lnTo>
                        <a:pt x="163" y="52"/>
                      </a:lnTo>
                      <a:lnTo>
                        <a:pt x="165" y="49"/>
                      </a:lnTo>
                      <a:lnTo>
                        <a:pt x="166" y="49"/>
                      </a:lnTo>
                      <a:lnTo>
                        <a:pt x="166" y="51"/>
                      </a:lnTo>
                      <a:lnTo>
                        <a:pt x="168" y="52"/>
                      </a:lnTo>
                      <a:lnTo>
                        <a:pt x="168" y="54"/>
                      </a:lnTo>
                      <a:lnTo>
                        <a:pt x="168" y="52"/>
                      </a:lnTo>
                      <a:lnTo>
                        <a:pt x="168" y="51"/>
                      </a:lnTo>
                      <a:lnTo>
                        <a:pt x="168" y="49"/>
                      </a:lnTo>
                      <a:lnTo>
                        <a:pt x="166" y="47"/>
                      </a:lnTo>
                      <a:lnTo>
                        <a:pt x="168" y="49"/>
                      </a:lnTo>
                      <a:lnTo>
                        <a:pt x="168" y="54"/>
                      </a:lnTo>
                      <a:lnTo>
                        <a:pt x="170" y="59"/>
                      </a:lnTo>
                      <a:lnTo>
                        <a:pt x="171" y="61"/>
                      </a:lnTo>
                      <a:lnTo>
                        <a:pt x="173" y="61"/>
                      </a:lnTo>
                      <a:lnTo>
                        <a:pt x="175" y="61"/>
                      </a:lnTo>
                      <a:lnTo>
                        <a:pt x="175" y="58"/>
                      </a:lnTo>
                      <a:lnTo>
                        <a:pt x="176" y="56"/>
                      </a:lnTo>
                      <a:lnTo>
                        <a:pt x="176" y="54"/>
                      </a:lnTo>
                      <a:lnTo>
                        <a:pt x="185" y="46"/>
                      </a:lnTo>
                      <a:lnTo>
                        <a:pt x="187" y="37"/>
                      </a:lnTo>
                      <a:lnTo>
                        <a:pt x="207" y="19"/>
                      </a:lnTo>
                      <a:lnTo>
                        <a:pt x="214" y="8"/>
                      </a:lnTo>
                      <a:lnTo>
                        <a:pt x="212" y="8"/>
                      </a:lnTo>
                      <a:lnTo>
                        <a:pt x="212" y="10"/>
                      </a:lnTo>
                      <a:lnTo>
                        <a:pt x="214" y="10"/>
                      </a:lnTo>
                      <a:lnTo>
                        <a:pt x="222" y="7"/>
                      </a:lnTo>
                      <a:lnTo>
                        <a:pt x="226" y="5"/>
                      </a:lnTo>
                      <a:lnTo>
                        <a:pt x="227" y="3"/>
                      </a:lnTo>
                      <a:lnTo>
                        <a:pt x="224" y="2"/>
                      </a:lnTo>
                      <a:lnTo>
                        <a:pt x="219" y="2"/>
                      </a:lnTo>
                      <a:lnTo>
                        <a:pt x="215" y="0"/>
                      </a:lnTo>
                      <a:lnTo>
                        <a:pt x="210" y="0"/>
                      </a:lnTo>
                      <a:lnTo>
                        <a:pt x="209" y="0"/>
                      </a:lnTo>
                      <a:lnTo>
                        <a:pt x="197" y="2"/>
                      </a:lnTo>
                      <a:lnTo>
                        <a:pt x="185" y="5"/>
                      </a:lnTo>
                      <a:lnTo>
                        <a:pt x="176" y="12"/>
                      </a:lnTo>
                      <a:lnTo>
                        <a:pt x="168" y="19"/>
                      </a:lnTo>
                      <a:lnTo>
                        <a:pt x="163" y="25"/>
                      </a:lnTo>
                      <a:lnTo>
                        <a:pt x="158" y="30"/>
                      </a:lnTo>
                      <a:lnTo>
                        <a:pt x="154" y="34"/>
                      </a:lnTo>
                      <a:lnTo>
                        <a:pt x="154" y="36"/>
                      </a:lnTo>
                      <a:lnTo>
                        <a:pt x="146" y="37"/>
                      </a:lnTo>
                      <a:lnTo>
                        <a:pt x="141" y="41"/>
                      </a:lnTo>
                      <a:lnTo>
                        <a:pt x="136" y="46"/>
                      </a:lnTo>
                      <a:lnTo>
                        <a:pt x="132" y="51"/>
                      </a:lnTo>
                      <a:lnTo>
                        <a:pt x="131" y="56"/>
                      </a:lnTo>
                      <a:lnTo>
                        <a:pt x="127" y="61"/>
                      </a:lnTo>
                      <a:lnTo>
                        <a:pt x="126" y="64"/>
                      </a:lnTo>
                      <a:lnTo>
                        <a:pt x="122" y="66"/>
                      </a:lnTo>
                      <a:lnTo>
                        <a:pt x="119" y="68"/>
                      </a:lnTo>
                      <a:lnTo>
                        <a:pt x="114" y="69"/>
                      </a:lnTo>
                      <a:lnTo>
                        <a:pt x="109" y="73"/>
                      </a:lnTo>
                      <a:lnTo>
                        <a:pt x="104" y="78"/>
                      </a:lnTo>
                      <a:lnTo>
                        <a:pt x="99" y="81"/>
                      </a:lnTo>
                      <a:lnTo>
                        <a:pt x="95" y="85"/>
                      </a:lnTo>
                      <a:lnTo>
                        <a:pt x="92" y="88"/>
                      </a:lnTo>
                      <a:lnTo>
                        <a:pt x="92" y="90"/>
                      </a:lnTo>
                      <a:lnTo>
                        <a:pt x="83" y="90"/>
                      </a:lnTo>
                      <a:lnTo>
                        <a:pt x="73" y="90"/>
                      </a:lnTo>
                      <a:lnTo>
                        <a:pt x="73" y="91"/>
                      </a:lnTo>
                      <a:lnTo>
                        <a:pt x="70" y="91"/>
                      </a:lnTo>
                      <a:lnTo>
                        <a:pt x="66" y="91"/>
                      </a:lnTo>
                      <a:lnTo>
                        <a:pt x="65" y="93"/>
                      </a:lnTo>
                      <a:lnTo>
                        <a:pt x="60" y="93"/>
                      </a:lnTo>
                      <a:lnTo>
                        <a:pt x="56" y="95"/>
                      </a:lnTo>
                      <a:lnTo>
                        <a:pt x="55" y="96"/>
                      </a:lnTo>
                      <a:lnTo>
                        <a:pt x="53" y="96"/>
                      </a:lnTo>
                      <a:lnTo>
                        <a:pt x="46" y="105"/>
                      </a:lnTo>
                      <a:lnTo>
                        <a:pt x="38" y="112"/>
                      </a:lnTo>
                      <a:lnTo>
                        <a:pt x="29" y="117"/>
                      </a:lnTo>
                      <a:lnTo>
                        <a:pt x="21" y="120"/>
                      </a:lnTo>
                      <a:lnTo>
                        <a:pt x="12" y="124"/>
                      </a:lnTo>
                      <a:lnTo>
                        <a:pt x="7" y="127"/>
                      </a:lnTo>
                      <a:lnTo>
                        <a:pt x="2" y="127"/>
                      </a:lnTo>
                      <a:lnTo>
                        <a:pt x="0" y="129"/>
                      </a:lnTo>
                      <a:close/>
                    </a:path>
                  </a:pathLst>
                </a:custGeom>
                <a:solidFill>
                  <a:srgbClr val="2D73FF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02" name="Freeform 128"/>
                <p:cNvSpPr>
                  <a:spLocks/>
                </p:cNvSpPr>
                <p:nvPr/>
              </p:nvSpPr>
              <p:spPr bwMode="auto">
                <a:xfrm>
                  <a:off x="3490" y="1273"/>
                  <a:ext cx="366" cy="503"/>
                </a:xfrm>
                <a:custGeom>
                  <a:avLst/>
                  <a:gdLst>
                    <a:gd name="T0" fmla="*/ 211 w 377"/>
                    <a:gd name="T1" fmla="*/ 296 h 519"/>
                    <a:gd name="T2" fmla="*/ 216 w 377"/>
                    <a:gd name="T3" fmla="*/ 272 h 519"/>
                    <a:gd name="T4" fmla="*/ 230 w 377"/>
                    <a:gd name="T5" fmla="*/ 256 h 519"/>
                    <a:gd name="T6" fmla="*/ 236 w 377"/>
                    <a:gd name="T7" fmla="*/ 241 h 519"/>
                    <a:gd name="T8" fmla="*/ 237 w 377"/>
                    <a:gd name="T9" fmla="*/ 233 h 519"/>
                    <a:gd name="T10" fmla="*/ 244 w 377"/>
                    <a:gd name="T11" fmla="*/ 236 h 519"/>
                    <a:gd name="T12" fmla="*/ 248 w 377"/>
                    <a:gd name="T13" fmla="*/ 233 h 519"/>
                    <a:gd name="T14" fmla="*/ 250 w 377"/>
                    <a:gd name="T15" fmla="*/ 204 h 519"/>
                    <a:gd name="T16" fmla="*/ 229 w 377"/>
                    <a:gd name="T17" fmla="*/ 139 h 519"/>
                    <a:gd name="T18" fmla="*/ 214 w 377"/>
                    <a:gd name="T19" fmla="*/ 122 h 519"/>
                    <a:gd name="T20" fmla="*/ 204 w 377"/>
                    <a:gd name="T21" fmla="*/ 128 h 519"/>
                    <a:gd name="T22" fmla="*/ 192 w 377"/>
                    <a:gd name="T23" fmla="*/ 133 h 519"/>
                    <a:gd name="T24" fmla="*/ 186 w 377"/>
                    <a:gd name="T25" fmla="*/ 148 h 519"/>
                    <a:gd name="T26" fmla="*/ 176 w 377"/>
                    <a:gd name="T27" fmla="*/ 162 h 519"/>
                    <a:gd name="T28" fmla="*/ 172 w 377"/>
                    <a:gd name="T29" fmla="*/ 168 h 519"/>
                    <a:gd name="T30" fmla="*/ 166 w 377"/>
                    <a:gd name="T31" fmla="*/ 166 h 519"/>
                    <a:gd name="T32" fmla="*/ 153 w 377"/>
                    <a:gd name="T33" fmla="*/ 155 h 519"/>
                    <a:gd name="T34" fmla="*/ 156 w 377"/>
                    <a:gd name="T35" fmla="*/ 139 h 519"/>
                    <a:gd name="T36" fmla="*/ 164 w 377"/>
                    <a:gd name="T37" fmla="*/ 135 h 519"/>
                    <a:gd name="T38" fmla="*/ 182 w 377"/>
                    <a:gd name="T39" fmla="*/ 98 h 519"/>
                    <a:gd name="T40" fmla="*/ 182 w 377"/>
                    <a:gd name="T41" fmla="*/ 76 h 519"/>
                    <a:gd name="T42" fmla="*/ 173 w 377"/>
                    <a:gd name="T43" fmla="*/ 59 h 519"/>
                    <a:gd name="T44" fmla="*/ 169 w 377"/>
                    <a:gd name="T45" fmla="*/ 47 h 519"/>
                    <a:gd name="T46" fmla="*/ 178 w 377"/>
                    <a:gd name="T47" fmla="*/ 48 h 519"/>
                    <a:gd name="T48" fmla="*/ 164 w 377"/>
                    <a:gd name="T49" fmla="*/ 26 h 519"/>
                    <a:gd name="T50" fmla="*/ 140 w 377"/>
                    <a:gd name="T51" fmla="*/ 16 h 519"/>
                    <a:gd name="T52" fmla="*/ 91 w 377"/>
                    <a:gd name="T53" fmla="*/ 0 h 519"/>
                    <a:gd name="T54" fmla="*/ 77 w 377"/>
                    <a:gd name="T55" fmla="*/ 10 h 519"/>
                    <a:gd name="T56" fmla="*/ 71 w 377"/>
                    <a:gd name="T57" fmla="*/ 23 h 519"/>
                    <a:gd name="T58" fmla="*/ 79 w 377"/>
                    <a:gd name="T59" fmla="*/ 33 h 519"/>
                    <a:gd name="T60" fmla="*/ 72 w 377"/>
                    <a:gd name="T61" fmla="*/ 37 h 519"/>
                    <a:gd name="T62" fmla="*/ 57 w 377"/>
                    <a:gd name="T63" fmla="*/ 46 h 519"/>
                    <a:gd name="T64" fmla="*/ 59 w 377"/>
                    <a:gd name="T65" fmla="*/ 66 h 519"/>
                    <a:gd name="T66" fmla="*/ 55 w 377"/>
                    <a:gd name="T67" fmla="*/ 81 h 519"/>
                    <a:gd name="T68" fmla="*/ 47 w 377"/>
                    <a:gd name="T69" fmla="*/ 85 h 519"/>
                    <a:gd name="T70" fmla="*/ 47 w 377"/>
                    <a:gd name="T71" fmla="*/ 69 h 519"/>
                    <a:gd name="T72" fmla="*/ 44 w 377"/>
                    <a:gd name="T73" fmla="*/ 53 h 519"/>
                    <a:gd name="T74" fmla="*/ 42 w 377"/>
                    <a:gd name="T75" fmla="*/ 59 h 519"/>
                    <a:gd name="T76" fmla="*/ 36 w 377"/>
                    <a:gd name="T77" fmla="*/ 74 h 519"/>
                    <a:gd name="T78" fmla="*/ 25 w 377"/>
                    <a:gd name="T79" fmla="*/ 75 h 519"/>
                    <a:gd name="T80" fmla="*/ 18 w 377"/>
                    <a:gd name="T81" fmla="*/ 78 h 519"/>
                    <a:gd name="T82" fmla="*/ 17 w 377"/>
                    <a:gd name="T83" fmla="*/ 91 h 519"/>
                    <a:gd name="T84" fmla="*/ 17 w 377"/>
                    <a:gd name="T85" fmla="*/ 103 h 519"/>
                    <a:gd name="T86" fmla="*/ 17 w 377"/>
                    <a:gd name="T87" fmla="*/ 117 h 519"/>
                    <a:gd name="T88" fmla="*/ 10 w 377"/>
                    <a:gd name="T89" fmla="*/ 139 h 519"/>
                    <a:gd name="T90" fmla="*/ 3 w 377"/>
                    <a:gd name="T91" fmla="*/ 150 h 519"/>
                    <a:gd name="T92" fmla="*/ 10 w 377"/>
                    <a:gd name="T93" fmla="*/ 170 h 519"/>
                    <a:gd name="T94" fmla="*/ 3 w 377"/>
                    <a:gd name="T95" fmla="*/ 178 h 519"/>
                    <a:gd name="T96" fmla="*/ 17 w 377"/>
                    <a:gd name="T97" fmla="*/ 201 h 519"/>
                    <a:gd name="T98" fmla="*/ 17 w 377"/>
                    <a:gd name="T99" fmla="*/ 215 h 519"/>
                    <a:gd name="T100" fmla="*/ 30 w 377"/>
                    <a:gd name="T101" fmla="*/ 246 h 519"/>
                    <a:gd name="T102" fmla="*/ 28 w 377"/>
                    <a:gd name="T103" fmla="*/ 282 h 519"/>
                    <a:gd name="T104" fmla="*/ 17 w 377"/>
                    <a:gd name="T105" fmla="*/ 306 h 519"/>
                    <a:gd name="T106" fmla="*/ 17 w 377"/>
                    <a:gd name="T107" fmla="*/ 320 h 519"/>
                    <a:gd name="T108" fmla="*/ 3 w 377"/>
                    <a:gd name="T109" fmla="*/ 334 h 519"/>
                    <a:gd name="T110" fmla="*/ 201 w 377"/>
                    <a:gd name="T111" fmla="*/ 320 h 519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w 377"/>
                    <a:gd name="T169" fmla="*/ 0 h 519"/>
                    <a:gd name="T170" fmla="*/ 377 w 377"/>
                    <a:gd name="T171" fmla="*/ 519 h 519"/>
                  </a:gdLst>
                  <a:ahLst/>
                  <a:cxnLst>
                    <a:cxn ang="T112">
                      <a:pos x="T0" y="T1"/>
                    </a:cxn>
                    <a:cxn ang="T113">
                      <a:pos x="T2" y="T3"/>
                    </a:cxn>
                    <a:cxn ang="T114">
                      <a:pos x="T4" y="T5"/>
                    </a:cxn>
                    <a:cxn ang="T115">
                      <a:pos x="T6" y="T7"/>
                    </a:cxn>
                    <a:cxn ang="T116">
                      <a:pos x="T8" y="T9"/>
                    </a:cxn>
                    <a:cxn ang="T117">
                      <a:pos x="T10" y="T11"/>
                    </a:cxn>
                    <a:cxn ang="T118">
                      <a:pos x="T12" y="T13"/>
                    </a:cxn>
                    <a:cxn ang="T119">
                      <a:pos x="T14" y="T15"/>
                    </a:cxn>
                    <a:cxn ang="T120">
                      <a:pos x="T16" y="T17"/>
                    </a:cxn>
                    <a:cxn ang="T121">
                      <a:pos x="T18" y="T19"/>
                    </a:cxn>
                    <a:cxn ang="T122">
                      <a:pos x="T20" y="T21"/>
                    </a:cxn>
                    <a:cxn ang="T123">
                      <a:pos x="T22" y="T23"/>
                    </a:cxn>
                    <a:cxn ang="T124">
                      <a:pos x="T24" y="T25"/>
                    </a:cxn>
                    <a:cxn ang="T125">
                      <a:pos x="T26" y="T27"/>
                    </a:cxn>
                    <a:cxn ang="T126">
                      <a:pos x="T28" y="T29"/>
                    </a:cxn>
                    <a:cxn ang="T127">
                      <a:pos x="T30" y="T31"/>
                    </a:cxn>
                    <a:cxn ang="T128">
                      <a:pos x="T32" y="T33"/>
                    </a:cxn>
                    <a:cxn ang="T129">
                      <a:pos x="T34" y="T35"/>
                    </a:cxn>
                    <a:cxn ang="T130">
                      <a:pos x="T36" y="T37"/>
                    </a:cxn>
                    <a:cxn ang="T131">
                      <a:pos x="T38" y="T39"/>
                    </a:cxn>
                    <a:cxn ang="T132">
                      <a:pos x="T40" y="T41"/>
                    </a:cxn>
                    <a:cxn ang="T133">
                      <a:pos x="T42" y="T43"/>
                    </a:cxn>
                    <a:cxn ang="T134">
                      <a:pos x="T44" y="T45"/>
                    </a:cxn>
                    <a:cxn ang="T135">
                      <a:pos x="T46" y="T47"/>
                    </a:cxn>
                    <a:cxn ang="T136">
                      <a:pos x="T48" y="T49"/>
                    </a:cxn>
                    <a:cxn ang="T137">
                      <a:pos x="T50" y="T51"/>
                    </a:cxn>
                    <a:cxn ang="T138">
                      <a:pos x="T52" y="T53"/>
                    </a:cxn>
                    <a:cxn ang="T139">
                      <a:pos x="T54" y="T55"/>
                    </a:cxn>
                    <a:cxn ang="T140">
                      <a:pos x="T56" y="T57"/>
                    </a:cxn>
                    <a:cxn ang="T141">
                      <a:pos x="T58" y="T59"/>
                    </a:cxn>
                    <a:cxn ang="T142">
                      <a:pos x="T60" y="T61"/>
                    </a:cxn>
                    <a:cxn ang="T143">
                      <a:pos x="T62" y="T63"/>
                    </a:cxn>
                    <a:cxn ang="T144">
                      <a:pos x="T64" y="T65"/>
                    </a:cxn>
                    <a:cxn ang="T145">
                      <a:pos x="T66" y="T67"/>
                    </a:cxn>
                    <a:cxn ang="T146">
                      <a:pos x="T68" y="T69"/>
                    </a:cxn>
                    <a:cxn ang="T147">
                      <a:pos x="T70" y="T71"/>
                    </a:cxn>
                    <a:cxn ang="T148">
                      <a:pos x="T72" y="T73"/>
                    </a:cxn>
                    <a:cxn ang="T149">
                      <a:pos x="T74" y="T75"/>
                    </a:cxn>
                    <a:cxn ang="T150">
                      <a:pos x="T76" y="T77"/>
                    </a:cxn>
                    <a:cxn ang="T151">
                      <a:pos x="T78" y="T79"/>
                    </a:cxn>
                    <a:cxn ang="T152">
                      <a:pos x="T80" y="T81"/>
                    </a:cxn>
                    <a:cxn ang="T153">
                      <a:pos x="T82" y="T83"/>
                    </a:cxn>
                    <a:cxn ang="T154">
                      <a:pos x="T84" y="T85"/>
                    </a:cxn>
                    <a:cxn ang="T155">
                      <a:pos x="T86" y="T87"/>
                    </a:cxn>
                    <a:cxn ang="T156">
                      <a:pos x="T88" y="T89"/>
                    </a:cxn>
                    <a:cxn ang="T157">
                      <a:pos x="T90" y="T91"/>
                    </a:cxn>
                    <a:cxn ang="T158">
                      <a:pos x="T92" y="T93"/>
                    </a:cxn>
                    <a:cxn ang="T159">
                      <a:pos x="T94" y="T95"/>
                    </a:cxn>
                    <a:cxn ang="T160">
                      <a:pos x="T96" y="T97"/>
                    </a:cxn>
                    <a:cxn ang="T161">
                      <a:pos x="T98" y="T99"/>
                    </a:cxn>
                    <a:cxn ang="T162">
                      <a:pos x="T100" y="T101"/>
                    </a:cxn>
                    <a:cxn ang="T163">
                      <a:pos x="T102" y="T103"/>
                    </a:cxn>
                    <a:cxn ang="T164">
                      <a:pos x="T104" y="T105"/>
                    </a:cxn>
                    <a:cxn ang="T165">
                      <a:pos x="T106" y="T107"/>
                    </a:cxn>
                    <a:cxn ang="T166">
                      <a:pos x="T108" y="T109"/>
                    </a:cxn>
                    <a:cxn ang="T167">
                      <a:pos x="T110" y="T111"/>
                    </a:cxn>
                  </a:cxnLst>
                  <a:rect l="T168" t="T169" r="T170" b="T171"/>
                  <a:pathLst>
                    <a:path w="377" h="519">
                      <a:moveTo>
                        <a:pt x="304" y="496"/>
                      </a:moveTo>
                      <a:lnTo>
                        <a:pt x="304" y="489"/>
                      </a:lnTo>
                      <a:lnTo>
                        <a:pt x="308" y="480"/>
                      </a:lnTo>
                      <a:lnTo>
                        <a:pt x="311" y="472"/>
                      </a:lnTo>
                      <a:lnTo>
                        <a:pt x="314" y="465"/>
                      </a:lnTo>
                      <a:lnTo>
                        <a:pt x="320" y="458"/>
                      </a:lnTo>
                      <a:lnTo>
                        <a:pt x="325" y="453"/>
                      </a:lnTo>
                      <a:lnTo>
                        <a:pt x="326" y="450"/>
                      </a:lnTo>
                      <a:lnTo>
                        <a:pt x="328" y="448"/>
                      </a:lnTo>
                      <a:lnTo>
                        <a:pt x="326" y="438"/>
                      </a:lnTo>
                      <a:lnTo>
                        <a:pt x="326" y="430"/>
                      </a:lnTo>
                      <a:lnTo>
                        <a:pt x="328" y="421"/>
                      </a:lnTo>
                      <a:lnTo>
                        <a:pt x="330" y="416"/>
                      </a:lnTo>
                      <a:lnTo>
                        <a:pt x="333" y="411"/>
                      </a:lnTo>
                      <a:lnTo>
                        <a:pt x="336" y="408"/>
                      </a:lnTo>
                      <a:lnTo>
                        <a:pt x="338" y="406"/>
                      </a:lnTo>
                      <a:lnTo>
                        <a:pt x="340" y="406"/>
                      </a:lnTo>
                      <a:lnTo>
                        <a:pt x="348" y="396"/>
                      </a:lnTo>
                      <a:lnTo>
                        <a:pt x="350" y="386"/>
                      </a:lnTo>
                      <a:lnTo>
                        <a:pt x="350" y="384"/>
                      </a:lnTo>
                      <a:lnTo>
                        <a:pt x="350" y="382"/>
                      </a:lnTo>
                      <a:lnTo>
                        <a:pt x="352" y="381"/>
                      </a:lnTo>
                      <a:lnTo>
                        <a:pt x="352" y="379"/>
                      </a:lnTo>
                      <a:lnTo>
                        <a:pt x="355" y="375"/>
                      </a:lnTo>
                      <a:lnTo>
                        <a:pt x="355" y="372"/>
                      </a:lnTo>
                      <a:lnTo>
                        <a:pt x="353" y="370"/>
                      </a:lnTo>
                      <a:lnTo>
                        <a:pt x="355" y="365"/>
                      </a:lnTo>
                      <a:lnTo>
                        <a:pt x="355" y="362"/>
                      </a:lnTo>
                      <a:lnTo>
                        <a:pt x="358" y="360"/>
                      </a:lnTo>
                      <a:lnTo>
                        <a:pt x="360" y="360"/>
                      </a:lnTo>
                      <a:lnTo>
                        <a:pt x="364" y="359"/>
                      </a:lnTo>
                      <a:lnTo>
                        <a:pt x="365" y="360"/>
                      </a:lnTo>
                      <a:lnTo>
                        <a:pt x="367" y="360"/>
                      </a:lnTo>
                      <a:lnTo>
                        <a:pt x="369" y="360"/>
                      </a:lnTo>
                      <a:lnTo>
                        <a:pt x="369" y="365"/>
                      </a:lnTo>
                      <a:lnTo>
                        <a:pt x="370" y="367"/>
                      </a:lnTo>
                      <a:lnTo>
                        <a:pt x="372" y="367"/>
                      </a:lnTo>
                      <a:lnTo>
                        <a:pt x="372" y="365"/>
                      </a:lnTo>
                      <a:lnTo>
                        <a:pt x="374" y="364"/>
                      </a:lnTo>
                      <a:lnTo>
                        <a:pt x="374" y="362"/>
                      </a:lnTo>
                      <a:lnTo>
                        <a:pt x="375" y="360"/>
                      </a:lnTo>
                      <a:lnTo>
                        <a:pt x="377" y="316"/>
                      </a:lnTo>
                      <a:lnTo>
                        <a:pt x="377" y="318"/>
                      </a:lnTo>
                      <a:lnTo>
                        <a:pt x="377" y="316"/>
                      </a:lnTo>
                      <a:lnTo>
                        <a:pt x="372" y="293"/>
                      </a:lnTo>
                      <a:lnTo>
                        <a:pt x="365" y="271"/>
                      </a:lnTo>
                      <a:lnTo>
                        <a:pt x="360" y="254"/>
                      </a:lnTo>
                      <a:lnTo>
                        <a:pt x="355" y="237"/>
                      </a:lnTo>
                      <a:lnTo>
                        <a:pt x="350" y="225"/>
                      </a:lnTo>
                      <a:lnTo>
                        <a:pt x="345" y="215"/>
                      </a:lnTo>
                      <a:lnTo>
                        <a:pt x="340" y="206"/>
                      </a:lnTo>
                      <a:lnTo>
                        <a:pt x="336" y="199"/>
                      </a:lnTo>
                      <a:lnTo>
                        <a:pt x="333" y="196"/>
                      </a:lnTo>
                      <a:lnTo>
                        <a:pt x="330" y="193"/>
                      </a:lnTo>
                      <a:lnTo>
                        <a:pt x="326" y="191"/>
                      </a:lnTo>
                      <a:lnTo>
                        <a:pt x="323" y="189"/>
                      </a:lnTo>
                      <a:lnTo>
                        <a:pt x="321" y="189"/>
                      </a:lnTo>
                      <a:lnTo>
                        <a:pt x="318" y="191"/>
                      </a:lnTo>
                      <a:lnTo>
                        <a:pt x="316" y="191"/>
                      </a:lnTo>
                      <a:lnTo>
                        <a:pt x="314" y="193"/>
                      </a:lnTo>
                      <a:lnTo>
                        <a:pt x="311" y="194"/>
                      </a:lnTo>
                      <a:lnTo>
                        <a:pt x="308" y="198"/>
                      </a:lnTo>
                      <a:lnTo>
                        <a:pt x="303" y="199"/>
                      </a:lnTo>
                      <a:lnTo>
                        <a:pt x="299" y="201"/>
                      </a:lnTo>
                      <a:lnTo>
                        <a:pt x="296" y="203"/>
                      </a:lnTo>
                      <a:lnTo>
                        <a:pt x="294" y="205"/>
                      </a:lnTo>
                      <a:lnTo>
                        <a:pt x="292" y="205"/>
                      </a:lnTo>
                      <a:lnTo>
                        <a:pt x="292" y="206"/>
                      </a:lnTo>
                      <a:lnTo>
                        <a:pt x="287" y="210"/>
                      </a:lnTo>
                      <a:lnTo>
                        <a:pt x="284" y="218"/>
                      </a:lnTo>
                      <a:lnTo>
                        <a:pt x="284" y="221"/>
                      </a:lnTo>
                      <a:lnTo>
                        <a:pt x="282" y="225"/>
                      </a:lnTo>
                      <a:lnTo>
                        <a:pt x="281" y="230"/>
                      </a:lnTo>
                      <a:lnTo>
                        <a:pt x="277" y="233"/>
                      </a:lnTo>
                      <a:lnTo>
                        <a:pt x="276" y="238"/>
                      </a:lnTo>
                      <a:lnTo>
                        <a:pt x="272" y="242"/>
                      </a:lnTo>
                      <a:lnTo>
                        <a:pt x="269" y="242"/>
                      </a:lnTo>
                      <a:lnTo>
                        <a:pt x="269" y="247"/>
                      </a:lnTo>
                      <a:lnTo>
                        <a:pt x="267" y="250"/>
                      </a:lnTo>
                      <a:lnTo>
                        <a:pt x="265" y="254"/>
                      </a:lnTo>
                      <a:lnTo>
                        <a:pt x="264" y="255"/>
                      </a:lnTo>
                      <a:lnTo>
                        <a:pt x="262" y="257"/>
                      </a:lnTo>
                      <a:lnTo>
                        <a:pt x="260" y="259"/>
                      </a:lnTo>
                      <a:lnTo>
                        <a:pt x="259" y="259"/>
                      </a:lnTo>
                      <a:lnTo>
                        <a:pt x="255" y="259"/>
                      </a:lnTo>
                      <a:lnTo>
                        <a:pt x="254" y="257"/>
                      </a:lnTo>
                      <a:lnTo>
                        <a:pt x="252" y="257"/>
                      </a:lnTo>
                      <a:lnTo>
                        <a:pt x="250" y="257"/>
                      </a:lnTo>
                      <a:lnTo>
                        <a:pt x="247" y="255"/>
                      </a:lnTo>
                      <a:lnTo>
                        <a:pt x="238" y="255"/>
                      </a:lnTo>
                      <a:lnTo>
                        <a:pt x="235" y="250"/>
                      </a:lnTo>
                      <a:lnTo>
                        <a:pt x="232" y="245"/>
                      </a:lnTo>
                      <a:lnTo>
                        <a:pt x="232" y="240"/>
                      </a:lnTo>
                      <a:lnTo>
                        <a:pt x="232" y="233"/>
                      </a:lnTo>
                      <a:lnTo>
                        <a:pt x="233" y="228"/>
                      </a:lnTo>
                      <a:lnTo>
                        <a:pt x="233" y="225"/>
                      </a:lnTo>
                      <a:lnTo>
                        <a:pt x="235" y="223"/>
                      </a:lnTo>
                      <a:lnTo>
                        <a:pt x="235" y="218"/>
                      </a:lnTo>
                      <a:lnTo>
                        <a:pt x="237" y="215"/>
                      </a:lnTo>
                      <a:lnTo>
                        <a:pt x="238" y="213"/>
                      </a:lnTo>
                      <a:lnTo>
                        <a:pt x="242" y="211"/>
                      </a:lnTo>
                      <a:lnTo>
                        <a:pt x="243" y="210"/>
                      </a:lnTo>
                      <a:lnTo>
                        <a:pt x="247" y="210"/>
                      </a:lnTo>
                      <a:lnTo>
                        <a:pt x="248" y="208"/>
                      </a:lnTo>
                      <a:lnTo>
                        <a:pt x="259" y="198"/>
                      </a:lnTo>
                      <a:lnTo>
                        <a:pt x="262" y="176"/>
                      </a:lnTo>
                      <a:lnTo>
                        <a:pt x="276" y="164"/>
                      </a:lnTo>
                      <a:lnTo>
                        <a:pt x="276" y="162"/>
                      </a:lnTo>
                      <a:lnTo>
                        <a:pt x="276" y="159"/>
                      </a:lnTo>
                      <a:lnTo>
                        <a:pt x="276" y="152"/>
                      </a:lnTo>
                      <a:lnTo>
                        <a:pt x="276" y="147"/>
                      </a:lnTo>
                      <a:lnTo>
                        <a:pt x="276" y="140"/>
                      </a:lnTo>
                      <a:lnTo>
                        <a:pt x="276" y="133"/>
                      </a:lnTo>
                      <a:lnTo>
                        <a:pt x="276" y="128"/>
                      </a:lnTo>
                      <a:lnTo>
                        <a:pt x="276" y="127"/>
                      </a:lnTo>
                      <a:lnTo>
                        <a:pt x="276" y="118"/>
                      </a:lnTo>
                      <a:lnTo>
                        <a:pt x="274" y="110"/>
                      </a:lnTo>
                      <a:lnTo>
                        <a:pt x="272" y="105"/>
                      </a:lnTo>
                      <a:lnTo>
                        <a:pt x="269" y="100"/>
                      </a:lnTo>
                      <a:lnTo>
                        <a:pt x="267" y="96"/>
                      </a:lnTo>
                      <a:lnTo>
                        <a:pt x="264" y="93"/>
                      </a:lnTo>
                      <a:lnTo>
                        <a:pt x="262" y="91"/>
                      </a:lnTo>
                      <a:lnTo>
                        <a:pt x="260" y="89"/>
                      </a:lnTo>
                      <a:lnTo>
                        <a:pt x="255" y="86"/>
                      </a:lnTo>
                      <a:lnTo>
                        <a:pt x="254" y="83"/>
                      </a:lnTo>
                      <a:lnTo>
                        <a:pt x="254" y="79"/>
                      </a:lnTo>
                      <a:lnTo>
                        <a:pt x="254" y="76"/>
                      </a:lnTo>
                      <a:lnTo>
                        <a:pt x="255" y="74"/>
                      </a:lnTo>
                      <a:lnTo>
                        <a:pt x="257" y="73"/>
                      </a:lnTo>
                      <a:lnTo>
                        <a:pt x="259" y="71"/>
                      </a:lnTo>
                      <a:lnTo>
                        <a:pt x="260" y="71"/>
                      </a:lnTo>
                      <a:lnTo>
                        <a:pt x="265" y="76"/>
                      </a:lnTo>
                      <a:lnTo>
                        <a:pt x="269" y="76"/>
                      </a:lnTo>
                      <a:lnTo>
                        <a:pt x="270" y="76"/>
                      </a:lnTo>
                      <a:lnTo>
                        <a:pt x="270" y="74"/>
                      </a:lnTo>
                      <a:lnTo>
                        <a:pt x="270" y="73"/>
                      </a:lnTo>
                      <a:lnTo>
                        <a:pt x="269" y="71"/>
                      </a:lnTo>
                      <a:lnTo>
                        <a:pt x="269" y="69"/>
                      </a:lnTo>
                      <a:lnTo>
                        <a:pt x="267" y="67"/>
                      </a:lnTo>
                      <a:lnTo>
                        <a:pt x="248" y="40"/>
                      </a:lnTo>
                      <a:lnTo>
                        <a:pt x="240" y="39"/>
                      </a:lnTo>
                      <a:lnTo>
                        <a:pt x="232" y="37"/>
                      </a:lnTo>
                      <a:lnTo>
                        <a:pt x="225" y="35"/>
                      </a:lnTo>
                      <a:lnTo>
                        <a:pt x="220" y="34"/>
                      </a:lnTo>
                      <a:lnTo>
                        <a:pt x="215" y="32"/>
                      </a:lnTo>
                      <a:lnTo>
                        <a:pt x="211" y="29"/>
                      </a:lnTo>
                      <a:lnTo>
                        <a:pt x="210" y="27"/>
                      </a:lnTo>
                      <a:lnTo>
                        <a:pt x="208" y="27"/>
                      </a:lnTo>
                      <a:lnTo>
                        <a:pt x="193" y="27"/>
                      </a:lnTo>
                      <a:lnTo>
                        <a:pt x="179" y="12"/>
                      </a:lnTo>
                      <a:lnTo>
                        <a:pt x="152" y="10"/>
                      </a:lnTo>
                      <a:lnTo>
                        <a:pt x="138" y="0"/>
                      </a:lnTo>
                      <a:lnTo>
                        <a:pt x="130" y="0"/>
                      </a:lnTo>
                      <a:lnTo>
                        <a:pt x="125" y="3"/>
                      </a:lnTo>
                      <a:lnTo>
                        <a:pt x="115" y="1"/>
                      </a:lnTo>
                      <a:lnTo>
                        <a:pt x="115" y="3"/>
                      </a:lnTo>
                      <a:lnTo>
                        <a:pt x="115" y="7"/>
                      </a:lnTo>
                      <a:lnTo>
                        <a:pt x="115" y="10"/>
                      </a:lnTo>
                      <a:lnTo>
                        <a:pt x="115" y="12"/>
                      </a:lnTo>
                      <a:lnTo>
                        <a:pt x="108" y="17"/>
                      </a:lnTo>
                      <a:lnTo>
                        <a:pt x="105" y="22"/>
                      </a:lnTo>
                      <a:lnTo>
                        <a:pt x="103" y="27"/>
                      </a:lnTo>
                      <a:lnTo>
                        <a:pt x="105" y="32"/>
                      </a:lnTo>
                      <a:lnTo>
                        <a:pt x="106" y="37"/>
                      </a:lnTo>
                      <a:lnTo>
                        <a:pt x="110" y="40"/>
                      </a:lnTo>
                      <a:lnTo>
                        <a:pt x="111" y="42"/>
                      </a:lnTo>
                      <a:lnTo>
                        <a:pt x="113" y="44"/>
                      </a:lnTo>
                      <a:lnTo>
                        <a:pt x="116" y="44"/>
                      </a:lnTo>
                      <a:lnTo>
                        <a:pt x="120" y="45"/>
                      </a:lnTo>
                      <a:lnTo>
                        <a:pt x="120" y="47"/>
                      </a:lnTo>
                      <a:lnTo>
                        <a:pt x="120" y="49"/>
                      </a:lnTo>
                      <a:lnTo>
                        <a:pt x="120" y="51"/>
                      </a:lnTo>
                      <a:lnTo>
                        <a:pt x="118" y="52"/>
                      </a:lnTo>
                      <a:lnTo>
                        <a:pt x="116" y="52"/>
                      </a:lnTo>
                      <a:lnTo>
                        <a:pt x="116" y="54"/>
                      </a:lnTo>
                      <a:lnTo>
                        <a:pt x="108" y="54"/>
                      </a:lnTo>
                      <a:lnTo>
                        <a:pt x="101" y="56"/>
                      </a:lnTo>
                      <a:lnTo>
                        <a:pt x="96" y="59"/>
                      </a:lnTo>
                      <a:lnTo>
                        <a:pt x="91" y="62"/>
                      </a:lnTo>
                      <a:lnTo>
                        <a:pt x="89" y="67"/>
                      </a:lnTo>
                      <a:lnTo>
                        <a:pt x="86" y="71"/>
                      </a:lnTo>
                      <a:lnTo>
                        <a:pt x="86" y="73"/>
                      </a:lnTo>
                      <a:lnTo>
                        <a:pt x="86" y="74"/>
                      </a:lnTo>
                      <a:lnTo>
                        <a:pt x="88" y="79"/>
                      </a:lnTo>
                      <a:lnTo>
                        <a:pt x="88" y="86"/>
                      </a:lnTo>
                      <a:lnTo>
                        <a:pt x="89" y="91"/>
                      </a:lnTo>
                      <a:lnTo>
                        <a:pt x="89" y="96"/>
                      </a:lnTo>
                      <a:lnTo>
                        <a:pt x="89" y="101"/>
                      </a:lnTo>
                      <a:lnTo>
                        <a:pt x="89" y="106"/>
                      </a:lnTo>
                      <a:lnTo>
                        <a:pt x="88" y="110"/>
                      </a:lnTo>
                      <a:lnTo>
                        <a:pt x="86" y="115"/>
                      </a:lnTo>
                      <a:lnTo>
                        <a:pt x="86" y="118"/>
                      </a:lnTo>
                      <a:lnTo>
                        <a:pt x="84" y="123"/>
                      </a:lnTo>
                      <a:lnTo>
                        <a:pt x="83" y="127"/>
                      </a:lnTo>
                      <a:lnTo>
                        <a:pt x="83" y="128"/>
                      </a:lnTo>
                      <a:lnTo>
                        <a:pt x="81" y="132"/>
                      </a:lnTo>
                      <a:lnTo>
                        <a:pt x="79" y="133"/>
                      </a:lnTo>
                      <a:lnTo>
                        <a:pt x="72" y="132"/>
                      </a:lnTo>
                      <a:lnTo>
                        <a:pt x="66" y="130"/>
                      </a:lnTo>
                      <a:lnTo>
                        <a:pt x="66" y="128"/>
                      </a:lnTo>
                      <a:lnTo>
                        <a:pt x="67" y="125"/>
                      </a:lnTo>
                      <a:lnTo>
                        <a:pt x="67" y="118"/>
                      </a:lnTo>
                      <a:lnTo>
                        <a:pt x="69" y="113"/>
                      </a:lnTo>
                      <a:lnTo>
                        <a:pt x="71" y="106"/>
                      </a:lnTo>
                      <a:lnTo>
                        <a:pt x="71" y="100"/>
                      </a:lnTo>
                      <a:lnTo>
                        <a:pt x="71" y="95"/>
                      </a:lnTo>
                      <a:lnTo>
                        <a:pt x="71" y="93"/>
                      </a:lnTo>
                      <a:lnTo>
                        <a:pt x="69" y="86"/>
                      </a:lnTo>
                      <a:lnTo>
                        <a:pt x="67" y="83"/>
                      </a:lnTo>
                      <a:lnTo>
                        <a:pt x="66" y="81"/>
                      </a:lnTo>
                      <a:lnTo>
                        <a:pt x="64" y="83"/>
                      </a:lnTo>
                      <a:lnTo>
                        <a:pt x="64" y="84"/>
                      </a:lnTo>
                      <a:lnTo>
                        <a:pt x="62" y="88"/>
                      </a:lnTo>
                      <a:lnTo>
                        <a:pt x="62" y="89"/>
                      </a:lnTo>
                      <a:lnTo>
                        <a:pt x="61" y="91"/>
                      </a:lnTo>
                      <a:lnTo>
                        <a:pt x="61" y="93"/>
                      </a:lnTo>
                      <a:lnTo>
                        <a:pt x="59" y="98"/>
                      </a:lnTo>
                      <a:lnTo>
                        <a:pt x="56" y="101"/>
                      </a:lnTo>
                      <a:lnTo>
                        <a:pt x="54" y="106"/>
                      </a:lnTo>
                      <a:lnTo>
                        <a:pt x="52" y="110"/>
                      </a:lnTo>
                      <a:lnTo>
                        <a:pt x="50" y="113"/>
                      </a:lnTo>
                      <a:lnTo>
                        <a:pt x="49" y="113"/>
                      </a:lnTo>
                      <a:lnTo>
                        <a:pt x="44" y="111"/>
                      </a:lnTo>
                      <a:lnTo>
                        <a:pt x="40" y="111"/>
                      </a:lnTo>
                      <a:lnTo>
                        <a:pt x="39" y="113"/>
                      </a:lnTo>
                      <a:lnTo>
                        <a:pt x="39" y="115"/>
                      </a:lnTo>
                      <a:lnTo>
                        <a:pt x="39" y="117"/>
                      </a:lnTo>
                      <a:lnTo>
                        <a:pt x="32" y="120"/>
                      </a:lnTo>
                      <a:lnTo>
                        <a:pt x="32" y="122"/>
                      </a:lnTo>
                      <a:lnTo>
                        <a:pt x="32" y="125"/>
                      </a:lnTo>
                      <a:lnTo>
                        <a:pt x="30" y="128"/>
                      </a:lnTo>
                      <a:lnTo>
                        <a:pt x="30" y="133"/>
                      </a:lnTo>
                      <a:lnTo>
                        <a:pt x="30" y="137"/>
                      </a:lnTo>
                      <a:lnTo>
                        <a:pt x="30" y="139"/>
                      </a:lnTo>
                      <a:lnTo>
                        <a:pt x="30" y="140"/>
                      </a:lnTo>
                      <a:lnTo>
                        <a:pt x="23" y="144"/>
                      </a:lnTo>
                      <a:lnTo>
                        <a:pt x="20" y="147"/>
                      </a:lnTo>
                      <a:lnTo>
                        <a:pt x="18" y="150"/>
                      </a:lnTo>
                      <a:lnTo>
                        <a:pt x="17" y="152"/>
                      </a:lnTo>
                      <a:lnTo>
                        <a:pt x="15" y="155"/>
                      </a:lnTo>
                      <a:lnTo>
                        <a:pt x="17" y="159"/>
                      </a:lnTo>
                      <a:lnTo>
                        <a:pt x="17" y="161"/>
                      </a:lnTo>
                      <a:lnTo>
                        <a:pt x="18" y="162"/>
                      </a:lnTo>
                      <a:lnTo>
                        <a:pt x="20" y="166"/>
                      </a:lnTo>
                      <a:lnTo>
                        <a:pt x="20" y="171"/>
                      </a:lnTo>
                      <a:lnTo>
                        <a:pt x="20" y="176"/>
                      </a:lnTo>
                      <a:lnTo>
                        <a:pt x="20" y="181"/>
                      </a:lnTo>
                      <a:lnTo>
                        <a:pt x="18" y="186"/>
                      </a:lnTo>
                      <a:lnTo>
                        <a:pt x="17" y="193"/>
                      </a:lnTo>
                      <a:lnTo>
                        <a:pt x="15" y="198"/>
                      </a:lnTo>
                      <a:lnTo>
                        <a:pt x="13" y="203"/>
                      </a:lnTo>
                      <a:lnTo>
                        <a:pt x="12" y="210"/>
                      </a:lnTo>
                      <a:lnTo>
                        <a:pt x="10" y="215"/>
                      </a:lnTo>
                      <a:lnTo>
                        <a:pt x="8" y="220"/>
                      </a:lnTo>
                      <a:lnTo>
                        <a:pt x="6" y="225"/>
                      </a:lnTo>
                      <a:lnTo>
                        <a:pt x="5" y="228"/>
                      </a:lnTo>
                      <a:lnTo>
                        <a:pt x="3" y="232"/>
                      </a:lnTo>
                      <a:lnTo>
                        <a:pt x="3" y="233"/>
                      </a:lnTo>
                      <a:lnTo>
                        <a:pt x="5" y="238"/>
                      </a:lnTo>
                      <a:lnTo>
                        <a:pt x="6" y="245"/>
                      </a:lnTo>
                      <a:lnTo>
                        <a:pt x="8" y="250"/>
                      </a:lnTo>
                      <a:lnTo>
                        <a:pt x="8" y="255"/>
                      </a:lnTo>
                      <a:lnTo>
                        <a:pt x="10" y="260"/>
                      </a:lnTo>
                      <a:lnTo>
                        <a:pt x="10" y="264"/>
                      </a:lnTo>
                      <a:lnTo>
                        <a:pt x="10" y="267"/>
                      </a:lnTo>
                      <a:lnTo>
                        <a:pt x="6" y="269"/>
                      </a:lnTo>
                      <a:lnTo>
                        <a:pt x="5" y="271"/>
                      </a:lnTo>
                      <a:lnTo>
                        <a:pt x="3" y="274"/>
                      </a:lnTo>
                      <a:lnTo>
                        <a:pt x="3" y="277"/>
                      </a:lnTo>
                      <a:lnTo>
                        <a:pt x="5" y="282"/>
                      </a:lnTo>
                      <a:lnTo>
                        <a:pt x="6" y="287"/>
                      </a:lnTo>
                      <a:lnTo>
                        <a:pt x="8" y="294"/>
                      </a:lnTo>
                      <a:lnTo>
                        <a:pt x="12" y="299"/>
                      </a:lnTo>
                      <a:lnTo>
                        <a:pt x="15" y="306"/>
                      </a:lnTo>
                      <a:lnTo>
                        <a:pt x="17" y="311"/>
                      </a:lnTo>
                      <a:lnTo>
                        <a:pt x="20" y="318"/>
                      </a:lnTo>
                      <a:lnTo>
                        <a:pt x="23" y="323"/>
                      </a:lnTo>
                      <a:lnTo>
                        <a:pt x="25" y="326"/>
                      </a:lnTo>
                      <a:lnTo>
                        <a:pt x="27" y="330"/>
                      </a:lnTo>
                      <a:lnTo>
                        <a:pt x="28" y="333"/>
                      </a:lnTo>
                      <a:lnTo>
                        <a:pt x="30" y="333"/>
                      </a:lnTo>
                      <a:lnTo>
                        <a:pt x="34" y="338"/>
                      </a:lnTo>
                      <a:lnTo>
                        <a:pt x="37" y="345"/>
                      </a:lnTo>
                      <a:lnTo>
                        <a:pt x="39" y="353"/>
                      </a:lnTo>
                      <a:lnTo>
                        <a:pt x="42" y="362"/>
                      </a:lnTo>
                      <a:lnTo>
                        <a:pt x="42" y="370"/>
                      </a:lnTo>
                      <a:lnTo>
                        <a:pt x="44" y="381"/>
                      </a:lnTo>
                      <a:lnTo>
                        <a:pt x="44" y="391"/>
                      </a:lnTo>
                      <a:lnTo>
                        <a:pt x="44" y="401"/>
                      </a:lnTo>
                      <a:lnTo>
                        <a:pt x="44" y="411"/>
                      </a:lnTo>
                      <a:lnTo>
                        <a:pt x="44" y="419"/>
                      </a:lnTo>
                      <a:lnTo>
                        <a:pt x="44" y="428"/>
                      </a:lnTo>
                      <a:lnTo>
                        <a:pt x="42" y="436"/>
                      </a:lnTo>
                      <a:lnTo>
                        <a:pt x="42" y="441"/>
                      </a:lnTo>
                      <a:lnTo>
                        <a:pt x="40" y="447"/>
                      </a:lnTo>
                      <a:lnTo>
                        <a:pt x="40" y="450"/>
                      </a:lnTo>
                      <a:lnTo>
                        <a:pt x="40" y="452"/>
                      </a:lnTo>
                      <a:lnTo>
                        <a:pt x="32" y="463"/>
                      </a:lnTo>
                      <a:lnTo>
                        <a:pt x="27" y="474"/>
                      </a:lnTo>
                      <a:lnTo>
                        <a:pt x="23" y="480"/>
                      </a:lnTo>
                      <a:lnTo>
                        <a:pt x="23" y="487"/>
                      </a:lnTo>
                      <a:lnTo>
                        <a:pt x="23" y="491"/>
                      </a:lnTo>
                      <a:lnTo>
                        <a:pt x="23" y="494"/>
                      </a:lnTo>
                      <a:lnTo>
                        <a:pt x="23" y="496"/>
                      </a:lnTo>
                      <a:lnTo>
                        <a:pt x="18" y="502"/>
                      </a:lnTo>
                      <a:lnTo>
                        <a:pt x="15" y="506"/>
                      </a:lnTo>
                      <a:lnTo>
                        <a:pt x="12" y="511"/>
                      </a:lnTo>
                      <a:lnTo>
                        <a:pt x="8" y="513"/>
                      </a:lnTo>
                      <a:lnTo>
                        <a:pt x="6" y="516"/>
                      </a:lnTo>
                      <a:lnTo>
                        <a:pt x="3" y="518"/>
                      </a:lnTo>
                      <a:lnTo>
                        <a:pt x="3" y="519"/>
                      </a:lnTo>
                      <a:lnTo>
                        <a:pt x="1" y="519"/>
                      </a:lnTo>
                      <a:lnTo>
                        <a:pt x="0" y="519"/>
                      </a:lnTo>
                      <a:lnTo>
                        <a:pt x="184" y="497"/>
                      </a:lnTo>
                      <a:lnTo>
                        <a:pt x="188" y="514"/>
                      </a:lnTo>
                      <a:lnTo>
                        <a:pt x="304" y="496"/>
                      </a:lnTo>
                      <a:close/>
                    </a:path>
                  </a:pathLst>
                </a:custGeom>
                <a:solidFill>
                  <a:srgbClr val="2D73FF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238" name="Freeform 129"/>
              <p:cNvSpPr>
                <a:spLocks/>
              </p:cNvSpPr>
              <p:nvPr/>
            </p:nvSpPr>
            <p:spPr bwMode="auto">
              <a:xfrm>
                <a:off x="3986" y="2043"/>
                <a:ext cx="434" cy="427"/>
              </a:xfrm>
              <a:custGeom>
                <a:avLst/>
                <a:gdLst>
                  <a:gd name="T0" fmla="*/ 44 w 446"/>
                  <a:gd name="T1" fmla="*/ 263 h 440"/>
                  <a:gd name="T2" fmla="*/ 35 w 446"/>
                  <a:gd name="T3" fmla="*/ 261 h 440"/>
                  <a:gd name="T4" fmla="*/ 18 w 446"/>
                  <a:gd name="T5" fmla="*/ 234 h 440"/>
                  <a:gd name="T6" fmla="*/ 5 w 446"/>
                  <a:gd name="T7" fmla="*/ 218 h 440"/>
                  <a:gd name="T8" fmla="*/ 3 w 446"/>
                  <a:gd name="T9" fmla="*/ 201 h 440"/>
                  <a:gd name="T10" fmla="*/ 1 w 446"/>
                  <a:gd name="T11" fmla="*/ 196 h 440"/>
                  <a:gd name="T12" fmla="*/ 18 w 446"/>
                  <a:gd name="T13" fmla="*/ 195 h 440"/>
                  <a:gd name="T14" fmla="*/ 18 w 446"/>
                  <a:gd name="T15" fmla="*/ 167 h 440"/>
                  <a:gd name="T16" fmla="*/ 23 w 446"/>
                  <a:gd name="T17" fmla="*/ 160 h 440"/>
                  <a:gd name="T18" fmla="*/ 26 w 446"/>
                  <a:gd name="T19" fmla="*/ 148 h 440"/>
                  <a:gd name="T20" fmla="*/ 40 w 446"/>
                  <a:gd name="T21" fmla="*/ 148 h 440"/>
                  <a:gd name="T22" fmla="*/ 47 w 446"/>
                  <a:gd name="T23" fmla="*/ 148 h 440"/>
                  <a:gd name="T24" fmla="*/ 64 w 446"/>
                  <a:gd name="T25" fmla="*/ 110 h 440"/>
                  <a:gd name="T26" fmla="*/ 74 w 446"/>
                  <a:gd name="T27" fmla="*/ 110 h 440"/>
                  <a:gd name="T28" fmla="*/ 81 w 446"/>
                  <a:gd name="T29" fmla="*/ 103 h 440"/>
                  <a:gd name="T30" fmla="*/ 90 w 446"/>
                  <a:gd name="T31" fmla="*/ 90 h 440"/>
                  <a:gd name="T32" fmla="*/ 97 w 446"/>
                  <a:gd name="T33" fmla="*/ 72 h 440"/>
                  <a:gd name="T34" fmla="*/ 98 w 446"/>
                  <a:gd name="T35" fmla="*/ 59 h 440"/>
                  <a:gd name="T36" fmla="*/ 102 w 446"/>
                  <a:gd name="T37" fmla="*/ 37 h 440"/>
                  <a:gd name="T38" fmla="*/ 100 w 446"/>
                  <a:gd name="T39" fmla="*/ 10 h 440"/>
                  <a:gd name="T40" fmla="*/ 184 w 446"/>
                  <a:gd name="T41" fmla="*/ 62 h 440"/>
                  <a:gd name="T42" fmla="*/ 216 w 446"/>
                  <a:gd name="T43" fmla="*/ 80 h 440"/>
                  <a:gd name="T44" fmla="*/ 230 w 446"/>
                  <a:gd name="T45" fmla="*/ 65 h 440"/>
                  <a:gd name="T46" fmla="*/ 249 w 446"/>
                  <a:gd name="T47" fmla="*/ 66 h 440"/>
                  <a:gd name="T48" fmla="*/ 260 w 446"/>
                  <a:gd name="T49" fmla="*/ 53 h 440"/>
                  <a:gd name="T50" fmla="*/ 282 w 446"/>
                  <a:gd name="T51" fmla="*/ 55 h 440"/>
                  <a:gd name="T52" fmla="*/ 290 w 446"/>
                  <a:gd name="T53" fmla="*/ 55 h 440"/>
                  <a:gd name="T54" fmla="*/ 296 w 446"/>
                  <a:gd name="T55" fmla="*/ 62 h 440"/>
                  <a:gd name="T56" fmla="*/ 302 w 446"/>
                  <a:gd name="T57" fmla="*/ 79 h 440"/>
                  <a:gd name="T58" fmla="*/ 299 w 446"/>
                  <a:gd name="T59" fmla="*/ 86 h 440"/>
                  <a:gd name="T60" fmla="*/ 276 w 446"/>
                  <a:gd name="T61" fmla="*/ 80 h 440"/>
                  <a:gd name="T62" fmla="*/ 262 w 446"/>
                  <a:gd name="T63" fmla="*/ 74 h 440"/>
                  <a:gd name="T64" fmla="*/ 254 w 446"/>
                  <a:gd name="T65" fmla="*/ 107 h 440"/>
                  <a:gd name="T66" fmla="*/ 242 w 446"/>
                  <a:gd name="T67" fmla="*/ 119 h 440"/>
                  <a:gd name="T68" fmla="*/ 236 w 446"/>
                  <a:gd name="T69" fmla="*/ 134 h 440"/>
                  <a:gd name="T70" fmla="*/ 229 w 446"/>
                  <a:gd name="T71" fmla="*/ 129 h 440"/>
                  <a:gd name="T72" fmla="*/ 223 w 446"/>
                  <a:gd name="T73" fmla="*/ 143 h 440"/>
                  <a:gd name="T74" fmla="*/ 221 w 446"/>
                  <a:gd name="T75" fmla="*/ 149 h 440"/>
                  <a:gd name="T76" fmla="*/ 218 w 446"/>
                  <a:gd name="T77" fmla="*/ 159 h 440"/>
                  <a:gd name="T78" fmla="*/ 199 w 446"/>
                  <a:gd name="T79" fmla="*/ 160 h 440"/>
                  <a:gd name="T80" fmla="*/ 188 w 446"/>
                  <a:gd name="T81" fmla="*/ 160 h 440"/>
                  <a:gd name="T82" fmla="*/ 188 w 446"/>
                  <a:gd name="T83" fmla="*/ 176 h 440"/>
                  <a:gd name="T84" fmla="*/ 183 w 446"/>
                  <a:gd name="T85" fmla="*/ 189 h 440"/>
                  <a:gd name="T86" fmla="*/ 179 w 446"/>
                  <a:gd name="T87" fmla="*/ 195 h 440"/>
                  <a:gd name="T88" fmla="*/ 174 w 446"/>
                  <a:gd name="T89" fmla="*/ 212 h 440"/>
                  <a:gd name="T90" fmla="*/ 163 w 446"/>
                  <a:gd name="T91" fmla="*/ 232 h 440"/>
                  <a:gd name="T92" fmla="*/ 163 w 446"/>
                  <a:gd name="T93" fmla="*/ 239 h 440"/>
                  <a:gd name="T94" fmla="*/ 164 w 446"/>
                  <a:gd name="T95" fmla="*/ 253 h 440"/>
                  <a:gd name="T96" fmla="*/ 148 w 446"/>
                  <a:gd name="T97" fmla="*/ 259 h 440"/>
                  <a:gd name="T98" fmla="*/ 136 w 446"/>
                  <a:gd name="T99" fmla="*/ 267 h 440"/>
                  <a:gd name="T100" fmla="*/ 125 w 446"/>
                  <a:gd name="T101" fmla="*/ 268 h 440"/>
                  <a:gd name="T102" fmla="*/ 122 w 446"/>
                  <a:gd name="T103" fmla="*/ 276 h 440"/>
                  <a:gd name="T104" fmla="*/ 118 w 446"/>
                  <a:gd name="T105" fmla="*/ 279 h 440"/>
                  <a:gd name="T106" fmla="*/ 97 w 446"/>
                  <a:gd name="T107" fmla="*/ 280 h 440"/>
                  <a:gd name="T108" fmla="*/ 90 w 446"/>
                  <a:gd name="T109" fmla="*/ 285 h 440"/>
                  <a:gd name="T110" fmla="*/ 74 w 446"/>
                  <a:gd name="T111" fmla="*/ 288 h 440"/>
                  <a:gd name="T112" fmla="*/ 55 w 446"/>
                  <a:gd name="T113" fmla="*/ 279 h 440"/>
                  <a:gd name="T114" fmla="*/ 51 w 446"/>
                  <a:gd name="T115" fmla="*/ 265 h 440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446"/>
                  <a:gd name="T175" fmla="*/ 0 h 440"/>
                  <a:gd name="T176" fmla="*/ 446 w 446"/>
                  <a:gd name="T177" fmla="*/ 440 h 440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446" h="440">
                    <a:moveTo>
                      <a:pt x="76" y="404"/>
                    </a:moveTo>
                    <a:lnTo>
                      <a:pt x="64" y="404"/>
                    </a:lnTo>
                    <a:lnTo>
                      <a:pt x="64" y="402"/>
                    </a:lnTo>
                    <a:lnTo>
                      <a:pt x="62" y="401"/>
                    </a:lnTo>
                    <a:lnTo>
                      <a:pt x="62" y="399"/>
                    </a:lnTo>
                    <a:lnTo>
                      <a:pt x="61" y="397"/>
                    </a:lnTo>
                    <a:lnTo>
                      <a:pt x="57" y="397"/>
                    </a:lnTo>
                    <a:lnTo>
                      <a:pt x="54" y="396"/>
                    </a:lnTo>
                    <a:lnTo>
                      <a:pt x="49" y="396"/>
                    </a:lnTo>
                    <a:lnTo>
                      <a:pt x="49" y="394"/>
                    </a:lnTo>
                    <a:lnTo>
                      <a:pt x="45" y="389"/>
                    </a:lnTo>
                    <a:lnTo>
                      <a:pt x="40" y="384"/>
                    </a:lnTo>
                    <a:lnTo>
                      <a:pt x="35" y="375"/>
                    </a:lnTo>
                    <a:lnTo>
                      <a:pt x="28" y="367"/>
                    </a:lnTo>
                    <a:lnTo>
                      <a:pt x="22" y="357"/>
                    </a:lnTo>
                    <a:lnTo>
                      <a:pt x="13" y="348"/>
                    </a:lnTo>
                    <a:lnTo>
                      <a:pt x="5" y="338"/>
                    </a:lnTo>
                    <a:lnTo>
                      <a:pt x="5" y="335"/>
                    </a:lnTo>
                    <a:lnTo>
                      <a:pt x="5" y="331"/>
                    </a:lnTo>
                    <a:lnTo>
                      <a:pt x="6" y="326"/>
                    </a:lnTo>
                    <a:lnTo>
                      <a:pt x="6" y="323"/>
                    </a:lnTo>
                    <a:lnTo>
                      <a:pt x="6" y="318"/>
                    </a:lnTo>
                    <a:lnTo>
                      <a:pt x="5" y="311"/>
                    </a:lnTo>
                    <a:lnTo>
                      <a:pt x="3" y="306"/>
                    </a:lnTo>
                    <a:lnTo>
                      <a:pt x="0" y="303"/>
                    </a:lnTo>
                    <a:lnTo>
                      <a:pt x="0" y="299"/>
                    </a:lnTo>
                    <a:lnTo>
                      <a:pt x="0" y="297"/>
                    </a:lnTo>
                    <a:lnTo>
                      <a:pt x="1" y="297"/>
                    </a:lnTo>
                    <a:lnTo>
                      <a:pt x="1" y="299"/>
                    </a:lnTo>
                    <a:lnTo>
                      <a:pt x="3" y="299"/>
                    </a:lnTo>
                    <a:lnTo>
                      <a:pt x="6" y="303"/>
                    </a:lnTo>
                    <a:lnTo>
                      <a:pt x="13" y="301"/>
                    </a:lnTo>
                    <a:lnTo>
                      <a:pt x="18" y="297"/>
                    </a:lnTo>
                    <a:lnTo>
                      <a:pt x="23" y="292"/>
                    </a:lnTo>
                    <a:lnTo>
                      <a:pt x="28" y="287"/>
                    </a:lnTo>
                    <a:lnTo>
                      <a:pt x="32" y="281"/>
                    </a:lnTo>
                    <a:lnTo>
                      <a:pt x="34" y="277"/>
                    </a:lnTo>
                    <a:lnTo>
                      <a:pt x="35" y="275"/>
                    </a:lnTo>
                    <a:lnTo>
                      <a:pt x="32" y="253"/>
                    </a:lnTo>
                    <a:lnTo>
                      <a:pt x="34" y="252"/>
                    </a:lnTo>
                    <a:lnTo>
                      <a:pt x="34" y="250"/>
                    </a:lnTo>
                    <a:lnTo>
                      <a:pt x="35" y="247"/>
                    </a:lnTo>
                    <a:lnTo>
                      <a:pt x="37" y="243"/>
                    </a:lnTo>
                    <a:lnTo>
                      <a:pt x="39" y="242"/>
                    </a:lnTo>
                    <a:lnTo>
                      <a:pt x="39" y="238"/>
                    </a:lnTo>
                    <a:lnTo>
                      <a:pt x="40" y="230"/>
                    </a:lnTo>
                    <a:lnTo>
                      <a:pt x="40" y="225"/>
                    </a:lnTo>
                    <a:lnTo>
                      <a:pt x="44" y="221"/>
                    </a:lnTo>
                    <a:lnTo>
                      <a:pt x="45" y="221"/>
                    </a:lnTo>
                    <a:lnTo>
                      <a:pt x="49" y="221"/>
                    </a:lnTo>
                    <a:lnTo>
                      <a:pt x="50" y="221"/>
                    </a:lnTo>
                    <a:lnTo>
                      <a:pt x="52" y="223"/>
                    </a:lnTo>
                    <a:lnTo>
                      <a:pt x="54" y="225"/>
                    </a:lnTo>
                    <a:lnTo>
                      <a:pt x="57" y="233"/>
                    </a:lnTo>
                    <a:lnTo>
                      <a:pt x="61" y="235"/>
                    </a:lnTo>
                    <a:lnTo>
                      <a:pt x="62" y="233"/>
                    </a:lnTo>
                    <a:lnTo>
                      <a:pt x="66" y="230"/>
                    </a:lnTo>
                    <a:lnTo>
                      <a:pt x="67" y="225"/>
                    </a:lnTo>
                    <a:lnTo>
                      <a:pt x="67" y="221"/>
                    </a:lnTo>
                    <a:lnTo>
                      <a:pt x="67" y="216"/>
                    </a:lnTo>
                    <a:lnTo>
                      <a:pt x="69" y="216"/>
                    </a:lnTo>
                    <a:lnTo>
                      <a:pt x="71" y="189"/>
                    </a:lnTo>
                    <a:lnTo>
                      <a:pt x="93" y="167"/>
                    </a:lnTo>
                    <a:lnTo>
                      <a:pt x="93" y="169"/>
                    </a:lnTo>
                    <a:lnTo>
                      <a:pt x="94" y="171"/>
                    </a:lnTo>
                    <a:lnTo>
                      <a:pt x="98" y="171"/>
                    </a:lnTo>
                    <a:lnTo>
                      <a:pt x="101" y="169"/>
                    </a:lnTo>
                    <a:lnTo>
                      <a:pt x="105" y="169"/>
                    </a:lnTo>
                    <a:lnTo>
                      <a:pt x="108" y="167"/>
                    </a:lnTo>
                    <a:lnTo>
                      <a:pt x="110" y="165"/>
                    </a:lnTo>
                    <a:lnTo>
                      <a:pt x="110" y="164"/>
                    </a:lnTo>
                    <a:lnTo>
                      <a:pt x="111" y="164"/>
                    </a:lnTo>
                    <a:lnTo>
                      <a:pt x="113" y="160"/>
                    </a:lnTo>
                    <a:lnTo>
                      <a:pt x="118" y="155"/>
                    </a:lnTo>
                    <a:lnTo>
                      <a:pt x="122" y="150"/>
                    </a:lnTo>
                    <a:lnTo>
                      <a:pt x="125" y="147"/>
                    </a:lnTo>
                    <a:lnTo>
                      <a:pt x="130" y="142"/>
                    </a:lnTo>
                    <a:lnTo>
                      <a:pt x="132" y="138"/>
                    </a:lnTo>
                    <a:lnTo>
                      <a:pt x="133" y="137"/>
                    </a:lnTo>
                    <a:lnTo>
                      <a:pt x="138" y="130"/>
                    </a:lnTo>
                    <a:lnTo>
                      <a:pt x="142" y="125"/>
                    </a:lnTo>
                    <a:lnTo>
                      <a:pt x="144" y="120"/>
                    </a:lnTo>
                    <a:lnTo>
                      <a:pt x="144" y="115"/>
                    </a:lnTo>
                    <a:lnTo>
                      <a:pt x="144" y="111"/>
                    </a:lnTo>
                    <a:lnTo>
                      <a:pt x="142" y="108"/>
                    </a:lnTo>
                    <a:lnTo>
                      <a:pt x="142" y="106"/>
                    </a:lnTo>
                    <a:lnTo>
                      <a:pt x="142" y="105"/>
                    </a:lnTo>
                    <a:lnTo>
                      <a:pt x="142" y="103"/>
                    </a:lnTo>
                    <a:lnTo>
                      <a:pt x="142" y="96"/>
                    </a:lnTo>
                    <a:lnTo>
                      <a:pt x="144" y="89"/>
                    </a:lnTo>
                    <a:lnTo>
                      <a:pt x="144" y="79"/>
                    </a:lnTo>
                    <a:lnTo>
                      <a:pt x="145" y="69"/>
                    </a:lnTo>
                    <a:lnTo>
                      <a:pt x="147" y="61"/>
                    </a:lnTo>
                    <a:lnTo>
                      <a:pt x="147" y="55"/>
                    </a:lnTo>
                    <a:lnTo>
                      <a:pt x="149" y="52"/>
                    </a:lnTo>
                    <a:lnTo>
                      <a:pt x="152" y="47"/>
                    </a:lnTo>
                    <a:lnTo>
                      <a:pt x="152" y="40"/>
                    </a:lnTo>
                    <a:lnTo>
                      <a:pt x="152" y="32"/>
                    </a:lnTo>
                    <a:lnTo>
                      <a:pt x="150" y="23"/>
                    </a:lnTo>
                    <a:lnTo>
                      <a:pt x="149" y="15"/>
                    </a:lnTo>
                    <a:lnTo>
                      <a:pt x="147" y="10"/>
                    </a:lnTo>
                    <a:lnTo>
                      <a:pt x="145" y="5"/>
                    </a:lnTo>
                    <a:lnTo>
                      <a:pt x="144" y="3"/>
                    </a:lnTo>
                    <a:lnTo>
                      <a:pt x="155" y="0"/>
                    </a:lnTo>
                    <a:lnTo>
                      <a:pt x="174" y="111"/>
                    </a:lnTo>
                    <a:lnTo>
                      <a:pt x="269" y="93"/>
                    </a:lnTo>
                    <a:lnTo>
                      <a:pt x="279" y="154"/>
                    </a:lnTo>
                    <a:lnTo>
                      <a:pt x="314" y="121"/>
                    </a:lnTo>
                    <a:lnTo>
                      <a:pt x="314" y="123"/>
                    </a:lnTo>
                    <a:lnTo>
                      <a:pt x="316" y="123"/>
                    </a:lnTo>
                    <a:lnTo>
                      <a:pt x="318" y="123"/>
                    </a:lnTo>
                    <a:lnTo>
                      <a:pt x="321" y="121"/>
                    </a:lnTo>
                    <a:lnTo>
                      <a:pt x="326" y="116"/>
                    </a:lnTo>
                    <a:lnTo>
                      <a:pt x="331" y="110"/>
                    </a:lnTo>
                    <a:lnTo>
                      <a:pt x="338" y="98"/>
                    </a:lnTo>
                    <a:lnTo>
                      <a:pt x="340" y="98"/>
                    </a:lnTo>
                    <a:lnTo>
                      <a:pt x="343" y="99"/>
                    </a:lnTo>
                    <a:lnTo>
                      <a:pt x="348" y="101"/>
                    </a:lnTo>
                    <a:lnTo>
                      <a:pt x="353" y="101"/>
                    </a:lnTo>
                    <a:lnTo>
                      <a:pt x="358" y="101"/>
                    </a:lnTo>
                    <a:lnTo>
                      <a:pt x="365" y="99"/>
                    </a:lnTo>
                    <a:lnTo>
                      <a:pt x="370" y="94"/>
                    </a:lnTo>
                    <a:lnTo>
                      <a:pt x="375" y="88"/>
                    </a:lnTo>
                    <a:lnTo>
                      <a:pt x="377" y="86"/>
                    </a:lnTo>
                    <a:lnTo>
                      <a:pt x="377" y="84"/>
                    </a:lnTo>
                    <a:lnTo>
                      <a:pt x="380" y="81"/>
                    </a:lnTo>
                    <a:lnTo>
                      <a:pt x="384" y="79"/>
                    </a:lnTo>
                    <a:lnTo>
                      <a:pt x="389" y="77"/>
                    </a:lnTo>
                    <a:lnTo>
                      <a:pt x="394" y="77"/>
                    </a:lnTo>
                    <a:lnTo>
                      <a:pt x="402" y="79"/>
                    </a:lnTo>
                    <a:lnTo>
                      <a:pt x="413" y="83"/>
                    </a:lnTo>
                    <a:lnTo>
                      <a:pt x="414" y="83"/>
                    </a:lnTo>
                    <a:lnTo>
                      <a:pt x="416" y="83"/>
                    </a:lnTo>
                    <a:lnTo>
                      <a:pt x="418" y="83"/>
                    </a:lnTo>
                    <a:lnTo>
                      <a:pt x="419" y="83"/>
                    </a:lnTo>
                    <a:lnTo>
                      <a:pt x="423" y="83"/>
                    </a:lnTo>
                    <a:lnTo>
                      <a:pt x="424" y="83"/>
                    </a:lnTo>
                    <a:lnTo>
                      <a:pt x="426" y="83"/>
                    </a:lnTo>
                    <a:lnTo>
                      <a:pt x="428" y="89"/>
                    </a:lnTo>
                    <a:lnTo>
                      <a:pt x="430" y="91"/>
                    </a:lnTo>
                    <a:lnTo>
                      <a:pt x="433" y="93"/>
                    </a:lnTo>
                    <a:lnTo>
                      <a:pt x="436" y="96"/>
                    </a:lnTo>
                    <a:lnTo>
                      <a:pt x="441" y="99"/>
                    </a:lnTo>
                    <a:lnTo>
                      <a:pt x="445" y="105"/>
                    </a:lnTo>
                    <a:lnTo>
                      <a:pt x="446" y="110"/>
                    </a:lnTo>
                    <a:lnTo>
                      <a:pt x="446" y="115"/>
                    </a:lnTo>
                    <a:lnTo>
                      <a:pt x="443" y="120"/>
                    </a:lnTo>
                    <a:lnTo>
                      <a:pt x="443" y="121"/>
                    </a:lnTo>
                    <a:lnTo>
                      <a:pt x="443" y="125"/>
                    </a:lnTo>
                    <a:lnTo>
                      <a:pt x="443" y="128"/>
                    </a:lnTo>
                    <a:lnTo>
                      <a:pt x="441" y="130"/>
                    </a:lnTo>
                    <a:lnTo>
                      <a:pt x="438" y="132"/>
                    </a:lnTo>
                    <a:lnTo>
                      <a:pt x="433" y="133"/>
                    </a:lnTo>
                    <a:lnTo>
                      <a:pt x="424" y="130"/>
                    </a:lnTo>
                    <a:lnTo>
                      <a:pt x="411" y="125"/>
                    </a:lnTo>
                    <a:lnTo>
                      <a:pt x="409" y="123"/>
                    </a:lnTo>
                    <a:lnTo>
                      <a:pt x="406" y="121"/>
                    </a:lnTo>
                    <a:lnTo>
                      <a:pt x="401" y="120"/>
                    </a:lnTo>
                    <a:lnTo>
                      <a:pt x="396" y="118"/>
                    </a:lnTo>
                    <a:lnTo>
                      <a:pt x="392" y="115"/>
                    </a:lnTo>
                    <a:lnTo>
                      <a:pt x="387" y="113"/>
                    </a:lnTo>
                    <a:lnTo>
                      <a:pt x="384" y="111"/>
                    </a:lnTo>
                    <a:lnTo>
                      <a:pt x="380" y="145"/>
                    </a:lnTo>
                    <a:lnTo>
                      <a:pt x="375" y="150"/>
                    </a:lnTo>
                    <a:lnTo>
                      <a:pt x="375" y="152"/>
                    </a:lnTo>
                    <a:lnTo>
                      <a:pt x="374" y="157"/>
                    </a:lnTo>
                    <a:lnTo>
                      <a:pt x="372" y="162"/>
                    </a:lnTo>
                    <a:lnTo>
                      <a:pt x="369" y="169"/>
                    </a:lnTo>
                    <a:lnTo>
                      <a:pt x="365" y="176"/>
                    </a:lnTo>
                    <a:lnTo>
                      <a:pt x="362" y="179"/>
                    </a:lnTo>
                    <a:lnTo>
                      <a:pt x="358" y="182"/>
                    </a:lnTo>
                    <a:lnTo>
                      <a:pt x="355" y="181"/>
                    </a:lnTo>
                    <a:lnTo>
                      <a:pt x="355" y="182"/>
                    </a:lnTo>
                    <a:lnTo>
                      <a:pt x="355" y="186"/>
                    </a:lnTo>
                    <a:lnTo>
                      <a:pt x="353" y="189"/>
                    </a:lnTo>
                    <a:lnTo>
                      <a:pt x="352" y="194"/>
                    </a:lnTo>
                    <a:lnTo>
                      <a:pt x="350" y="199"/>
                    </a:lnTo>
                    <a:lnTo>
                      <a:pt x="347" y="203"/>
                    </a:lnTo>
                    <a:lnTo>
                      <a:pt x="345" y="203"/>
                    </a:lnTo>
                    <a:lnTo>
                      <a:pt x="342" y="199"/>
                    </a:lnTo>
                    <a:lnTo>
                      <a:pt x="340" y="199"/>
                    </a:lnTo>
                    <a:lnTo>
                      <a:pt x="338" y="198"/>
                    </a:lnTo>
                    <a:lnTo>
                      <a:pt x="336" y="196"/>
                    </a:lnTo>
                    <a:lnTo>
                      <a:pt x="333" y="196"/>
                    </a:lnTo>
                    <a:lnTo>
                      <a:pt x="331" y="198"/>
                    </a:lnTo>
                    <a:lnTo>
                      <a:pt x="328" y="199"/>
                    </a:lnTo>
                    <a:lnTo>
                      <a:pt x="326" y="206"/>
                    </a:lnTo>
                    <a:lnTo>
                      <a:pt x="326" y="216"/>
                    </a:lnTo>
                    <a:lnTo>
                      <a:pt x="326" y="218"/>
                    </a:lnTo>
                    <a:lnTo>
                      <a:pt x="326" y="220"/>
                    </a:lnTo>
                    <a:lnTo>
                      <a:pt x="325" y="223"/>
                    </a:lnTo>
                    <a:lnTo>
                      <a:pt x="325" y="225"/>
                    </a:lnTo>
                    <a:lnTo>
                      <a:pt x="323" y="226"/>
                    </a:lnTo>
                    <a:lnTo>
                      <a:pt x="323" y="228"/>
                    </a:lnTo>
                    <a:lnTo>
                      <a:pt x="323" y="230"/>
                    </a:lnTo>
                    <a:lnTo>
                      <a:pt x="323" y="231"/>
                    </a:lnTo>
                    <a:lnTo>
                      <a:pt x="321" y="235"/>
                    </a:lnTo>
                    <a:lnTo>
                      <a:pt x="320" y="242"/>
                    </a:lnTo>
                    <a:lnTo>
                      <a:pt x="318" y="247"/>
                    </a:lnTo>
                    <a:lnTo>
                      <a:pt x="313" y="250"/>
                    </a:lnTo>
                    <a:lnTo>
                      <a:pt x="308" y="252"/>
                    </a:lnTo>
                    <a:lnTo>
                      <a:pt x="301" y="250"/>
                    </a:lnTo>
                    <a:lnTo>
                      <a:pt x="291" y="243"/>
                    </a:lnTo>
                    <a:lnTo>
                      <a:pt x="289" y="242"/>
                    </a:lnTo>
                    <a:lnTo>
                      <a:pt x="286" y="240"/>
                    </a:lnTo>
                    <a:lnTo>
                      <a:pt x="282" y="238"/>
                    </a:lnTo>
                    <a:lnTo>
                      <a:pt x="279" y="238"/>
                    </a:lnTo>
                    <a:lnTo>
                      <a:pt x="276" y="240"/>
                    </a:lnTo>
                    <a:lnTo>
                      <a:pt x="274" y="243"/>
                    </a:lnTo>
                    <a:lnTo>
                      <a:pt x="274" y="250"/>
                    </a:lnTo>
                    <a:lnTo>
                      <a:pt x="276" y="260"/>
                    </a:lnTo>
                    <a:lnTo>
                      <a:pt x="276" y="262"/>
                    </a:lnTo>
                    <a:lnTo>
                      <a:pt x="276" y="265"/>
                    </a:lnTo>
                    <a:lnTo>
                      <a:pt x="274" y="267"/>
                    </a:lnTo>
                    <a:lnTo>
                      <a:pt x="272" y="269"/>
                    </a:lnTo>
                    <a:lnTo>
                      <a:pt x="272" y="272"/>
                    </a:lnTo>
                    <a:lnTo>
                      <a:pt x="270" y="274"/>
                    </a:lnTo>
                    <a:lnTo>
                      <a:pt x="270" y="275"/>
                    </a:lnTo>
                    <a:lnTo>
                      <a:pt x="269" y="275"/>
                    </a:lnTo>
                    <a:lnTo>
                      <a:pt x="267" y="287"/>
                    </a:lnTo>
                    <a:lnTo>
                      <a:pt x="265" y="289"/>
                    </a:lnTo>
                    <a:lnTo>
                      <a:pt x="264" y="291"/>
                    </a:lnTo>
                    <a:lnTo>
                      <a:pt x="264" y="292"/>
                    </a:lnTo>
                    <a:lnTo>
                      <a:pt x="262" y="296"/>
                    </a:lnTo>
                    <a:lnTo>
                      <a:pt x="260" y="301"/>
                    </a:lnTo>
                    <a:lnTo>
                      <a:pt x="259" y="308"/>
                    </a:lnTo>
                    <a:lnTo>
                      <a:pt x="259" y="314"/>
                    </a:lnTo>
                    <a:lnTo>
                      <a:pt x="259" y="318"/>
                    </a:lnTo>
                    <a:lnTo>
                      <a:pt x="255" y="321"/>
                    </a:lnTo>
                    <a:lnTo>
                      <a:pt x="252" y="326"/>
                    </a:lnTo>
                    <a:lnTo>
                      <a:pt x="248" y="331"/>
                    </a:lnTo>
                    <a:lnTo>
                      <a:pt x="245" y="336"/>
                    </a:lnTo>
                    <a:lnTo>
                      <a:pt x="242" y="341"/>
                    </a:lnTo>
                    <a:lnTo>
                      <a:pt x="240" y="347"/>
                    </a:lnTo>
                    <a:lnTo>
                      <a:pt x="238" y="352"/>
                    </a:lnTo>
                    <a:lnTo>
                      <a:pt x="238" y="353"/>
                    </a:lnTo>
                    <a:lnTo>
                      <a:pt x="238" y="355"/>
                    </a:lnTo>
                    <a:lnTo>
                      <a:pt x="238" y="357"/>
                    </a:lnTo>
                    <a:lnTo>
                      <a:pt x="238" y="360"/>
                    </a:lnTo>
                    <a:lnTo>
                      <a:pt x="238" y="362"/>
                    </a:lnTo>
                    <a:lnTo>
                      <a:pt x="238" y="363"/>
                    </a:lnTo>
                    <a:lnTo>
                      <a:pt x="238" y="365"/>
                    </a:lnTo>
                    <a:lnTo>
                      <a:pt x="243" y="369"/>
                    </a:lnTo>
                    <a:lnTo>
                      <a:pt x="237" y="377"/>
                    </a:lnTo>
                    <a:lnTo>
                      <a:pt x="242" y="384"/>
                    </a:lnTo>
                    <a:lnTo>
                      <a:pt x="225" y="396"/>
                    </a:lnTo>
                    <a:lnTo>
                      <a:pt x="223" y="396"/>
                    </a:lnTo>
                    <a:lnTo>
                      <a:pt x="220" y="394"/>
                    </a:lnTo>
                    <a:lnTo>
                      <a:pt x="216" y="394"/>
                    </a:lnTo>
                    <a:lnTo>
                      <a:pt x="211" y="394"/>
                    </a:lnTo>
                    <a:lnTo>
                      <a:pt x="208" y="396"/>
                    </a:lnTo>
                    <a:lnTo>
                      <a:pt x="203" y="401"/>
                    </a:lnTo>
                    <a:lnTo>
                      <a:pt x="201" y="407"/>
                    </a:lnTo>
                    <a:lnTo>
                      <a:pt x="199" y="406"/>
                    </a:lnTo>
                    <a:lnTo>
                      <a:pt x="198" y="404"/>
                    </a:lnTo>
                    <a:lnTo>
                      <a:pt x="194" y="404"/>
                    </a:lnTo>
                    <a:lnTo>
                      <a:pt x="189" y="402"/>
                    </a:lnTo>
                    <a:lnTo>
                      <a:pt x="186" y="402"/>
                    </a:lnTo>
                    <a:lnTo>
                      <a:pt x="184" y="404"/>
                    </a:lnTo>
                    <a:lnTo>
                      <a:pt x="184" y="407"/>
                    </a:lnTo>
                    <a:lnTo>
                      <a:pt x="186" y="414"/>
                    </a:lnTo>
                    <a:lnTo>
                      <a:pt x="186" y="416"/>
                    </a:lnTo>
                    <a:lnTo>
                      <a:pt x="184" y="418"/>
                    </a:lnTo>
                    <a:lnTo>
                      <a:pt x="182" y="418"/>
                    </a:lnTo>
                    <a:lnTo>
                      <a:pt x="179" y="419"/>
                    </a:lnTo>
                    <a:lnTo>
                      <a:pt x="176" y="421"/>
                    </a:lnTo>
                    <a:lnTo>
                      <a:pt x="174" y="423"/>
                    </a:lnTo>
                    <a:lnTo>
                      <a:pt x="172" y="423"/>
                    </a:lnTo>
                    <a:lnTo>
                      <a:pt x="171" y="424"/>
                    </a:lnTo>
                    <a:lnTo>
                      <a:pt x="167" y="426"/>
                    </a:lnTo>
                    <a:lnTo>
                      <a:pt x="162" y="428"/>
                    </a:lnTo>
                    <a:lnTo>
                      <a:pt x="155" y="429"/>
                    </a:lnTo>
                    <a:lnTo>
                      <a:pt x="150" y="429"/>
                    </a:lnTo>
                    <a:lnTo>
                      <a:pt x="145" y="429"/>
                    </a:lnTo>
                    <a:lnTo>
                      <a:pt x="142" y="428"/>
                    </a:lnTo>
                    <a:lnTo>
                      <a:pt x="140" y="423"/>
                    </a:lnTo>
                    <a:lnTo>
                      <a:pt x="138" y="426"/>
                    </a:lnTo>
                    <a:lnTo>
                      <a:pt x="135" y="429"/>
                    </a:lnTo>
                    <a:lnTo>
                      <a:pt x="132" y="433"/>
                    </a:lnTo>
                    <a:lnTo>
                      <a:pt x="127" y="438"/>
                    </a:lnTo>
                    <a:lnTo>
                      <a:pt x="122" y="440"/>
                    </a:lnTo>
                    <a:lnTo>
                      <a:pt x="116" y="440"/>
                    </a:lnTo>
                    <a:lnTo>
                      <a:pt x="110" y="438"/>
                    </a:lnTo>
                    <a:lnTo>
                      <a:pt x="108" y="438"/>
                    </a:lnTo>
                    <a:lnTo>
                      <a:pt x="105" y="438"/>
                    </a:lnTo>
                    <a:lnTo>
                      <a:pt x="101" y="436"/>
                    </a:lnTo>
                    <a:lnTo>
                      <a:pt x="98" y="435"/>
                    </a:lnTo>
                    <a:lnTo>
                      <a:pt x="93" y="433"/>
                    </a:lnTo>
                    <a:lnTo>
                      <a:pt x="88" y="428"/>
                    </a:lnTo>
                    <a:lnTo>
                      <a:pt x="83" y="423"/>
                    </a:lnTo>
                    <a:lnTo>
                      <a:pt x="79" y="416"/>
                    </a:lnTo>
                    <a:lnTo>
                      <a:pt x="78" y="413"/>
                    </a:lnTo>
                    <a:lnTo>
                      <a:pt x="78" y="409"/>
                    </a:lnTo>
                    <a:lnTo>
                      <a:pt x="78" y="406"/>
                    </a:lnTo>
                    <a:lnTo>
                      <a:pt x="76" y="404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39" name="Freeform 130"/>
              <p:cNvSpPr>
                <a:spLocks/>
              </p:cNvSpPr>
              <p:nvPr/>
            </p:nvSpPr>
            <p:spPr bwMode="auto">
              <a:xfrm>
                <a:off x="4583" y="2049"/>
                <a:ext cx="102" cy="170"/>
              </a:xfrm>
              <a:custGeom>
                <a:avLst/>
                <a:gdLst>
                  <a:gd name="T0" fmla="*/ 17 w 105"/>
                  <a:gd name="T1" fmla="*/ 16 h 175"/>
                  <a:gd name="T2" fmla="*/ 17 w 105"/>
                  <a:gd name="T3" fmla="*/ 17 h 175"/>
                  <a:gd name="T4" fmla="*/ 17 w 105"/>
                  <a:gd name="T5" fmla="*/ 17 h 175"/>
                  <a:gd name="T6" fmla="*/ 17 w 105"/>
                  <a:gd name="T7" fmla="*/ 20 h 175"/>
                  <a:gd name="T8" fmla="*/ 17 w 105"/>
                  <a:gd name="T9" fmla="*/ 22 h 175"/>
                  <a:gd name="T10" fmla="*/ 17 w 105"/>
                  <a:gd name="T11" fmla="*/ 24 h 175"/>
                  <a:gd name="T12" fmla="*/ 17 w 105"/>
                  <a:gd name="T13" fmla="*/ 32 h 175"/>
                  <a:gd name="T14" fmla="*/ 17 w 105"/>
                  <a:gd name="T15" fmla="*/ 39 h 175"/>
                  <a:gd name="T16" fmla="*/ 20 w 105"/>
                  <a:gd name="T17" fmla="*/ 42 h 175"/>
                  <a:gd name="T18" fmla="*/ 23 w 105"/>
                  <a:gd name="T19" fmla="*/ 42 h 175"/>
                  <a:gd name="T20" fmla="*/ 25 w 105"/>
                  <a:gd name="T21" fmla="*/ 43 h 175"/>
                  <a:gd name="T22" fmla="*/ 30 w 105"/>
                  <a:gd name="T23" fmla="*/ 45 h 175"/>
                  <a:gd name="T24" fmla="*/ 35 w 105"/>
                  <a:gd name="T25" fmla="*/ 48 h 175"/>
                  <a:gd name="T26" fmla="*/ 35 w 105"/>
                  <a:gd name="T27" fmla="*/ 54 h 175"/>
                  <a:gd name="T28" fmla="*/ 35 w 105"/>
                  <a:gd name="T29" fmla="*/ 59 h 175"/>
                  <a:gd name="T30" fmla="*/ 35 w 105"/>
                  <a:gd name="T31" fmla="*/ 59 h 175"/>
                  <a:gd name="T32" fmla="*/ 39 w 105"/>
                  <a:gd name="T33" fmla="*/ 63 h 175"/>
                  <a:gd name="T34" fmla="*/ 41 w 105"/>
                  <a:gd name="T35" fmla="*/ 67 h 175"/>
                  <a:gd name="T36" fmla="*/ 43 w 105"/>
                  <a:gd name="T37" fmla="*/ 70 h 175"/>
                  <a:gd name="T38" fmla="*/ 43 w 105"/>
                  <a:gd name="T39" fmla="*/ 71 h 175"/>
                  <a:gd name="T40" fmla="*/ 44 w 105"/>
                  <a:gd name="T41" fmla="*/ 71 h 175"/>
                  <a:gd name="T42" fmla="*/ 45 w 105"/>
                  <a:gd name="T43" fmla="*/ 74 h 175"/>
                  <a:gd name="T44" fmla="*/ 45 w 105"/>
                  <a:gd name="T45" fmla="*/ 75 h 175"/>
                  <a:gd name="T46" fmla="*/ 49 w 105"/>
                  <a:gd name="T47" fmla="*/ 80 h 175"/>
                  <a:gd name="T48" fmla="*/ 55 w 105"/>
                  <a:gd name="T49" fmla="*/ 82 h 175"/>
                  <a:gd name="T50" fmla="*/ 59 w 105"/>
                  <a:gd name="T51" fmla="*/ 82 h 175"/>
                  <a:gd name="T52" fmla="*/ 61 w 105"/>
                  <a:gd name="T53" fmla="*/ 82 h 175"/>
                  <a:gd name="T54" fmla="*/ 63 w 105"/>
                  <a:gd name="T55" fmla="*/ 90 h 175"/>
                  <a:gd name="T56" fmla="*/ 58 w 105"/>
                  <a:gd name="T57" fmla="*/ 94 h 175"/>
                  <a:gd name="T58" fmla="*/ 58 w 105"/>
                  <a:gd name="T59" fmla="*/ 94 h 175"/>
                  <a:gd name="T60" fmla="*/ 57 w 105"/>
                  <a:gd name="T61" fmla="*/ 95 h 175"/>
                  <a:gd name="T62" fmla="*/ 57 w 105"/>
                  <a:gd name="T63" fmla="*/ 96 h 175"/>
                  <a:gd name="T64" fmla="*/ 53 w 105"/>
                  <a:gd name="T65" fmla="*/ 99 h 175"/>
                  <a:gd name="T66" fmla="*/ 57 w 105"/>
                  <a:gd name="T67" fmla="*/ 100 h 175"/>
                  <a:gd name="T68" fmla="*/ 61 w 105"/>
                  <a:gd name="T69" fmla="*/ 99 h 175"/>
                  <a:gd name="T70" fmla="*/ 63 w 105"/>
                  <a:gd name="T71" fmla="*/ 98 h 175"/>
                  <a:gd name="T72" fmla="*/ 66 w 105"/>
                  <a:gd name="T73" fmla="*/ 96 h 175"/>
                  <a:gd name="T74" fmla="*/ 69 w 105"/>
                  <a:gd name="T75" fmla="*/ 99 h 175"/>
                  <a:gd name="T76" fmla="*/ 69 w 105"/>
                  <a:gd name="T77" fmla="*/ 104 h 175"/>
                  <a:gd name="T78" fmla="*/ 69 w 105"/>
                  <a:gd name="T79" fmla="*/ 109 h 175"/>
                  <a:gd name="T80" fmla="*/ 0 w 105"/>
                  <a:gd name="T81" fmla="*/ 17 h 175"/>
                  <a:gd name="T82" fmla="*/ 0 w 105"/>
                  <a:gd name="T83" fmla="*/ 17 h 175"/>
                  <a:gd name="T84" fmla="*/ 5 w 105"/>
                  <a:gd name="T85" fmla="*/ 7 h 175"/>
                  <a:gd name="T86" fmla="*/ 15 w 105"/>
                  <a:gd name="T87" fmla="*/ 0 h 175"/>
                  <a:gd name="T88" fmla="*/ 17 w 105"/>
                  <a:gd name="T89" fmla="*/ 0 h 175"/>
                  <a:gd name="T90" fmla="*/ 18 w 105"/>
                  <a:gd name="T91" fmla="*/ 2 h 175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w 105"/>
                  <a:gd name="T139" fmla="*/ 0 h 175"/>
                  <a:gd name="T140" fmla="*/ 105 w 105"/>
                  <a:gd name="T141" fmla="*/ 175 h 175"/>
                </a:gdLst>
                <a:ahLst/>
                <a:cxnLst>
                  <a:cxn ang="T92">
                    <a:pos x="T0" y="T1"/>
                  </a:cxn>
                  <a:cxn ang="T93">
                    <a:pos x="T2" y="T3"/>
                  </a:cxn>
                  <a:cxn ang="T94">
                    <a:pos x="T4" y="T5"/>
                  </a:cxn>
                  <a:cxn ang="T95">
                    <a:pos x="T6" y="T7"/>
                  </a:cxn>
                  <a:cxn ang="T96">
                    <a:pos x="T8" y="T9"/>
                  </a:cxn>
                  <a:cxn ang="T97">
                    <a:pos x="T10" y="T11"/>
                  </a:cxn>
                  <a:cxn ang="T98">
                    <a:pos x="T12" y="T13"/>
                  </a:cxn>
                  <a:cxn ang="T99">
                    <a:pos x="T14" y="T15"/>
                  </a:cxn>
                  <a:cxn ang="T100">
                    <a:pos x="T16" y="T17"/>
                  </a:cxn>
                  <a:cxn ang="T101">
                    <a:pos x="T18" y="T19"/>
                  </a:cxn>
                  <a:cxn ang="T102">
                    <a:pos x="T20" y="T21"/>
                  </a:cxn>
                  <a:cxn ang="T103">
                    <a:pos x="T22" y="T23"/>
                  </a:cxn>
                  <a:cxn ang="T104">
                    <a:pos x="T24" y="T25"/>
                  </a:cxn>
                  <a:cxn ang="T105">
                    <a:pos x="T26" y="T27"/>
                  </a:cxn>
                  <a:cxn ang="T106">
                    <a:pos x="T28" y="T29"/>
                  </a:cxn>
                  <a:cxn ang="T107">
                    <a:pos x="T30" y="T31"/>
                  </a:cxn>
                  <a:cxn ang="T108">
                    <a:pos x="T32" y="T33"/>
                  </a:cxn>
                  <a:cxn ang="T109">
                    <a:pos x="T34" y="T35"/>
                  </a:cxn>
                  <a:cxn ang="T110">
                    <a:pos x="T36" y="T37"/>
                  </a:cxn>
                  <a:cxn ang="T111">
                    <a:pos x="T38" y="T39"/>
                  </a:cxn>
                  <a:cxn ang="T112">
                    <a:pos x="T40" y="T41"/>
                  </a:cxn>
                  <a:cxn ang="T113">
                    <a:pos x="T42" y="T43"/>
                  </a:cxn>
                  <a:cxn ang="T114">
                    <a:pos x="T44" y="T45"/>
                  </a:cxn>
                  <a:cxn ang="T115">
                    <a:pos x="T46" y="T47"/>
                  </a:cxn>
                  <a:cxn ang="T116">
                    <a:pos x="T48" y="T49"/>
                  </a:cxn>
                  <a:cxn ang="T117">
                    <a:pos x="T50" y="T51"/>
                  </a:cxn>
                  <a:cxn ang="T118">
                    <a:pos x="T52" y="T53"/>
                  </a:cxn>
                  <a:cxn ang="T119">
                    <a:pos x="T54" y="T55"/>
                  </a:cxn>
                  <a:cxn ang="T120">
                    <a:pos x="T56" y="T57"/>
                  </a:cxn>
                  <a:cxn ang="T121">
                    <a:pos x="T58" y="T59"/>
                  </a:cxn>
                  <a:cxn ang="T122">
                    <a:pos x="T60" y="T61"/>
                  </a:cxn>
                  <a:cxn ang="T123">
                    <a:pos x="T62" y="T63"/>
                  </a:cxn>
                  <a:cxn ang="T124">
                    <a:pos x="T64" y="T65"/>
                  </a:cxn>
                  <a:cxn ang="T125">
                    <a:pos x="T66" y="T67"/>
                  </a:cxn>
                  <a:cxn ang="T126">
                    <a:pos x="T68" y="T69"/>
                  </a:cxn>
                  <a:cxn ang="T127">
                    <a:pos x="T70" y="T71"/>
                  </a:cxn>
                  <a:cxn ang="T128">
                    <a:pos x="T72" y="T73"/>
                  </a:cxn>
                  <a:cxn ang="T129">
                    <a:pos x="T74" y="T75"/>
                  </a:cxn>
                  <a:cxn ang="T130">
                    <a:pos x="T76" y="T77"/>
                  </a:cxn>
                  <a:cxn ang="T131">
                    <a:pos x="T78" y="T79"/>
                  </a:cxn>
                  <a:cxn ang="T132">
                    <a:pos x="T80" y="T81"/>
                  </a:cxn>
                  <a:cxn ang="T133">
                    <a:pos x="T82" y="T83"/>
                  </a:cxn>
                  <a:cxn ang="T134">
                    <a:pos x="T84" y="T85"/>
                  </a:cxn>
                  <a:cxn ang="T135">
                    <a:pos x="T86" y="T87"/>
                  </a:cxn>
                  <a:cxn ang="T136">
                    <a:pos x="T88" y="T89"/>
                  </a:cxn>
                  <a:cxn ang="T137">
                    <a:pos x="T90" y="T91"/>
                  </a:cxn>
                </a:cxnLst>
                <a:rect l="T138" t="T139" r="T140" b="T141"/>
                <a:pathLst>
                  <a:path w="105" h="175">
                    <a:moveTo>
                      <a:pt x="27" y="7"/>
                    </a:moveTo>
                    <a:lnTo>
                      <a:pt x="24" y="16"/>
                    </a:lnTo>
                    <a:lnTo>
                      <a:pt x="20" y="22"/>
                    </a:lnTo>
                    <a:lnTo>
                      <a:pt x="20" y="26"/>
                    </a:lnTo>
                    <a:lnTo>
                      <a:pt x="20" y="29"/>
                    </a:lnTo>
                    <a:lnTo>
                      <a:pt x="20" y="31"/>
                    </a:lnTo>
                    <a:lnTo>
                      <a:pt x="22" y="34"/>
                    </a:lnTo>
                    <a:lnTo>
                      <a:pt x="22" y="36"/>
                    </a:lnTo>
                    <a:lnTo>
                      <a:pt x="24" y="36"/>
                    </a:lnTo>
                    <a:lnTo>
                      <a:pt x="24" y="38"/>
                    </a:lnTo>
                    <a:lnTo>
                      <a:pt x="25" y="46"/>
                    </a:lnTo>
                    <a:lnTo>
                      <a:pt x="27" y="49"/>
                    </a:lnTo>
                    <a:lnTo>
                      <a:pt x="29" y="55"/>
                    </a:lnTo>
                    <a:lnTo>
                      <a:pt x="30" y="56"/>
                    </a:lnTo>
                    <a:lnTo>
                      <a:pt x="34" y="60"/>
                    </a:lnTo>
                    <a:lnTo>
                      <a:pt x="36" y="61"/>
                    </a:lnTo>
                    <a:lnTo>
                      <a:pt x="37" y="61"/>
                    </a:lnTo>
                    <a:lnTo>
                      <a:pt x="39" y="63"/>
                    </a:lnTo>
                    <a:lnTo>
                      <a:pt x="44" y="66"/>
                    </a:lnTo>
                    <a:lnTo>
                      <a:pt x="47" y="70"/>
                    </a:lnTo>
                    <a:lnTo>
                      <a:pt x="49" y="73"/>
                    </a:lnTo>
                    <a:lnTo>
                      <a:pt x="49" y="78"/>
                    </a:lnTo>
                    <a:lnTo>
                      <a:pt x="49" y="82"/>
                    </a:lnTo>
                    <a:lnTo>
                      <a:pt x="49" y="85"/>
                    </a:lnTo>
                    <a:lnTo>
                      <a:pt x="49" y="88"/>
                    </a:lnTo>
                    <a:lnTo>
                      <a:pt x="51" y="92"/>
                    </a:lnTo>
                    <a:lnTo>
                      <a:pt x="54" y="93"/>
                    </a:lnTo>
                    <a:lnTo>
                      <a:pt x="56" y="97"/>
                    </a:lnTo>
                    <a:lnTo>
                      <a:pt x="59" y="99"/>
                    </a:lnTo>
                    <a:lnTo>
                      <a:pt x="61" y="102"/>
                    </a:lnTo>
                    <a:lnTo>
                      <a:pt x="63" y="104"/>
                    </a:lnTo>
                    <a:lnTo>
                      <a:pt x="63" y="105"/>
                    </a:lnTo>
                    <a:lnTo>
                      <a:pt x="64" y="105"/>
                    </a:lnTo>
                    <a:lnTo>
                      <a:pt x="64" y="109"/>
                    </a:lnTo>
                    <a:lnTo>
                      <a:pt x="66" y="110"/>
                    </a:lnTo>
                    <a:lnTo>
                      <a:pt x="66" y="112"/>
                    </a:lnTo>
                    <a:lnTo>
                      <a:pt x="71" y="115"/>
                    </a:lnTo>
                    <a:lnTo>
                      <a:pt x="74" y="119"/>
                    </a:lnTo>
                    <a:lnTo>
                      <a:pt x="80" y="121"/>
                    </a:lnTo>
                    <a:lnTo>
                      <a:pt x="83" y="122"/>
                    </a:lnTo>
                    <a:lnTo>
                      <a:pt x="86" y="122"/>
                    </a:lnTo>
                    <a:lnTo>
                      <a:pt x="88" y="122"/>
                    </a:lnTo>
                    <a:lnTo>
                      <a:pt x="90" y="122"/>
                    </a:lnTo>
                    <a:lnTo>
                      <a:pt x="93" y="126"/>
                    </a:lnTo>
                    <a:lnTo>
                      <a:pt x="93" y="136"/>
                    </a:lnTo>
                    <a:lnTo>
                      <a:pt x="86" y="136"/>
                    </a:lnTo>
                    <a:lnTo>
                      <a:pt x="86" y="141"/>
                    </a:lnTo>
                    <a:lnTo>
                      <a:pt x="86" y="143"/>
                    </a:lnTo>
                    <a:lnTo>
                      <a:pt x="85" y="143"/>
                    </a:lnTo>
                    <a:lnTo>
                      <a:pt x="85" y="144"/>
                    </a:lnTo>
                    <a:lnTo>
                      <a:pt x="83" y="146"/>
                    </a:lnTo>
                    <a:lnTo>
                      <a:pt x="81" y="148"/>
                    </a:lnTo>
                    <a:lnTo>
                      <a:pt x="83" y="149"/>
                    </a:lnTo>
                    <a:lnTo>
                      <a:pt x="85" y="149"/>
                    </a:lnTo>
                    <a:lnTo>
                      <a:pt x="88" y="149"/>
                    </a:lnTo>
                    <a:lnTo>
                      <a:pt x="90" y="148"/>
                    </a:lnTo>
                    <a:lnTo>
                      <a:pt x="91" y="148"/>
                    </a:lnTo>
                    <a:lnTo>
                      <a:pt x="93" y="146"/>
                    </a:lnTo>
                    <a:lnTo>
                      <a:pt x="98" y="144"/>
                    </a:lnTo>
                    <a:lnTo>
                      <a:pt x="100" y="144"/>
                    </a:lnTo>
                    <a:lnTo>
                      <a:pt x="102" y="148"/>
                    </a:lnTo>
                    <a:lnTo>
                      <a:pt x="102" y="149"/>
                    </a:lnTo>
                    <a:lnTo>
                      <a:pt x="102" y="154"/>
                    </a:lnTo>
                    <a:lnTo>
                      <a:pt x="105" y="158"/>
                    </a:lnTo>
                    <a:lnTo>
                      <a:pt x="103" y="163"/>
                    </a:lnTo>
                    <a:lnTo>
                      <a:pt x="41" y="175"/>
                    </a:lnTo>
                    <a:lnTo>
                      <a:pt x="0" y="21"/>
                    </a:lnTo>
                    <a:lnTo>
                      <a:pt x="0" y="22"/>
                    </a:lnTo>
                    <a:lnTo>
                      <a:pt x="2" y="12"/>
                    </a:lnTo>
                    <a:lnTo>
                      <a:pt x="5" y="7"/>
                    </a:lnTo>
                    <a:lnTo>
                      <a:pt x="10" y="4"/>
                    </a:lnTo>
                    <a:lnTo>
                      <a:pt x="15" y="0"/>
                    </a:lnTo>
                    <a:lnTo>
                      <a:pt x="22" y="0"/>
                    </a:lnTo>
                    <a:lnTo>
                      <a:pt x="27" y="0"/>
                    </a:lnTo>
                    <a:lnTo>
                      <a:pt x="30" y="0"/>
                    </a:lnTo>
                    <a:lnTo>
                      <a:pt x="32" y="2"/>
                    </a:lnTo>
                    <a:lnTo>
                      <a:pt x="27" y="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240" name="Group 131"/>
              <p:cNvGrpSpPr>
                <a:grpSpLocks/>
              </p:cNvGrpSpPr>
              <p:nvPr/>
            </p:nvGrpSpPr>
            <p:grpSpPr bwMode="auto">
              <a:xfrm>
                <a:off x="3980" y="2710"/>
                <a:ext cx="478" cy="363"/>
                <a:chOff x="3916" y="2758"/>
                <a:chExt cx="478" cy="363"/>
              </a:xfrm>
            </p:grpSpPr>
            <p:sp>
              <p:nvSpPr>
                <p:cNvPr id="294" name="Freeform 132"/>
                <p:cNvSpPr>
                  <a:spLocks/>
                </p:cNvSpPr>
                <p:nvPr/>
              </p:nvSpPr>
              <p:spPr bwMode="auto">
                <a:xfrm>
                  <a:off x="4222" y="3072"/>
                  <a:ext cx="15" cy="16"/>
                </a:xfrm>
                <a:custGeom>
                  <a:avLst/>
                  <a:gdLst>
                    <a:gd name="T0" fmla="*/ 1 w 15"/>
                    <a:gd name="T1" fmla="*/ 5 h 17"/>
                    <a:gd name="T2" fmla="*/ 5 w 15"/>
                    <a:gd name="T3" fmla="*/ 2 h 17"/>
                    <a:gd name="T4" fmla="*/ 6 w 15"/>
                    <a:gd name="T5" fmla="*/ 0 h 17"/>
                    <a:gd name="T6" fmla="*/ 10 w 15"/>
                    <a:gd name="T7" fmla="*/ 0 h 17"/>
                    <a:gd name="T8" fmla="*/ 12 w 15"/>
                    <a:gd name="T9" fmla="*/ 0 h 17"/>
                    <a:gd name="T10" fmla="*/ 13 w 15"/>
                    <a:gd name="T11" fmla="*/ 2 h 17"/>
                    <a:gd name="T12" fmla="*/ 13 w 15"/>
                    <a:gd name="T13" fmla="*/ 2 h 17"/>
                    <a:gd name="T14" fmla="*/ 15 w 15"/>
                    <a:gd name="T15" fmla="*/ 3 h 17"/>
                    <a:gd name="T16" fmla="*/ 15 w 15"/>
                    <a:gd name="T17" fmla="*/ 5 h 17"/>
                    <a:gd name="T18" fmla="*/ 15 w 15"/>
                    <a:gd name="T19" fmla="*/ 7 h 17"/>
                    <a:gd name="T20" fmla="*/ 13 w 15"/>
                    <a:gd name="T21" fmla="*/ 8 h 17"/>
                    <a:gd name="T22" fmla="*/ 13 w 15"/>
                    <a:gd name="T23" fmla="*/ 8 h 17"/>
                    <a:gd name="T24" fmla="*/ 12 w 15"/>
                    <a:gd name="T25" fmla="*/ 8 h 17"/>
                    <a:gd name="T26" fmla="*/ 10 w 15"/>
                    <a:gd name="T27" fmla="*/ 8 h 17"/>
                    <a:gd name="T28" fmla="*/ 6 w 15"/>
                    <a:gd name="T29" fmla="*/ 8 h 17"/>
                    <a:gd name="T30" fmla="*/ 3 w 15"/>
                    <a:gd name="T31" fmla="*/ 8 h 17"/>
                    <a:gd name="T32" fmla="*/ 1 w 15"/>
                    <a:gd name="T33" fmla="*/ 8 h 17"/>
                    <a:gd name="T34" fmla="*/ 1 w 15"/>
                    <a:gd name="T35" fmla="*/ 8 h 17"/>
                    <a:gd name="T36" fmla="*/ 0 w 15"/>
                    <a:gd name="T37" fmla="*/ 8 h 17"/>
                    <a:gd name="T38" fmla="*/ 0 w 15"/>
                    <a:gd name="T39" fmla="*/ 8 h 17"/>
                    <a:gd name="T40" fmla="*/ 0 w 15"/>
                    <a:gd name="T41" fmla="*/ 8 h 17"/>
                    <a:gd name="T42" fmla="*/ 0 w 15"/>
                    <a:gd name="T43" fmla="*/ 8 h 17"/>
                    <a:gd name="T44" fmla="*/ 0 w 15"/>
                    <a:gd name="T45" fmla="*/ 8 h 17"/>
                    <a:gd name="T46" fmla="*/ 1 w 15"/>
                    <a:gd name="T47" fmla="*/ 7 h 17"/>
                    <a:gd name="T48" fmla="*/ 1 w 15"/>
                    <a:gd name="T49" fmla="*/ 5 h 17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w 15"/>
                    <a:gd name="T76" fmla="*/ 0 h 17"/>
                    <a:gd name="T77" fmla="*/ 15 w 15"/>
                    <a:gd name="T78" fmla="*/ 17 h 17"/>
                  </a:gdLst>
                  <a:ahLst/>
                  <a:cxnLst>
                    <a:cxn ang="T50">
                      <a:pos x="T0" y="T1"/>
                    </a:cxn>
                    <a:cxn ang="T51">
                      <a:pos x="T2" y="T3"/>
                    </a:cxn>
                    <a:cxn ang="T52">
                      <a:pos x="T4" y="T5"/>
                    </a:cxn>
                    <a:cxn ang="T53">
                      <a:pos x="T6" y="T7"/>
                    </a:cxn>
                    <a:cxn ang="T54">
                      <a:pos x="T8" y="T9"/>
                    </a:cxn>
                    <a:cxn ang="T55">
                      <a:pos x="T10" y="T11"/>
                    </a:cxn>
                    <a:cxn ang="T56">
                      <a:pos x="T12" y="T13"/>
                    </a:cxn>
                    <a:cxn ang="T57">
                      <a:pos x="T14" y="T15"/>
                    </a:cxn>
                    <a:cxn ang="T58">
                      <a:pos x="T16" y="T17"/>
                    </a:cxn>
                    <a:cxn ang="T59">
                      <a:pos x="T18" y="T19"/>
                    </a:cxn>
                    <a:cxn ang="T60">
                      <a:pos x="T20" y="T21"/>
                    </a:cxn>
                    <a:cxn ang="T61">
                      <a:pos x="T22" y="T23"/>
                    </a:cxn>
                    <a:cxn ang="T62">
                      <a:pos x="T24" y="T25"/>
                    </a:cxn>
                    <a:cxn ang="T63">
                      <a:pos x="T26" y="T27"/>
                    </a:cxn>
                    <a:cxn ang="T64">
                      <a:pos x="T28" y="T29"/>
                    </a:cxn>
                    <a:cxn ang="T65">
                      <a:pos x="T30" y="T31"/>
                    </a:cxn>
                    <a:cxn ang="T66">
                      <a:pos x="T32" y="T33"/>
                    </a:cxn>
                    <a:cxn ang="T67">
                      <a:pos x="T34" y="T35"/>
                    </a:cxn>
                    <a:cxn ang="T68">
                      <a:pos x="T36" y="T37"/>
                    </a:cxn>
                    <a:cxn ang="T69">
                      <a:pos x="T38" y="T39"/>
                    </a:cxn>
                    <a:cxn ang="T70">
                      <a:pos x="T40" y="T41"/>
                    </a:cxn>
                    <a:cxn ang="T71">
                      <a:pos x="T42" y="T43"/>
                    </a:cxn>
                    <a:cxn ang="T72">
                      <a:pos x="T44" y="T45"/>
                    </a:cxn>
                    <a:cxn ang="T73">
                      <a:pos x="T46" y="T47"/>
                    </a:cxn>
                    <a:cxn ang="T74">
                      <a:pos x="T48" y="T49"/>
                    </a:cxn>
                  </a:cxnLst>
                  <a:rect l="T75" t="T76" r="T77" b="T78"/>
                  <a:pathLst>
                    <a:path w="15" h="17">
                      <a:moveTo>
                        <a:pt x="1" y="5"/>
                      </a:moveTo>
                      <a:lnTo>
                        <a:pt x="5" y="2"/>
                      </a:lnTo>
                      <a:lnTo>
                        <a:pt x="6" y="0"/>
                      </a:lnTo>
                      <a:lnTo>
                        <a:pt x="10" y="0"/>
                      </a:lnTo>
                      <a:lnTo>
                        <a:pt x="12" y="0"/>
                      </a:lnTo>
                      <a:lnTo>
                        <a:pt x="13" y="2"/>
                      </a:lnTo>
                      <a:lnTo>
                        <a:pt x="15" y="3"/>
                      </a:lnTo>
                      <a:lnTo>
                        <a:pt x="15" y="5"/>
                      </a:lnTo>
                      <a:lnTo>
                        <a:pt x="15" y="7"/>
                      </a:lnTo>
                      <a:lnTo>
                        <a:pt x="13" y="8"/>
                      </a:lnTo>
                      <a:lnTo>
                        <a:pt x="13" y="10"/>
                      </a:lnTo>
                      <a:lnTo>
                        <a:pt x="12" y="12"/>
                      </a:lnTo>
                      <a:lnTo>
                        <a:pt x="10" y="15"/>
                      </a:lnTo>
                      <a:lnTo>
                        <a:pt x="6" y="17"/>
                      </a:lnTo>
                      <a:lnTo>
                        <a:pt x="3" y="17"/>
                      </a:lnTo>
                      <a:lnTo>
                        <a:pt x="1" y="17"/>
                      </a:lnTo>
                      <a:lnTo>
                        <a:pt x="0" y="15"/>
                      </a:lnTo>
                      <a:lnTo>
                        <a:pt x="0" y="13"/>
                      </a:lnTo>
                      <a:lnTo>
                        <a:pt x="0" y="12"/>
                      </a:lnTo>
                      <a:lnTo>
                        <a:pt x="0" y="10"/>
                      </a:lnTo>
                      <a:lnTo>
                        <a:pt x="0" y="8"/>
                      </a:lnTo>
                      <a:lnTo>
                        <a:pt x="1" y="7"/>
                      </a:lnTo>
                      <a:lnTo>
                        <a:pt x="1" y="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95" name="Freeform 133"/>
                <p:cNvSpPr>
                  <a:spLocks/>
                </p:cNvSpPr>
                <p:nvPr/>
              </p:nvSpPr>
              <p:spPr bwMode="auto">
                <a:xfrm>
                  <a:off x="4206" y="3072"/>
                  <a:ext cx="11" cy="12"/>
                </a:xfrm>
                <a:custGeom>
                  <a:avLst/>
                  <a:gdLst>
                    <a:gd name="T0" fmla="*/ 0 w 11"/>
                    <a:gd name="T1" fmla="*/ 6 h 13"/>
                    <a:gd name="T2" fmla="*/ 0 w 11"/>
                    <a:gd name="T3" fmla="*/ 3 h 13"/>
                    <a:gd name="T4" fmla="*/ 2 w 11"/>
                    <a:gd name="T5" fmla="*/ 2 h 13"/>
                    <a:gd name="T6" fmla="*/ 4 w 11"/>
                    <a:gd name="T7" fmla="*/ 0 h 13"/>
                    <a:gd name="T8" fmla="*/ 6 w 11"/>
                    <a:gd name="T9" fmla="*/ 0 h 13"/>
                    <a:gd name="T10" fmla="*/ 7 w 11"/>
                    <a:gd name="T11" fmla="*/ 0 h 13"/>
                    <a:gd name="T12" fmla="*/ 9 w 11"/>
                    <a:gd name="T13" fmla="*/ 2 h 13"/>
                    <a:gd name="T14" fmla="*/ 11 w 11"/>
                    <a:gd name="T15" fmla="*/ 3 h 13"/>
                    <a:gd name="T16" fmla="*/ 11 w 11"/>
                    <a:gd name="T17" fmla="*/ 6 h 13"/>
                    <a:gd name="T18" fmla="*/ 11 w 11"/>
                    <a:gd name="T19" fmla="*/ 6 h 13"/>
                    <a:gd name="T20" fmla="*/ 9 w 11"/>
                    <a:gd name="T21" fmla="*/ 6 h 13"/>
                    <a:gd name="T22" fmla="*/ 7 w 11"/>
                    <a:gd name="T23" fmla="*/ 6 h 13"/>
                    <a:gd name="T24" fmla="*/ 6 w 11"/>
                    <a:gd name="T25" fmla="*/ 6 h 13"/>
                    <a:gd name="T26" fmla="*/ 4 w 11"/>
                    <a:gd name="T27" fmla="*/ 6 h 13"/>
                    <a:gd name="T28" fmla="*/ 2 w 11"/>
                    <a:gd name="T29" fmla="*/ 6 h 13"/>
                    <a:gd name="T30" fmla="*/ 0 w 11"/>
                    <a:gd name="T31" fmla="*/ 6 h 13"/>
                    <a:gd name="T32" fmla="*/ 0 w 11"/>
                    <a:gd name="T33" fmla="*/ 6 h 13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1"/>
                    <a:gd name="T52" fmla="*/ 0 h 13"/>
                    <a:gd name="T53" fmla="*/ 11 w 11"/>
                    <a:gd name="T54" fmla="*/ 13 h 13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1" h="13">
                      <a:moveTo>
                        <a:pt x="0" y="7"/>
                      </a:moveTo>
                      <a:lnTo>
                        <a:pt x="0" y="3"/>
                      </a:lnTo>
                      <a:lnTo>
                        <a:pt x="2" y="2"/>
                      </a:lnTo>
                      <a:lnTo>
                        <a:pt x="4" y="0"/>
                      </a:lnTo>
                      <a:lnTo>
                        <a:pt x="6" y="0"/>
                      </a:lnTo>
                      <a:lnTo>
                        <a:pt x="7" y="0"/>
                      </a:lnTo>
                      <a:lnTo>
                        <a:pt x="9" y="2"/>
                      </a:lnTo>
                      <a:lnTo>
                        <a:pt x="11" y="3"/>
                      </a:lnTo>
                      <a:lnTo>
                        <a:pt x="11" y="7"/>
                      </a:lnTo>
                      <a:lnTo>
                        <a:pt x="11" y="10"/>
                      </a:lnTo>
                      <a:lnTo>
                        <a:pt x="9" y="12"/>
                      </a:lnTo>
                      <a:lnTo>
                        <a:pt x="7" y="13"/>
                      </a:lnTo>
                      <a:lnTo>
                        <a:pt x="6" y="13"/>
                      </a:lnTo>
                      <a:lnTo>
                        <a:pt x="4" y="13"/>
                      </a:lnTo>
                      <a:lnTo>
                        <a:pt x="2" y="12"/>
                      </a:lnTo>
                      <a:lnTo>
                        <a:pt x="0" y="10"/>
                      </a:lnTo>
                      <a:lnTo>
                        <a:pt x="0" y="7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96" name="Freeform 134"/>
                <p:cNvSpPr>
                  <a:spLocks/>
                </p:cNvSpPr>
                <p:nvPr/>
              </p:nvSpPr>
              <p:spPr bwMode="auto">
                <a:xfrm>
                  <a:off x="4212" y="3098"/>
                  <a:ext cx="13" cy="16"/>
                </a:xfrm>
                <a:custGeom>
                  <a:avLst/>
                  <a:gdLst>
                    <a:gd name="T0" fmla="*/ 1 w 13"/>
                    <a:gd name="T1" fmla="*/ 5 h 17"/>
                    <a:gd name="T2" fmla="*/ 3 w 13"/>
                    <a:gd name="T3" fmla="*/ 2 h 17"/>
                    <a:gd name="T4" fmla="*/ 6 w 13"/>
                    <a:gd name="T5" fmla="*/ 0 h 17"/>
                    <a:gd name="T6" fmla="*/ 8 w 13"/>
                    <a:gd name="T7" fmla="*/ 0 h 17"/>
                    <a:gd name="T8" fmla="*/ 11 w 13"/>
                    <a:gd name="T9" fmla="*/ 0 h 17"/>
                    <a:gd name="T10" fmla="*/ 13 w 13"/>
                    <a:gd name="T11" fmla="*/ 0 h 17"/>
                    <a:gd name="T12" fmla="*/ 13 w 13"/>
                    <a:gd name="T13" fmla="*/ 2 h 17"/>
                    <a:gd name="T14" fmla="*/ 13 w 13"/>
                    <a:gd name="T15" fmla="*/ 3 h 17"/>
                    <a:gd name="T16" fmla="*/ 13 w 13"/>
                    <a:gd name="T17" fmla="*/ 5 h 17"/>
                    <a:gd name="T18" fmla="*/ 13 w 13"/>
                    <a:gd name="T19" fmla="*/ 5 h 17"/>
                    <a:gd name="T20" fmla="*/ 13 w 13"/>
                    <a:gd name="T21" fmla="*/ 8 h 17"/>
                    <a:gd name="T22" fmla="*/ 13 w 13"/>
                    <a:gd name="T23" fmla="*/ 8 h 17"/>
                    <a:gd name="T24" fmla="*/ 11 w 13"/>
                    <a:gd name="T25" fmla="*/ 8 h 17"/>
                    <a:gd name="T26" fmla="*/ 10 w 13"/>
                    <a:gd name="T27" fmla="*/ 8 h 17"/>
                    <a:gd name="T28" fmla="*/ 6 w 13"/>
                    <a:gd name="T29" fmla="*/ 8 h 17"/>
                    <a:gd name="T30" fmla="*/ 5 w 13"/>
                    <a:gd name="T31" fmla="*/ 8 h 17"/>
                    <a:gd name="T32" fmla="*/ 1 w 13"/>
                    <a:gd name="T33" fmla="*/ 8 h 17"/>
                    <a:gd name="T34" fmla="*/ 1 w 13"/>
                    <a:gd name="T35" fmla="*/ 8 h 17"/>
                    <a:gd name="T36" fmla="*/ 0 w 13"/>
                    <a:gd name="T37" fmla="*/ 8 h 17"/>
                    <a:gd name="T38" fmla="*/ 0 w 13"/>
                    <a:gd name="T39" fmla="*/ 8 h 17"/>
                    <a:gd name="T40" fmla="*/ 0 w 13"/>
                    <a:gd name="T41" fmla="*/ 8 h 17"/>
                    <a:gd name="T42" fmla="*/ 0 w 13"/>
                    <a:gd name="T43" fmla="*/ 8 h 17"/>
                    <a:gd name="T44" fmla="*/ 0 w 13"/>
                    <a:gd name="T45" fmla="*/ 8 h 17"/>
                    <a:gd name="T46" fmla="*/ 0 w 13"/>
                    <a:gd name="T47" fmla="*/ 7 h 17"/>
                    <a:gd name="T48" fmla="*/ 1 w 13"/>
                    <a:gd name="T49" fmla="*/ 5 h 17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w 13"/>
                    <a:gd name="T76" fmla="*/ 0 h 17"/>
                    <a:gd name="T77" fmla="*/ 13 w 13"/>
                    <a:gd name="T78" fmla="*/ 17 h 17"/>
                  </a:gdLst>
                  <a:ahLst/>
                  <a:cxnLst>
                    <a:cxn ang="T50">
                      <a:pos x="T0" y="T1"/>
                    </a:cxn>
                    <a:cxn ang="T51">
                      <a:pos x="T2" y="T3"/>
                    </a:cxn>
                    <a:cxn ang="T52">
                      <a:pos x="T4" y="T5"/>
                    </a:cxn>
                    <a:cxn ang="T53">
                      <a:pos x="T6" y="T7"/>
                    </a:cxn>
                    <a:cxn ang="T54">
                      <a:pos x="T8" y="T9"/>
                    </a:cxn>
                    <a:cxn ang="T55">
                      <a:pos x="T10" y="T11"/>
                    </a:cxn>
                    <a:cxn ang="T56">
                      <a:pos x="T12" y="T13"/>
                    </a:cxn>
                    <a:cxn ang="T57">
                      <a:pos x="T14" y="T15"/>
                    </a:cxn>
                    <a:cxn ang="T58">
                      <a:pos x="T16" y="T17"/>
                    </a:cxn>
                    <a:cxn ang="T59">
                      <a:pos x="T18" y="T19"/>
                    </a:cxn>
                    <a:cxn ang="T60">
                      <a:pos x="T20" y="T21"/>
                    </a:cxn>
                    <a:cxn ang="T61">
                      <a:pos x="T22" y="T23"/>
                    </a:cxn>
                    <a:cxn ang="T62">
                      <a:pos x="T24" y="T25"/>
                    </a:cxn>
                    <a:cxn ang="T63">
                      <a:pos x="T26" y="T27"/>
                    </a:cxn>
                    <a:cxn ang="T64">
                      <a:pos x="T28" y="T29"/>
                    </a:cxn>
                    <a:cxn ang="T65">
                      <a:pos x="T30" y="T31"/>
                    </a:cxn>
                    <a:cxn ang="T66">
                      <a:pos x="T32" y="T33"/>
                    </a:cxn>
                    <a:cxn ang="T67">
                      <a:pos x="T34" y="T35"/>
                    </a:cxn>
                    <a:cxn ang="T68">
                      <a:pos x="T36" y="T37"/>
                    </a:cxn>
                    <a:cxn ang="T69">
                      <a:pos x="T38" y="T39"/>
                    </a:cxn>
                    <a:cxn ang="T70">
                      <a:pos x="T40" y="T41"/>
                    </a:cxn>
                    <a:cxn ang="T71">
                      <a:pos x="T42" y="T43"/>
                    </a:cxn>
                    <a:cxn ang="T72">
                      <a:pos x="T44" y="T45"/>
                    </a:cxn>
                    <a:cxn ang="T73">
                      <a:pos x="T46" y="T47"/>
                    </a:cxn>
                    <a:cxn ang="T74">
                      <a:pos x="T48" y="T49"/>
                    </a:cxn>
                  </a:cxnLst>
                  <a:rect l="T75" t="T76" r="T77" b="T78"/>
                  <a:pathLst>
                    <a:path w="13" h="17">
                      <a:moveTo>
                        <a:pt x="1" y="5"/>
                      </a:moveTo>
                      <a:lnTo>
                        <a:pt x="3" y="2"/>
                      </a:lnTo>
                      <a:lnTo>
                        <a:pt x="6" y="0"/>
                      </a:lnTo>
                      <a:lnTo>
                        <a:pt x="8" y="0"/>
                      </a:lnTo>
                      <a:lnTo>
                        <a:pt x="11" y="0"/>
                      </a:lnTo>
                      <a:lnTo>
                        <a:pt x="13" y="0"/>
                      </a:lnTo>
                      <a:lnTo>
                        <a:pt x="13" y="2"/>
                      </a:lnTo>
                      <a:lnTo>
                        <a:pt x="13" y="3"/>
                      </a:lnTo>
                      <a:lnTo>
                        <a:pt x="13" y="5"/>
                      </a:lnTo>
                      <a:lnTo>
                        <a:pt x="13" y="8"/>
                      </a:lnTo>
                      <a:lnTo>
                        <a:pt x="11" y="10"/>
                      </a:lnTo>
                      <a:lnTo>
                        <a:pt x="10" y="14"/>
                      </a:lnTo>
                      <a:lnTo>
                        <a:pt x="6" y="15"/>
                      </a:lnTo>
                      <a:lnTo>
                        <a:pt x="5" y="17"/>
                      </a:lnTo>
                      <a:lnTo>
                        <a:pt x="1" y="17"/>
                      </a:lnTo>
                      <a:lnTo>
                        <a:pt x="1" y="15"/>
                      </a:lnTo>
                      <a:lnTo>
                        <a:pt x="0" y="14"/>
                      </a:lnTo>
                      <a:lnTo>
                        <a:pt x="0" y="12"/>
                      </a:lnTo>
                      <a:lnTo>
                        <a:pt x="0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1" y="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97" name="Freeform 135"/>
                <p:cNvSpPr>
                  <a:spLocks/>
                </p:cNvSpPr>
                <p:nvPr/>
              </p:nvSpPr>
              <p:spPr bwMode="auto">
                <a:xfrm>
                  <a:off x="3916" y="2758"/>
                  <a:ext cx="478" cy="363"/>
                </a:xfrm>
                <a:custGeom>
                  <a:avLst/>
                  <a:gdLst>
                    <a:gd name="T0" fmla="*/ 178 w 492"/>
                    <a:gd name="T1" fmla="*/ 243 h 374"/>
                    <a:gd name="T2" fmla="*/ 178 w 492"/>
                    <a:gd name="T3" fmla="*/ 240 h 374"/>
                    <a:gd name="T4" fmla="*/ 178 w 492"/>
                    <a:gd name="T5" fmla="*/ 229 h 374"/>
                    <a:gd name="T6" fmla="*/ 162 w 492"/>
                    <a:gd name="T7" fmla="*/ 208 h 374"/>
                    <a:gd name="T8" fmla="*/ 154 w 492"/>
                    <a:gd name="T9" fmla="*/ 202 h 374"/>
                    <a:gd name="T10" fmla="*/ 142 w 492"/>
                    <a:gd name="T11" fmla="*/ 177 h 374"/>
                    <a:gd name="T12" fmla="*/ 130 w 492"/>
                    <a:gd name="T13" fmla="*/ 173 h 374"/>
                    <a:gd name="T14" fmla="*/ 122 w 492"/>
                    <a:gd name="T15" fmla="*/ 168 h 374"/>
                    <a:gd name="T16" fmla="*/ 112 w 492"/>
                    <a:gd name="T17" fmla="*/ 156 h 374"/>
                    <a:gd name="T18" fmla="*/ 106 w 492"/>
                    <a:gd name="T19" fmla="*/ 144 h 374"/>
                    <a:gd name="T20" fmla="*/ 95 w 492"/>
                    <a:gd name="T21" fmla="*/ 139 h 374"/>
                    <a:gd name="T22" fmla="*/ 91 w 492"/>
                    <a:gd name="T23" fmla="*/ 137 h 374"/>
                    <a:gd name="T24" fmla="*/ 86 w 492"/>
                    <a:gd name="T25" fmla="*/ 132 h 374"/>
                    <a:gd name="T26" fmla="*/ 79 w 492"/>
                    <a:gd name="T27" fmla="*/ 120 h 374"/>
                    <a:gd name="T28" fmla="*/ 73 w 492"/>
                    <a:gd name="T29" fmla="*/ 120 h 374"/>
                    <a:gd name="T30" fmla="*/ 63 w 492"/>
                    <a:gd name="T31" fmla="*/ 114 h 374"/>
                    <a:gd name="T32" fmla="*/ 55 w 492"/>
                    <a:gd name="T33" fmla="*/ 104 h 374"/>
                    <a:gd name="T34" fmla="*/ 47 w 492"/>
                    <a:gd name="T35" fmla="*/ 96 h 374"/>
                    <a:gd name="T36" fmla="*/ 40 w 492"/>
                    <a:gd name="T37" fmla="*/ 79 h 374"/>
                    <a:gd name="T38" fmla="*/ 38 w 492"/>
                    <a:gd name="T39" fmla="*/ 74 h 374"/>
                    <a:gd name="T40" fmla="*/ 32 w 492"/>
                    <a:gd name="T41" fmla="*/ 73 h 374"/>
                    <a:gd name="T42" fmla="*/ 17 w 492"/>
                    <a:gd name="T43" fmla="*/ 70 h 374"/>
                    <a:gd name="T44" fmla="*/ 17 w 492"/>
                    <a:gd name="T45" fmla="*/ 67 h 374"/>
                    <a:gd name="T46" fmla="*/ 0 w 492"/>
                    <a:gd name="T47" fmla="*/ 56 h 374"/>
                    <a:gd name="T48" fmla="*/ 17 w 492"/>
                    <a:gd name="T49" fmla="*/ 37 h 374"/>
                    <a:gd name="T50" fmla="*/ 17 w 492"/>
                    <a:gd name="T51" fmla="*/ 37 h 374"/>
                    <a:gd name="T52" fmla="*/ 17 w 492"/>
                    <a:gd name="T53" fmla="*/ 28 h 374"/>
                    <a:gd name="T54" fmla="*/ 38 w 492"/>
                    <a:gd name="T55" fmla="*/ 17 h 374"/>
                    <a:gd name="T56" fmla="*/ 57 w 492"/>
                    <a:gd name="T57" fmla="*/ 15 h 374"/>
                    <a:gd name="T58" fmla="*/ 138 w 492"/>
                    <a:gd name="T59" fmla="*/ 1 h 374"/>
                    <a:gd name="T60" fmla="*/ 144 w 492"/>
                    <a:gd name="T61" fmla="*/ 0 h 374"/>
                    <a:gd name="T62" fmla="*/ 162 w 492"/>
                    <a:gd name="T63" fmla="*/ 12 h 374"/>
                    <a:gd name="T64" fmla="*/ 329 w 492"/>
                    <a:gd name="T65" fmla="*/ 77 h 374"/>
                    <a:gd name="T66" fmla="*/ 326 w 492"/>
                    <a:gd name="T67" fmla="*/ 79 h 374"/>
                    <a:gd name="T68" fmla="*/ 317 w 492"/>
                    <a:gd name="T69" fmla="*/ 85 h 374"/>
                    <a:gd name="T70" fmla="*/ 306 w 492"/>
                    <a:gd name="T71" fmla="*/ 100 h 374"/>
                    <a:gd name="T72" fmla="*/ 295 w 492"/>
                    <a:gd name="T73" fmla="*/ 120 h 374"/>
                    <a:gd name="T74" fmla="*/ 292 w 492"/>
                    <a:gd name="T75" fmla="*/ 125 h 374"/>
                    <a:gd name="T76" fmla="*/ 289 w 492"/>
                    <a:gd name="T77" fmla="*/ 123 h 374"/>
                    <a:gd name="T78" fmla="*/ 288 w 492"/>
                    <a:gd name="T79" fmla="*/ 131 h 374"/>
                    <a:gd name="T80" fmla="*/ 293 w 492"/>
                    <a:gd name="T81" fmla="*/ 134 h 374"/>
                    <a:gd name="T82" fmla="*/ 295 w 492"/>
                    <a:gd name="T83" fmla="*/ 139 h 374"/>
                    <a:gd name="T84" fmla="*/ 288 w 492"/>
                    <a:gd name="T85" fmla="*/ 148 h 374"/>
                    <a:gd name="T86" fmla="*/ 282 w 492"/>
                    <a:gd name="T87" fmla="*/ 149 h 374"/>
                    <a:gd name="T88" fmla="*/ 269 w 492"/>
                    <a:gd name="T89" fmla="*/ 164 h 374"/>
                    <a:gd name="T90" fmla="*/ 265 w 492"/>
                    <a:gd name="T91" fmla="*/ 172 h 374"/>
                    <a:gd name="T92" fmla="*/ 259 w 492"/>
                    <a:gd name="T93" fmla="*/ 177 h 374"/>
                    <a:gd name="T94" fmla="*/ 251 w 492"/>
                    <a:gd name="T95" fmla="*/ 182 h 374"/>
                    <a:gd name="T96" fmla="*/ 233 w 492"/>
                    <a:gd name="T97" fmla="*/ 196 h 374"/>
                    <a:gd name="T98" fmla="*/ 214 w 492"/>
                    <a:gd name="T99" fmla="*/ 207 h 374"/>
                    <a:gd name="T100" fmla="*/ 203 w 492"/>
                    <a:gd name="T101" fmla="*/ 229 h 374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w 492"/>
                    <a:gd name="T154" fmla="*/ 0 h 374"/>
                    <a:gd name="T155" fmla="*/ 492 w 492"/>
                    <a:gd name="T156" fmla="*/ 374 h 374"/>
                  </a:gdLst>
                  <a:ahLst/>
                  <a:cxnLst>
                    <a:cxn ang="T102">
                      <a:pos x="T0" y="T1"/>
                    </a:cxn>
                    <a:cxn ang="T103">
                      <a:pos x="T2" y="T3"/>
                    </a:cxn>
                    <a:cxn ang="T104">
                      <a:pos x="T4" y="T5"/>
                    </a:cxn>
                    <a:cxn ang="T105">
                      <a:pos x="T6" y="T7"/>
                    </a:cxn>
                    <a:cxn ang="T106">
                      <a:pos x="T8" y="T9"/>
                    </a:cxn>
                    <a:cxn ang="T107">
                      <a:pos x="T10" y="T11"/>
                    </a:cxn>
                    <a:cxn ang="T108">
                      <a:pos x="T12" y="T13"/>
                    </a:cxn>
                    <a:cxn ang="T109">
                      <a:pos x="T14" y="T15"/>
                    </a:cxn>
                    <a:cxn ang="T110">
                      <a:pos x="T16" y="T17"/>
                    </a:cxn>
                    <a:cxn ang="T111">
                      <a:pos x="T18" y="T19"/>
                    </a:cxn>
                    <a:cxn ang="T112">
                      <a:pos x="T20" y="T21"/>
                    </a:cxn>
                    <a:cxn ang="T113">
                      <a:pos x="T22" y="T23"/>
                    </a:cxn>
                    <a:cxn ang="T114">
                      <a:pos x="T24" y="T25"/>
                    </a:cxn>
                    <a:cxn ang="T115">
                      <a:pos x="T26" y="T27"/>
                    </a:cxn>
                    <a:cxn ang="T116">
                      <a:pos x="T28" y="T29"/>
                    </a:cxn>
                    <a:cxn ang="T117">
                      <a:pos x="T30" y="T31"/>
                    </a:cxn>
                    <a:cxn ang="T118">
                      <a:pos x="T32" y="T33"/>
                    </a:cxn>
                    <a:cxn ang="T119">
                      <a:pos x="T34" y="T35"/>
                    </a:cxn>
                    <a:cxn ang="T120">
                      <a:pos x="T36" y="T37"/>
                    </a:cxn>
                    <a:cxn ang="T121">
                      <a:pos x="T38" y="T39"/>
                    </a:cxn>
                    <a:cxn ang="T122">
                      <a:pos x="T40" y="T41"/>
                    </a:cxn>
                    <a:cxn ang="T123">
                      <a:pos x="T42" y="T43"/>
                    </a:cxn>
                    <a:cxn ang="T124">
                      <a:pos x="T44" y="T45"/>
                    </a:cxn>
                    <a:cxn ang="T125">
                      <a:pos x="T46" y="T47"/>
                    </a:cxn>
                    <a:cxn ang="T126">
                      <a:pos x="T48" y="T49"/>
                    </a:cxn>
                    <a:cxn ang="T127">
                      <a:pos x="T50" y="T51"/>
                    </a:cxn>
                    <a:cxn ang="T128">
                      <a:pos x="T52" y="T53"/>
                    </a:cxn>
                    <a:cxn ang="T129">
                      <a:pos x="T54" y="T55"/>
                    </a:cxn>
                    <a:cxn ang="T130">
                      <a:pos x="T56" y="T57"/>
                    </a:cxn>
                    <a:cxn ang="T131">
                      <a:pos x="T58" y="T59"/>
                    </a:cxn>
                    <a:cxn ang="T132">
                      <a:pos x="T60" y="T61"/>
                    </a:cxn>
                    <a:cxn ang="T133">
                      <a:pos x="T62" y="T63"/>
                    </a:cxn>
                    <a:cxn ang="T134">
                      <a:pos x="T64" y="T65"/>
                    </a:cxn>
                    <a:cxn ang="T135">
                      <a:pos x="T66" y="T67"/>
                    </a:cxn>
                    <a:cxn ang="T136">
                      <a:pos x="T68" y="T69"/>
                    </a:cxn>
                    <a:cxn ang="T137">
                      <a:pos x="T70" y="T71"/>
                    </a:cxn>
                    <a:cxn ang="T138">
                      <a:pos x="T72" y="T73"/>
                    </a:cxn>
                    <a:cxn ang="T139">
                      <a:pos x="T74" y="T75"/>
                    </a:cxn>
                    <a:cxn ang="T140">
                      <a:pos x="T76" y="T77"/>
                    </a:cxn>
                    <a:cxn ang="T141">
                      <a:pos x="T78" y="T79"/>
                    </a:cxn>
                    <a:cxn ang="T142">
                      <a:pos x="T80" y="T81"/>
                    </a:cxn>
                    <a:cxn ang="T143">
                      <a:pos x="T82" y="T83"/>
                    </a:cxn>
                    <a:cxn ang="T144">
                      <a:pos x="T84" y="T85"/>
                    </a:cxn>
                    <a:cxn ang="T145">
                      <a:pos x="T86" y="T87"/>
                    </a:cxn>
                    <a:cxn ang="T146">
                      <a:pos x="T88" y="T89"/>
                    </a:cxn>
                    <a:cxn ang="T147">
                      <a:pos x="T90" y="T91"/>
                    </a:cxn>
                    <a:cxn ang="T148">
                      <a:pos x="T92" y="T93"/>
                    </a:cxn>
                    <a:cxn ang="T149">
                      <a:pos x="T94" y="T95"/>
                    </a:cxn>
                    <a:cxn ang="T150">
                      <a:pos x="T96" y="T97"/>
                    </a:cxn>
                    <a:cxn ang="T151">
                      <a:pos x="T98" y="T99"/>
                    </a:cxn>
                    <a:cxn ang="T152">
                      <a:pos x="T100" y="T101"/>
                    </a:cxn>
                  </a:cxnLst>
                  <a:rect l="T153" t="T154" r="T155" b="T156"/>
                  <a:pathLst>
                    <a:path w="492" h="374">
                      <a:moveTo>
                        <a:pt x="269" y="374"/>
                      </a:moveTo>
                      <a:lnTo>
                        <a:pt x="269" y="374"/>
                      </a:lnTo>
                      <a:lnTo>
                        <a:pt x="269" y="372"/>
                      </a:lnTo>
                      <a:lnTo>
                        <a:pt x="267" y="370"/>
                      </a:lnTo>
                      <a:lnTo>
                        <a:pt x="267" y="369"/>
                      </a:lnTo>
                      <a:lnTo>
                        <a:pt x="267" y="367"/>
                      </a:lnTo>
                      <a:lnTo>
                        <a:pt x="267" y="365"/>
                      </a:lnTo>
                      <a:lnTo>
                        <a:pt x="267" y="364"/>
                      </a:lnTo>
                      <a:lnTo>
                        <a:pt x="267" y="362"/>
                      </a:lnTo>
                      <a:lnTo>
                        <a:pt x="266" y="348"/>
                      </a:lnTo>
                      <a:lnTo>
                        <a:pt x="261" y="338"/>
                      </a:lnTo>
                      <a:lnTo>
                        <a:pt x="255" y="330"/>
                      </a:lnTo>
                      <a:lnTo>
                        <a:pt x="249" y="321"/>
                      </a:lnTo>
                      <a:lnTo>
                        <a:pt x="242" y="316"/>
                      </a:lnTo>
                      <a:lnTo>
                        <a:pt x="235" y="313"/>
                      </a:lnTo>
                      <a:lnTo>
                        <a:pt x="232" y="309"/>
                      </a:lnTo>
                      <a:lnTo>
                        <a:pt x="230" y="308"/>
                      </a:lnTo>
                      <a:lnTo>
                        <a:pt x="228" y="292"/>
                      </a:lnTo>
                      <a:lnTo>
                        <a:pt x="225" y="282"/>
                      </a:lnTo>
                      <a:lnTo>
                        <a:pt x="218" y="274"/>
                      </a:lnTo>
                      <a:lnTo>
                        <a:pt x="211" y="269"/>
                      </a:lnTo>
                      <a:lnTo>
                        <a:pt x="205" y="265"/>
                      </a:lnTo>
                      <a:lnTo>
                        <a:pt x="200" y="264"/>
                      </a:lnTo>
                      <a:lnTo>
                        <a:pt x="195" y="262"/>
                      </a:lnTo>
                      <a:lnTo>
                        <a:pt x="193" y="262"/>
                      </a:lnTo>
                      <a:lnTo>
                        <a:pt x="193" y="260"/>
                      </a:lnTo>
                      <a:lnTo>
                        <a:pt x="189" y="259"/>
                      </a:lnTo>
                      <a:lnTo>
                        <a:pt x="184" y="254"/>
                      </a:lnTo>
                      <a:lnTo>
                        <a:pt x="179" y="250"/>
                      </a:lnTo>
                      <a:lnTo>
                        <a:pt x="174" y="245"/>
                      </a:lnTo>
                      <a:lnTo>
                        <a:pt x="171" y="240"/>
                      </a:lnTo>
                      <a:lnTo>
                        <a:pt x="167" y="237"/>
                      </a:lnTo>
                      <a:lnTo>
                        <a:pt x="166" y="233"/>
                      </a:lnTo>
                      <a:lnTo>
                        <a:pt x="162" y="225"/>
                      </a:lnTo>
                      <a:lnTo>
                        <a:pt x="157" y="218"/>
                      </a:lnTo>
                      <a:lnTo>
                        <a:pt x="154" y="213"/>
                      </a:lnTo>
                      <a:lnTo>
                        <a:pt x="149" y="211"/>
                      </a:lnTo>
                      <a:lnTo>
                        <a:pt x="145" y="210"/>
                      </a:lnTo>
                      <a:lnTo>
                        <a:pt x="142" y="210"/>
                      </a:lnTo>
                      <a:lnTo>
                        <a:pt x="139" y="210"/>
                      </a:lnTo>
                      <a:lnTo>
                        <a:pt x="137" y="208"/>
                      </a:lnTo>
                      <a:lnTo>
                        <a:pt x="135" y="204"/>
                      </a:lnTo>
                      <a:lnTo>
                        <a:pt x="132" y="203"/>
                      </a:lnTo>
                      <a:lnTo>
                        <a:pt x="130" y="199"/>
                      </a:lnTo>
                      <a:lnTo>
                        <a:pt x="127" y="193"/>
                      </a:lnTo>
                      <a:lnTo>
                        <a:pt x="123" y="188"/>
                      </a:lnTo>
                      <a:lnTo>
                        <a:pt x="120" y="184"/>
                      </a:lnTo>
                      <a:lnTo>
                        <a:pt x="117" y="182"/>
                      </a:lnTo>
                      <a:lnTo>
                        <a:pt x="113" y="181"/>
                      </a:lnTo>
                      <a:lnTo>
                        <a:pt x="112" y="182"/>
                      </a:lnTo>
                      <a:lnTo>
                        <a:pt x="108" y="182"/>
                      </a:lnTo>
                      <a:lnTo>
                        <a:pt x="101" y="181"/>
                      </a:lnTo>
                      <a:lnTo>
                        <a:pt x="96" y="179"/>
                      </a:lnTo>
                      <a:lnTo>
                        <a:pt x="93" y="174"/>
                      </a:lnTo>
                      <a:lnTo>
                        <a:pt x="90" y="169"/>
                      </a:lnTo>
                      <a:lnTo>
                        <a:pt x="86" y="164"/>
                      </a:lnTo>
                      <a:lnTo>
                        <a:pt x="85" y="160"/>
                      </a:lnTo>
                      <a:lnTo>
                        <a:pt x="83" y="157"/>
                      </a:lnTo>
                      <a:lnTo>
                        <a:pt x="83" y="155"/>
                      </a:lnTo>
                      <a:lnTo>
                        <a:pt x="78" y="152"/>
                      </a:lnTo>
                      <a:lnTo>
                        <a:pt x="71" y="145"/>
                      </a:lnTo>
                      <a:lnTo>
                        <a:pt x="66" y="138"/>
                      </a:lnTo>
                      <a:lnTo>
                        <a:pt x="61" y="132"/>
                      </a:lnTo>
                      <a:lnTo>
                        <a:pt x="57" y="125"/>
                      </a:lnTo>
                      <a:lnTo>
                        <a:pt x="56" y="118"/>
                      </a:lnTo>
                      <a:lnTo>
                        <a:pt x="52" y="115"/>
                      </a:lnTo>
                      <a:lnTo>
                        <a:pt x="52" y="113"/>
                      </a:lnTo>
                      <a:lnTo>
                        <a:pt x="52" y="111"/>
                      </a:lnTo>
                      <a:lnTo>
                        <a:pt x="49" y="111"/>
                      </a:lnTo>
                      <a:lnTo>
                        <a:pt x="47" y="111"/>
                      </a:lnTo>
                      <a:lnTo>
                        <a:pt x="46" y="110"/>
                      </a:lnTo>
                      <a:lnTo>
                        <a:pt x="39" y="110"/>
                      </a:lnTo>
                      <a:lnTo>
                        <a:pt x="32" y="108"/>
                      </a:lnTo>
                      <a:lnTo>
                        <a:pt x="27" y="106"/>
                      </a:lnTo>
                      <a:lnTo>
                        <a:pt x="24" y="105"/>
                      </a:lnTo>
                      <a:lnTo>
                        <a:pt x="20" y="103"/>
                      </a:lnTo>
                      <a:lnTo>
                        <a:pt x="19" y="101"/>
                      </a:lnTo>
                      <a:lnTo>
                        <a:pt x="17" y="100"/>
                      </a:lnTo>
                      <a:lnTo>
                        <a:pt x="5" y="98"/>
                      </a:lnTo>
                      <a:lnTo>
                        <a:pt x="0" y="93"/>
                      </a:lnTo>
                      <a:lnTo>
                        <a:pt x="0" y="84"/>
                      </a:lnTo>
                      <a:lnTo>
                        <a:pt x="2" y="74"/>
                      </a:lnTo>
                      <a:lnTo>
                        <a:pt x="7" y="66"/>
                      </a:lnTo>
                      <a:lnTo>
                        <a:pt x="13" y="57"/>
                      </a:lnTo>
                      <a:lnTo>
                        <a:pt x="17" y="52"/>
                      </a:lnTo>
                      <a:lnTo>
                        <a:pt x="19" y="50"/>
                      </a:lnTo>
                      <a:lnTo>
                        <a:pt x="20" y="52"/>
                      </a:lnTo>
                      <a:lnTo>
                        <a:pt x="22" y="50"/>
                      </a:lnTo>
                      <a:lnTo>
                        <a:pt x="24" y="49"/>
                      </a:lnTo>
                      <a:lnTo>
                        <a:pt x="27" y="45"/>
                      </a:lnTo>
                      <a:lnTo>
                        <a:pt x="30" y="42"/>
                      </a:lnTo>
                      <a:lnTo>
                        <a:pt x="35" y="39"/>
                      </a:lnTo>
                      <a:lnTo>
                        <a:pt x="41" y="35"/>
                      </a:lnTo>
                      <a:lnTo>
                        <a:pt x="47" y="32"/>
                      </a:lnTo>
                      <a:lnTo>
                        <a:pt x="52" y="28"/>
                      </a:lnTo>
                      <a:lnTo>
                        <a:pt x="61" y="23"/>
                      </a:lnTo>
                      <a:lnTo>
                        <a:pt x="68" y="20"/>
                      </a:lnTo>
                      <a:lnTo>
                        <a:pt x="76" y="17"/>
                      </a:lnTo>
                      <a:lnTo>
                        <a:pt x="85" y="15"/>
                      </a:lnTo>
                      <a:lnTo>
                        <a:pt x="95" y="13"/>
                      </a:lnTo>
                      <a:lnTo>
                        <a:pt x="105" y="10"/>
                      </a:lnTo>
                      <a:lnTo>
                        <a:pt x="113" y="10"/>
                      </a:lnTo>
                      <a:lnTo>
                        <a:pt x="206" y="1"/>
                      </a:lnTo>
                      <a:lnTo>
                        <a:pt x="208" y="1"/>
                      </a:lnTo>
                      <a:lnTo>
                        <a:pt x="210" y="0"/>
                      </a:lnTo>
                      <a:lnTo>
                        <a:pt x="215" y="0"/>
                      </a:lnTo>
                      <a:lnTo>
                        <a:pt x="222" y="0"/>
                      </a:lnTo>
                      <a:lnTo>
                        <a:pt x="228" y="1"/>
                      </a:lnTo>
                      <a:lnTo>
                        <a:pt x="235" y="5"/>
                      </a:lnTo>
                      <a:lnTo>
                        <a:pt x="242" y="12"/>
                      </a:lnTo>
                      <a:lnTo>
                        <a:pt x="250" y="23"/>
                      </a:lnTo>
                      <a:lnTo>
                        <a:pt x="254" y="37"/>
                      </a:lnTo>
                      <a:lnTo>
                        <a:pt x="362" y="20"/>
                      </a:lnTo>
                      <a:lnTo>
                        <a:pt x="492" y="115"/>
                      </a:lnTo>
                      <a:lnTo>
                        <a:pt x="491" y="115"/>
                      </a:lnTo>
                      <a:lnTo>
                        <a:pt x="489" y="118"/>
                      </a:lnTo>
                      <a:lnTo>
                        <a:pt x="486" y="120"/>
                      </a:lnTo>
                      <a:lnTo>
                        <a:pt x="484" y="122"/>
                      </a:lnTo>
                      <a:lnTo>
                        <a:pt x="481" y="125"/>
                      </a:lnTo>
                      <a:lnTo>
                        <a:pt x="475" y="130"/>
                      </a:lnTo>
                      <a:lnTo>
                        <a:pt x="472" y="133"/>
                      </a:lnTo>
                      <a:lnTo>
                        <a:pt x="467" y="140"/>
                      </a:lnTo>
                      <a:lnTo>
                        <a:pt x="464" y="145"/>
                      </a:lnTo>
                      <a:lnTo>
                        <a:pt x="459" y="150"/>
                      </a:lnTo>
                      <a:lnTo>
                        <a:pt x="455" y="159"/>
                      </a:lnTo>
                      <a:lnTo>
                        <a:pt x="450" y="166"/>
                      </a:lnTo>
                      <a:lnTo>
                        <a:pt x="447" y="174"/>
                      </a:lnTo>
                      <a:lnTo>
                        <a:pt x="443" y="182"/>
                      </a:lnTo>
                      <a:lnTo>
                        <a:pt x="440" y="191"/>
                      </a:lnTo>
                      <a:lnTo>
                        <a:pt x="437" y="189"/>
                      </a:lnTo>
                      <a:lnTo>
                        <a:pt x="435" y="188"/>
                      </a:lnTo>
                      <a:lnTo>
                        <a:pt x="435" y="186"/>
                      </a:lnTo>
                      <a:lnTo>
                        <a:pt x="433" y="186"/>
                      </a:lnTo>
                      <a:lnTo>
                        <a:pt x="433" y="188"/>
                      </a:lnTo>
                      <a:lnTo>
                        <a:pt x="431" y="191"/>
                      </a:lnTo>
                      <a:lnTo>
                        <a:pt x="431" y="194"/>
                      </a:lnTo>
                      <a:lnTo>
                        <a:pt x="431" y="198"/>
                      </a:lnTo>
                      <a:lnTo>
                        <a:pt x="433" y="199"/>
                      </a:lnTo>
                      <a:lnTo>
                        <a:pt x="435" y="201"/>
                      </a:lnTo>
                      <a:lnTo>
                        <a:pt x="440" y="203"/>
                      </a:lnTo>
                      <a:lnTo>
                        <a:pt x="442" y="203"/>
                      </a:lnTo>
                      <a:lnTo>
                        <a:pt x="442" y="204"/>
                      </a:lnTo>
                      <a:lnTo>
                        <a:pt x="443" y="206"/>
                      </a:lnTo>
                      <a:lnTo>
                        <a:pt x="443" y="210"/>
                      </a:lnTo>
                      <a:lnTo>
                        <a:pt x="443" y="213"/>
                      </a:lnTo>
                      <a:lnTo>
                        <a:pt x="440" y="216"/>
                      </a:lnTo>
                      <a:lnTo>
                        <a:pt x="437" y="221"/>
                      </a:lnTo>
                      <a:lnTo>
                        <a:pt x="431" y="225"/>
                      </a:lnTo>
                      <a:lnTo>
                        <a:pt x="430" y="225"/>
                      </a:lnTo>
                      <a:lnTo>
                        <a:pt x="428" y="225"/>
                      </a:lnTo>
                      <a:lnTo>
                        <a:pt x="423" y="228"/>
                      </a:lnTo>
                      <a:lnTo>
                        <a:pt x="418" y="230"/>
                      </a:lnTo>
                      <a:lnTo>
                        <a:pt x="413" y="235"/>
                      </a:lnTo>
                      <a:lnTo>
                        <a:pt x="408" y="240"/>
                      </a:lnTo>
                      <a:lnTo>
                        <a:pt x="403" y="248"/>
                      </a:lnTo>
                      <a:lnTo>
                        <a:pt x="398" y="259"/>
                      </a:lnTo>
                      <a:lnTo>
                        <a:pt x="396" y="260"/>
                      </a:lnTo>
                      <a:lnTo>
                        <a:pt x="394" y="262"/>
                      </a:lnTo>
                      <a:lnTo>
                        <a:pt x="393" y="265"/>
                      </a:lnTo>
                      <a:lnTo>
                        <a:pt x="391" y="267"/>
                      </a:lnTo>
                      <a:lnTo>
                        <a:pt x="389" y="269"/>
                      </a:lnTo>
                      <a:lnTo>
                        <a:pt x="387" y="270"/>
                      </a:lnTo>
                      <a:lnTo>
                        <a:pt x="376" y="272"/>
                      </a:lnTo>
                      <a:lnTo>
                        <a:pt x="376" y="277"/>
                      </a:lnTo>
                      <a:lnTo>
                        <a:pt x="384" y="279"/>
                      </a:lnTo>
                      <a:lnTo>
                        <a:pt x="359" y="299"/>
                      </a:lnTo>
                      <a:lnTo>
                        <a:pt x="354" y="291"/>
                      </a:lnTo>
                      <a:lnTo>
                        <a:pt x="349" y="299"/>
                      </a:lnTo>
                      <a:lnTo>
                        <a:pt x="354" y="304"/>
                      </a:lnTo>
                      <a:lnTo>
                        <a:pt x="343" y="316"/>
                      </a:lnTo>
                      <a:lnTo>
                        <a:pt x="335" y="314"/>
                      </a:lnTo>
                      <a:lnTo>
                        <a:pt x="320" y="314"/>
                      </a:lnTo>
                      <a:lnTo>
                        <a:pt x="305" y="316"/>
                      </a:lnTo>
                      <a:lnTo>
                        <a:pt x="296" y="320"/>
                      </a:lnTo>
                      <a:lnTo>
                        <a:pt x="291" y="336"/>
                      </a:lnTo>
                      <a:lnTo>
                        <a:pt x="303" y="348"/>
                      </a:lnTo>
                      <a:lnTo>
                        <a:pt x="289" y="374"/>
                      </a:lnTo>
                      <a:lnTo>
                        <a:pt x="281" y="372"/>
                      </a:lnTo>
                      <a:lnTo>
                        <a:pt x="269" y="374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98" name="Freeform 136"/>
                <p:cNvSpPr>
                  <a:spLocks/>
                </p:cNvSpPr>
                <p:nvPr/>
              </p:nvSpPr>
              <p:spPr bwMode="auto">
                <a:xfrm>
                  <a:off x="4222" y="3072"/>
                  <a:ext cx="15" cy="16"/>
                </a:xfrm>
                <a:custGeom>
                  <a:avLst/>
                  <a:gdLst>
                    <a:gd name="T0" fmla="*/ 1 w 15"/>
                    <a:gd name="T1" fmla="*/ 5 h 17"/>
                    <a:gd name="T2" fmla="*/ 1 w 15"/>
                    <a:gd name="T3" fmla="*/ 5 h 17"/>
                    <a:gd name="T4" fmla="*/ 5 w 15"/>
                    <a:gd name="T5" fmla="*/ 2 h 17"/>
                    <a:gd name="T6" fmla="*/ 6 w 15"/>
                    <a:gd name="T7" fmla="*/ 0 h 17"/>
                    <a:gd name="T8" fmla="*/ 10 w 15"/>
                    <a:gd name="T9" fmla="*/ 0 h 17"/>
                    <a:gd name="T10" fmla="*/ 12 w 15"/>
                    <a:gd name="T11" fmla="*/ 0 h 17"/>
                    <a:gd name="T12" fmla="*/ 12 w 15"/>
                    <a:gd name="T13" fmla="*/ 0 h 17"/>
                    <a:gd name="T14" fmla="*/ 13 w 15"/>
                    <a:gd name="T15" fmla="*/ 2 h 17"/>
                    <a:gd name="T16" fmla="*/ 13 w 15"/>
                    <a:gd name="T17" fmla="*/ 2 h 17"/>
                    <a:gd name="T18" fmla="*/ 15 w 15"/>
                    <a:gd name="T19" fmla="*/ 3 h 17"/>
                    <a:gd name="T20" fmla="*/ 15 w 15"/>
                    <a:gd name="T21" fmla="*/ 5 h 17"/>
                    <a:gd name="T22" fmla="*/ 15 w 15"/>
                    <a:gd name="T23" fmla="*/ 7 h 17"/>
                    <a:gd name="T24" fmla="*/ 13 w 15"/>
                    <a:gd name="T25" fmla="*/ 8 h 17"/>
                    <a:gd name="T26" fmla="*/ 13 w 15"/>
                    <a:gd name="T27" fmla="*/ 8 h 17"/>
                    <a:gd name="T28" fmla="*/ 12 w 15"/>
                    <a:gd name="T29" fmla="*/ 8 h 17"/>
                    <a:gd name="T30" fmla="*/ 12 w 15"/>
                    <a:gd name="T31" fmla="*/ 8 h 17"/>
                    <a:gd name="T32" fmla="*/ 10 w 15"/>
                    <a:gd name="T33" fmla="*/ 8 h 17"/>
                    <a:gd name="T34" fmla="*/ 6 w 15"/>
                    <a:gd name="T35" fmla="*/ 8 h 17"/>
                    <a:gd name="T36" fmla="*/ 3 w 15"/>
                    <a:gd name="T37" fmla="*/ 8 h 17"/>
                    <a:gd name="T38" fmla="*/ 1 w 15"/>
                    <a:gd name="T39" fmla="*/ 8 h 17"/>
                    <a:gd name="T40" fmla="*/ 1 w 15"/>
                    <a:gd name="T41" fmla="*/ 8 h 17"/>
                    <a:gd name="T42" fmla="*/ 1 w 15"/>
                    <a:gd name="T43" fmla="*/ 8 h 17"/>
                    <a:gd name="T44" fmla="*/ 0 w 15"/>
                    <a:gd name="T45" fmla="*/ 8 h 17"/>
                    <a:gd name="T46" fmla="*/ 0 w 15"/>
                    <a:gd name="T47" fmla="*/ 8 h 17"/>
                    <a:gd name="T48" fmla="*/ 0 w 15"/>
                    <a:gd name="T49" fmla="*/ 8 h 17"/>
                    <a:gd name="T50" fmla="*/ 0 w 15"/>
                    <a:gd name="T51" fmla="*/ 8 h 17"/>
                    <a:gd name="T52" fmla="*/ 0 w 15"/>
                    <a:gd name="T53" fmla="*/ 8 h 17"/>
                    <a:gd name="T54" fmla="*/ 1 w 15"/>
                    <a:gd name="T55" fmla="*/ 7 h 17"/>
                    <a:gd name="T56" fmla="*/ 1 w 15"/>
                    <a:gd name="T57" fmla="*/ 5 h 17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w 15"/>
                    <a:gd name="T88" fmla="*/ 0 h 17"/>
                    <a:gd name="T89" fmla="*/ 15 w 15"/>
                    <a:gd name="T90" fmla="*/ 17 h 17"/>
                  </a:gdLst>
                  <a:ahLst/>
                  <a:cxnLst>
                    <a:cxn ang="T58">
                      <a:pos x="T0" y="T1"/>
                    </a:cxn>
                    <a:cxn ang="T59">
                      <a:pos x="T2" y="T3"/>
                    </a:cxn>
                    <a:cxn ang="T60">
                      <a:pos x="T4" y="T5"/>
                    </a:cxn>
                    <a:cxn ang="T61">
                      <a:pos x="T6" y="T7"/>
                    </a:cxn>
                    <a:cxn ang="T62">
                      <a:pos x="T8" y="T9"/>
                    </a:cxn>
                    <a:cxn ang="T63">
                      <a:pos x="T10" y="T11"/>
                    </a:cxn>
                    <a:cxn ang="T64">
                      <a:pos x="T12" y="T13"/>
                    </a:cxn>
                    <a:cxn ang="T65">
                      <a:pos x="T14" y="T15"/>
                    </a:cxn>
                    <a:cxn ang="T66">
                      <a:pos x="T16" y="T17"/>
                    </a:cxn>
                    <a:cxn ang="T67">
                      <a:pos x="T18" y="T19"/>
                    </a:cxn>
                    <a:cxn ang="T68">
                      <a:pos x="T20" y="T21"/>
                    </a:cxn>
                    <a:cxn ang="T69">
                      <a:pos x="T22" y="T23"/>
                    </a:cxn>
                    <a:cxn ang="T70">
                      <a:pos x="T24" y="T25"/>
                    </a:cxn>
                    <a:cxn ang="T71">
                      <a:pos x="T26" y="T27"/>
                    </a:cxn>
                    <a:cxn ang="T72">
                      <a:pos x="T28" y="T29"/>
                    </a:cxn>
                    <a:cxn ang="T73">
                      <a:pos x="T30" y="T31"/>
                    </a:cxn>
                    <a:cxn ang="T74">
                      <a:pos x="T32" y="T33"/>
                    </a:cxn>
                    <a:cxn ang="T75">
                      <a:pos x="T34" y="T35"/>
                    </a:cxn>
                    <a:cxn ang="T76">
                      <a:pos x="T36" y="T37"/>
                    </a:cxn>
                    <a:cxn ang="T77">
                      <a:pos x="T38" y="T39"/>
                    </a:cxn>
                    <a:cxn ang="T78">
                      <a:pos x="T40" y="T41"/>
                    </a:cxn>
                    <a:cxn ang="T79">
                      <a:pos x="T42" y="T43"/>
                    </a:cxn>
                    <a:cxn ang="T80">
                      <a:pos x="T44" y="T45"/>
                    </a:cxn>
                    <a:cxn ang="T81">
                      <a:pos x="T46" y="T47"/>
                    </a:cxn>
                    <a:cxn ang="T82">
                      <a:pos x="T48" y="T49"/>
                    </a:cxn>
                    <a:cxn ang="T83">
                      <a:pos x="T50" y="T51"/>
                    </a:cxn>
                    <a:cxn ang="T84">
                      <a:pos x="T52" y="T53"/>
                    </a:cxn>
                    <a:cxn ang="T85">
                      <a:pos x="T54" y="T55"/>
                    </a:cxn>
                    <a:cxn ang="T86">
                      <a:pos x="T56" y="T57"/>
                    </a:cxn>
                  </a:cxnLst>
                  <a:rect l="T87" t="T88" r="T89" b="T90"/>
                  <a:pathLst>
                    <a:path w="15" h="17">
                      <a:moveTo>
                        <a:pt x="1" y="5"/>
                      </a:moveTo>
                      <a:lnTo>
                        <a:pt x="1" y="5"/>
                      </a:lnTo>
                      <a:lnTo>
                        <a:pt x="5" y="2"/>
                      </a:lnTo>
                      <a:lnTo>
                        <a:pt x="6" y="0"/>
                      </a:lnTo>
                      <a:lnTo>
                        <a:pt x="10" y="0"/>
                      </a:lnTo>
                      <a:lnTo>
                        <a:pt x="12" y="0"/>
                      </a:lnTo>
                      <a:lnTo>
                        <a:pt x="13" y="2"/>
                      </a:lnTo>
                      <a:lnTo>
                        <a:pt x="15" y="3"/>
                      </a:lnTo>
                      <a:lnTo>
                        <a:pt x="15" y="5"/>
                      </a:lnTo>
                      <a:lnTo>
                        <a:pt x="15" y="7"/>
                      </a:lnTo>
                      <a:lnTo>
                        <a:pt x="13" y="8"/>
                      </a:lnTo>
                      <a:lnTo>
                        <a:pt x="13" y="10"/>
                      </a:lnTo>
                      <a:lnTo>
                        <a:pt x="12" y="12"/>
                      </a:lnTo>
                      <a:lnTo>
                        <a:pt x="10" y="15"/>
                      </a:lnTo>
                      <a:lnTo>
                        <a:pt x="6" y="17"/>
                      </a:lnTo>
                      <a:lnTo>
                        <a:pt x="3" y="17"/>
                      </a:lnTo>
                      <a:lnTo>
                        <a:pt x="1" y="17"/>
                      </a:lnTo>
                      <a:lnTo>
                        <a:pt x="0" y="15"/>
                      </a:lnTo>
                      <a:lnTo>
                        <a:pt x="0" y="13"/>
                      </a:lnTo>
                      <a:lnTo>
                        <a:pt x="0" y="12"/>
                      </a:lnTo>
                      <a:lnTo>
                        <a:pt x="0" y="10"/>
                      </a:lnTo>
                      <a:lnTo>
                        <a:pt x="0" y="8"/>
                      </a:lnTo>
                      <a:lnTo>
                        <a:pt x="1" y="7"/>
                      </a:lnTo>
                      <a:lnTo>
                        <a:pt x="1" y="5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99" name="Freeform 137"/>
                <p:cNvSpPr>
                  <a:spLocks/>
                </p:cNvSpPr>
                <p:nvPr/>
              </p:nvSpPr>
              <p:spPr bwMode="auto">
                <a:xfrm>
                  <a:off x="4206" y="3072"/>
                  <a:ext cx="11" cy="12"/>
                </a:xfrm>
                <a:custGeom>
                  <a:avLst/>
                  <a:gdLst>
                    <a:gd name="T0" fmla="*/ 0 w 11"/>
                    <a:gd name="T1" fmla="*/ 6 h 13"/>
                    <a:gd name="T2" fmla="*/ 0 w 11"/>
                    <a:gd name="T3" fmla="*/ 6 h 13"/>
                    <a:gd name="T4" fmla="*/ 0 w 11"/>
                    <a:gd name="T5" fmla="*/ 3 h 13"/>
                    <a:gd name="T6" fmla="*/ 2 w 11"/>
                    <a:gd name="T7" fmla="*/ 2 h 13"/>
                    <a:gd name="T8" fmla="*/ 4 w 11"/>
                    <a:gd name="T9" fmla="*/ 0 h 13"/>
                    <a:gd name="T10" fmla="*/ 6 w 11"/>
                    <a:gd name="T11" fmla="*/ 0 h 13"/>
                    <a:gd name="T12" fmla="*/ 6 w 11"/>
                    <a:gd name="T13" fmla="*/ 0 h 13"/>
                    <a:gd name="T14" fmla="*/ 7 w 11"/>
                    <a:gd name="T15" fmla="*/ 0 h 13"/>
                    <a:gd name="T16" fmla="*/ 9 w 11"/>
                    <a:gd name="T17" fmla="*/ 2 h 13"/>
                    <a:gd name="T18" fmla="*/ 11 w 11"/>
                    <a:gd name="T19" fmla="*/ 3 h 13"/>
                    <a:gd name="T20" fmla="*/ 11 w 11"/>
                    <a:gd name="T21" fmla="*/ 6 h 13"/>
                    <a:gd name="T22" fmla="*/ 11 w 11"/>
                    <a:gd name="T23" fmla="*/ 6 h 13"/>
                    <a:gd name="T24" fmla="*/ 11 w 11"/>
                    <a:gd name="T25" fmla="*/ 6 h 13"/>
                    <a:gd name="T26" fmla="*/ 9 w 11"/>
                    <a:gd name="T27" fmla="*/ 6 h 13"/>
                    <a:gd name="T28" fmla="*/ 7 w 11"/>
                    <a:gd name="T29" fmla="*/ 6 h 13"/>
                    <a:gd name="T30" fmla="*/ 6 w 11"/>
                    <a:gd name="T31" fmla="*/ 6 h 13"/>
                    <a:gd name="T32" fmla="*/ 6 w 11"/>
                    <a:gd name="T33" fmla="*/ 6 h 13"/>
                    <a:gd name="T34" fmla="*/ 4 w 11"/>
                    <a:gd name="T35" fmla="*/ 6 h 13"/>
                    <a:gd name="T36" fmla="*/ 2 w 11"/>
                    <a:gd name="T37" fmla="*/ 6 h 13"/>
                    <a:gd name="T38" fmla="*/ 0 w 11"/>
                    <a:gd name="T39" fmla="*/ 6 h 13"/>
                    <a:gd name="T40" fmla="*/ 0 w 11"/>
                    <a:gd name="T41" fmla="*/ 6 h 13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1"/>
                    <a:gd name="T64" fmla="*/ 0 h 13"/>
                    <a:gd name="T65" fmla="*/ 11 w 11"/>
                    <a:gd name="T66" fmla="*/ 13 h 13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1" h="13">
                      <a:moveTo>
                        <a:pt x="0" y="7"/>
                      </a:moveTo>
                      <a:lnTo>
                        <a:pt x="0" y="7"/>
                      </a:lnTo>
                      <a:lnTo>
                        <a:pt x="0" y="3"/>
                      </a:lnTo>
                      <a:lnTo>
                        <a:pt x="2" y="2"/>
                      </a:lnTo>
                      <a:lnTo>
                        <a:pt x="4" y="0"/>
                      </a:lnTo>
                      <a:lnTo>
                        <a:pt x="6" y="0"/>
                      </a:lnTo>
                      <a:lnTo>
                        <a:pt x="7" y="0"/>
                      </a:lnTo>
                      <a:lnTo>
                        <a:pt x="9" y="2"/>
                      </a:lnTo>
                      <a:lnTo>
                        <a:pt x="11" y="3"/>
                      </a:lnTo>
                      <a:lnTo>
                        <a:pt x="11" y="7"/>
                      </a:lnTo>
                      <a:lnTo>
                        <a:pt x="11" y="10"/>
                      </a:lnTo>
                      <a:lnTo>
                        <a:pt x="9" y="12"/>
                      </a:lnTo>
                      <a:lnTo>
                        <a:pt x="7" y="13"/>
                      </a:lnTo>
                      <a:lnTo>
                        <a:pt x="6" y="13"/>
                      </a:lnTo>
                      <a:lnTo>
                        <a:pt x="4" y="13"/>
                      </a:lnTo>
                      <a:lnTo>
                        <a:pt x="2" y="12"/>
                      </a:lnTo>
                      <a:lnTo>
                        <a:pt x="0" y="10"/>
                      </a:lnTo>
                      <a:lnTo>
                        <a:pt x="0" y="7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300" name="Freeform 138"/>
                <p:cNvSpPr>
                  <a:spLocks/>
                </p:cNvSpPr>
                <p:nvPr/>
              </p:nvSpPr>
              <p:spPr bwMode="auto">
                <a:xfrm>
                  <a:off x="4212" y="3098"/>
                  <a:ext cx="13" cy="16"/>
                </a:xfrm>
                <a:custGeom>
                  <a:avLst/>
                  <a:gdLst>
                    <a:gd name="T0" fmla="*/ 1 w 13"/>
                    <a:gd name="T1" fmla="*/ 5 h 17"/>
                    <a:gd name="T2" fmla="*/ 1 w 13"/>
                    <a:gd name="T3" fmla="*/ 5 h 17"/>
                    <a:gd name="T4" fmla="*/ 3 w 13"/>
                    <a:gd name="T5" fmla="*/ 2 h 17"/>
                    <a:gd name="T6" fmla="*/ 6 w 13"/>
                    <a:gd name="T7" fmla="*/ 0 h 17"/>
                    <a:gd name="T8" fmla="*/ 8 w 13"/>
                    <a:gd name="T9" fmla="*/ 0 h 17"/>
                    <a:gd name="T10" fmla="*/ 11 w 13"/>
                    <a:gd name="T11" fmla="*/ 0 h 17"/>
                    <a:gd name="T12" fmla="*/ 11 w 13"/>
                    <a:gd name="T13" fmla="*/ 0 h 17"/>
                    <a:gd name="T14" fmla="*/ 13 w 13"/>
                    <a:gd name="T15" fmla="*/ 0 h 17"/>
                    <a:gd name="T16" fmla="*/ 13 w 13"/>
                    <a:gd name="T17" fmla="*/ 2 h 17"/>
                    <a:gd name="T18" fmla="*/ 13 w 13"/>
                    <a:gd name="T19" fmla="*/ 3 h 17"/>
                    <a:gd name="T20" fmla="*/ 13 w 13"/>
                    <a:gd name="T21" fmla="*/ 5 h 17"/>
                    <a:gd name="T22" fmla="*/ 13 w 13"/>
                    <a:gd name="T23" fmla="*/ 5 h 17"/>
                    <a:gd name="T24" fmla="*/ 13 w 13"/>
                    <a:gd name="T25" fmla="*/ 8 h 17"/>
                    <a:gd name="T26" fmla="*/ 13 w 13"/>
                    <a:gd name="T27" fmla="*/ 8 h 17"/>
                    <a:gd name="T28" fmla="*/ 11 w 13"/>
                    <a:gd name="T29" fmla="*/ 8 h 17"/>
                    <a:gd name="T30" fmla="*/ 11 w 13"/>
                    <a:gd name="T31" fmla="*/ 8 h 17"/>
                    <a:gd name="T32" fmla="*/ 10 w 13"/>
                    <a:gd name="T33" fmla="*/ 8 h 17"/>
                    <a:gd name="T34" fmla="*/ 6 w 13"/>
                    <a:gd name="T35" fmla="*/ 8 h 17"/>
                    <a:gd name="T36" fmla="*/ 5 w 13"/>
                    <a:gd name="T37" fmla="*/ 8 h 17"/>
                    <a:gd name="T38" fmla="*/ 1 w 13"/>
                    <a:gd name="T39" fmla="*/ 8 h 17"/>
                    <a:gd name="T40" fmla="*/ 1 w 13"/>
                    <a:gd name="T41" fmla="*/ 8 h 17"/>
                    <a:gd name="T42" fmla="*/ 1 w 13"/>
                    <a:gd name="T43" fmla="*/ 8 h 17"/>
                    <a:gd name="T44" fmla="*/ 0 w 13"/>
                    <a:gd name="T45" fmla="*/ 8 h 17"/>
                    <a:gd name="T46" fmla="*/ 0 w 13"/>
                    <a:gd name="T47" fmla="*/ 8 h 17"/>
                    <a:gd name="T48" fmla="*/ 0 w 13"/>
                    <a:gd name="T49" fmla="*/ 8 h 17"/>
                    <a:gd name="T50" fmla="*/ 0 w 13"/>
                    <a:gd name="T51" fmla="*/ 8 h 17"/>
                    <a:gd name="T52" fmla="*/ 0 w 13"/>
                    <a:gd name="T53" fmla="*/ 8 h 17"/>
                    <a:gd name="T54" fmla="*/ 0 w 13"/>
                    <a:gd name="T55" fmla="*/ 7 h 17"/>
                    <a:gd name="T56" fmla="*/ 1 w 13"/>
                    <a:gd name="T57" fmla="*/ 5 h 17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w 13"/>
                    <a:gd name="T88" fmla="*/ 0 h 17"/>
                    <a:gd name="T89" fmla="*/ 13 w 13"/>
                    <a:gd name="T90" fmla="*/ 17 h 17"/>
                  </a:gdLst>
                  <a:ahLst/>
                  <a:cxnLst>
                    <a:cxn ang="T58">
                      <a:pos x="T0" y="T1"/>
                    </a:cxn>
                    <a:cxn ang="T59">
                      <a:pos x="T2" y="T3"/>
                    </a:cxn>
                    <a:cxn ang="T60">
                      <a:pos x="T4" y="T5"/>
                    </a:cxn>
                    <a:cxn ang="T61">
                      <a:pos x="T6" y="T7"/>
                    </a:cxn>
                    <a:cxn ang="T62">
                      <a:pos x="T8" y="T9"/>
                    </a:cxn>
                    <a:cxn ang="T63">
                      <a:pos x="T10" y="T11"/>
                    </a:cxn>
                    <a:cxn ang="T64">
                      <a:pos x="T12" y="T13"/>
                    </a:cxn>
                    <a:cxn ang="T65">
                      <a:pos x="T14" y="T15"/>
                    </a:cxn>
                    <a:cxn ang="T66">
                      <a:pos x="T16" y="T17"/>
                    </a:cxn>
                    <a:cxn ang="T67">
                      <a:pos x="T18" y="T19"/>
                    </a:cxn>
                    <a:cxn ang="T68">
                      <a:pos x="T20" y="T21"/>
                    </a:cxn>
                    <a:cxn ang="T69">
                      <a:pos x="T22" y="T23"/>
                    </a:cxn>
                    <a:cxn ang="T70">
                      <a:pos x="T24" y="T25"/>
                    </a:cxn>
                    <a:cxn ang="T71">
                      <a:pos x="T26" y="T27"/>
                    </a:cxn>
                    <a:cxn ang="T72">
                      <a:pos x="T28" y="T29"/>
                    </a:cxn>
                    <a:cxn ang="T73">
                      <a:pos x="T30" y="T31"/>
                    </a:cxn>
                    <a:cxn ang="T74">
                      <a:pos x="T32" y="T33"/>
                    </a:cxn>
                    <a:cxn ang="T75">
                      <a:pos x="T34" y="T35"/>
                    </a:cxn>
                    <a:cxn ang="T76">
                      <a:pos x="T36" y="T37"/>
                    </a:cxn>
                    <a:cxn ang="T77">
                      <a:pos x="T38" y="T39"/>
                    </a:cxn>
                    <a:cxn ang="T78">
                      <a:pos x="T40" y="T41"/>
                    </a:cxn>
                    <a:cxn ang="T79">
                      <a:pos x="T42" y="T43"/>
                    </a:cxn>
                    <a:cxn ang="T80">
                      <a:pos x="T44" y="T45"/>
                    </a:cxn>
                    <a:cxn ang="T81">
                      <a:pos x="T46" y="T47"/>
                    </a:cxn>
                    <a:cxn ang="T82">
                      <a:pos x="T48" y="T49"/>
                    </a:cxn>
                    <a:cxn ang="T83">
                      <a:pos x="T50" y="T51"/>
                    </a:cxn>
                    <a:cxn ang="T84">
                      <a:pos x="T52" y="T53"/>
                    </a:cxn>
                    <a:cxn ang="T85">
                      <a:pos x="T54" y="T55"/>
                    </a:cxn>
                    <a:cxn ang="T86">
                      <a:pos x="T56" y="T57"/>
                    </a:cxn>
                  </a:cxnLst>
                  <a:rect l="T87" t="T88" r="T89" b="T90"/>
                  <a:pathLst>
                    <a:path w="13" h="17">
                      <a:moveTo>
                        <a:pt x="1" y="5"/>
                      </a:moveTo>
                      <a:lnTo>
                        <a:pt x="1" y="5"/>
                      </a:lnTo>
                      <a:lnTo>
                        <a:pt x="3" y="2"/>
                      </a:lnTo>
                      <a:lnTo>
                        <a:pt x="6" y="0"/>
                      </a:lnTo>
                      <a:lnTo>
                        <a:pt x="8" y="0"/>
                      </a:lnTo>
                      <a:lnTo>
                        <a:pt x="11" y="0"/>
                      </a:lnTo>
                      <a:lnTo>
                        <a:pt x="13" y="0"/>
                      </a:lnTo>
                      <a:lnTo>
                        <a:pt x="13" y="2"/>
                      </a:lnTo>
                      <a:lnTo>
                        <a:pt x="13" y="3"/>
                      </a:lnTo>
                      <a:lnTo>
                        <a:pt x="13" y="5"/>
                      </a:lnTo>
                      <a:lnTo>
                        <a:pt x="13" y="8"/>
                      </a:lnTo>
                      <a:lnTo>
                        <a:pt x="11" y="10"/>
                      </a:lnTo>
                      <a:lnTo>
                        <a:pt x="10" y="14"/>
                      </a:lnTo>
                      <a:lnTo>
                        <a:pt x="6" y="15"/>
                      </a:lnTo>
                      <a:lnTo>
                        <a:pt x="5" y="17"/>
                      </a:lnTo>
                      <a:lnTo>
                        <a:pt x="1" y="17"/>
                      </a:lnTo>
                      <a:lnTo>
                        <a:pt x="1" y="15"/>
                      </a:lnTo>
                      <a:lnTo>
                        <a:pt x="0" y="14"/>
                      </a:lnTo>
                      <a:lnTo>
                        <a:pt x="0" y="12"/>
                      </a:lnTo>
                      <a:lnTo>
                        <a:pt x="0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1" y="5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241" name="Group 139"/>
              <p:cNvGrpSpPr>
                <a:grpSpLocks/>
              </p:cNvGrpSpPr>
              <p:nvPr/>
            </p:nvGrpSpPr>
            <p:grpSpPr bwMode="auto">
              <a:xfrm>
                <a:off x="1186" y="3709"/>
                <a:ext cx="274" cy="176"/>
                <a:chOff x="1338" y="3375"/>
                <a:chExt cx="282" cy="181"/>
              </a:xfrm>
            </p:grpSpPr>
            <p:sp>
              <p:nvSpPr>
                <p:cNvPr id="278" name="Freeform 140"/>
                <p:cNvSpPr>
                  <a:spLocks/>
                </p:cNvSpPr>
                <p:nvPr/>
              </p:nvSpPr>
              <p:spPr bwMode="auto">
                <a:xfrm>
                  <a:off x="1361" y="3375"/>
                  <a:ext cx="26" cy="18"/>
                </a:xfrm>
                <a:custGeom>
                  <a:avLst/>
                  <a:gdLst>
                    <a:gd name="T0" fmla="*/ 0 w 26"/>
                    <a:gd name="T1" fmla="*/ 8 h 18"/>
                    <a:gd name="T2" fmla="*/ 0 w 26"/>
                    <a:gd name="T3" fmla="*/ 8 h 18"/>
                    <a:gd name="T4" fmla="*/ 2 w 26"/>
                    <a:gd name="T5" fmla="*/ 6 h 18"/>
                    <a:gd name="T6" fmla="*/ 2 w 26"/>
                    <a:gd name="T7" fmla="*/ 6 h 18"/>
                    <a:gd name="T8" fmla="*/ 5 w 26"/>
                    <a:gd name="T9" fmla="*/ 3 h 18"/>
                    <a:gd name="T10" fmla="*/ 9 w 26"/>
                    <a:gd name="T11" fmla="*/ 3 h 18"/>
                    <a:gd name="T12" fmla="*/ 12 w 26"/>
                    <a:gd name="T13" fmla="*/ 1 h 18"/>
                    <a:gd name="T14" fmla="*/ 17 w 26"/>
                    <a:gd name="T15" fmla="*/ 0 h 18"/>
                    <a:gd name="T16" fmla="*/ 22 w 26"/>
                    <a:gd name="T17" fmla="*/ 0 h 18"/>
                    <a:gd name="T18" fmla="*/ 24 w 26"/>
                    <a:gd name="T19" fmla="*/ 0 h 18"/>
                    <a:gd name="T20" fmla="*/ 24 w 26"/>
                    <a:gd name="T21" fmla="*/ 3 h 18"/>
                    <a:gd name="T22" fmla="*/ 24 w 26"/>
                    <a:gd name="T23" fmla="*/ 6 h 18"/>
                    <a:gd name="T24" fmla="*/ 26 w 26"/>
                    <a:gd name="T25" fmla="*/ 6 h 18"/>
                    <a:gd name="T26" fmla="*/ 21 w 26"/>
                    <a:gd name="T27" fmla="*/ 18 h 18"/>
                    <a:gd name="T28" fmla="*/ 4 w 26"/>
                    <a:gd name="T29" fmla="*/ 13 h 18"/>
                    <a:gd name="T30" fmla="*/ 0 w 26"/>
                    <a:gd name="T31" fmla="*/ 8 h 18"/>
                    <a:gd name="T32" fmla="*/ 0 60000 65536"/>
                    <a:gd name="T33" fmla="*/ 0 60000 65536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w 26"/>
                    <a:gd name="T49" fmla="*/ 0 h 18"/>
                    <a:gd name="T50" fmla="*/ 26 w 26"/>
                    <a:gd name="T51" fmla="*/ 18 h 18"/>
                  </a:gdLst>
                  <a:ahLst/>
                  <a:cxnLst>
                    <a:cxn ang="T32">
                      <a:pos x="T0" y="T1"/>
                    </a:cxn>
                    <a:cxn ang="T33">
                      <a:pos x="T2" y="T3"/>
                    </a:cxn>
                    <a:cxn ang="T34">
                      <a:pos x="T4" y="T5"/>
                    </a:cxn>
                    <a:cxn ang="T35">
                      <a:pos x="T6" y="T7"/>
                    </a:cxn>
                    <a:cxn ang="T36">
                      <a:pos x="T8" y="T9"/>
                    </a:cxn>
                    <a:cxn ang="T37">
                      <a:pos x="T10" y="T11"/>
                    </a:cxn>
                    <a:cxn ang="T38">
                      <a:pos x="T12" y="T13"/>
                    </a:cxn>
                    <a:cxn ang="T39">
                      <a:pos x="T14" y="T15"/>
                    </a:cxn>
                    <a:cxn ang="T40">
                      <a:pos x="T16" y="T17"/>
                    </a:cxn>
                    <a:cxn ang="T41">
                      <a:pos x="T18" y="T19"/>
                    </a:cxn>
                    <a:cxn ang="T42">
                      <a:pos x="T20" y="T21"/>
                    </a:cxn>
                    <a:cxn ang="T43">
                      <a:pos x="T22" y="T23"/>
                    </a:cxn>
                    <a:cxn ang="T44">
                      <a:pos x="T24" y="T25"/>
                    </a:cxn>
                    <a:cxn ang="T45">
                      <a:pos x="T26" y="T27"/>
                    </a:cxn>
                    <a:cxn ang="T46">
                      <a:pos x="T28" y="T29"/>
                    </a:cxn>
                    <a:cxn ang="T47">
                      <a:pos x="T30" y="T31"/>
                    </a:cxn>
                  </a:cxnLst>
                  <a:rect l="T48" t="T49" r="T50" b="T51"/>
                  <a:pathLst>
                    <a:path w="26" h="18">
                      <a:moveTo>
                        <a:pt x="0" y="8"/>
                      </a:moveTo>
                      <a:lnTo>
                        <a:pt x="0" y="8"/>
                      </a:lnTo>
                      <a:lnTo>
                        <a:pt x="2" y="6"/>
                      </a:lnTo>
                      <a:lnTo>
                        <a:pt x="5" y="3"/>
                      </a:lnTo>
                      <a:lnTo>
                        <a:pt x="9" y="3"/>
                      </a:lnTo>
                      <a:lnTo>
                        <a:pt x="12" y="1"/>
                      </a:lnTo>
                      <a:lnTo>
                        <a:pt x="17" y="0"/>
                      </a:lnTo>
                      <a:lnTo>
                        <a:pt x="22" y="0"/>
                      </a:lnTo>
                      <a:lnTo>
                        <a:pt x="24" y="0"/>
                      </a:lnTo>
                      <a:lnTo>
                        <a:pt x="24" y="3"/>
                      </a:lnTo>
                      <a:lnTo>
                        <a:pt x="24" y="6"/>
                      </a:lnTo>
                      <a:lnTo>
                        <a:pt x="26" y="6"/>
                      </a:lnTo>
                      <a:lnTo>
                        <a:pt x="21" y="18"/>
                      </a:lnTo>
                      <a:lnTo>
                        <a:pt x="4" y="13"/>
                      </a:lnTo>
                      <a:lnTo>
                        <a:pt x="0" y="8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79" name="Freeform 141"/>
                <p:cNvSpPr>
                  <a:spLocks/>
                </p:cNvSpPr>
                <p:nvPr/>
              </p:nvSpPr>
              <p:spPr bwMode="auto">
                <a:xfrm>
                  <a:off x="1361" y="3375"/>
                  <a:ext cx="26" cy="18"/>
                </a:xfrm>
                <a:custGeom>
                  <a:avLst/>
                  <a:gdLst>
                    <a:gd name="T0" fmla="*/ 0 w 26"/>
                    <a:gd name="T1" fmla="*/ 8 h 18"/>
                    <a:gd name="T2" fmla="*/ 0 w 26"/>
                    <a:gd name="T3" fmla="*/ 8 h 18"/>
                    <a:gd name="T4" fmla="*/ 0 w 26"/>
                    <a:gd name="T5" fmla="*/ 8 h 18"/>
                    <a:gd name="T6" fmla="*/ 2 w 26"/>
                    <a:gd name="T7" fmla="*/ 6 h 18"/>
                    <a:gd name="T8" fmla="*/ 2 w 26"/>
                    <a:gd name="T9" fmla="*/ 6 h 18"/>
                    <a:gd name="T10" fmla="*/ 5 w 26"/>
                    <a:gd name="T11" fmla="*/ 3 h 18"/>
                    <a:gd name="T12" fmla="*/ 9 w 26"/>
                    <a:gd name="T13" fmla="*/ 3 h 18"/>
                    <a:gd name="T14" fmla="*/ 12 w 26"/>
                    <a:gd name="T15" fmla="*/ 1 h 18"/>
                    <a:gd name="T16" fmla="*/ 17 w 26"/>
                    <a:gd name="T17" fmla="*/ 0 h 18"/>
                    <a:gd name="T18" fmla="*/ 22 w 26"/>
                    <a:gd name="T19" fmla="*/ 0 h 18"/>
                    <a:gd name="T20" fmla="*/ 22 w 26"/>
                    <a:gd name="T21" fmla="*/ 0 h 18"/>
                    <a:gd name="T22" fmla="*/ 24 w 26"/>
                    <a:gd name="T23" fmla="*/ 0 h 18"/>
                    <a:gd name="T24" fmla="*/ 24 w 26"/>
                    <a:gd name="T25" fmla="*/ 3 h 18"/>
                    <a:gd name="T26" fmla="*/ 24 w 26"/>
                    <a:gd name="T27" fmla="*/ 6 h 18"/>
                    <a:gd name="T28" fmla="*/ 26 w 26"/>
                    <a:gd name="T29" fmla="*/ 6 h 18"/>
                    <a:gd name="T30" fmla="*/ 21 w 26"/>
                    <a:gd name="T31" fmla="*/ 18 h 18"/>
                    <a:gd name="T32" fmla="*/ 4 w 26"/>
                    <a:gd name="T33" fmla="*/ 13 h 18"/>
                    <a:gd name="T34" fmla="*/ 0 w 26"/>
                    <a:gd name="T35" fmla="*/ 8 h 18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w 26"/>
                    <a:gd name="T55" fmla="*/ 0 h 18"/>
                    <a:gd name="T56" fmla="*/ 26 w 26"/>
                    <a:gd name="T57" fmla="*/ 18 h 18"/>
                  </a:gdLst>
                  <a:ahLst/>
                  <a:cxnLst>
                    <a:cxn ang="T36">
                      <a:pos x="T0" y="T1"/>
                    </a:cxn>
                    <a:cxn ang="T37">
                      <a:pos x="T2" y="T3"/>
                    </a:cxn>
                    <a:cxn ang="T38">
                      <a:pos x="T4" y="T5"/>
                    </a:cxn>
                    <a:cxn ang="T39">
                      <a:pos x="T6" y="T7"/>
                    </a:cxn>
                    <a:cxn ang="T40">
                      <a:pos x="T8" y="T9"/>
                    </a:cxn>
                    <a:cxn ang="T41">
                      <a:pos x="T10" y="T11"/>
                    </a:cxn>
                    <a:cxn ang="T42">
                      <a:pos x="T12" y="T13"/>
                    </a:cxn>
                    <a:cxn ang="T43">
                      <a:pos x="T14" y="T15"/>
                    </a:cxn>
                    <a:cxn ang="T44">
                      <a:pos x="T16" y="T17"/>
                    </a:cxn>
                    <a:cxn ang="T45">
                      <a:pos x="T18" y="T19"/>
                    </a:cxn>
                    <a:cxn ang="T46">
                      <a:pos x="T20" y="T21"/>
                    </a:cxn>
                    <a:cxn ang="T47">
                      <a:pos x="T22" y="T23"/>
                    </a:cxn>
                    <a:cxn ang="T48">
                      <a:pos x="T24" y="T25"/>
                    </a:cxn>
                    <a:cxn ang="T49">
                      <a:pos x="T26" y="T27"/>
                    </a:cxn>
                    <a:cxn ang="T50">
                      <a:pos x="T28" y="T29"/>
                    </a:cxn>
                    <a:cxn ang="T51">
                      <a:pos x="T30" y="T31"/>
                    </a:cxn>
                    <a:cxn ang="T52">
                      <a:pos x="T32" y="T33"/>
                    </a:cxn>
                    <a:cxn ang="T53">
                      <a:pos x="T34" y="T35"/>
                    </a:cxn>
                  </a:cxnLst>
                  <a:rect l="T54" t="T55" r="T56" b="T57"/>
                  <a:pathLst>
                    <a:path w="26" h="18">
                      <a:moveTo>
                        <a:pt x="0" y="8"/>
                      </a:moveTo>
                      <a:lnTo>
                        <a:pt x="0" y="8"/>
                      </a:lnTo>
                      <a:lnTo>
                        <a:pt x="2" y="6"/>
                      </a:lnTo>
                      <a:lnTo>
                        <a:pt x="5" y="3"/>
                      </a:lnTo>
                      <a:lnTo>
                        <a:pt x="9" y="3"/>
                      </a:lnTo>
                      <a:lnTo>
                        <a:pt x="12" y="1"/>
                      </a:lnTo>
                      <a:lnTo>
                        <a:pt x="17" y="0"/>
                      </a:lnTo>
                      <a:lnTo>
                        <a:pt x="22" y="0"/>
                      </a:lnTo>
                      <a:lnTo>
                        <a:pt x="24" y="0"/>
                      </a:lnTo>
                      <a:lnTo>
                        <a:pt x="24" y="3"/>
                      </a:lnTo>
                      <a:lnTo>
                        <a:pt x="24" y="6"/>
                      </a:lnTo>
                      <a:lnTo>
                        <a:pt x="26" y="6"/>
                      </a:lnTo>
                      <a:lnTo>
                        <a:pt x="21" y="18"/>
                      </a:lnTo>
                      <a:lnTo>
                        <a:pt x="4" y="13"/>
                      </a:lnTo>
                      <a:lnTo>
                        <a:pt x="0" y="8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80" name="Freeform 142"/>
                <p:cNvSpPr>
                  <a:spLocks/>
                </p:cNvSpPr>
                <p:nvPr/>
              </p:nvSpPr>
              <p:spPr bwMode="auto">
                <a:xfrm>
                  <a:off x="1441" y="3403"/>
                  <a:ext cx="30" cy="24"/>
                </a:xfrm>
                <a:custGeom>
                  <a:avLst/>
                  <a:gdLst>
                    <a:gd name="T0" fmla="*/ 0 w 30"/>
                    <a:gd name="T1" fmla="*/ 5 h 24"/>
                    <a:gd name="T2" fmla="*/ 8 w 30"/>
                    <a:gd name="T3" fmla="*/ 5 h 24"/>
                    <a:gd name="T4" fmla="*/ 8 w 30"/>
                    <a:gd name="T5" fmla="*/ 5 h 24"/>
                    <a:gd name="T6" fmla="*/ 8 w 30"/>
                    <a:gd name="T7" fmla="*/ 4 h 24"/>
                    <a:gd name="T8" fmla="*/ 8 w 30"/>
                    <a:gd name="T9" fmla="*/ 2 h 24"/>
                    <a:gd name="T10" fmla="*/ 10 w 30"/>
                    <a:gd name="T11" fmla="*/ 0 h 24"/>
                    <a:gd name="T12" fmla="*/ 10 w 30"/>
                    <a:gd name="T13" fmla="*/ 0 h 24"/>
                    <a:gd name="T14" fmla="*/ 12 w 30"/>
                    <a:gd name="T15" fmla="*/ 0 h 24"/>
                    <a:gd name="T16" fmla="*/ 13 w 30"/>
                    <a:gd name="T17" fmla="*/ 2 h 24"/>
                    <a:gd name="T18" fmla="*/ 17 w 30"/>
                    <a:gd name="T19" fmla="*/ 5 h 24"/>
                    <a:gd name="T20" fmla="*/ 17 w 30"/>
                    <a:gd name="T21" fmla="*/ 7 h 24"/>
                    <a:gd name="T22" fmla="*/ 18 w 30"/>
                    <a:gd name="T23" fmla="*/ 9 h 24"/>
                    <a:gd name="T24" fmla="*/ 22 w 30"/>
                    <a:gd name="T25" fmla="*/ 12 h 24"/>
                    <a:gd name="T26" fmla="*/ 27 w 30"/>
                    <a:gd name="T27" fmla="*/ 16 h 24"/>
                    <a:gd name="T28" fmla="*/ 27 w 30"/>
                    <a:gd name="T29" fmla="*/ 17 h 24"/>
                    <a:gd name="T30" fmla="*/ 29 w 30"/>
                    <a:gd name="T31" fmla="*/ 19 h 24"/>
                    <a:gd name="T32" fmla="*/ 30 w 30"/>
                    <a:gd name="T33" fmla="*/ 21 h 24"/>
                    <a:gd name="T34" fmla="*/ 30 w 30"/>
                    <a:gd name="T35" fmla="*/ 22 h 24"/>
                    <a:gd name="T36" fmla="*/ 30 w 30"/>
                    <a:gd name="T37" fmla="*/ 24 h 24"/>
                    <a:gd name="T38" fmla="*/ 27 w 30"/>
                    <a:gd name="T39" fmla="*/ 24 h 24"/>
                    <a:gd name="T40" fmla="*/ 22 w 30"/>
                    <a:gd name="T41" fmla="*/ 24 h 24"/>
                    <a:gd name="T42" fmla="*/ 15 w 30"/>
                    <a:gd name="T43" fmla="*/ 21 h 24"/>
                    <a:gd name="T44" fmla="*/ 13 w 30"/>
                    <a:gd name="T45" fmla="*/ 21 h 24"/>
                    <a:gd name="T46" fmla="*/ 10 w 30"/>
                    <a:gd name="T47" fmla="*/ 21 h 24"/>
                    <a:gd name="T48" fmla="*/ 8 w 30"/>
                    <a:gd name="T49" fmla="*/ 22 h 24"/>
                    <a:gd name="T50" fmla="*/ 8 w 30"/>
                    <a:gd name="T51" fmla="*/ 22 h 24"/>
                    <a:gd name="T52" fmla="*/ 1 w 30"/>
                    <a:gd name="T53" fmla="*/ 14 h 24"/>
                    <a:gd name="T54" fmla="*/ 0 w 30"/>
                    <a:gd name="T55" fmla="*/ 5 h 24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w 30"/>
                    <a:gd name="T85" fmla="*/ 0 h 24"/>
                    <a:gd name="T86" fmla="*/ 30 w 30"/>
                    <a:gd name="T87" fmla="*/ 24 h 24"/>
                  </a:gdLst>
                  <a:ahLst/>
                  <a:cxnLst>
                    <a:cxn ang="T56">
                      <a:pos x="T0" y="T1"/>
                    </a:cxn>
                    <a:cxn ang="T57">
                      <a:pos x="T2" y="T3"/>
                    </a:cxn>
                    <a:cxn ang="T58">
                      <a:pos x="T4" y="T5"/>
                    </a:cxn>
                    <a:cxn ang="T59">
                      <a:pos x="T6" y="T7"/>
                    </a:cxn>
                    <a:cxn ang="T60">
                      <a:pos x="T8" y="T9"/>
                    </a:cxn>
                    <a:cxn ang="T61">
                      <a:pos x="T10" y="T11"/>
                    </a:cxn>
                    <a:cxn ang="T62">
                      <a:pos x="T12" y="T13"/>
                    </a:cxn>
                    <a:cxn ang="T63">
                      <a:pos x="T14" y="T15"/>
                    </a:cxn>
                    <a:cxn ang="T64">
                      <a:pos x="T16" y="T17"/>
                    </a:cxn>
                    <a:cxn ang="T65">
                      <a:pos x="T18" y="T19"/>
                    </a:cxn>
                    <a:cxn ang="T66">
                      <a:pos x="T20" y="T21"/>
                    </a:cxn>
                    <a:cxn ang="T67">
                      <a:pos x="T22" y="T23"/>
                    </a:cxn>
                    <a:cxn ang="T68">
                      <a:pos x="T24" y="T25"/>
                    </a:cxn>
                    <a:cxn ang="T69">
                      <a:pos x="T26" y="T27"/>
                    </a:cxn>
                    <a:cxn ang="T70">
                      <a:pos x="T28" y="T29"/>
                    </a:cxn>
                    <a:cxn ang="T71">
                      <a:pos x="T30" y="T31"/>
                    </a:cxn>
                    <a:cxn ang="T72">
                      <a:pos x="T32" y="T33"/>
                    </a:cxn>
                    <a:cxn ang="T73">
                      <a:pos x="T34" y="T35"/>
                    </a:cxn>
                    <a:cxn ang="T74">
                      <a:pos x="T36" y="T37"/>
                    </a:cxn>
                    <a:cxn ang="T75">
                      <a:pos x="T38" y="T39"/>
                    </a:cxn>
                    <a:cxn ang="T76">
                      <a:pos x="T40" y="T41"/>
                    </a:cxn>
                    <a:cxn ang="T77">
                      <a:pos x="T42" y="T43"/>
                    </a:cxn>
                    <a:cxn ang="T78">
                      <a:pos x="T44" y="T45"/>
                    </a:cxn>
                    <a:cxn ang="T79">
                      <a:pos x="T46" y="T47"/>
                    </a:cxn>
                    <a:cxn ang="T80">
                      <a:pos x="T48" y="T49"/>
                    </a:cxn>
                    <a:cxn ang="T81">
                      <a:pos x="T50" y="T51"/>
                    </a:cxn>
                    <a:cxn ang="T82">
                      <a:pos x="T52" y="T53"/>
                    </a:cxn>
                    <a:cxn ang="T83">
                      <a:pos x="T54" y="T55"/>
                    </a:cxn>
                  </a:cxnLst>
                  <a:rect l="T84" t="T85" r="T86" b="T87"/>
                  <a:pathLst>
                    <a:path w="30" h="24">
                      <a:moveTo>
                        <a:pt x="0" y="5"/>
                      </a:moveTo>
                      <a:lnTo>
                        <a:pt x="8" y="5"/>
                      </a:lnTo>
                      <a:lnTo>
                        <a:pt x="8" y="4"/>
                      </a:lnTo>
                      <a:lnTo>
                        <a:pt x="8" y="2"/>
                      </a:lnTo>
                      <a:lnTo>
                        <a:pt x="10" y="0"/>
                      </a:lnTo>
                      <a:lnTo>
                        <a:pt x="12" y="0"/>
                      </a:lnTo>
                      <a:lnTo>
                        <a:pt x="13" y="2"/>
                      </a:lnTo>
                      <a:lnTo>
                        <a:pt x="17" y="5"/>
                      </a:lnTo>
                      <a:lnTo>
                        <a:pt x="17" y="7"/>
                      </a:lnTo>
                      <a:lnTo>
                        <a:pt x="18" y="9"/>
                      </a:lnTo>
                      <a:lnTo>
                        <a:pt x="22" y="12"/>
                      </a:lnTo>
                      <a:lnTo>
                        <a:pt x="27" y="16"/>
                      </a:lnTo>
                      <a:lnTo>
                        <a:pt x="27" y="17"/>
                      </a:lnTo>
                      <a:lnTo>
                        <a:pt x="29" y="19"/>
                      </a:lnTo>
                      <a:lnTo>
                        <a:pt x="30" y="21"/>
                      </a:lnTo>
                      <a:lnTo>
                        <a:pt x="30" y="22"/>
                      </a:lnTo>
                      <a:lnTo>
                        <a:pt x="30" y="24"/>
                      </a:lnTo>
                      <a:lnTo>
                        <a:pt x="27" y="24"/>
                      </a:lnTo>
                      <a:lnTo>
                        <a:pt x="22" y="24"/>
                      </a:lnTo>
                      <a:lnTo>
                        <a:pt x="15" y="21"/>
                      </a:lnTo>
                      <a:lnTo>
                        <a:pt x="13" y="21"/>
                      </a:lnTo>
                      <a:lnTo>
                        <a:pt x="10" y="21"/>
                      </a:lnTo>
                      <a:lnTo>
                        <a:pt x="8" y="22"/>
                      </a:lnTo>
                      <a:lnTo>
                        <a:pt x="1" y="14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81" name="Freeform 143"/>
                <p:cNvSpPr>
                  <a:spLocks/>
                </p:cNvSpPr>
                <p:nvPr/>
              </p:nvSpPr>
              <p:spPr bwMode="auto">
                <a:xfrm>
                  <a:off x="1441" y="3403"/>
                  <a:ext cx="30" cy="24"/>
                </a:xfrm>
                <a:custGeom>
                  <a:avLst/>
                  <a:gdLst>
                    <a:gd name="T0" fmla="*/ 0 w 30"/>
                    <a:gd name="T1" fmla="*/ 5 h 24"/>
                    <a:gd name="T2" fmla="*/ 8 w 30"/>
                    <a:gd name="T3" fmla="*/ 5 h 24"/>
                    <a:gd name="T4" fmla="*/ 8 w 30"/>
                    <a:gd name="T5" fmla="*/ 5 h 24"/>
                    <a:gd name="T6" fmla="*/ 8 w 30"/>
                    <a:gd name="T7" fmla="*/ 5 h 24"/>
                    <a:gd name="T8" fmla="*/ 8 w 30"/>
                    <a:gd name="T9" fmla="*/ 4 h 24"/>
                    <a:gd name="T10" fmla="*/ 8 w 30"/>
                    <a:gd name="T11" fmla="*/ 2 h 24"/>
                    <a:gd name="T12" fmla="*/ 10 w 30"/>
                    <a:gd name="T13" fmla="*/ 0 h 24"/>
                    <a:gd name="T14" fmla="*/ 10 w 30"/>
                    <a:gd name="T15" fmla="*/ 0 h 24"/>
                    <a:gd name="T16" fmla="*/ 12 w 30"/>
                    <a:gd name="T17" fmla="*/ 0 h 24"/>
                    <a:gd name="T18" fmla="*/ 13 w 30"/>
                    <a:gd name="T19" fmla="*/ 2 h 24"/>
                    <a:gd name="T20" fmla="*/ 17 w 30"/>
                    <a:gd name="T21" fmla="*/ 5 h 24"/>
                    <a:gd name="T22" fmla="*/ 17 w 30"/>
                    <a:gd name="T23" fmla="*/ 5 h 24"/>
                    <a:gd name="T24" fmla="*/ 17 w 30"/>
                    <a:gd name="T25" fmla="*/ 7 h 24"/>
                    <a:gd name="T26" fmla="*/ 18 w 30"/>
                    <a:gd name="T27" fmla="*/ 9 h 24"/>
                    <a:gd name="T28" fmla="*/ 22 w 30"/>
                    <a:gd name="T29" fmla="*/ 12 h 24"/>
                    <a:gd name="T30" fmla="*/ 27 w 30"/>
                    <a:gd name="T31" fmla="*/ 16 h 24"/>
                    <a:gd name="T32" fmla="*/ 27 w 30"/>
                    <a:gd name="T33" fmla="*/ 16 h 24"/>
                    <a:gd name="T34" fmla="*/ 27 w 30"/>
                    <a:gd name="T35" fmla="*/ 17 h 24"/>
                    <a:gd name="T36" fmla="*/ 29 w 30"/>
                    <a:gd name="T37" fmla="*/ 19 h 24"/>
                    <a:gd name="T38" fmla="*/ 30 w 30"/>
                    <a:gd name="T39" fmla="*/ 21 h 24"/>
                    <a:gd name="T40" fmla="*/ 30 w 30"/>
                    <a:gd name="T41" fmla="*/ 22 h 24"/>
                    <a:gd name="T42" fmla="*/ 30 w 30"/>
                    <a:gd name="T43" fmla="*/ 24 h 24"/>
                    <a:gd name="T44" fmla="*/ 27 w 30"/>
                    <a:gd name="T45" fmla="*/ 24 h 24"/>
                    <a:gd name="T46" fmla="*/ 22 w 30"/>
                    <a:gd name="T47" fmla="*/ 24 h 24"/>
                    <a:gd name="T48" fmla="*/ 15 w 30"/>
                    <a:gd name="T49" fmla="*/ 21 h 24"/>
                    <a:gd name="T50" fmla="*/ 15 w 30"/>
                    <a:gd name="T51" fmla="*/ 21 h 24"/>
                    <a:gd name="T52" fmla="*/ 13 w 30"/>
                    <a:gd name="T53" fmla="*/ 21 h 24"/>
                    <a:gd name="T54" fmla="*/ 10 w 30"/>
                    <a:gd name="T55" fmla="*/ 21 h 24"/>
                    <a:gd name="T56" fmla="*/ 8 w 30"/>
                    <a:gd name="T57" fmla="*/ 22 h 24"/>
                    <a:gd name="T58" fmla="*/ 8 w 30"/>
                    <a:gd name="T59" fmla="*/ 22 h 24"/>
                    <a:gd name="T60" fmla="*/ 1 w 30"/>
                    <a:gd name="T61" fmla="*/ 14 h 24"/>
                    <a:gd name="T62" fmla="*/ 0 w 30"/>
                    <a:gd name="T63" fmla="*/ 5 h 24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w 30"/>
                    <a:gd name="T97" fmla="*/ 0 h 24"/>
                    <a:gd name="T98" fmla="*/ 30 w 30"/>
                    <a:gd name="T99" fmla="*/ 24 h 24"/>
                  </a:gdLst>
                  <a:ahLst/>
                  <a:cxnLst>
                    <a:cxn ang="T64">
                      <a:pos x="T0" y="T1"/>
                    </a:cxn>
                    <a:cxn ang="T65">
                      <a:pos x="T2" y="T3"/>
                    </a:cxn>
                    <a:cxn ang="T66">
                      <a:pos x="T4" y="T5"/>
                    </a:cxn>
                    <a:cxn ang="T67">
                      <a:pos x="T6" y="T7"/>
                    </a:cxn>
                    <a:cxn ang="T68">
                      <a:pos x="T8" y="T9"/>
                    </a:cxn>
                    <a:cxn ang="T69">
                      <a:pos x="T10" y="T11"/>
                    </a:cxn>
                    <a:cxn ang="T70">
                      <a:pos x="T12" y="T13"/>
                    </a:cxn>
                    <a:cxn ang="T71">
                      <a:pos x="T14" y="T15"/>
                    </a:cxn>
                    <a:cxn ang="T72">
                      <a:pos x="T16" y="T17"/>
                    </a:cxn>
                    <a:cxn ang="T73">
                      <a:pos x="T18" y="T19"/>
                    </a:cxn>
                    <a:cxn ang="T74">
                      <a:pos x="T20" y="T21"/>
                    </a:cxn>
                    <a:cxn ang="T75">
                      <a:pos x="T22" y="T23"/>
                    </a:cxn>
                    <a:cxn ang="T76">
                      <a:pos x="T24" y="T25"/>
                    </a:cxn>
                    <a:cxn ang="T77">
                      <a:pos x="T26" y="T27"/>
                    </a:cxn>
                    <a:cxn ang="T78">
                      <a:pos x="T28" y="T29"/>
                    </a:cxn>
                    <a:cxn ang="T79">
                      <a:pos x="T30" y="T31"/>
                    </a:cxn>
                    <a:cxn ang="T80">
                      <a:pos x="T32" y="T33"/>
                    </a:cxn>
                    <a:cxn ang="T81">
                      <a:pos x="T34" y="T35"/>
                    </a:cxn>
                    <a:cxn ang="T82">
                      <a:pos x="T36" y="T37"/>
                    </a:cxn>
                    <a:cxn ang="T83">
                      <a:pos x="T38" y="T39"/>
                    </a:cxn>
                    <a:cxn ang="T84">
                      <a:pos x="T40" y="T41"/>
                    </a:cxn>
                    <a:cxn ang="T85">
                      <a:pos x="T42" y="T43"/>
                    </a:cxn>
                    <a:cxn ang="T86">
                      <a:pos x="T44" y="T45"/>
                    </a:cxn>
                    <a:cxn ang="T87">
                      <a:pos x="T46" y="T47"/>
                    </a:cxn>
                    <a:cxn ang="T88">
                      <a:pos x="T48" y="T49"/>
                    </a:cxn>
                    <a:cxn ang="T89">
                      <a:pos x="T50" y="T51"/>
                    </a:cxn>
                    <a:cxn ang="T90">
                      <a:pos x="T52" y="T53"/>
                    </a:cxn>
                    <a:cxn ang="T91">
                      <a:pos x="T54" y="T55"/>
                    </a:cxn>
                    <a:cxn ang="T92">
                      <a:pos x="T56" y="T57"/>
                    </a:cxn>
                    <a:cxn ang="T93">
                      <a:pos x="T58" y="T59"/>
                    </a:cxn>
                    <a:cxn ang="T94">
                      <a:pos x="T60" y="T61"/>
                    </a:cxn>
                    <a:cxn ang="T95">
                      <a:pos x="T62" y="T63"/>
                    </a:cxn>
                  </a:cxnLst>
                  <a:rect l="T96" t="T97" r="T98" b="T99"/>
                  <a:pathLst>
                    <a:path w="30" h="24">
                      <a:moveTo>
                        <a:pt x="0" y="5"/>
                      </a:moveTo>
                      <a:lnTo>
                        <a:pt x="8" y="5"/>
                      </a:lnTo>
                      <a:lnTo>
                        <a:pt x="8" y="4"/>
                      </a:lnTo>
                      <a:lnTo>
                        <a:pt x="8" y="2"/>
                      </a:lnTo>
                      <a:lnTo>
                        <a:pt x="10" y="0"/>
                      </a:lnTo>
                      <a:lnTo>
                        <a:pt x="12" y="0"/>
                      </a:lnTo>
                      <a:lnTo>
                        <a:pt x="13" y="2"/>
                      </a:lnTo>
                      <a:lnTo>
                        <a:pt x="17" y="5"/>
                      </a:lnTo>
                      <a:lnTo>
                        <a:pt x="17" y="7"/>
                      </a:lnTo>
                      <a:lnTo>
                        <a:pt x="18" y="9"/>
                      </a:lnTo>
                      <a:lnTo>
                        <a:pt x="22" y="12"/>
                      </a:lnTo>
                      <a:lnTo>
                        <a:pt x="27" y="16"/>
                      </a:lnTo>
                      <a:lnTo>
                        <a:pt x="27" y="17"/>
                      </a:lnTo>
                      <a:lnTo>
                        <a:pt x="29" y="19"/>
                      </a:lnTo>
                      <a:lnTo>
                        <a:pt x="30" y="21"/>
                      </a:lnTo>
                      <a:lnTo>
                        <a:pt x="30" y="22"/>
                      </a:lnTo>
                      <a:lnTo>
                        <a:pt x="30" y="24"/>
                      </a:lnTo>
                      <a:lnTo>
                        <a:pt x="27" y="24"/>
                      </a:lnTo>
                      <a:lnTo>
                        <a:pt x="22" y="24"/>
                      </a:lnTo>
                      <a:lnTo>
                        <a:pt x="15" y="21"/>
                      </a:lnTo>
                      <a:lnTo>
                        <a:pt x="13" y="21"/>
                      </a:lnTo>
                      <a:lnTo>
                        <a:pt x="10" y="21"/>
                      </a:lnTo>
                      <a:lnTo>
                        <a:pt x="8" y="22"/>
                      </a:lnTo>
                      <a:lnTo>
                        <a:pt x="1" y="14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82" name="Freeform 144"/>
                <p:cNvSpPr>
                  <a:spLocks/>
                </p:cNvSpPr>
                <p:nvPr/>
              </p:nvSpPr>
              <p:spPr bwMode="auto">
                <a:xfrm>
                  <a:off x="1492" y="3427"/>
                  <a:ext cx="27" cy="12"/>
                </a:xfrm>
                <a:custGeom>
                  <a:avLst/>
                  <a:gdLst>
                    <a:gd name="T0" fmla="*/ 1 w 27"/>
                    <a:gd name="T1" fmla="*/ 0 h 12"/>
                    <a:gd name="T2" fmla="*/ 0 w 27"/>
                    <a:gd name="T3" fmla="*/ 9 h 12"/>
                    <a:gd name="T4" fmla="*/ 18 w 27"/>
                    <a:gd name="T5" fmla="*/ 12 h 12"/>
                    <a:gd name="T6" fmla="*/ 18 w 27"/>
                    <a:gd name="T7" fmla="*/ 12 h 12"/>
                    <a:gd name="T8" fmla="*/ 20 w 27"/>
                    <a:gd name="T9" fmla="*/ 10 h 12"/>
                    <a:gd name="T10" fmla="*/ 23 w 27"/>
                    <a:gd name="T11" fmla="*/ 9 h 12"/>
                    <a:gd name="T12" fmla="*/ 27 w 27"/>
                    <a:gd name="T13" fmla="*/ 7 h 12"/>
                    <a:gd name="T14" fmla="*/ 27 w 27"/>
                    <a:gd name="T15" fmla="*/ 5 h 12"/>
                    <a:gd name="T16" fmla="*/ 27 w 27"/>
                    <a:gd name="T17" fmla="*/ 3 h 12"/>
                    <a:gd name="T18" fmla="*/ 23 w 27"/>
                    <a:gd name="T19" fmla="*/ 3 h 12"/>
                    <a:gd name="T20" fmla="*/ 18 w 27"/>
                    <a:gd name="T21" fmla="*/ 3 h 12"/>
                    <a:gd name="T22" fmla="*/ 16 w 27"/>
                    <a:gd name="T23" fmla="*/ 3 h 12"/>
                    <a:gd name="T24" fmla="*/ 13 w 27"/>
                    <a:gd name="T25" fmla="*/ 2 h 12"/>
                    <a:gd name="T26" fmla="*/ 11 w 27"/>
                    <a:gd name="T27" fmla="*/ 2 h 12"/>
                    <a:gd name="T28" fmla="*/ 8 w 27"/>
                    <a:gd name="T29" fmla="*/ 2 h 12"/>
                    <a:gd name="T30" fmla="*/ 6 w 27"/>
                    <a:gd name="T31" fmla="*/ 2 h 12"/>
                    <a:gd name="T32" fmla="*/ 3 w 27"/>
                    <a:gd name="T33" fmla="*/ 0 h 12"/>
                    <a:gd name="T34" fmla="*/ 3 w 27"/>
                    <a:gd name="T35" fmla="*/ 0 h 12"/>
                    <a:gd name="T36" fmla="*/ 1 w 27"/>
                    <a:gd name="T37" fmla="*/ 0 h 12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w 27"/>
                    <a:gd name="T58" fmla="*/ 0 h 12"/>
                    <a:gd name="T59" fmla="*/ 27 w 27"/>
                    <a:gd name="T60" fmla="*/ 12 h 12"/>
                  </a:gdLst>
                  <a:ahLst/>
                  <a:cxnLst>
                    <a:cxn ang="T38">
                      <a:pos x="T0" y="T1"/>
                    </a:cxn>
                    <a:cxn ang="T39">
                      <a:pos x="T2" y="T3"/>
                    </a:cxn>
                    <a:cxn ang="T40">
                      <a:pos x="T4" y="T5"/>
                    </a:cxn>
                    <a:cxn ang="T41">
                      <a:pos x="T6" y="T7"/>
                    </a:cxn>
                    <a:cxn ang="T42">
                      <a:pos x="T8" y="T9"/>
                    </a:cxn>
                    <a:cxn ang="T43">
                      <a:pos x="T10" y="T11"/>
                    </a:cxn>
                    <a:cxn ang="T44">
                      <a:pos x="T12" y="T13"/>
                    </a:cxn>
                    <a:cxn ang="T45">
                      <a:pos x="T14" y="T15"/>
                    </a:cxn>
                    <a:cxn ang="T46">
                      <a:pos x="T16" y="T17"/>
                    </a:cxn>
                    <a:cxn ang="T47">
                      <a:pos x="T18" y="T19"/>
                    </a:cxn>
                    <a:cxn ang="T48">
                      <a:pos x="T20" y="T21"/>
                    </a:cxn>
                    <a:cxn ang="T49">
                      <a:pos x="T22" y="T23"/>
                    </a:cxn>
                    <a:cxn ang="T50">
                      <a:pos x="T24" y="T25"/>
                    </a:cxn>
                    <a:cxn ang="T51">
                      <a:pos x="T26" y="T27"/>
                    </a:cxn>
                    <a:cxn ang="T52">
                      <a:pos x="T28" y="T29"/>
                    </a:cxn>
                    <a:cxn ang="T53">
                      <a:pos x="T30" y="T31"/>
                    </a:cxn>
                    <a:cxn ang="T54">
                      <a:pos x="T32" y="T33"/>
                    </a:cxn>
                    <a:cxn ang="T55">
                      <a:pos x="T34" y="T35"/>
                    </a:cxn>
                    <a:cxn ang="T56">
                      <a:pos x="T36" y="T37"/>
                    </a:cxn>
                  </a:cxnLst>
                  <a:rect l="T57" t="T58" r="T59" b="T60"/>
                  <a:pathLst>
                    <a:path w="27" h="12">
                      <a:moveTo>
                        <a:pt x="1" y="0"/>
                      </a:moveTo>
                      <a:lnTo>
                        <a:pt x="0" y="9"/>
                      </a:lnTo>
                      <a:lnTo>
                        <a:pt x="18" y="12"/>
                      </a:lnTo>
                      <a:lnTo>
                        <a:pt x="20" y="10"/>
                      </a:lnTo>
                      <a:lnTo>
                        <a:pt x="23" y="9"/>
                      </a:lnTo>
                      <a:lnTo>
                        <a:pt x="27" y="7"/>
                      </a:lnTo>
                      <a:lnTo>
                        <a:pt x="27" y="5"/>
                      </a:lnTo>
                      <a:lnTo>
                        <a:pt x="27" y="3"/>
                      </a:lnTo>
                      <a:lnTo>
                        <a:pt x="23" y="3"/>
                      </a:lnTo>
                      <a:lnTo>
                        <a:pt x="18" y="3"/>
                      </a:lnTo>
                      <a:lnTo>
                        <a:pt x="16" y="3"/>
                      </a:lnTo>
                      <a:lnTo>
                        <a:pt x="13" y="2"/>
                      </a:lnTo>
                      <a:lnTo>
                        <a:pt x="11" y="2"/>
                      </a:lnTo>
                      <a:lnTo>
                        <a:pt x="8" y="2"/>
                      </a:lnTo>
                      <a:lnTo>
                        <a:pt x="6" y="2"/>
                      </a:lnTo>
                      <a:lnTo>
                        <a:pt x="3" y="0"/>
                      </a:lnTo>
                      <a:lnTo>
                        <a:pt x="1" y="0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83" name="Freeform 145"/>
                <p:cNvSpPr>
                  <a:spLocks/>
                </p:cNvSpPr>
                <p:nvPr/>
              </p:nvSpPr>
              <p:spPr bwMode="auto">
                <a:xfrm>
                  <a:off x="1492" y="3427"/>
                  <a:ext cx="27" cy="12"/>
                </a:xfrm>
                <a:custGeom>
                  <a:avLst/>
                  <a:gdLst>
                    <a:gd name="T0" fmla="*/ 1 w 27"/>
                    <a:gd name="T1" fmla="*/ 0 h 12"/>
                    <a:gd name="T2" fmla="*/ 0 w 27"/>
                    <a:gd name="T3" fmla="*/ 9 h 12"/>
                    <a:gd name="T4" fmla="*/ 18 w 27"/>
                    <a:gd name="T5" fmla="*/ 12 h 12"/>
                    <a:gd name="T6" fmla="*/ 18 w 27"/>
                    <a:gd name="T7" fmla="*/ 12 h 12"/>
                    <a:gd name="T8" fmla="*/ 18 w 27"/>
                    <a:gd name="T9" fmla="*/ 12 h 12"/>
                    <a:gd name="T10" fmla="*/ 20 w 27"/>
                    <a:gd name="T11" fmla="*/ 10 h 12"/>
                    <a:gd name="T12" fmla="*/ 23 w 27"/>
                    <a:gd name="T13" fmla="*/ 9 h 12"/>
                    <a:gd name="T14" fmla="*/ 27 w 27"/>
                    <a:gd name="T15" fmla="*/ 7 h 12"/>
                    <a:gd name="T16" fmla="*/ 27 w 27"/>
                    <a:gd name="T17" fmla="*/ 5 h 12"/>
                    <a:gd name="T18" fmla="*/ 27 w 27"/>
                    <a:gd name="T19" fmla="*/ 3 h 12"/>
                    <a:gd name="T20" fmla="*/ 23 w 27"/>
                    <a:gd name="T21" fmla="*/ 3 h 12"/>
                    <a:gd name="T22" fmla="*/ 18 w 27"/>
                    <a:gd name="T23" fmla="*/ 3 h 12"/>
                    <a:gd name="T24" fmla="*/ 18 w 27"/>
                    <a:gd name="T25" fmla="*/ 3 h 12"/>
                    <a:gd name="T26" fmla="*/ 16 w 27"/>
                    <a:gd name="T27" fmla="*/ 3 h 12"/>
                    <a:gd name="T28" fmla="*/ 13 w 27"/>
                    <a:gd name="T29" fmla="*/ 2 h 12"/>
                    <a:gd name="T30" fmla="*/ 11 w 27"/>
                    <a:gd name="T31" fmla="*/ 2 h 12"/>
                    <a:gd name="T32" fmla="*/ 8 w 27"/>
                    <a:gd name="T33" fmla="*/ 2 h 12"/>
                    <a:gd name="T34" fmla="*/ 6 w 27"/>
                    <a:gd name="T35" fmla="*/ 2 h 12"/>
                    <a:gd name="T36" fmla="*/ 3 w 27"/>
                    <a:gd name="T37" fmla="*/ 0 h 12"/>
                    <a:gd name="T38" fmla="*/ 3 w 27"/>
                    <a:gd name="T39" fmla="*/ 0 h 12"/>
                    <a:gd name="T40" fmla="*/ 1 w 27"/>
                    <a:gd name="T41" fmla="*/ 0 h 12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27"/>
                    <a:gd name="T64" fmla="*/ 0 h 12"/>
                    <a:gd name="T65" fmla="*/ 27 w 27"/>
                    <a:gd name="T66" fmla="*/ 12 h 12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27" h="12">
                      <a:moveTo>
                        <a:pt x="1" y="0"/>
                      </a:moveTo>
                      <a:lnTo>
                        <a:pt x="0" y="9"/>
                      </a:lnTo>
                      <a:lnTo>
                        <a:pt x="18" y="12"/>
                      </a:lnTo>
                      <a:lnTo>
                        <a:pt x="20" y="10"/>
                      </a:lnTo>
                      <a:lnTo>
                        <a:pt x="23" y="9"/>
                      </a:lnTo>
                      <a:lnTo>
                        <a:pt x="27" y="7"/>
                      </a:lnTo>
                      <a:lnTo>
                        <a:pt x="27" y="5"/>
                      </a:lnTo>
                      <a:lnTo>
                        <a:pt x="27" y="3"/>
                      </a:lnTo>
                      <a:lnTo>
                        <a:pt x="23" y="3"/>
                      </a:lnTo>
                      <a:lnTo>
                        <a:pt x="18" y="3"/>
                      </a:lnTo>
                      <a:lnTo>
                        <a:pt x="16" y="3"/>
                      </a:lnTo>
                      <a:lnTo>
                        <a:pt x="13" y="2"/>
                      </a:lnTo>
                      <a:lnTo>
                        <a:pt x="11" y="2"/>
                      </a:lnTo>
                      <a:lnTo>
                        <a:pt x="8" y="2"/>
                      </a:lnTo>
                      <a:lnTo>
                        <a:pt x="6" y="2"/>
                      </a:lnTo>
                      <a:lnTo>
                        <a:pt x="3" y="0"/>
                      </a:lnTo>
                      <a:lnTo>
                        <a:pt x="1" y="0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84" name="Freeform 146"/>
                <p:cNvSpPr>
                  <a:spLocks/>
                </p:cNvSpPr>
                <p:nvPr/>
              </p:nvSpPr>
              <p:spPr bwMode="auto">
                <a:xfrm>
                  <a:off x="1524" y="3441"/>
                  <a:ext cx="35" cy="25"/>
                </a:xfrm>
                <a:custGeom>
                  <a:avLst/>
                  <a:gdLst>
                    <a:gd name="T0" fmla="*/ 1 w 35"/>
                    <a:gd name="T1" fmla="*/ 8 h 25"/>
                    <a:gd name="T2" fmla="*/ 1 w 35"/>
                    <a:gd name="T3" fmla="*/ 8 h 25"/>
                    <a:gd name="T4" fmla="*/ 0 w 35"/>
                    <a:gd name="T5" fmla="*/ 6 h 25"/>
                    <a:gd name="T6" fmla="*/ 0 w 35"/>
                    <a:gd name="T7" fmla="*/ 5 h 25"/>
                    <a:gd name="T8" fmla="*/ 0 w 35"/>
                    <a:gd name="T9" fmla="*/ 3 h 25"/>
                    <a:gd name="T10" fmla="*/ 0 w 35"/>
                    <a:gd name="T11" fmla="*/ 1 h 25"/>
                    <a:gd name="T12" fmla="*/ 1 w 35"/>
                    <a:gd name="T13" fmla="*/ 0 h 25"/>
                    <a:gd name="T14" fmla="*/ 5 w 35"/>
                    <a:gd name="T15" fmla="*/ 1 h 25"/>
                    <a:gd name="T16" fmla="*/ 8 w 35"/>
                    <a:gd name="T17" fmla="*/ 3 h 25"/>
                    <a:gd name="T18" fmla="*/ 10 w 35"/>
                    <a:gd name="T19" fmla="*/ 3 h 25"/>
                    <a:gd name="T20" fmla="*/ 13 w 35"/>
                    <a:gd name="T21" fmla="*/ 3 h 25"/>
                    <a:gd name="T22" fmla="*/ 13 w 35"/>
                    <a:gd name="T23" fmla="*/ 5 h 25"/>
                    <a:gd name="T24" fmla="*/ 15 w 35"/>
                    <a:gd name="T25" fmla="*/ 5 h 25"/>
                    <a:gd name="T26" fmla="*/ 22 w 35"/>
                    <a:gd name="T27" fmla="*/ 5 h 25"/>
                    <a:gd name="T28" fmla="*/ 30 w 35"/>
                    <a:gd name="T29" fmla="*/ 10 h 25"/>
                    <a:gd name="T30" fmla="*/ 30 w 35"/>
                    <a:gd name="T31" fmla="*/ 10 h 25"/>
                    <a:gd name="T32" fmla="*/ 32 w 35"/>
                    <a:gd name="T33" fmla="*/ 11 h 25"/>
                    <a:gd name="T34" fmla="*/ 34 w 35"/>
                    <a:gd name="T35" fmla="*/ 13 h 25"/>
                    <a:gd name="T36" fmla="*/ 35 w 35"/>
                    <a:gd name="T37" fmla="*/ 15 h 25"/>
                    <a:gd name="T38" fmla="*/ 35 w 35"/>
                    <a:gd name="T39" fmla="*/ 17 h 25"/>
                    <a:gd name="T40" fmla="*/ 34 w 35"/>
                    <a:gd name="T41" fmla="*/ 20 h 25"/>
                    <a:gd name="T42" fmla="*/ 30 w 35"/>
                    <a:gd name="T43" fmla="*/ 20 h 25"/>
                    <a:gd name="T44" fmla="*/ 25 w 35"/>
                    <a:gd name="T45" fmla="*/ 22 h 25"/>
                    <a:gd name="T46" fmla="*/ 23 w 35"/>
                    <a:gd name="T47" fmla="*/ 22 h 25"/>
                    <a:gd name="T48" fmla="*/ 23 w 35"/>
                    <a:gd name="T49" fmla="*/ 23 h 25"/>
                    <a:gd name="T50" fmla="*/ 22 w 35"/>
                    <a:gd name="T51" fmla="*/ 23 h 25"/>
                    <a:gd name="T52" fmla="*/ 20 w 35"/>
                    <a:gd name="T53" fmla="*/ 25 h 25"/>
                    <a:gd name="T54" fmla="*/ 18 w 35"/>
                    <a:gd name="T55" fmla="*/ 25 h 25"/>
                    <a:gd name="T56" fmla="*/ 15 w 35"/>
                    <a:gd name="T57" fmla="*/ 23 h 25"/>
                    <a:gd name="T58" fmla="*/ 13 w 35"/>
                    <a:gd name="T59" fmla="*/ 20 h 25"/>
                    <a:gd name="T60" fmla="*/ 12 w 35"/>
                    <a:gd name="T61" fmla="*/ 17 h 25"/>
                    <a:gd name="T62" fmla="*/ 10 w 35"/>
                    <a:gd name="T63" fmla="*/ 15 h 25"/>
                    <a:gd name="T64" fmla="*/ 6 w 35"/>
                    <a:gd name="T65" fmla="*/ 11 h 25"/>
                    <a:gd name="T66" fmla="*/ 3 w 35"/>
                    <a:gd name="T67" fmla="*/ 10 h 25"/>
                    <a:gd name="T68" fmla="*/ 1 w 35"/>
                    <a:gd name="T69" fmla="*/ 8 h 25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w 35"/>
                    <a:gd name="T106" fmla="*/ 0 h 25"/>
                    <a:gd name="T107" fmla="*/ 35 w 35"/>
                    <a:gd name="T108" fmla="*/ 25 h 25"/>
                  </a:gdLst>
                  <a:ahLst/>
                  <a:cxnLst>
                    <a:cxn ang="T70">
                      <a:pos x="T0" y="T1"/>
                    </a:cxn>
                    <a:cxn ang="T71">
                      <a:pos x="T2" y="T3"/>
                    </a:cxn>
                    <a:cxn ang="T72">
                      <a:pos x="T4" y="T5"/>
                    </a:cxn>
                    <a:cxn ang="T73">
                      <a:pos x="T6" y="T7"/>
                    </a:cxn>
                    <a:cxn ang="T74">
                      <a:pos x="T8" y="T9"/>
                    </a:cxn>
                    <a:cxn ang="T75">
                      <a:pos x="T10" y="T11"/>
                    </a:cxn>
                    <a:cxn ang="T76">
                      <a:pos x="T12" y="T13"/>
                    </a:cxn>
                    <a:cxn ang="T77">
                      <a:pos x="T14" y="T15"/>
                    </a:cxn>
                    <a:cxn ang="T78">
                      <a:pos x="T16" y="T17"/>
                    </a:cxn>
                    <a:cxn ang="T79">
                      <a:pos x="T18" y="T19"/>
                    </a:cxn>
                    <a:cxn ang="T80">
                      <a:pos x="T20" y="T21"/>
                    </a:cxn>
                    <a:cxn ang="T81">
                      <a:pos x="T22" y="T23"/>
                    </a:cxn>
                    <a:cxn ang="T82">
                      <a:pos x="T24" y="T25"/>
                    </a:cxn>
                    <a:cxn ang="T83">
                      <a:pos x="T26" y="T27"/>
                    </a:cxn>
                    <a:cxn ang="T84">
                      <a:pos x="T28" y="T29"/>
                    </a:cxn>
                    <a:cxn ang="T85">
                      <a:pos x="T30" y="T31"/>
                    </a:cxn>
                    <a:cxn ang="T86">
                      <a:pos x="T32" y="T33"/>
                    </a:cxn>
                    <a:cxn ang="T87">
                      <a:pos x="T34" y="T35"/>
                    </a:cxn>
                    <a:cxn ang="T88">
                      <a:pos x="T36" y="T37"/>
                    </a:cxn>
                    <a:cxn ang="T89">
                      <a:pos x="T38" y="T39"/>
                    </a:cxn>
                    <a:cxn ang="T90">
                      <a:pos x="T40" y="T41"/>
                    </a:cxn>
                    <a:cxn ang="T91">
                      <a:pos x="T42" y="T43"/>
                    </a:cxn>
                    <a:cxn ang="T92">
                      <a:pos x="T44" y="T45"/>
                    </a:cxn>
                    <a:cxn ang="T93">
                      <a:pos x="T46" y="T47"/>
                    </a:cxn>
                    <a:cxn ang="T94">
                      <a:pos x="T48" y="T49"/>
                    </a:cxn>
                    <a:cxn ang="T95">
                      <a:pos x="T50" y="T51"/>
                    </a:cxn>
                    <a:cxn ang="T96">
                      <a:pos x="T52" y="T53"/>
                    </a:cxn>
                    <a:cxn ang="T97">
                      <a:pos x="T54" y="T55"/>
                    </a:cxn>
                    <a:cxn ang="T98">
                      <a:pos x="T56" y="T57"/>
                    </a:cxn>
                    <a:cxn ang="T99">
                      <a:pos x="T58" y="T59"/>
                    </a:cxn>
                    <a:cxn ang="T100">
                      <a:pos x="T60" y="T61"/>
                    </a:cxn>
                    <a:cxn ang="T101">
                      <a:pos x="T62" y="T63"/>
                    </a:cxn>
                    <a:cxn ang="T102">
                      <a:pos x="T64" y="T65"/>
                    </a:cxn>
                    <a:cxn ang="T103">
                      <a:pos x="T66" y="T67"/>
                    </a:cxn>
                    <a:cxn ang="T104">
                      <a:pos x="T68" y="T69"/>
                    </a:cxn>
                  </a:cxnLst>
                  <a:rect l="T105" t="T106" r="T107" b="T108"/>
                  <a:pathLst>
                    <a:path w="35" h="25">
                      <a:moveTo>
                        <a:pt x="1" y="8"/>
                      </a:moveTo>
                      <a:lnTo>
                        <a:pt x="1" y="8"/>
                      </a:lnTo>
                      <a:lnTo>
                        <a:pt x="0" y="6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1" y="0"/>
                      </a:lnTo>
                      <a:lnTo>
                        <a:pt x="5" y="1"/>
                      </a:lnTo>
                      <a:lnTo>
                        <a:pt x="8" y="3"/>
                      </a:lnTo>
                      <a:lnTo>
                        <a:pt x="10" y="3"/>
                      </a:lnTo>
                      <a:lnTo>
                        <a:pt x="13" y="3"/>
                      </a:lnTo>
                      <a:lnTo>
                        <a:pt x="13" y="5"/>
                      </a:lnTo>
                      <a:lnTo>
                        <a:pt x="15" y="5"/>
                      </a:lnTo>
                      <a:lnTo>
                        <a:pt x="22" y="5"/>
                      </a:lnTo>
                      <a:lnTo>
                        <a:pt x="30" y="10"/>
                      </a:lnTo>
                      <a:lnTo>
                        <a:pt x="32" y="11"/>
                      </a:lnTo>
                      <a:lnTo>
                        <a:pt x="34" y="13"/>
                      </a:lnTo>
                      <a:lnTo>
                        <a:pt x="35" y="15"/>
                      </a:lnTo>
                      <a:lnTo>
                        <a:pt x="35" y="17"/>
                      </a:lnTo>
                      <a:lnTo>
                        <a:pt x="34" y="20"/>
                      </a:lnTo>
                      <a:lnTo>
                        <a:pt x="30" y="20"/>
                      </a:lnTo>
                      <a:lnTo>
                        <a:pt x="25" y="22"/>
                      </a:lnTo>
                      <a:lnTo>
                        <a:pt x="23" y="22"/>
                      </a:lnTo>
                      <a:lnTo>
                        <a:pt x="23" y="23"/>
                      </a:lnTo>
                      <a:lnTo>
                        <a:pt x="22" y="23"/>
                      </a:lnTo>
                      <a:lnTo>
                        <a:pt x="20" y="25"/>
                      </a:lnTo>
                      <a:lnTo>
                        <a:pt x="18" y="25"/>
                      </a:lnTo>
                      <a:lnTo>
                        <a:pt x="15" y="23"/>
                      </a:lnTo>
                      <a:lnTo>
                        <a:pt x="13" y="20"/>
                      </a:lnTo>
                      <a:lnTo>
                        <a:pt x="12" y="17"/>
                      </a:lnTo>
                      <a:lnTo>
                        <a:pt x="10" y="15"/>
                      </a:lnTo>
                      <a:lnTo>
                        <a:pt x="6" y="11"/>
                      </a:lnTo>
                      <a:lnTo>
                        <a:pt x="3" y="10"/>
                      </a:lnTo>
                      <a:lnTo>
                        <a:pt x="1" y="8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85" name="Freeform 147"/>
                <p:cNvSpPr>
                  <a:spLocks/>
                </p:cNvSpPr>
                <p:nvPr/>
              </p:nvSpPr>
              <p:spPr bwMode="auto">
                <a:xfrm>
                  <a:off x="1524" y="3441"/>
                  <a:ext cx="35" cy="25"/>
                </a:xfrm>
                <a:custGeom>
                  <a:avLst/>
                  <a:gdLst>
                    <a:gd name="T0" fmla="*/ 1 w 35"/>
                    <a:gd name="T1" fmla="*/ 8 h 25"/>
                    <a:gd name="T2" fmla="*/ 1 w 35"/>
                    <a:gd name="T3" fmla="*/ 8 h 25"/>
                    <a:gd name="T4" fmla="*/ 1 w 35"/>
                    <a:gd name="T5" fmla="*/ 8 h 25"/>
                    <a:gd name="T6" fmla="*/ 0 w 35"/>
                    <a:gd name="T7" fmla="*/ 6 h 25"/>
                    <a:gd name="T8" fmla="*/ 0 w 35"/>
                    <a:gd name="T9" fmla="*/ 5 h 25"/>
                    <a:gd name="T10" fmla="*/ 0 w 35"/>
                    <a:gd name="T11" fmla="*/ 3 h 25"/>
                    <a:gd name="T12" fmla="*/ 0 w 35"/>
                    <a:gd name="T13" fmla="*/ 1 h 25"/>
                    <a:gd name="T14" fmla="*/ 1 w 35"/>
                    <a:gd name="T15" fmla="*/ 0 h 25"/>
                    <a:gd name="T16" fmla="*/ 5 w 35"/>
                    <a:gd name="T17" fmla="*/ 1 h 25"/>
                    <a:gd name="T18" fmla="*/ 8 w 35"/>
                    <a:gd name="T19" fmla="*/ 3 h 25"/>
                    <a:gd name="T20" fmla="*/ 8 w 35"/>
                    <a:gd name="T21" fmla="*/ 3 h 25"/>
                    <a:gd name="T22" fmla="*/ 10 w 35"/>
                    <a:gd name="T23" fmla="*/ 3 h 25"/>
                    <a:gd name="T24" fmla="*/ 13 w 35"/>
                    <a:gd name="T25" fmla="*/ 3 h 25"/>
                    <a:gd name="T26" fmla="*/ 13 w 35"/>
                    <a:gd name="T27" fmla="*/ 5 h 25"/>
                    <a:gd name="T28" fmla="*/ 15 w 35"/>
                    <a:gd name="T29" fmla="*/ 5 h 25"/>
                    <a:gd name="T30" fmla="*/ 22 w 35"/>
                    <a:gd name="T31" fmla="*/ 5 h 25"/>
                    <a:gd name="T32" fmla="*/ 30 w 35"/>
                    <a:gd name="T33" fmla="*/ 10 h 25"/>
                    <a:gd name="T34" fmla="*/ 30 w 35"/>
                    <a:gd name="T35" fmla="*/ 10 h 25"/>
                    <a:gd name="T36" fmla="*/ 30 w 35"/>
                    <a:gd name="T37" fmla="*/ 10 h 25"/>
                    <a:gd name="T38" fmla="*/ 32 w 35"/>
                    <a:gd name="T39" fmla="*/ 11 h 25"/>
                    <a:gd name="T40" fmla="*/ 34 w 35"/>
                    <a:gd name="T41" fmla="*/ 13 h 25"/>
                    <a:gd name="T42" fmla="*/ 35 w 35"/>
                    <a:gd name="T43" fmla="*/ 15 h 25"/>
                    <a:gd name="T44" fmla="*/ 35 w 35"/>
                    <a:gd name="T45" fmla="*/ 17 h 25"/>
                    <a:gd name="T46" fmla="*/ 34 w 35"/>
                    <a:gd name="T47" fmla="*/ 20 h 25"/>
                    <a:gd name="T48" fmla="*/ 30 w 35"/>
                    <a:gd name="T49" fmla="*/ 20 h 25"/>
                    <a:gd name="T50" fmla="*/ 25 w 35"/>
                    <a:gd name="T51" fmla="*/ 22 h 25"/>
                    <a:gd name="T52" fmla="*/ 25 w 35"/>
                    <a:gd name="T53" fmla="*/ 22 h 25"/>
                    <a:gd name="T54" fmla="*/ 23 w 35"/>
                    <a:gd name="T55" fmla="*/ 22 h 25"/>
                    <a:gd name="T56" fmla="*/ 23 w 35"/>
                    <a:gd name="T57" fmla="*/ 23 h 25"/>
                    <a:gd name="T58" fmla="*/ 22 w 35"/>
                    <a:gd name="T59" fmla="*/ 23 h 25"/>
                    <a:gd name="T60" fmla="*/ 20 w 35"/>
                    <a:gd name="T61" fmla="*/ 25 h 25"/>
                    <a:gd name="T62" fmla="*/ 18 w 35"/>
                    <a:gd name="T63" fmla="*/ 25 h 25"/>
                    <a:gd name="T64" fmla="*/ 15 w 35"/>
                    <a:gd name="T65" fmla="*/ 23 h 25"/>
                    <a:gd name="T66" fmla="*/ 13 w 35"/>
                    <a:gd name="T67" fmla="*/ 20 h 25"/>
                    <a:gd name="T68" fmla="*/ 12 w 35"/>
                    <a:gd name="T69" fmla="*/ 17 h 25"/>
                    <a:gd name="T70" fmla="*/ 12 w 35"/>
                    <a:gd name="T71" fmla="*/ 17 h 25"/>
                    <a:gd name="T72" fmla="*/ 10 w 35"/>
                    <a:gd name="T73" fmla="*/ 15 h 25"/>
                    <a:gd name="T74" fmla="*/ 6 w 35"/>
                    <a:gd name="T75" fmla="*/ 11 h 25"/>
                    <a:gd name="T76" fmla="*/ 3 w 35"/>
                    <a:gd name="T77" fmla="*/ 10 h 25"/>
                    <a:gd name="T78" fmla="*/ 1 w 35"/>
                    <a:gd name="T79" fmla="*/ 8 h 25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w 35"/>
                    <a:gd name="T121" fmla="*/ 0 h 25"/>
                    <a:gd name="T122" fmla="*/ 35 w 35"/>
                    <a:gd name="T123" fmla="*/ 25 h 25"/>
                  </a:gdLst>
                  <a:ahLst/>
                  <a:cxnLst>
                    <a:cxn ang="T80">
                      <a:pos x="T0" y="T1"/>
                    </a:cxn>
                    <a:cxn ang="T81">
                      <a:pos x="T2" y="T3"/>
                    </a:cxn>
                    <a:cxn ang="T82">
                      <a:pos x="T4" y="T5"/>
                    </a:cxn>
                    <a:cxn ang="T83">
                      <a:pos x="T6" y="T7"/>
                    </a:cxn>
                    <a:cxn ang="T84">
                      <a:pos x="T8" y="T9"/>
                    </a:cxn>
                    <a:cxn ang="T85">
                      <a:pos x="T10" y="T11"/>
                    </a:cxn>
                    <a:cxn ang="T86">
                      <a:pos x="T12" y="T13"/>
                    </a:cxn>
                    <a:cxn ang="T87">
                      <a:pos x="T14" y="T15"/>
                    </a:cxn>
                    <a:cxn ang="T88">
                      <a:pos x="T16" y="T17"/>
                    </a:cxn>
                    <a:cxn ang="T89">
                      <a:pos x="T18" y="T19"/>
                    </a:cxn>
                    <a:cxn ang="T90">
                      <a:pos x="T20" y="T21"/>
                    </a:cxn>
                    <a:cxn ang="T91">
                      <a:pos x="T22" y="T23"/>
                    </a:cxn>
                    <a:cxn ang="T92">
                      <a:pos x="T24" y="T25"/>
                    </a:cxn>
                    <a:cxn ang="T93">
                      <a:pos x="T26" y="T27"/>
                    </a:cxn>
                    <a:cxn ang="T94">
                      <a:pos x="T28" y="T29"/>
                    </a:cxn>
                    <a:cxn ang="T95">
                      <a:pos x="T30" y="T31"/>
                    </a:cxn>
                    <a:cxn ang="T96">
                      <a:pos x="T32" y="T33"/>
                    </a:cxn>
                    <a:cxn ang="T97">
                      <a:pos x="T34" y="T35"/>
                    </a:cxn>
                    <a:cxn ang="T98">
                      <a:pos x="T36" y="T37"/>
                    </a:cxn>
                    <a:cxn ang="T99">
                      <a:pos x="T38" y="T39"/>
                    </a:cxn>
                    <a:cxn ang="T100">
                      <a:pos x="T40" y="T41"/>
                    </a:cxn>
                    <a:cxn ang="T101">
                      <a:pos x="T42" y="T43"/>
                    </a:cxn>
                    <a:cxn ang="T102">
                      <a:pos x="T44" y="T45"/>
                    </a:cxn>
                    <a:cxn ang="T103">
                      <a:pos x="T46" y="T47"/>
                    </a:cxn>
                    <a:cxn ang="T104">
                      <a:pos x="T48" y="T49"/>
                    </a:cxn>
                    <a:cxn ang="T105">
                      <a:pos x="T50" y="T51"/>
                    </a:cxn>
                    <a:cxn ang="T106">
                      <a:pos x="T52" y="T53"/>
                    </a:cxn>
                    <a:cxn ang="T107">
                      <a:pos x="T54" y="T55"/>
                    </a:cxn>
                    <a:cxn ang="T108">
                      <a:pos x="T56" y="T57"/>
                    </a:cxn>
                    <a:cxn ang="T109">
                      <a:pos x="T58" y="T59"/>
                    </a:cxn>
                    <a:cxn ang="T110">
                      <a:pos x="T60" y="T61"/>
                    </a:cxn>
                    <a:cxn ang="T111">
                      <a:pos x="T62" y="T63"/>
                    </a:cxn>
                    <a:cxn ang="T112">
                      <a:pos x="T64" y="T65"/>
                    </a:cxn>
                    <a:cxn ang="T113">
                      <a:pos x="T66" y="T67"/>
                    </a:cxn>
                    <a:cxn ang="T114">
                      <a:pos x="T68" y="T69"/>
                    </a:cxn>
                    <a:cxn ang="T115">
                      <a:pos x="T70" y="T71"/>
                    </a:cxn>
                    <a:cxn ang="T116">
                      <a:pos x="T72" y="T73"/>
                    </a:cxn>
                    <a:cxn ang="T117">
                      <a:pos x="T74" y="T75"/>
                    </a:cxn>
                    <a:cxn ang="T118">
                      <a:pos x="T76" y="T77"/>
                    </a:cxn>
                    <a:cxn ang="T119">
                      <a:pos x="T78" y="T79"/>
                    </a:cxn>
                  </a:cxnLst>
                  <a:rect l="T120" t="T121" r="T122" b="T123"/>
                  <a:pathLst>
                    <a:path w="35" h="25">
                      <a:moveTo>
                        <a:pt x="1" y="8"/>
                      </a:moveTo>
                      <a:lnTo>
                        <a:pt x="1" y="8"/>
                      </a:lnTo>
                      <a:lnTo>
                        <a:pt x="0" y="6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1" y="0"/>
                      </a:lnTo>
                      <a:lnTo>
                        <a:pt x="5" y="1"/>
                      </a:lnTo>
                      <a:lnTo>
                        <a:pt x="8" y="3"/>
                      </a:lnTo>
                      <a:lnTo>
                        <a:pt x="10" y="3"/>
                      </a:lnTo>
                      <a:lnTo>
                        <a:pt x="13" y="3"/>
                      </a:lnTo>
                      <a:lnTo>
                        <a:pt x="13" y="5"/>
                      </a:lnTo>
                      <a:lnTo>
                        <a:pt x="15" y="5"/>
                      </a:lnTo>
                      <a:lnTo>
                        <a:pt x="22" y="5"/>
                      </a:lnTo>
                      <a:lnTo>
                        <a:pt x="30" y="10"/>
                      </a:lnTo>
                      <a:lnTo>
                        <a:pt x="32" y="11"/>
                      </a:lnTo>
                      <a:lnTo>
                        <a:pt x="34" y="13"/>
                      </a:lnTo>
                      <a:lnTo>
                        <a:pt x="35" y="15"/>
                      </a:lnTo>
                      <a:lnTo>
                        <a:pt x="35" y="17"/>
                      </a:lnTo>
                      <a:lnTo>
                        <a:pt x="34" y="20"/>
                      </a:lnTo>
                      <a:lnTo>
                        <a:pt x="30" y="20"/>
                      </a:lnTo>
                      <a:lnTo>
                        <a:pt x="25" y="22"/>
                      </a:lnTo>
                      <a:lnTo>
                        <a:pt x="23" y="22"/>
                      </a:lnTo>
                      <a:lnTo>
                        <a:pt x="23" y="23"/>
                      </a:lnTo>
                      <a:lnTo>
                        <a:pt x="22" y="23"/>
                      </a:lnTo>
                      <a:lnTo>
                        <a:pt x="20" y="25"/>
                      </a:lnTo>
                      <a:lnTo>
                        <a:pt x="18" y="25"/>
                      </a:lnTo>
                      <a:lnTo>
                        <a:pt x="15" y="23"/>
                      </a:lnTo>
                      <a:lnTo>
                        <a:pt x="13" y="20"/>
                      </a:lnTo>
                      <a:lnTo>
                        <a:pt x="12" y="17"/>
                      </a:lnTo>
                      <a:lnTo>
                        <a:pt x="10" y="15"/>
                      </a:lnTo>
                      <a:lnTo>
                        <a:pt x="6" y="11"/>
                      </a:lnTo>
                      <a:lnTo>
                        <a:pt x="3" y="10"/>
                      </a:lnTo>
                      <a:lnTo>
                        <a:pt x="1" y="8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86" name="Freeform 148"/>
                <p:cNvSpPr>
                  <a:spLocks/>
                </p:cNvSpPr>
                <p:nvPr/>
              </p:nvSpPr>
              <p:spPr bwMode="auto">
                <a:xfrm>
                  <a:off x="1554" y="3480"/>
                  <a:ext cx="66" cy="76"/>
                </a:xfrm>
                <a:custGeom>
                  <a:avLst/>
                  <a:gdLst>
                    <a:gd name="T0" fmla="*/ 10 w 66"/>
                    <a:gd name="T1" fmla="*/ 5 h 76"/>
                    <a:gd name="T2" fmla="*/ 14 w 66"/>
                    <a:gd name="T3" fmla="*/ 0 h 76"/>
                    <a:gd name="T4" fmla="*/ 22 w 66"/>
                    <a:gd name="T5" fmla="*/ 6 h 76"/>
                    <a:gd name="T6" fmla="*/ 46 w 66"/>
                    <a:gd name="T7" fmla="*/ 18 h 76"/>
                    <a:gd name="T8" fmla="*/ 54 w 66"/>
                    <a:gd name="T9" fmla="*/ 22 h 76"/>
                    <a:gd name="T10" fmla="*/ 54 w 66"/>
                    <a:gd name="T11" fmla="*/ 28 h 76"/>
                    <a:gd name="T12" fmla="*/ 61 w 66"/>
                    <a:gd name="T13" fmla="*/ 38 h 76"/>
                    <a:gd name="T14" fmla="*/ 61 w 66"/>
                    <a:gd name="T15" fmla="*/ 38 h 76"/>
                    <a:gd name="T16" fmla="*/ 63 w 66"/>
                    <a:gd name="T17" fmla="*/ 38 h 76"/>
                    <a:gd name="T18" fmla="*/ 64 w 66"/>
                    <a:gd name="T19" fmla="*/ 40 h 76"/>
                    <a:gd name="T20" fmla="*/ 66 w 66"/>
                    <a:gd name="T21" fmla="*/ 42 h 76"/>
                    <a:gd name="T22" fmla="*/ 66 w 66"/>
                    <a:gd name="T23" fmla="*/ 44 h 76"/>
                    <a:gd name="T24" fmla="*/ 66 w 66"/>
                    <a:gd name="T25" fmla="*/ 45 h 76"/>
                    <a:gd name="T26" fmla="*/ 63 w 66"/>
                    <a:gd name="T27" fmla="*/ 49 h 76"/>
                    <a:gd name="T28" fmla="*/ 58 w 66"/>
                    <a:gd name="T29" fmla="*/ 52 h 76"/>
                    <a:gd name="T30" fmla="*/ 56 w 66"/>
                    <a:gd name="T31" fmla="*/ 52 h 76"/>
                    <a:gd name="T32" fmla="*/ 54 w 66"/>
                    <a:gd name="T33" fmla="*/ 52 h 76"/>
                    <a:gd name="T34" fmla="*/ 49 w 66"/>
                    <a:gd name="T35" fmla="*/ 54 h 76"/>
                    <a:gd name="T36" fmla="*/ 44 w 66"/>
                    <a:gd name="T37" fmla="*/ 55 h 76"/>
                    <a:gd name="T38" fmla="*/ 37 w 66"/>
                    <a:gd name="T39" fmla="*/ 59 h 76"/>
                    <a:gd name="T40" fmla="*/ 32 w 66"/>
                    <a:gd name="T41" fmla="*/ 62 h 76"/>
                    <a:gd name="T42" fmla="*/ 27 w 66"/>
                    <a:gd name="T43" fmla="*/ 67 h 76"/>
                    <a:gd name="T44" fmla="*/ 24 w 66"/>
                    <a:gd name="T45" fmla="*/ 76 h 76"/>
                    <a:gd name="T46" fmla="*/ 22 w 66"/>
                    <a:gd name="T47" fmla="*/ 76 h 76"/>
                    <a:gd name="T48" fmla="*/ 22 w 66"/>
                    <a:gd name="T49" fmla="*/ 74 h 76"/>
                    <a:gd name="T50" fmla="*/ 19 w 66"/>
                    <a:gd name="T51" fmla="*/ 74 h 76"/>
                    <a:gd name="T52" fmla="*/ 15 w 66"/>
                    <a:gd name="T53" fmla="*/ 71 h 76"/>
                    <a:gd name="T54" fmla="*/ 14 w 66"/>
                    <a:gd name="T55" fmla="*/ 69 h 76"/>
                    <a:gd name="T56" fmla="*/ 10 w 66"/>
                    <a:gd name="T57" fmla="*/ 66 h 76"/>
                    <a:gd name="T58" fmla="*/ 10 w 66"/>
                    <a:gd name="T59" fmla="*/ 60 h 76"/>
                    <a:gd name="T60" fmla="*/ 9 w 66"/>
                    <a:gd name="T61" fmla="*/ 54 h 76"/>
                    <a:gd name="T62" fmla="*/ 9 w 66"/>
                    <a:gd name="T63" fmla="*/ 54 h 76"/>
                    <a:gd name="T64" fmla="*/ 9 w 66"/>
                    <a:gd name="T65" fmla="*/ 52 h 76"/>
                    <a:gd name="T66" fmla="*/ 10 w 66"/>
                    <a:gd name="T67" fmla="*/ 50 h 76"/>
                    <a:gd name="T68" fmla="*/ 10 w 66"/>
                    <a:gd name="T69" fmla="*/ 49 h 76"/>
                    <a:gd name="T70" fmla="*/ 9 w 66"/>
                    <a:gd name="T71" fmla="*/ 47 h 76"/>
                    <a:gd name="T72" fmla="*/ 9 w 66"/>
                    <a:gd name="T73" fmla="*/ 44 h 76"/>
                    <a:gd name="T74" fmla="*/ 7 w 66"/>
                    <a:gd name="T75" fmla="*/ 40 h 76"/>
                    <a:gd name="T76" fmla="*/ 4 w 66"/>
                    <a:gd name="T77" fmla="*/ 37 h 76"/>
                    <a:gd name="T78" fmla="*/ 4 w 66"/>
                    <a:gd name="T79" fmla="*/ 35 h 76"/>
                    <a:gd name="T80" fmla="*/ 2 w 66"/>
                    <a:gd name="T81" fmla="*/ 33 h 76"/>
                    <a:gd name="T82" fmla="*/ 2 w 66"/>
                    <a:gd name="T83" fmla="*/ 32 h 76"/>
                    <a:gd name="T84" fmla="*/ 0 w 66"/>
                    <a:gd name="T85" fmla="*/ 30 h 76"/>
                    <a:gd name="T86" fmla="*/ 0 w 66"/>
                    <a:gd name="T87" fmla="*/ 28 h 76"/>
                    <a:gd name="T88" fmla="*/ 2 w 66"/>
                    <a:gd name="T89" fmla="*/ 25 h 76"/>
                    <a:gd name="T90" fmla="*/ 4 w 66"/>
                    <a:gd name="T91" fmla="*/ 25 h 76"/>
                    <a:gd name="T92" fmla="*/ 7 w 66"/>
                    <a:gd name="T93" fmla="*/ 23 h 76"/>
                    <a:gd name="T94" fmla="*/ 9 w 66"/>
                    <a:gd name="T95" fmla="*/ 25 h 76"/>
                    <a:gd name="T96" fmla="*/ 9 w 66"/>
                    <a:gd name="T97" fmla="*/ 25 h 76"/>
                    <a:gd name="T98" fmla="*/ 10 w 66"/>
                    <a:gd name="T99" fmla="*/ 25 h 76"/>
                    <a:gd name="T100" fmla="*/ 10 w 66"/>
                    <a:gd name="T101" fmla="*/ 25 h 76"/>
                    <a:gd name="T102" fmla="*/ 10 w 66"/>
                    <a:gd name="T103" fmla="*/ 23 h 76"/>
                    <a:gd name="T104" fmla="*/ 12 w 66"/>
                    <a:gd name="T105" fmla="*/ 22 h 76"/>
                    <a:gd name="T106" fmla="*/ 12 w 66"/>
                    <a:gd name="T107" fmla="*/ 16 h 76"/>
                    <a:gd name="T108" fmla="*/ 12 w 66"/>
                    <a:gd name="T109" fmla="*/ 10 h 76"/>
                    <a:gd name="T110" fmla="*/ 12 w 66"/>
                    <a:gd name="T111" fmla="*/ 8 h 76"/>
                    <a:gd name="T112" fmla="*/ 10 w 66"/>
                    <a:gd name="T113" fmla="*/ 6 h 76"/>
                    <a:gd name="T114" fmla="*/ 10 w 66"/>
                    <a:gd name="T115" fmla="*/ 6 h 76"/>
                    <a:gd name="T116" fmla="*/ 10 w 66"/>
                    <a:gd name="T117" fmla="*/ 5 h 7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w 66"/>
                    <a:gd name="T178" fmla="*/ 0 h 76"/>
                    <a:gd name="T179" fmla="*/ 66 w 66"/>
                    <a:gd name="T180" fmla="*/ 76 h 76"/>
                  </a:gdLst>
                  <a:ahLst/>
                  <a:cxnLst>
                    <a:cxn ang="T118">
                      <a:pos x="T0" y="T1"/>
                    </a:cxn>
                    <a:cxn ang="T119">
                      <a:pos x="T2" y="T3"/>
                    </a:cxn>
                    <a:cxn ang="T120">
                      <a:pos x="T4" y="T5"/>
                    </a:cxn>
                    <a:cxn ang="T121">
                      <a:pos x="T6" y="T7"/>
                    </a:cxn>
                    <a:cxn ang="T122">
                      <a:pos x="T8" y="T9"/>
                    </a:cxn>
                    <a:cxn ang="T123">
                      <a:pos x="T10" y="T11"/>
                    </a:cxn>
                    <a:cxn ang="T124">
                      <a:pos x="T12" y="T13"/>
                    </a:cxn>
                    <a:cxn ang="T125">
                      <a:pos x="T14" y="T15"/>
                    </a:cxn>
                    <a:cxn ang="T126">
                      <a:pos x="T16" y="T17"/>
                    </a:cxn>
                    <a:cxn ang="T127">
                      <a:pos x="T18" y="T19"/>
                    </a:cxn>
                    <a:cxn ang="T128">
                      <a:pos x="T20" y="T21"/>
                    </a:cxn>
                    <a:cxn ang="T129">
                      <a:pos x="T22" y="T23"/>
                    </a:cxn>
                    <a:cxn ang="T130">
                      <a:pos x="T24" y="T25"/>
                    </a:cxn>
                    <a:cxn ang="T131">
                      <a:pos x="T26" y="T27"/>
                    </a:cxn>
                    <a:cxn ang="T132">
                      <a:pos x="T28" y="T29"/>
                    </a:cxn>
                    <a:cxn ang="T133">
                      <a:pos x="T30" y="T31"/>
                    </a:cxn>
                    <a:cxn ang="T134">
                      <a:pos x="T32" y="T33"/>
                    </a:cxn>
                    <a:cxn ang="T135">
                      <a:pos x="T34" y="T35"/>
                    </a:cxn>
                    <a:cxn ang="T136">
                      <a:pos x="T36" y="T37"/>
                    </a:cxn>
                    <a:cxn ang="T137">
                      <a:pos x="T38" y="T39"/>
                    </a:cxn>
                    <a:cxn ang="T138">
                      <a:pos x="T40" y="T41"/>
                    </a:cxn>
                    <a:cxn ang="T139">
                      <a:pos x="T42" y="T43"/>
                    </a:cxn>
                    <a:cxn ang="T140">
                      <a:pos x="T44" y="T45"/>
                    </a:cxn>
                    <a:cxn ang="T141">
                      <a:pos x="T46" y="T47"/>
                    </a:cxn>
                    <a:cxn ang="T142">
                      <a:pos x="T48" y="T49"/>
                    </a:cxn>
                    <a:cxn ang="T143">
                      <a:pos x="T50" y="T51"/>
                    </a:cxn>
                    <a:cxn ang="T144">
                      <a:pos x="T52" y="T53"/>
                    </a:cxn>
                    <a:cxn ang="T145">
                      <a:pos x="T54" y="T55"/>
                    </a:cxn>
                    <a:cxn ang="T146">
                      <a:pos x="T56" y="T57"/>
                    </a:cxn>
                    <a:cxn ang="T147">
                      <a:pos x="T58" y="T59"/>
                    </a:cxn>
                    <a:cxn ang="T148">
                      <a:pos x="T60" y="T61"/>
                    </a:cxn>
                    <a:cxn ang="T149">
                      <a:pos x="T62" y="T63"/>
                    </a:cxn>
                    <a:cxn ang="T150">
                      <a:pos x="T64" y="T65"/>
                    </a:cxn>
                    <a:cxn ang="T151">
                      <a:pos x="T66" y="T67"/>
                    </a:cxn>
                    <a:cxn ang="T152">
                      <a:pos x="T68" y="T69"/>
                    </a:cxn>
                    <a:cxn ang="T153">
                      <a:pos x="T70" y="T71"/>
                    </a:cxn>
                    <a:cxn ang="T154">
                      <a:pos x="T72" y="T73"/>
                    </a:cxn>
                    <a:cxn ang="T155">
                      <a:pos x="T74" y="T75"/>
                    </a:cxn>
                    <a:cxn ang="T156">
                      <a:pos x="T76" y="T77"/>
                    </a:cxn>
                    <a:cxn ang="T157">
                      <a:pos x="T78" y="T79"/>
                    </a:cxn>
                    <a:cxn ang="T158">
                      <a:pos x="T80" y="T81"/>
                    </a:cxn>
                    <a:cxn ang="T159">
                      <a:pos x="T82" y="T83"/>
                    </a:cxn>
                    <a:cxn ang="T160">
                      <a:pos x="T84" y="T85"/>
                    </a:cxn>
                    <a:cxn ang="T161">
                      <a:pos x="T86" y="T87"/>
                    </a:cxn>
                    <a:cxn ang="T162">
                      <a:pos x="T88" y="T89"/>
                    </a:cxn>
                    <a:cxn ang="T163">
                      <a:pos x="T90" y="T91"/>
                    </a:cxn>
                    <a:cxn ang="T164">
                      <a:pos x="T92" y="T93"/>
                    </a:cxn>
                    <a:cxn ang="T165">
                      <a:pos x="T94" y="T95"/>
                    </a:cxn>
                    <a:cxn ang="T166">
                      <a:pos x="T96" y="T97"/>
                    </a:cxn>
                    <a:cxn ang="T167">
                      <a:pos x="T98" y="T99"/>
                    </a:cxn>
                    <a:cxn ang="T168">
                      <a:pos x="T100" y="T101"/>
                    </a:cxn>
                    <a:cxn ang="T169">
                      <a:pos x="T102" y="T103"/>
                    </a:cxn>
                    <a:cxn ang="T170">
                      <a:pos x="T104" y="T105"/>
                    </a:cxn>
                    <a:cxn ang="T171">
                      <a:pos x="T106" y="T107"/>
                    </a:cxn>
                    <a:cxn ang="T172">
                      <a:pos x="T108" y="T109"/>
                    </a:cxn>
                    <a:cxn ang="T173">
                      <a:pos x="T110" y="T111"/>
                    </a:cxn>
                    <a:cxn ang="T174">
                      <a:pos x="T112" y="T113"/>
                    </a:cxn>
                    <a:cxn ang="T175">
                      <a:pos x="T114" y="T115"/>
                    </a:cxn>
                    <a:cxn ang="T176">
                      <a:pos x="T116" y="T117"/>
                    </a:cxn>
                  </a:cxnLst>
                  <a:rect l="T177" t="T178" r="T179" b="T180"/>
                  <a:pathLst>
                    <a:path w="66" h="76">
                      <a:moveTo>
                        <a:pt x="10" y="5"/>
                      </a:moveTo>
                      <a:lnTo>
                        <a:pt x="14" y="0"/>
                      </a:lnTo>
                      <a:lnTo>
                        <a:pt x="22" y="6"/>
                      </a:lnTo>
                      <a:lnTo>
                        <a:pt x="46" y="18"/>
                      </a:lnTo>
                      <a:lnTo>
                        <a:pt x="54" y="22"/>
                      </a:lnTo>
                      <a:lnTo>
                        <a:pt x="54" y="28"/>
                      </a:lnTo>
                      <a:lnTo>
                        <a:pt x="61" y="38"/>
                      </a:lnTo>
                      <a:lnTo>
                        <a:pt x="63" y="38"/>
                      </a:lnTo>
                      <a:lnTo>
                        <a:pt x="64" y="40"/>
                      </a:lnTo>
                      <a:lnTo>
                        <a:pt x="66" y="42"/>
                      </a:lnTo>
                      <a:lnTo>
                        <a:pt x="66" y="44"/>
                      </a:lnTo>
                      <a:lnTo>
                        <a:pt x="66" y="45"/>
                      </a:lnTo>
                      <a:lnTo>
                        <a:pt x="63" y="49"/>
                      </a:lnTo>
                      <a:lnTo>
                        <a:pt x="58" y="52"/>
                      </a:lnTo>
                      <a:lnTo>
                        <a:pt x="56" y="52"/>
                      </a:lnTo>
                      <a:lnTo>
                        <a:pt x="54" y="52"/>
                      </a:lnTo>
                      <a:lnTo>
                        <a:pt x="49" y="54"/>
                      </a:lnTo>
                      <a:lnTo>
                        <a:pt x="44" y="55"/>
                      </a:lnTo>
                      <a:lnTo>
                        <a:pt x="37" y="59"/>
                      </a:lnTo>
                      <a:lnTo>
                        <a:pt x="32" y="62"/>
                      </a:lnTo>
                      <a:lnTo>
                        <a:pt x="27" y="67"/>
                      </a:lnTo>
                      <a:lnTo>
                        <a:pt x="24" y="76"/>
                      </a:lnTo>
                      <a:lnTo>
                        <a:pt x="22" y="76"/>
                      </a:lnTo>
                      <a:lnTo>
                        <a:pt x="22" y="74"/>
                      </a:lnTo>
                      <a:lnTo>
                        <a:pt x="19" y="74"/>
                      </a:lnTo>
                      <a:lnTo>
                        <a:pt x="15" y="71"/>
                      </a:lnTo>
                      <a:lnTo>
                        <a:pt x="14" y="69"/>
                      </a:lnTo>
                      <a:lnTo>
                        <a:pt x="10" y="66"/>
                      </a:lnTo>
                      <a:lnTo>
                        <a:pt x="10" y="60"/>
                      </a:lnTo>
                      <a:lnTo>
                        <a:pt x="9" y="54"/>
                      </a:lnTo>
                      <a:lnTo>
                        <a:pt x="9" y="52"/>
                      </a:lnTo>
                      <a:lnTo>
                        <a:pt x="10" y="50"/>
                      </a:lnTo>
                      <a:lnTo>
                        <a:pt x="10" y="49"/>
                      </a:lnTo>
                      <a:lnTo>
                        <a:pt x="9" y="47"/>
                      </a:lnTo>
                      <a:lnTo>
                        <a:pt x="9" y="44"/>
                      </a:lnTo>
                      <a:lnTo>
                        <a:pt x="7" y="40"/>
                      </a:lnTo>
                      <a:lnTo>
                        <a:pt x="4" y="37"/>
                      </a:lnTo>
                      <a:lnTo>
                        <a:pt x="4" y="35"/>
                      </a:lnTo>
                      <a:lnTo>
                        <a:pt x="2" y="33"/>
                      </a:lnTo>
                      <a:lnTo>
                        <a:pt x="2" y="32"/>
                      </a:lnTo>
                      <a:lnTo>
                        <a:pt x="0" y="30"/>
                      </a:lnTo>
                      <a:lnTo>
                        <a:pt x="0" y="28"/>
                      </a:lnTo>
                      <a:lnTo>
                        <a:pt x="2" y="25"/>
                      </a:lnTo>
                      <a:lnTo>
                        <a:pt x="4" y="25"/>
                      </a:lnTo>
                      <a:lnTo>
                        <a:pt x="7" y="23"/>
                      </a:lnTo>
                      <a:lnTo>
                        <a:pt x="9" y="25"/>
                      </a:lnTo>
                      <a:lnTo>
                        <a:pt x="10" y="25"/>
                      </a:lnTo>
                      <a:lnTo>
                        <a:pt x="10" y="23"/>
                      </a:lnTo>
                      <a:lnTo>
                        <a:pt x="12" y="22"/>
                      </a:lnTo>
                      <a:lnTo>
                        <a:pt x="12" y="16"/>
                      </a:lnTo>
                      <a:lnTo>
                        <a:pt x="12" y="10"/>
                      </a:lnTo>
                      <a:lnTo>
                        <a:pt x="12" y="8"/>
                      </a:lnTo>
                      <a:lnTo>
                        <a:pt x="10" y="6"/>
                      </a:lnTo>
                      <a:lnTo>
                        <a:pt x="10" y="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87" name="Freeform 149"/>
                <p:cNvSpPr>
                  <a:spLocks/>
                </p:cNvSpPr>
                <p:nvPr/>
              </p:nvSpPr>
              <p:spPr bwMode="auto">
                <a:xfrm>
                  <a:off x="1554" y="3480"/>
                  <a:ext cx="66" cy="76"/>
                </a:xfrm>
                <a:custGeom>
                  <a:avLst/>
                  <a:gdLst>
                    <a:gd name="T0" fmla="*/ 14 w 66"/>
                    <a:gd name="T1" fmla="*/ 0 h 76"/>
                    <a:gd name="T2" fmla="*/ 46 w 66"/>
                    <a:gd name="T3" fmla="*/ 18 h 76"/>
                    <a:gd name="T4" fmla="*/ 54 w 66"/>
                    <a:gd name="T5" fmla="*/ 28 h 76"/>
                    <a:gd name="T6" fmla="*/ 61 w 66"/>
                    <a:gd name="T7" fmla="*/ 38 h 76"/>
                    <a:gd name="T8" fmla="*/ 63 w 66"/>
                    <a:gd name="T9" fmla="*/ 38 h 76"/>
                    <a:gd name="T10" fmla="*/ 66 w 66"/>
                    <a:gd name="T11" fmla="*/ 42 h 76"/>
                    <a:gd name="T12" fmla="*/ 66 w 66"/>
                    <a:gd name="T13" fmla="*/ 45 h 76"/>
                    <a:gd name="T14" fmla="*/ 58 w 66"/>
                    <a:gd name="T15" fmla="*/ 52 h 76"/>
                    <a:gd name="T16" fmla="*/ 56 w 66"/>
                    <a:gd name="T17" fmla="*/ 52 h 76"/>
                    <a:gd name="T18" fmla="*/ 49 w 66"/>
                    <a:gd name="T19" fmla="*/ 54 h 76"/>
                    <a:gd name="T20" fmla="*/ 37 w 66"/>
                    <a:gd name="T21" fmla="*/ 59 h 76"/>
                    <a:gd name="T22" fmla="*/ 27 w 66"/>
                    <a:gd name="T23" fmla="*/ 67 h 76"/>
                    <a:gd name="T24" fmla="*/ 24 w 66"/>
                    <a:gd name="T25" fmla="*/ 76 h 76"/>
                    <a:gd name="T26" fmla="*/ 22 w 66"/>
                    <a:gd name="T27" fmla="*/ 74 h 76"/>
                    <a:gd name="T28" fmla="*/ 15 w 66"/>
                    <a:gd name="T29" fmla="*/ 71 h 76"/>
                    <a:gd name="T30" fmla="*/ 10 w 66"/>
                    <a:gd name="T31" fmla="*/ 66 h 76"/>
                    <a:gd name="T32" fmla="*/ 9 w 66"/>
                    <a:gd name="T33" fmla="*/ 54 h 76"/>
                    <a:gd name="T34" fmla="*/ 9 w 66"/>
                    <a:gd name="T35" fmla="*/ 54 h 76"/>
                    <a:gd name="T36" fmla="*/ 10 w 66"/>
                    <a:gd name="T37" fmla="*/ 50 h 76"/>
                    <a:gd name="T38" fmla="*/ 9 w 66"/>
                    <a:gd name="T39" fmla="*/ 47 h 76"/>
                    <a:gd name="T40" fmla="*/ 7 w 66"/>
                    <a:gd name="T41" fmla="*/ 40 h 76"/>
                    <a:gd name="T42" fmla="*/ 4 w 66"/>
                    <a:gd name="T43" fmla="*/ 37 h 76"/>
                    <a:gd name="T44" fmla="*/ 2 w 66"/>
                    <a:gd name="T45" fmla="*/ 33 h 76"/>
                    <a:gd name="T46" fmla="*/ 0 w 66"/>
                    <a:gd name="T47" fmla="*/ 30 h 76"/>
                    <a:gd name="T48" fmla="*/ 2 w 66"/>
                    <a:gd name="T49" fmla="*/ 25 h 76"/>
                    <a:gd name="T50" fmla="*/ 7 w 66"/>
                    <a:gd name="T51" fmla="*/ 23 h 76"/>
                    <a:gd name="T52" fmla="*/ 9 w 66"/>
                    <a:gd name="T53" fmla="*/ 25 h 76"/>
                    <a:gd name="T54" fmla="*/ 10 w 66"/>
                    <a:gd name="T55" fmla="*/ 25 h 76"/>
                    <a:gd name="T56" fmla="*/ 10 w 66"/>
                    <a:gd name="T57" fmla="*/ 23 h 76"/>
                    <a:gd name="T58" fmla="*/ 12 w 66"/>
                    <a:gd name="T59" fmla="*/ 16 h 76"/>
                    <a:gd name="T60" fmla="*/ 12 w 66"/>
                    <a:gd name="T61" fmla="*/ 10 h 76"/>
                    <a:gd name="T62" fmla="*/ 10 w 66"/>
                    <a:gd name="T63" fmla="*/ 6 h 76"/>
                    <a:gd name="T64" fmla="*/ 10 w 66"/>
                    <a:gd name="T65" fmla="*/ 5 h 7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w 66"/>
                    <a:gd name="T100" fmla="*/ 0 h 76"/>
                    <a:gd name="T101" fmla="*/ 66 w 66"/>
                    <a:gd name="T102" fmla="*/ 76 h 76"/>
                  </a:gdLst>
                  <a:ahLst/>
                  <a:cxnLst>
                    <a:cxn ang="T66">
                      <a:pos x="T0" y="T1"/>
                    </a:cxn>
                    <a:cxn ang="T67">
                      <a:pos x="T2" y="T3"/>
                    </a:cxn>
                    <a:cxn ang="T68">
                      <a:pos x="T4" y="T5"/>
                    </a:cxn>
                    <a:cxn ang="T69">
                      <a:pos x="T6" y="T7"/>
                    </a:cxn>
                    <a:cxn ang="T70">
                      <a:pos x="T8" y="T9"/>
                    </a:cxn>
                    <a:cxn ang="T71">
                      <a:pos x="T10" y="T11"/>
                    </a:cxn>
                    <a:cxn ang="T72">
                      <a:pos x="T12" y="T13"/>
                    </a:cxn>
                    <a:cxn ang="T73">
                      <a:pos x="T14" y="T15"/>
                    </a:cxn>
                    <a:cxn ang="T74">
                      <a:pos x="T16" y="T17"/>
                    </a:cxn>
                    <a:cxn ang="T75">
                      <a:pos x="T18" y="T19"/>
                    </a:cxn>
                    <a:cxn ang="T76">
                      <a:pos x="T20" y="T21"/>
                    </a:cxn>
                    <a:cxn ang="T77">
                      <a:pos x="T22" y="T23"/>
                    </a:cxn>
                    <a:cxn ang="T78">
                      <a:pos x="T24" y="T25"/>
                    </a:cxn>
                    <a:cxn ang="T79">
                      <a:pos x="T26" y="T27"/>
                    </a:cxn>
                    <a:cxn ang="T80">
                      <a:pos x="T28" y="T29"/>
                    </a:cxn>
                    <a:cxn ang="T81">
                      <a:pos x="T30" y="T31"/>
                    </a:cxn>
                    <a:cxn ang="T82">
                      <a:pos x="T32" y="T33"/>
                    </a:cxn>
                    <a:cxn ang="T83">
                      <a:pos x="T34" y="T35"/>
                    </a:cxn>
                    <a:cxn ang="T84">
                      <a:pos x="T36" y="T37"/>
                    </a:cxn>
                    <a:cxn ang="T85">
                      <a:pos x="T38" y="T39"/>
                    </a:cxn>
                    <a:cxn ang="T86">
                      <a:pos x="T40" y="T41"/>
                    </a:cxn>
                    <a:cxn ang="T87">
                      <a:pos x="T42" y="T43"/>
                    </a:cxn>
                    <a:cxn ang="T88">
                      <a:pos x="T44" y="T45"/>
                    </a:cxn>
                    <a:cxn ang="T89">
                      <a:pos x="T46" y="T47"/>
                    </a:cxn>
                    <a:cxn ang="T90">
                      <a:pos x="T48" y="T49"/>
                    </a:cxn>
                    <a:cxn ang="T91">
                      <a:pos x="T50" y="T51"/>
                    </a:cxn>
                    <a:cxn ang="T92">
                      <a:pos x="T52" y="T53"/>
                    </a:cxn>
                    <a:cxn ang="T93">
                      <a:pos x="T54" y="T55"/>
                    </a:cxn>
                    <a:cxn ang="T94">
                      <a:pos x="T56" y="T57"/>
                    </a:cxn>
                    <a:cxn ang="T95">
                      <a:pos x="T58" y="T59"/>
                    </a:cxn>
                    <a:cxn ang="T96">
                      <a:pos x="T60" y="T61"/>
                    </a:cxn>
                    <a:cxn ang="T97">
                      <a:pos x="T62" y="T63"/>
                    </a:cxn>
                    <a:cxn ang="T98">
                      <a:pos x="T64" y="T65"/>
                    </a:cxn>
                  </a:cxnLst>
                  <a:rect l="T99" t="T100" r="T101" b="T102"/>
                  <a:pathLst>
                    <a:path w="66" h="76">
                      <a:moveTo>
                        <a:pt x="10" y="5"/>
                      </a:moveTo>
                      <a:lnTo>
                        <a:pt x="14" y="0"/>
                      </a:lnTo>
                      <a:lnTo>
                        <a:pt x="22" y="6"/>
                      </a:lnTo>
                      <a:lnTo>
                        <a:pt x="46" y="18"/>
                      </a:lnTo>
                      <a:lnTo>
                        <a:pt x="54" y="22"/>
                      </a:lnTo>
                      <a:lnTo>
                        <a:pt x="54" y="28"/>
                      </a:lnTo>
                      <a:lnTo>
                        <a:pt x="61" y="38"/>
                      </a:lnTo>
                      <a:lnTo>
                        <a:pt x="63" y="38"/>
                      </a:lnTo>
                      <a:lnTo>
                        <a:pt x="64" y="40"/>
                      </a:lnTo>
                      <a:lnTo>
                        <a:pt x="66" y="42"/>
                      </a:lnTo>
                      <a:lnTo>
                        <a:pt x="66" y="44"/>
                      </a:lnTo>
                      <a:lnTo>
                        <a:pt x="66" y="45"/>
                      </a:lnTo>
                      <a:lnTo>
                        <a:pt x="63" y="49"/>
                      </a:lnTo>
                      <a:lnTo>
                        <a:pt x="58" y="52"/>
                      </a:lnTo>
                      <a:lnTo>
                        <a:pt x="56" y="52"/>
                      </a:lnTo>
                      <a:lnTo>
                        <a:pt x="54" y="52"/>
                      </a:lnTo>
                      <a:lnTo>
                        <a:pt x="49" y="54"/>
                      </a:lnTo>
                      <a:lnTo>
                        <a:pt x="44" y="55"/>
                      </a:lnTo>
                      <a:lnTo>
                        <a:pt x="37" y="59"/>
                      </a:lnTo>
                      <a:lnTo>
                        <a:pt x="32" y="62"/>
                      </a:lnTo>
                      <a:lnTo>
                        <a:pt x="27" y="67"/>
                      </a:lnTo>
                      <a:lnTo>
                        <a:pt x="24" y="76"/>
                      </a:lnTo>
                      <a:lnTo>
                        <a:pt x="22" y="76"/>
                      </a:lnTo>
                      <a:lnTo>
                        <a:pt x="22" y="74"/>
                      </a:lnTo>
                      <a:lnTo>
                        <a:pt x="19" y="74"/>
                      </a:lnTo>
                      <a:lnTo>
                        <a:pt x="15" y="71"/>
                      </a:lnTo>
                      <a:lnTo>
                        <a:pt x="14" y="69"/>
                      </a:lnTo>
                      <a:lnTo>
                        <a:pt x="10" y="66"/>
                      </a:lnTo>
                      <a:lnTo>
                        <a:pt x="10" y="60"/>
                      </a:lnTo>
                      <a:lnTo>
                        <a:pt x="9" y="54"/>
                      </a:lnTo>
                      <a:lnTo>
                        <a:pt x="9" y="52"/>
                      </a:lnTo>
                      <a:lnTo>
                        <a:pt x="10" y="50"/>
                      </a:lnTo>
                      <a:lnTo>
                        <a:pt x="10" y="49"/>
                      </a:lnTo>
                      <a:lnTo>
                        <a:pt x="9" y="47"/>
                      </a:lnTo>
                      <a:lnTo>
                        <a:pt x="9" y="44"/>
                      </a:lnTo>
                      <a:lnTo>
                        <a:pt x="7" y="40"/>
                      </a:lnTo>
                      <a:lnTo>
                        <a:pt x="4" y="37"/>
                      </a:lnTo>
                      <a:lnTo>
                        <a:pt x="4" y="35"/>
                      </a:lnTo>
                      <a:lnTo>
                        <a:pt x="2" y="33"/>
                      </a:lnTo>
                      <a:lnTo>
                        <a:pt x="2" y="32"/>
                      </a:lnTo>
                      <a:lnTo>
                        <a:pt x="0" y="30"/>
                      </a:lnTo>
                      <a:lnTo>
                        <a:pt x="0" y="28"/>
                      </a:lnTo>
                      <a:lnTo>
                        <a:pt x="2" y="25"/>
                      </a:lnTo>
                      <a:lnTo>
                        <a:pt x="4" y="25"/>
                      </a:lnTo>
                      <a:lnTo>
                        <a:pt x="7" y="23"/>
                      </a:lnTo>
                      <a:lnTo>
                        <a:pt x="9" y="25"/>
                      </a:lnTo>
                      <a:lnTo>
                        <a:pt x="10" y="25"/>
                      </a:lnTo>
                      <a:lnTo>
                        <a:pt x="10" y="23"/>
                      </a:lnTo>
                      <a:lnTo>
                        <a:pt x="12" y="22"/>
                      </a:lnTo>
                      <a:lnTo>
                        <a:pt x="12" y="16"/>
                      </a:lnTo>
                      <a:lnTo>
                        <a:pt x="12" y="10"/>
                      </a:lnTo>
                      <a:lnTo>
                        <a:pt x="12" y="8"/>
                      </a:lnTo>
                      <a:lnTo>
                        <a:pt x="10" y="6"/>
                      </a:lnTo>
                      <a:lnTo>
                        <a:pt x="10" y="5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88" name="Freeform 150"/>
                <p:cNvSpPr>
                  <a:spLocks/>
                </p:cNvSpPr>
                <p:nvPr/>
              </p:nvSpPr>
              <p:spPr bwMode="auto">
                <a:xfrm>
                  <a:off x="1505" y="3446"/>
                  <a:ext cx="10" cy="10"/>
                </a:xfrm>
                <a:custGeom>
                  <a:avLst/>
                  <a:gdLst>
                    <a:gd name="T0" fmla="*/ 0 w 10"/>
                    <a:gd name="T1" fmla="*/ 0 h 10"/>
                    <a:gd name="T2" fmla="*/ 7 w 10"/>
                    <a:gd name="T3" fmla="*/ 0 h 10"/>
                    <a:gd name="T4" fmla="*/ 10 w 10"/>
                    <a:gd name="T5" fmla="*/ 6 h 10"/>
                    <a:gd name="T6" fmla="*/ 5 w 10"/>
                    <a:gd name="T7" fmla="*/ 10 h 10"/>
                    <a:gd name="T8" fmla="*/ 2 w 10"/>
                    <a:gd name="T9" fmla="*/ 8 h 10"/>
                    <a:gd name="T10" fmla="*/ 0 w 10"/>
                    <a:gd name="T11" fmla="*/ 0 h 10"/>
                    <a:gd name="T12" fmla="*/ 0 60000 65536"/>
                    <a:gd name="T13" fmla="*/ 0 60000 65536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w 10"/>
                    <a:gd name="T19" fmla="*/ 0 h 10"/>
                    <a:gd name="T20" fmla="*/ 10 w 10"/>
                    <a:gd name="T21" fmla="*/ 10 h 10"/>
                  </a:gdLst>
                  <a:ahLst/>
                  <a:cxnLst>
                    <a:cxn ang="T12">
                      <a:pos x="T0" y="T1"/>
                    </a:cxn>
                    <a:cxn ang="T13">
                      <a:pos x="T2" y="T3"/>
                    </a:cxn>
                    <a:cxn ang="T14">
                      <a:pos x="T4" y="T5"/>
                    </a:cxn>
                    <a:cxn ang="T15">
                      <a:pos x="T6" y="T7"/>
                    </a:cxn>
                    <a:cxn ang="T16">
                      <a:pos x="T8" y="T9"/>
                    </a:cxn>
                    <a:cxn ang="T17">
                      <a:pos x="T10" y="T11"/>
                    </a:cxn>
                  </a:cxnLst>
                  <a:rect l="T18" t="T19" r="T20" b="T21"/>
                  <a:pathLst>
                    <a:path w="10" h="10">
                      <a:moveTo>
                        <a:pt x="0" y="0"/>
                      </a:moveTo>
                      <a:lnTo>
                        <a:pt x="7" y="0"/>
                      </a:lnTo>
                      <a:lnTo>
                        <a:pt x="10" y="6"/>
                      </a:lnTo>
                      <a:lnTo>
                        <a:pt x="5" y="10"/>
                      </a:lnTo>
                      <a:lnTo>
                        <a:pt x="2" y="8"/>
                      </a:lnTo>
                      <a:lnTo>
                        <a:pt x="0" y="0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89" name="Freeform 151"/>
                <p:cNvSpPr>
                  <a:spLocks/>
                </p:cNvSpPr>
                <p:nvPr/>
              </p:nvSpPr>
              <p:spPr bwMode="auto">
                <a:xfrm>
                  <a:off x="1505" y="3446"/>
                  <a:ext cx="10" cy="10"/>
                </a:xfrm>
                <a:custGeom>
                  <a:avLst/>
                  <a:gdLst>
                    <a:gd name="T0" fmla="*/ 0 w 10"/>
                    <a:gd name="T1" fmla="*/ 0 h 10"/>
                    <a:gd name="T2" fmla="*/ 7 w 10"/>
                    <a:gd name="T3" fmla="*/ 0 h 10"/>
                    <a:gd name="T4" fmla="*/ 10 w 10"/>
                    <a:gd name="T5" fmla="*/ 6 h 10"/>
                    <a:gd name="T6" fmla="*/ 5 w 10"/>
                    <a:gd name="T7" fmla="*/ 10 h 10"/>
                    <a:gd name="T8" fmla="*/ 2 w 10"/>
                    <a:gd name="T9" fmla="*/ 8 h 10"/>
                    <a:gd name="T10" fmla="*/ 0 w 10"/>
                    <a:gd name="T11" fmla="*/ 0 h 10"/>
                    <a:gd name="T12" fmla="*/ 0 60000 65536"/>
                    <a:gd name="T13" fmla="*/ 0 60000 65536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w 10"/>
                    <a:gd name="T19" fmla="*/ 0 h 10"/>
                    <a:gd name="T20" fmla="*/ 10 w 10"/>
                    <a:gd name="T21" fmla="*/ 10 h 10"/>
                  </a:gdLst>
                  <a:ahLst/>
                  <a:cxnLst>
                    <a:cxn ang="T12">
                      <a:pos x="T0" y="T1"/>
                    </a:cxn>
                    <a:cxn ang="T13">
                      <a:pos x="T2" y="T3"/>
                    </a:cxn>
                    <a:cxn ang="T14">
                      <a:pos x="T4" y="T5"/>
                    </a:cxn>
                    <a:cxn ang="T15">
                      <a:pos x="T6" y="T7"/>
                    </a:cxn>
                    <a:cxn ang="T16">
                      <a:pos x="T8" y="T9"/>
                    </a:cxn>
                    <a:cxn ang="T17">
                      <a:pos x="T10" y="T11"/>
                    </a:cxn>
                  </a:cxnLst>
                  <a:rect l="T18" t="T19" r="T20" b="T21"/>
                  <a:pathLst>
                    <a:path w="10" h="10">
                      <a:moveTo>
                        <a:pt x="0" y="0"/>
                      </a:moveTo>
                      <a:lnTo>
                        <a:pt x="7" y="0"/>
                      </a:lnTo>
                      <a:lnTo>
                        <a:pt x="10" y="6"/>
                      </a:lnTo>
                      <a:lnTo>
                        <a:pt x="5" y="10"/>
                      </a:lnTo>
                      <a:lnTo>
                        <a:pt x="2" y="8"/>
                      </a:lnTo>
                      <a:lnTo>
                        <a:pt x="0" y="0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90" name="Freeform 152"/>
                <p:cNvSpPr>
                  <a:spLocks/>
                </p:cNvSpPr>
                <p:nvPr/>
              </p:nvSpPr>
              <p:spPr bwMode="auto">
                <a:xfrm>
                  <a:off x="1524" y="3463"/>
                  <a:ext cx="6" cy="8"/>
                </a:xfrm>
                <a:custGeom>
                  <a:avLst/>
                  <a:gdLst>
                    <a:gd name="T0" fmla="*/ 0 w 6"/>
                    <a:gd name="T1" fmla="*/ 5 h 8"/>
                    <a:gd name="T2" fmla="*/ 0 w 6"/>
                    <a:gd name="T3" fmla="*/ 3 h 8"/>
                    <a:gd name="T4" fmla="*/ 0 w 6"/>
                    <a:gd name="T5" fmla="*/ 1 h 8"/>
                    <a:gd name="T6" fmla="*/ 1 w 6"/>
                    <a:gd name="T7" fmla="*/ 1 h 8"/>
                    <a:gd name="T8" fmla="*/ 3 w 6"/>
                    <a:gd name="T9" fmla="*/ 0 h 8"/>
                    <a:gd name="T10" fmla="*/ 5 w 6"/>
                    <a:gd name="T11" fmla="*/ 1 h 8"/>
                    <a:gd name="T12" fmla="*/ 6 w 6"/>
                    <a:gd name="T13" fmla="*/ 1 h 8"/>
                    <a:gd name="T14" fmla="*/ 6 w 6"/>
                    <a:gd name="T15" fmla="*/ 3 h 8"/>
                    <a:gd name="T16" fmla="*/ 6 w 6"/>
                    <a:gd name="T17" fmla="*/ 5 h 8"/>
                    <a:gd name="T18" fmla="*/ 6 w 6"/>
                    <a:gd name="T19" fmla="*/ 6 h 8"/>
                    <a:gd name="T20" fmla="*/ 6 w 6"/>
                    <a:gd name="T21" fmla="*/ 8 h 8"/>
                    <a:gd name="T22" fmla="*/ 5 w 6"/>
                    <a:gd name="T23" fmla="*/ 8 h 8"/>
                    <a:gd name="T24" fmla="*/ 3 w 6"/>
                    <a:gd name="T25" fmla="*/ 8 h 8"/>
                    <a:gd name="T26" fmla="*/ 1 w 6"/>
                    <a:gd name="T27" fmla="*/ 8 h 8"/>
                    <a:gd name="T28" fmla="*/ 0 w 6"/>
                    <a:gd name="T29" fmla="*/ 8 h 8"/>
                    <a:gd name="T30" fmla="*/ 0 w 6"/>
                    <a:gd name="T31" fmla="*/ 6 h 8"/>
                    <a:gd name="T32" fmla="*/ 0 w 6"/>
                    <a:gd name="T33" fmla="*/ 5 h 8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6"/>
                    <a:gd name="T52" fmla="*/ 0 h 8"/>
                    <a:gd name="T53" fmla="*/ 6 w 6"/>
                    <a:gd name="T54" fmla="*/ 8 h 8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6" h="8">
                      <a:moveTo>
                        <a:pt x="0" y="5"/>
                      </a:move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1" y="1"/>
                      </a:lnTo>
                      <a:lnTo>
                        <a:pt x="3" y="0"/>
                      </a:lnTo>
                      <a:lnTo>
                        <a:pt x="5" y="1"/>
                      </a:lnTo>
                      <a:lnTo>
                        <a:pt x="6" y="1"/>
                      </a:lnTo>
                      <a:lnTo>
                        <a:pt x="6" y="3"/>
                      </a:lnTo>
                      <a:lnTo>
                        <a:pt x="6" y="5"/>
                      </a:lnTo>
                      <a:lnTo>
                        <a:pt x="6" y="6"/>
                      </a:lnTo>
                      <a:lnTo>
                        <a:pt x="6" y="8"/>
                      </a:lnTo>
                      <a:lnTo>
                        <a:pt x="5" y="8"/>
                      </a:lnTo>
                      <a:lnTo>
                        <a:pt x="3" y="8"/>
                      </a:lnTo>
                      <a:lnTo>
                        <a:pt x="1" y="8"/>
                      </a:lnTo>
                      <a:lnTo>
                        <a:pt x="0" y="8"/>
                      </a:lnTo>
                      <a:lnTo>
                        <a:pt x="0" y="6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91" name="Freeform 153"/>
                <p:cNvSpPr>
                  <a:spLocks/>
                </p:cNvSpPr>
                <p:nvPr/>
              </p:nvSpPr>
              <p:spPr bwMode="auto">
                <a:xfrm>
                  <a:off x="1524" y="3463"/>
                  <a:ext cx="6" cy="8"/>
                </a:xfrm>
                <a:custGeom>
                  <a:avLst/>
                  <a:gdLst>
                    <a:gd name="T0" fmla="*/ 0 w 6"/>
                    <a:gd name="T1" fmla="*/ 5 h 8"/>
                    <a:gd name="T2" fmla="*/ 0 w 6"/>
                    <a:gd name="T3" fmla="*/ 5 h 8"/>
                    <a:gd name="T4" fmla="*/ 0 w 6"/>
                    <a:gd name="T5" fmla="*/ 3 h 8"/>
                    <a:gd name="T6" fmla="*/ 0 w 6"/>
                    <a:gd name="T7" fmla="*/ 1 h 8"/>
                    <a:gd name="T8" fmla="*/ 1 w 6"/>
                    <a:gd name="T9" fmla="*/ 1 h 8"/>
                    <a:gd name="T10" fmla="*/ 3 w 6"/>
                    <a:gd name="T11" fmla="*/ 0 h 8"/>
                    <a:gd name="T12" fmla="*/ 3 w 6"/>
                    <a:gd name="T13" fmla="*/ 0 h 8"/>
                    <a:gd name="T14" fmla="*/ 5 w 6"/>
                    <a:gd name="T15" fmla="*/ 1 h 8"/>
                    <a:gd name="T16" fmla="*/ 6 w 6"/>
                    <a:gd name="T17" fmla="*/ 1 h 8"/>
                    <a:gd name="T18" fmla="*/ 6 w 6"/>
                    <a:gd name="T19" fmla="*/ 3 h 8"/>
                    <a:gd name="T20" fmla="*/ 6 w 6"/>
                    <a:gd name="T21" fmla="*/ 5 h 8"/>
                    <a:gd name="T22" fmla="*/ 6 w 6"/>
                    <a:gd name="T23" fmla="*/ 5 h 8"/>
                    <a:gd name="T24" fmla="*/ 6 w 6"/>
                    <a:gd name="T25" fmla="*/ 6 h 8"/>
                    <a:gd name="T26" fmla="*/ 6 w 6"/>
                    <a:gd name="T27" fmla="*/ 8 h 8"/>
                    <a:gd name="T28" fmla="*/ 5 w 6"/>
                    <a:gd name="T29" fmla="*/ 8 h 8"/>
                    <a:gd name="T30" fmla="*/ 3 w 6"/>
                    <a:gd name="T31" fmla="*/ 8 h 8"/>
                    <a:gd name="T32" fmla="*/ 3 w 6"/>
                    <a:gd name="T33" fmla="*/ 8 h 8"/>
                    <a:gd name="T34" fmla="*/ 1 w 6"/>
                    <a:gd name="T35" fmla="*/ 8 h 8"/>
                    <a:gd name="T36" fmla="*/ 0 w 6"/>
                    <a:gd name="T37" fmla="*/ 8 h 8"/>
                    <a:gd name="T38" fmla="*/ 0 w 6"/>
                    <a:gd name="T39" fmla="*/ 6 h 8"/>
                    <a:gd name="T40" fmla="*/ 0 w 6"/>
                    <a:gd name="T41" fmla="*/ 5 h 8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6"/>
                    <a:gd name="T64" fmla="*/ 0 h 8"/>
                    <a:gd name="T65" fmla="*/ 6 w 6"/>
                    <a:gd name="T66" fmla="*/ 8 h 8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6" h="8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1" y="1"/>
                      </a:lnTo>
                      <a:lnTo>
                        <a:pt x="3" y="0"/>
                      </a:lnTo>
                      <a:lnTo>
                        <a:pt x="5" y="1"/>
                      </a:lnTo>
                      <a:lnTo>
                        <a:pt x="6" y="1"/>
                      </a:lnTo>
                      <a:lnTo>
                        <a:pt x="6" y="3"/>
                      </a:lnTo>
                      <a:lnTo>
                        <a:pt x="6" y="5"/>
                      </a:lnTo>
                      <a:lnTo>
                        <a:pt x="6" y="6"/>
                      </a:lnTo>
                      <a:lnTo>
                        <a:pt x="6" y="8"/>
                      </a:lnTo>
                      <a:lnTo>
                        <a:pt x="5" y="8"/>
                      </a:lnTo>
                      <a:lnTo>
                        <a:pt x="3" y="8"/>
                      </a:lnTo>
                      <a:lnTo>
                        <a:pt x="1" y="8"/>
                      </a:lnTo>
                      <a:lnTo>
                        <a:pt x="0" y="8"/>
                      </a:lnTo>
                      <a:lnTo>
                        <a:pt x="0" y="6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92" name="Freeform 154"/>
                <p:cNvSpPr>
                  <a:spLocks/>
                </p:cNvSpPr>
                <p:nvPr/>
              </p:nvSpPr>
              <p:spPr bwMode="auto">
                <a:xfrm>
                  <a:off x="1338" y="3388"/>
                  <a:ext cx="11" cy="9"/>
                </a:xfrm>
                <a:custGeom>
                  <a:avLst/>
                  <a:gdLst>
                    <a:gd name="T0" fmla="*/ 0 w 11"/>
                    <a:gd name="T1" fmla="*/ 4 h 9"/>
                    <a:gd name="T2" fmla="*/ 0 w 11"/>
                    <a:gd name="T3" fmla="*/ 2 h 9"/>
                    <a:gd name="T4" fmla="*/ 1 w 11"/>
                    <a:gd name="T5" fmla="*/ 2 h 9"/>
                    <a:gd name="T6" fmla="*/ 3 w 11"/>
                    <a:gd name="T7" fmla="*/ 0 h 9"/>
                    <a:gd name="T8" fmla="*/ 6 w 11"/>
                    <a:gd name="T9" fmla="*/ 0 h 9"/>
                    <a:gd name="T10" fmla="*/ 8 w 11"/>
                    <a:gd name="T11" fmla="*/ 0 h 9"/>
                    <a:gd name="T12" fmla="*/ 10 w 11"/>
                    <a:gd name="T13" fmla="*/ 2 h 9"/>
                    <a:gd name="T14" fmla="*/ 11 w 11"/>
                    <a:gd name="T15" fmla="*/ 2 h 9"/>
                    <a:gd name="T16" fmla="*/ 11 w 11"/>
                    <a:gd name="T17" fmla="*/ 4 h 9"/>
                    <a:gd name="T18" fmla="*/ 11 w 11"/>
                    <a:gd name="T19" fmla="*/ 5 h 9"/>
                    <a:gd name="T20" fmla="*/ 10 w 11"/>
                    <a:gd name="T21" fmla="*/ 7 h 9"/>
                    <a:gd name="T22" fmla="*/ 8 w 11"/>
                    <a:gd name="T23" fmla="*/ 9 h 9"/>
                    <a:gd name="T24" fmla="*/ 6 w 11"/>
                    <a:gd name="T25" fmla="*/ 9 h 9"/>
                    <a:gd name="T26" fmla="*/ 3 w 11"/>
                    <a:gd name="T27" fmla="*/ 9 h 9"/>
                    <a:gd name="T28" fmla="*/ 1 w 11"/>
                    <a:gd name="T29" fmla="*/ 7 h 9"/>
                    <a:gd name="T30" fmla="*/ 0 w 11"/>
                    <a:gd name="T31" fmla="*/ 5 h 9"/>
                    <a:gd name="T32" fmla="*/ 0 w 11"/>
                    <a:gd name="T33" fmla="*/ 4 h 9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1"/>
                    <a:gd name="T52" fmla="*/ 0 h 9"/>
                    <a:gd name="T53" fmla="*/ 11 w 11"/>
                    <a:gd name="T54" fmla="*/ 9 h 9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1" h="9">
                      <a:moveTo>
                        <a:pt x="0" y="4"/>
                      </a:move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3" y="0"/>
                      </a:lnTo>
                      <a:lnTo>
                        <a:pt x="6" y="0"/>
                      </a:lnTo>
                      <a:lnTo>
                        <a:pt x="8" y="0"/>
                      </a:lnTo>
                      <a:lnTo>
                        <a:pt x="10" y="2"/>
                      </a:lnTo>
                      <a:lnTo>
                        <a:pt x="11" y="2"/>
                      </a:lnTo>
                      <a:lnTo>
                        <a:pt x="11" y="4"/>
                      </a:lnTo>
                      <a:lnTo>
                        <a:pt x="11" y="5"/>
                      </a:lnTo>
                      <a:lnTo>
                        <a:pt x="10" y="7"/>
                      </a:lnTo>
                      <a:lnTo>
                        <a:pt x="8" y="9"/>
                      </a:lnTo>
                      <a:lnTo>
                        <a:pt x="6" y="9"/>
                      </a:lnTo>
                      <a:lnTo>
                        <a:pt x="3" y="9"/>
                      </a:lnTo>
                      <a:lnTo>
                        <a:pt x="1" y="7"/>
                      </a:lnTo>
                      <a:lnTo>
                        <a:pt x="0" y="5"/>
                      </a:lnTo>
                      <a:lnTo>
                        <a:pt x="0" y="4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93" name="Freeform 155"/>
                <p:cNvSpPr>
                  <a:spLocks/>
                </p:cNvSpPr>
                <p:nvPr/>
              </p:nvSpPr>
              <p:spPr bwMode="auto">
                <a:xfrm>
                  <a:off x="1338" y="3388"/>
                  <a:ext cx="11" cy="9"/>
                </a:xfrm>
                <a:custGeom>
                  <a:avLst/>
                  <a:gdLst>
                    <a:gd name="T0" fmla="*/ 0 w 11"/>
                    <a:gd name="T1" fmla="*/ 4 h 9"/>
                    <a:gd name="T2" fmla="*/ 0 w 11"/>
                    <a:gd name="T3" fmla="*/ 4 h 9"/>
                    <a:gd name="T4" fmla="*/ 0 w 11"/>
                    <a:gd name="T5" fmla="*/ 2 h 9"/>
                    <a:gd name="T6" fmla="*/ 1 w 11"/>
                    <a:gd name="T7" fmla="*/ 2 h 9"/>
                    <a:gd name="T8" fmla="*/ 3 w 11"/>
                    <a:gd name="T9" fmla="*/ 0 h 9"/>
                    <a:gd name="T10" fmla="*/ 6 w 11"/>
                    <a:gd name="T11" fmla="*/ 0 h 9"/>
                    <a:gd name="T12" fmla="*/ 6 w 11"/>
                    <a:gd name="T13" fmla="*/ 0 h 9"/>
                    <a:gd name="T14" fmla="*/ 8 w 11"/>
                    <a:gd name="T15" fmla="*/ 0 h 9"/>
                    <a:gd name="T16" fmla="*/ 10 w 11"/>
                    <a:gd name="T17" fmla="*/ 2 h 9"/>
                    <a:gd name="T18" fmla="*/ 11 w 11"/>
                    <a:gd name="T19" fmla="*/ 2 h 9"/>
                    <a:gd name="T20" fmla="*/ 11 w 11"/>
                    <a:gd name="T21" fmla="*/ 4 h 9"/>
                    <a:gd name="T22" fmla="*/ 11 w 11"/>
                    <a:gd name="T23" fmla="*/ 4 h 9"/>
                    <a:gd name="T24" fmla="*/ 11 w 11"/>
                    <a:gd name="T25" fmla="*/ 5 h 9"/>
                    <a:gd name="T26" fmla="*/ 10 w 11"/>
                    <a:gd name="T27" fmla="*/ 7 h 9"/>
                    <a:gd name="T28" fmla="*/ 8 w 11"/>
                    <a:gd name="T29" fmla="*/ 9 h 9"/>
                    <a:gd name="T30" fmla="*/ 6 w 11"/>
                    <a:gd name="T31" fmla="*/ 9 h 9"/>
                    <a:gd name="T32" fmla="*/ 6 w 11"/>
                    <a:gd name="T33" fmla="*/ 9 h 9"/>
                    <a:gd name="T34" fmla="*/ 3 w 11"/>
                    <a:gd name="T35" fmla="*/ 9 h 9"/>
                    <a:gd name="T36" fmla="*/ 1 w 11"/>
                    <a:gd name="T37" fmla="*/ 7 h 9"/>
                    <a:gd name="T38" fmla="*/ 0 w 11"/>
                    <a:gd name="T39" fmla="*/ 5 h 9"/>
                    <a:gd name="T40" fmla="*/ 0 w 11"/>
                    <a:gd name="T41" fmla="*/ 4 h 9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1"/>
                    <a:gd name="T64" fmla="*/ 0 h 9"/>
                    <a:gd name="T65" fmla="*/ 11 w 11"/>
                    <a:gd name="T66" fmla="*/ 9 h 9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1" h="9">
                      <a:moveTo>
                        <a:pt x="0" y="4"/>
                      </a:moveTo>
                      <a:lnTo>
                        <a:pt x="0" y="4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3" y="0"/>
                      </a:lnTo>
                      <a:lnTo>
                        <a:pt x="6" y="0"/>
                      </a:lnTo>
                      <a:lnTo>
                        <a:pt x="8" y="0"/>
                      </a:lnTo>
                      <a:lnTo>
                        <a:pt x="10" y="2"/>
                      </a:lnTo>
                      <a:lnTo>
                        <a:pt x="11" y="2"/>
                      </a:lnTo>
                      <a:lnTo>
                        <a:pt x="11" y="4"/>
                      </a:lnTo>
                      <a:lnTo>
                        <a:pt x="11" y="5"/>
                      </a:lnTo>
                      <a:lnTo>
                        <a:pt x="10" y="7"/>
                      </a:lnTo>
                      <a:lnTo>
                        <a:pt x="8" y="9"/>
                      </a:lnTo>
                      <a:lnTo>
                        <a:pt x="6" y="9"/>
                      </a:lnTo>
                      <a:lnTo>
                        <a:pt x="3" y="9"/>
                      </a:lnTo>
                      <a:lnTo>
                        <a:pt x="1" y="7"/>
                      </a:lnTo>
                      <a:lnTo>
                        <a:pt x="0" y="5"/>
                      </a:lnTo>
                      <a:lnTo>
                        <a:pt x="0" y="4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242" name="Freeform 156"/>
              <p:cNvSpPr>
                <a:spLocks/>
              </p:cNvSpPr>
              <p:nvPr/>
            </p:nvSpPr>
            <p:spPr bwMode="auto">
              <a:xfrm>
                <a:off x="1022" y="1847"/>
                <a:ext cx="537" cy="677"/>
              </a:xfrm>
              <a:custGeom>
                <a:avLst/>
                <a:gdLst>
                  <a:gd name="T0" fmla="*/ 331 w 552"/>
                  <a:gd name="T1" fmla="*/ 464 h 697"/>
                  <a:gd name="T2" fmla="*/ 376 w 552"/>
                  <a:gd name="T3" fmla="*/ 130 h 697"/>
                  <a:gd name="T4" fmla="*/ 253 w 552"/>
                  <a:gd name="T5" fmla="*/ 111 h 697"/>
                  <a:gd name="T6" fmla="*/ 265 w 552"/>
                  <a:gd name="T7" fmla="*/ 35 h 697"/>
                  <a:gd name="T8" fmla="*/ 81 w 552"/>
                  <a:gd name="T9" fmla="*/ 0 h 697"/>
                  <a:gd name="T10" fmla="*/ 81 w 552"/>
                  <a:gd name="T11" fmla="*/ 0 h 697"/>
                  <a:gd name="T12" fmla="*/ 0 w 552"/>
                  <a:gd name="T13" fmla="*/ 410 h 697"/>
                  <a:gd name="T14" fmla="*/ 331 w 552"/>
                  <a:gd name="T15" fmla="*/ 464 h 697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552"/>
                  <a:gd name="T25" fmla="*/ 0 h 697"/>
                  <a:gd name="T26" fmla="*/ 552 w 552"/>
                  <a:gd name="T27" fmla="*/ 697 h 697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552" h="697">
                    <a:moveTo>
                      <a:pt x="486" y="697"/>
                    </a:moveTo>
                    <a:lnTo>
                      <a:pt x="552" y="195"/>
                    </a:lnTo>
                    <a:lnTo>
                      <a:pt x="372" y="166"/>
                    </a:lnTo>
                    <a:lnTo>
                      <a:pt x="389" y="49"/>
                    </a:lnTo>
                    <a:lnTo>
                      <a:pt x="118" y="0"/>
                    </a:lnTo>
                    <a:lnTo>
                      <a:pt x="0" y="616"/>
                    </a:lnTo>
                    <a:lnTo>
                      <a:pt x="486" y="69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43" name="Freeform 157"/>
              <p:cNvSpPr>
                <a:spLocks/>
              </p:cNvSpPr>
              <p:nvPr/>
            </p:nvSpPr>
            <p:spPr bwMode="auto">
              <a:xfrm>
                <a:off x="2159" y="2220"/>
                <a:ext cx="708" cy="381"/>
              </a:xfrm>
              <a:custGeom>
                <a:avLst/>
                <a:gdLst>
                  <a:gd name="T0" fmla="*/ 18 w 728"/>
                  <a:gd name="T1" fmla="*/ 0 h 393"/>
                  <a:gd name="T2" fmla="*/ 35 w 728"/>
                  <a:gd name="T3" fmla="*/ 4 h 393"/>
                  <a:gd name="T4" fmla="*/ 53 w 728"/>
                  <a:gd name="T5" fmla="*/ 5 h 393"/>
                  <a:gd name="T6" fmla="*/ 81 w 728"/>
                  <a:gd name="T7" fmla="*/ 9 h 393"/>
                  <a:gd name="T8" fmla="*/ 112 w 728"/>
                  <a:gd name="T9" fmla="*/ 11 h 393"/>
                  <a:gd name="T10" fmla="*/ 144 w 728"/>
                  <a:gd name="T11" fmla="*/ 12 h 393"/>
                  <a:gd name="T12" fmla="*/ 180 w 728"/>
                  <a:gd name="T13" fmla="*/ 12 h 393"/>
                  <a:gd name="T14" fmla="*/ 216 w 728"/>
                  <a:gd name="T15" fmla="*/ 14 h 393"/>
                  <a:gd name="T16" fmla="*/ 253 w 728"/>
                  <a:gd name="T17" fmla="*/ 14 h 393"/>
                  <a:gd name="T18" fmla="*/ 290 w 728"/>
                  <a:gd name="T19" fmla="*/ 16 h 393"/>
                  <a:gd name="T20" fmla="*/ 324 w 728"/>
                  <a:gd name="T21" fmla="*/ 16 h 393"/>
                  <a:gd name="T22" fmla="*/ 355 w 728"/>
                  <a:gd name="T23" fmla="*/ 16 h 393"/>
                  <a:gd name="T24" fmla="*/ 383 w 728"/>
                  <a:gd name="T25" fmla="*/ 16 h 393"/>
                  <a:gd name="T26" fmla="*/ 407 w 728"/>
                  <a:gd name="T27" fmla="*/ 16 h 393"/>
                  <a:gd name="T28" fmla="*/ 426 w 728"/>
                  <a:gd name="T29" fmla="*/ 16 h 393"/>
                  <a:gd name="T30" fmla="*/ 437 w 728"/>
                  <a:gd name="T31" fmla="*/ 16 h 393"/>
                  <a:gd name="T32" fmla="*/ 442 w 728"/>
                  <a:gd name="T33" fmla="*/ 16 h 393"/>
                  <a:gd name="T34" fmla="*/ 448 w 728"/>
                  <a:gd name="T35" fmla="*/ 16 h 393"/>
                  <a:gd name="T36" fmla="*/ 464 w 728"/>
                  <a:gd name="T37" fmla="*/ 17 h 393"/>
                  <a:gd name="T38" fmla="*/ 465 w 728"/>
                  <a:gd name="T39" fmla="*/ 19 h 393"/>
                  <a:gd name="T40" fmla="*/ 469 w 728"/>
                  <a:gd name="T41" fmla="*/ 22 h 393"/>
                  <a:gd name="T42" fmla="*/ 472 w 728"/>
                  <a:gd name="T43" fmla="*/ 27 h 393"/>
                  <a:gd name="T44" fmla="*/ 469 w 728"/>
                  <a:gd name="T45" fmla="*/ 36 h 393"/>
                  <a:gd name="T46" fmla="*/ 459 w 728"/>
                  <a:gd name="T47" fmla="*/ 50 h 393"/>
                  <a:gd name="T48" fmla="*/ 471 w 728"/>
                  <a:gd name="T49" fmla="*/ 62 h 393"/>
                  <a:gd name="T50" fmla="*/ 480 w 728"/>
                  <a:gd name="T51" fmla="*/ 78 h 393"/>
                  <a:gd name="T52" fmla="*/ 494 w 728"/>
                  <a:gd name="T53" fmla="*/ 254 h 393"/>
                  <a:gd name="T54" fmla="*/ 488 w 728"/>
                  <a:gd name="T55" fmla="*/ 254 h 393"/>
                  <a:gd name="T56" fmla="*/ 477 w 728"/>
                  <a:gd name="T57" fmla="*/ 254 h 393"/>
                  <a:gd name="T58" fmla="*/ 455 w 728"/>
                  <a:gd name="T59" fmla="*/ 254 h 393"/>
                  <a:gd name="T60" fmla="*/ 430 w 728"/>
                  <a:gd name="T61" fmla="*/ 254 h 393"/>
                  <a:gd name="T62" fmla="*/ 398 w 728"/>
                  <a:gd name="T63" fmla="*/ 254 h 393"/>
                  <a:gd name="T64" fmla="*/ 362 w 728"/>
                  <a:gd name="T65" fmla="*/ 254 h 393"/>
                  <a:gd name="T66" fmla="*/ 324 w 728"/>
                  <a:gd name="T67" fmla="*/ 253 h 393"/>
                  <a:gd name="T68" fmla="*/ 284 w 728"/>
                  <a:gd name="T69" fmla="*/ 253 h 393"/>
                  <a:gd name="T70" fmla="*/ 241 w 728"/>
                  <a:gd name="T71" fmla="*/ 252 h 393"/>
                  <a:gd name="T72" fmla="*/ 200 w 728"/>
                  <a:gd name="T73" fmla="*/ 252 h 393"/>
                  <a:gd name="T74" fmla="*/ 159 w 728"/>
                  <a:gd name="T75" fmla="*/ 252 h 393"/>
                  <a:gd name="T76" fmla="*/ 118 w 728"/>
                  <a:gd name="T77" fmla="*/ 251 h 393"/>
                  <a:gd name="T78" fmla="*/ 82 w 728"/>
                  <a:gd name="T79" fmla="*/ 250 h 393"/>
                  <a:gd name="T80" fmla="*/ 49 w 728"/>
                  <a:gd name="T81" fmla="*/ 248 h 393"/>
                  <a:gd name="T82" fmla="*/ 18 w 728"/>
                  <a:gd name="T83" fmla="*/ 246 h 393"/>
                  <a:gd name="T84" fmla="*/ 0 w 728"/>
                  <a:gd name="T85" fmla="*/ 245 h 393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w 728"/>
                  <a:gd name="T130" fmla="*/ 0 h 393"/>
                  <a:gd name="T131" fmla="*/ 728 w 728"/>
                  <a:gd name="T132" fmla="*/ 393 h 393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T129" t="T130" r="T131" b="T132"/>
                <a:pathLst>
                  <a:path w="728" h="393">
                    <a:moveTo>
                      <a:pt x="0" y="379"/>
                    </a:moveTo>
                    <a:lnTo>
                      <a:pt x="27" y="0"/>
                    </a:lnTo>
                    <a:lnTo>
                      <a:pt x="38" y="2"/>
                    </a:lnTo>
                    <a:lnTo>
                      <a:pt x="49" y="4"/>
                    </a:lnTo>
                    <a:lnTo>
                      <a:pt x="65" y="5"/>
                    </a:lnTo>
                    <a:lnTo>
                      <a:pt x="80" y="5"/>
                    </a:lnTo>
                    <a:lnTo>
                      <a:pt x="98" y="7"/>
                    </a:lnTo>
                    <a:lnTo>
                      <a:pt x="119" y="9"/>
                    </a:lnTo>
                    <a:lnTo>
                      <a:pt x="139" y="9"/>
                    </a:lnTo>
                    <a:lnTo>
                      <a:pt x="163" y="11"/>
                    </a:lnTo>
                    <a:lnTo>
                      <a:pt x="186" y="11"/>
                    </a:lnTo>
                    <a:lnTo>
                      <a:pt x="212" y="12"/>
                    </a:lnTo>
                    <a:lnTo>
                      <a:pt x="237" y="12"/>
                    </a:lnTo>
                    <a:lnTo>
                      <a:pt x="264" y="12"/>
                    </a:lnTo>
                    <a:lnTo>
                      <a:pt x="291" y="14"/>
                    </a:lnTo>
                    <a:lnTo>
                      <a:pt x="318" y="14"/>
                    </a:lnTo>
                    <a:lnTo>
                      <a:pt x="346" y="14"/>
                    </a:lnTo>
                    <a:lnTo>
                      <a:pt x="373" y="14"/>
                    </a:lnTo>
                    <a:lnTo>
                      <a:pt x="400" y="16"/>
                    </a:lnTo>
                    <a:lnTo>
                      <a:pt x="427" y="16"/>
                    </a:lnTo>
                    <a:lnTo>
                      <a:pt x="452" y="16"/>
                    </a:lnTo>
                    <a:lnTo>
                      <a:pt x="478" y="16"/>
                    </a:lnTo>
                    <a:lnTo>
                      <a:pt x="501" y="16"/>
                    </a:lnTo>
                    <a:lnTo>
                      <a:pt x="525" y="16"/>
                    </a:lnTo>
                    <a:lnTo>
                      <a:pt x="545" y="17"/>
                    </a:lnTo>
                    <a:lnTo>
                      <a:pt x="566" y="17"/>
                    </a:lnTo>
                    <a:lnTo>
                      <a:pt x="584" y="17"/>
                    </a:lnTo>
                    <a:lnTo>
                      <a:pt x="601" y="17"/>
                    </a:lnTo>
                    <a:lnTo>
                      <a:pt x="616" y="17"/>
                    </a:lnTo>
                    <a:lnTo>
                      <a:pt x="628" y="17"/>
                    </a:lnTo>
                    <a:lnTo>
                      <a:pt x="638" y="17"/>
                    </a:lnTo>
                    <a:lnTo>
                      <a:pt x="645" y="17"/>
                    </a:lnTo>
                    <a:lnTo>
                      <a:pt x="650" y="17"/>
                    </a:lnTo>
                    <a:lnTo>
                      <a:pt x="652" y="17"/>
                    </a:lnTo>
                    <a:lnTo>
                      <a:pt x="650" y="16"/>
                    </a:lnTo>
                    <a:lnTo>
                      <a:pt x="662" y="22"/>
                    </a:lnTo>
                    <a:lnTo>
                      <a:pt x="674" y="33"/>
                    </a:lnTo>
                    <a:lnTo>
                      <a:pt x="684" y="31"/>
                    </a:lnTo>
                    <a:lnTo>
                      <a:pt x="686" y="33"/>
                    </a:lnTo>
                    <a:lnTo>
                      <a:pt x="687" y="33"/>
                    </a:lnTo>
                    <a:lnTo>
                      <a:pt x="691" y="34"/>
                    </a:lnTo>
                    <a:lnTo>
                      <a:pt x="694" y="36"/>
                    </a:lnTo>
                    <a:lnTo>
                      <a:pt x="696" y="38"/>
                    </a:lnTo>
                    <a:lnTo>
                      <a:pt x="698" y="41"/>
                    </a:lnTo>
                    <a:lnTo>
                      <a:pt x="696" y="46"/>
                    </a:lnTo>
                    <a:lnTo>
                      <a:pt x="692" y="51"/>
                    </a:lnTo>
                    <a:lnTo>
                      <a:pt x="679" y="70"/>
                    </a:lnTo>
                    <a:lnTo>
                      <a:pt x="679" y="78"/>
                    </a:lnTo>
                    <a:lnTo>
                      <a:pt x="692" y="88"/>
                    </a:lnTo>
                    <a:lnTo>
                      <a:pt x="696" y="95"/>
                    </a:lnTo>
                    <a:lnTo>
                      <a:pt x="698" y="107"/>
                    </a:lnTo>
                    <a:lnTo>
                      <a:pt x="709" y="121"/>
                    </a:lnTo>
                    <a:lnTo>
                      <a:pt x="726" y="121"/>
                    </a:lnTo>
                    <a:lnTo>
                      <a:pt x="728" y="393"/>
                    </a:lnTo>
                    <a:lnTo>
                      <a:pt x="726" y="393"/>
                    </a:lnTo>
                    <a:lnTo>
                      <a:pt x="721" y="393"/>
                    </a:lnTo>
                    <a:lnTo>
                      <a:pt x="713" y="393"/>
                    </a:lnTo>
                    <a:lnTo>
                      <a:pt x="703" y="393"/>
                    </a:lnTo>
                    <a:lnTo>
                      <a:pt x="689" y="393"/>
                    </a:lnTo>
                    <a:lnTo>
                      <a:pt x="672" y="393"/>
                    </a:lnTo>
                    <a:lnTo>
                      <a:pt x="654" y="393"/>
                    </a:lnTo>
                    <a:lnTo>
                      <a:pt x="635" y="393"/>
                    </a:lnTo>
                    <a:lnTo>
                      <a:pt x="611" y="393"/>
                    </a:lnTo>
                    <a:lnTo>
                      <a:pt x="588" y="393"/>
                    </a:lnTo>
                    <a:lnTo>
                      <a:pt x="562" y="393"/>
                    </a:lnTo>
                    <a:lnTo>
                      <a:pt x="535" y="393"/>
                    </a:lnTo>
                    <a:lnTo>
                      <a:pt x="508" y="393"/>
                    </a:lnTo>
                    <a:lnTo>
                      <a:pt x="478" y="391"/>
                    </a:lnTo>
                    <a:lnTo>
                      <a:pt x="449" y="391"/>
                    </a:lnTo>
                    <a:lnTo>
                      <a:pt x="418" y="391"/>
                    </a:lnTo>
                    <a:lnTo>
                      <a:pt x="388" y="391"/>
                    </a:lnTo>
                    <a:lnTo>
                      <a:pt x="356" y="390"/>
                    </a:lnTo>
                    <a:lnTo>
                      <a:pt x="325" y="390"/>
                    </a:lnTo>
                    <a:lnTo>
                      <a:pt x="295" y="390"/>
                    </a:lnTo>
                    <a:lnTo>
                      <a:pt x="263" y="388"/>
                    </a:lnTo>
                    <a:lnTo>
                      <a:pt x="234" y="388"/>
                    </a:lnTo>
                    <a:lnTo>
                      <a:pt x="203" y="388"/>
                    </a:lnTo>
                    <a:lnTo>
                      <a:pt x="175" y="386"/>
                    </a:lnTo>
                    <a:lnTo>
                      <a:pt x="148" y="386"/>
                    </a:lnTo>
                    <a:lnTo>
                      <a:pt x="120" y="385"/>
                    </a:lnTo>
                    <a:lnTo>
                      <a:pt x="97" y="385"/>
                    </a:lnTo>
                    <a:lnTo>
                      <a:pt x="73" y="383"/>
                    </a:lnTo>
                    <a:lnTo>
                      <a:pt x="51" y="383"/>
                    </a:lnTo>
                    <a:lnTo>
                      <a:pt x="32" y="381"/>
                    </a:lnTo>
                    <a:lnTo>
                      <a:pt x="16" y="379"/>
                    </a:lnTo>
                    <a:lnTo>
                      <a:pt x="0" y="37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44" name="Freeform 158"/>
              <p:cNvSpPr>
                <a:spLocks/>
              </p:cNvSpPr>
              <p:nvPr/>
            </p:nvSpPr>
            <p:spPr bwMode="auto">
              <a:xfrm>
                <a:off x="2637" y="1100"/>
                <a:ext cx="623" cy="709"/>
              </a:xfrm>
              <a:custGeom>
                <a:avLst/>
                <a:gdLst>
                  <a:gd name="T0" fmla="*/ 349 w 641"/>
                  <a:gd name="T1" fmla="*/ 443 h 731"/>
                  <a:gd name="T2" fmla="*/ 322 w 641"/>
                  <a:gd name="T3" fmla="*/ 421 h 731"/>
                  <a:gd name="T4" fmla="*/ 286 w 641"/>
                  <a:gd name="T5" fmla="*/ 391 h 731"/>
                  <a:gd name="T6" fmla="*/ 283 w 641"/>
                  <a:gd name="T7" fmla="*/ 385 h 731"/>
                  <a:gd name="T8" fmla="*/ 267 w 641"/>
                  <a:gd name="T9" fmla="*/ 382 h 731"/>
                  <a:gd name="T10" fmla="*/ 259 w 641"/>
                  <a:gd name="T11" fmla="*/ 362 h 731"/>
                  <a:gd name="T12" fmla="*/ 257 w 641"/>
                  <a:gd name="T13" fmla="*/ 346 h 731"/>
                  <a:gd name="T14" fmla="*/ 258 w 641"/>
                  <a:gd name="T15" fmla="*/ 321 h 731"/>
                  <a:gd name="T16" fmla="*/ 247 w 641"/>
                  <a:gd name="T17" fmla="*/ 291 h 731"/>
                  <a:gd name="T18" fmla="*/ 251 w 641"/>
                  <a:gd name="T19" fmla="*/ 288 h 731"/>
                  <a:gd name="T20" fmla="*/ 267 w 641"/>
                  <a:gd name="T21" fmla="*/ 271 h 731"/>
                  <a:gd name="T22" fmla="*/ 279 w 641"/>
                  <a:gd name="T23" fmla="*/ 216 h 731"/>
                  <a:gd name="T24" fmla="*/ 284 w 641"/>
                  <a:gd name="T25" fmla="*/ 209 h 731"/>
                  <a:gd name="T26" fmla="*/ 307 w 641"/>
                  <a:gd name="T27" fmla="*/ 191 h 731"/>
                  <a:gd name="T28" fmla="*/ 333 w 641"/>
                  <a:gd name="T29" fmla="*/ 167 h 731"/>
                  <a:gd name="T30" fmla="*/ 347 w 641"/>
                  <a:gd name="T31" fmla="*/ 149 h 731"/>
                  <a:gd name="T32" fmla="*/ 361 w 641"/>
                  <a:gd name="T33" fmla="*/ 135 h 731"/>
                  <a:gd name="T34" fmla="*/ 379 w 641"/>
                  <a:gd name="T35" fmla="*/ 124 h 731"/>
                  <a:gd name="T36" fmla="*/ 398 w 641"/>
                  <a:gd name="T37" fmla="*/ 118 h 731"/>
                  <a:gd name="T38" fmla="*/ 418 w 641"/>
                  <a:gd name="T39" fmla="*/ 107 h 731"/>
                  <a:gd name="T40" fmla="*/ 430 w 641"/>
                  <a:gd name="T41" fmla="*/ 99 h 731"/>
                  <a:gd name="T42" fmla="*/ 429 w 641"/>
                  <a:gd name="T43" fmla="*/ 98 h 731"/>
                  <a:gd name="T44" fmla="*/ 406 w 641"/>
                  <a:gd name="T45" fmla="*/ 101 h 731"/>
                  <a:gd name="T46" fmla="*/ 355 w 641"/>
                  <a:gd name="T47" fmla="*/ 95 h 731"/>
                  <a:gd name="T48" fmla="*/ 352 w 641"/>
                  <a:gd name="T49" fmla="*/ 85 h 731"/>
                  <a:gd name="T50" fmla="*/ 332 w 641"/>
                  <a:gd name="T51" fmla="*/ 98 h 731"/>
                  <a:gd name="T52" fmla="*/ 310 w 641"/>
                  <a:gd name="T53" fmla="*/ 98 h 731"/>
                  <a:gd name="T54" fmla="*/ 302 w 641"/>
                  <a:gd name="T55" fmla="*/ 89 h 731"/>
                  <a:gd name="T56" fmla="*/ 294 w 641"/>
                  <a:gd name="T57" fmla="*/ 87 h 731"/>
                  <a:gd name="T58" fmla="*/ 287 w 641"/>
                  <a:gd name="T59" fmla="*/ 79 h 731"/>
                  <a:gd name="T60" fmla="*/ 272 w 641"/>
                  <a:gd name="T61" fmla="*/ 86 h 731"/>
                  <a:gd name="T62" fmla="*/ 263 w 641"/>
                  <a:gd name="T63" fmla="*/ 76 h 731"/>
                  <a:gd name="T64" fmla="*/ 253 w 641"/>
                  <a:gd name="T65" fmla="*/ 66 h 731"/>
                  <a:gd name="T66" fmla="*/ 255 w 641"/>
                  <a:gd name="T67" fmla="*/ 65 h 731"/>
                  <a:gd name="T68" fmla="*/ 233 w 641"/>
                  <a:gd name="T69" fmla="*/ 61 h 731"/>
                  <a:gd name="T70" fmla="*/ 212 w 641"/>
                  <a:gd name="T71" fmla="*/ 59 h 731"/>
                  <a:gd name="T72" fmla="*/ 191 w 641"/>
                  <a:gd name="T73" fmla="*/ 69 h 731"/>
                  <a:gd name="T74" fmla="*/ 160 w 641"/>
                  <a:gd name="T75" fmla="*/ 55 h 731"/>
                  <a:gd name="T76" fmla="*/ 140 w 641"/>
                  <a:gd name="T77" fmla="*/ 47 h 731"/>
                  <a:gd name="T78" fmla="*/ 114 w 641"/>
                  <a:gd name="T79" fmla="*/ 23 h 731"/>
                  <a:gd name="T80" fmla="*/ 7 w 641"/>
                  <a:gd name="T81" fmla="*/ 58 h 731"/>
                  <a:gd name="T82" fmla="*/ 5 w 641"/>
                  <a:gd name="T83" fmla="*/ 86 h 731"/>
                  <a:gd name="T84" fmla="*/ 14 w 641"/>
                  <a:gd name="T85" fmla="*/ 121 h 731"/>
                  <a:gd name="T86" fmla="*/ 17 w 641"/>
                  <a:gd name="T87" fmla="*/ 141 h 731"/>
                  <a:gd name="T88" fmla="*/ 17 w 641"/>
                  <a:gd name="T89" fmla="*/ 172 h 731"/>
                  <a:gd name="T90" fmla="*/ 17 w 641"/>
                  <a:gd name="T91" fmla="*/ 193 h 731"/>
                  <a:gd name="T92" fmla="*/ 39 w 641"/>
                  <a:gd name="T93" fmla="*/ 279 h 731"/>
                  <a:gd name="T94" fmla="*/ 17 w 641"/>
                  <a:gd name="T95" fmla="*/ 304 h 731"/>
                  <a:gd name="T96" fmla="*/ 25 w 641"/>
                  <a:gd name="T97" fmla="*/ 316 h 731"/>
                  <a:gd name="T98" fmla="*/ 44 w 641"/>
                  <a:gd name="T99" fmla="*/ 328 h 731"/>
                  <a:gd name="T100" fmla="*/ 44 w 641"/>
                  <a:gd name="T101" fmla="*/ 376 h 731"/>
                  <a:gd name="T102" fmla="*/ 43 w 641"/>
                  <a:gd name="T103" fmla="*/ 454 h 731"/>
                  <a:gd name="T104" fmla="*/ 45 w 641"/>
                  <a:gd name="T105" fmla="*/ 476 h 731"/>
                  <a:gd name="T106" fmla="*/ 85 w 641"/>
                  <a:gd name="T107" fmla="*/ 476 h 731"/>
                  <a:gd name="T108" fmla="*/ 157 w 641"/>
                  <a:gd name="T109" fmla="*/ 474 h 731"/>
                  <a:gd name="T110" fmla="*/ 240 w 641"/>
                  <a:gd name="T111" fmla="*/ 472 h 731"/>
                  <a:gd name="T112" fmla="*/ 312 w 641"/>
                  <a:gd name="T113" fmla="*/ 471 h 731"/>
                  <a:gd name="T114" fmla="*/ 353 w 641"/>
                  <a:gd name="T115" fmla="*/ 468 h 731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641"/>
                  <a:gd name="T175" fmla="*/ 0 h 731"/>
                  <a:gd name="T176" fmla="*/ 641 w 641"/>
                  <a:gd name="T177" fmla="*/ 731 h 731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641" h="731">
                    <a:moveTo>
                      <a:pt x="526" y="718"/>
                    </a:moveTo>
                    <a:lnTo>
                      <a:pt x="528" y="716"/>
                    </a:lnTo>
                    <a:lnTo>
                      <a:pt x="528" y="709"/>
                    </a:lnTo>
                    <a:lnTo>
                      <a:pt x="525" y="701"/>
                    </a:lnTo>
                    <a:lnTo>
                      <a:pt x="523" y="691"/>
                    </a:lnTo>
                    <a:lnTo>
                      <a:pt x="520" y="682"/>
                    </a:lnTo>
                    <a:lnTo>
                      <a:pt x="518" y="674"/>
                    </a:lnTo>
                    <a:lnTo>
                      <a:pt x="515" y="667"/>
                    </a:lnTo>
                    <a:lnTo>
                      <a:pt x="513" y="665"/>
                    </a:lnTo>
                    <a:lnTo>
                      <a:pt x="499" y="660"/>
                    </a:lnTo>
                    <a:lnTo>
                      <a:pt x="487" y="653"/>
                    </a:lnTo>
                    <a:lnTo>
                      <a:pt x="479" y="645"/>
                    </a:lnTo>
                    <a:lnTo>
                      <a:pt x="471" y="637"/>
                    </a:lnTo>
                    <a:lnTo>
                      <a:pt x="465" y="628"/>
                    </a:lnTo>
                    <a:lnTo>
                      <a:pt x="460" y="620"/>
                    </a:lnTo>
                    <a:lnTo>
                      <a:pt x="457" y="616"/>
                    </a:lnTo>
                    <a:lnTo>
                      <a:pt x="457" y="613"/>
                    </a:lnTo>
                    <a:lnTo>
                      <a:pt x="427" y="601"/>
                    </a:lnTo>
                    <a:lnTo>
                      <a:pt x="425" y="593"/>
                    </a:lnTo>
                    <a:lnTo>
                      <a:pt x="423" y="593"/>
                    </a:lnTo>
                    <a:lnTo>
                      <a:pt x="423" y="591"/>
                    </a:lnTo>
                    <a:lnTo>
                      <a:pt x="421" y="591"/>
                    </a:lnTo>
                    <a:lnTo>
                      <a:pt x="418" y="591"/>
                    </a:lnTo>
                    <a:lnTo>
                      <a:pt x="416" y="591"/>
                    </a:lnTo>
                    <a:lnTo>
                      <a:pt x="413" y="593"/>
                    </a:lnTo>
                    <a:lnTo>
                      <a:pt x="410" y="591"/>
                    </a:lnTo>
                    <a:lnTo>
                      <a:pt x="405" y="589"/>
                    </a:lnTo>
                    <a:lnTo>
                      <a:pt x="398" y="587"/>
                    </a:lnTo>
                    <a:lnTo>
                      <a:pt x="393" y="582"/>
                    </a:lnTo>
                    <a:lnTo>
                      <a:pt x="388" y="577"/>
                    </a:lnTo>
                    <a:lnTo>
                      <a:pt x="384" y="574"/>
                    </a:lnTo>
                    <a:lnTo>
                      <a:pt x="383" y="569"/>
                    </a:lnTo>
                    <a:lnTo>
                      <a:pt x="383" y="564"/>
                    </a:lnTo>
                    <a:lnTo>
                      <a:pt x="386" y="555"/>
                    </a:lnTo>
                    <a:lnTo>
                      <a:pt x="388" y="550"/>
                    </a:lnTo>
                    <a:lnTo>
                      <a:pt x="388" y="545"/>
                    </a:lnTo>
                    <a:lnTo>
                      <a:pt x="388" y="542"/>
                    </a:lnTo>
                    <a:lnTo>
                      <a:pt x="386" y="538"/>
                    </a:lnTo>
                    <a:lnTo>
                      <a:pt x="384" y="535"/>
                    </a:lnTo>
                    <a:lnTo>
                      <a:pt x="383" y="532"/>
                    </a:lnTo>
                    <a:lnTo>
                      <a:pt x="379" y="528"/>
                    </a:lnTo>
                    <a:lnTo>
                      <a:pt x="379" y="523"/>
                    </a:lnTo>
                    <a:lnTo>
                      <a:pt x="379" y="515"/>
                    </a:lnTo>
                    <a:lnTo>
                      <a:pt x="379" y="508"/>
                    </a:lnTo>
                    <a:lnTo>
                      <a:pt x="383" y="499"/>
                    </a:lnTo>
                    <a:lnTo>
                      <a:pt x="384" y="493"/>
                    </a:lnTo>
                    <a:lnTo>
                      <a:pt x="388" y="486"/>
                    </a:lnTo>
                    <a:lnTo>
                      <a:pt x="388" y="481"/>
                    </a:lnTo>
                    <a:lnTo>
                      <a:pt x="389" y="481"/>
                    </a:lnTo>
                    <a:lnTo>
                      <a:pt x="381" y="467"/>
                    </a:lnTo>
                    <a:lnTo>
                      <a:pt x="367" y="467"/>
                    </a:lnTo>
                    <a:lnTo>
                      <a:pt x="367" y="447"/>
                    </a:lnTo>
                    <a:lnTo>
                      <a:pt x="369" y="447"/>
                    </a:lnTo>
                    <a:lnTo>
                      <a:pt x="371" y="445"/>
                    </a:lnTo>
                    <a:lnTo>
                      <a:pt x="372" y="445"/>
                    </a:lnTo>
                    <a:lnTo>
                      <a:pt x="374" y="442"/>
                    </a:lnTo>
                    <a:lnTo>
                      <a:pt x="374" y="440"/>
                    </a:lnTo>
                    <a:lnTo>
                      <a:pt x="376" y="437"/>
                    </a:lnTo>
                    <a:lnTo>
                      <a:pt x="377" y="432"/>
                    </a:lnTo>
                    <a:lnTo>
                      <a:pt x="384" y="427"/>
                    </a:lnTo>
                    <a:lnTo>
                      <a:pt x="389" y="422"/>
                    </a:lnTo>
                    <a:lnTo>
                      <a:pt x="398" y="415"/>
                    </a:lnTo>
                    <a:lnTo>
                      <a:pt x="405" y="410"/>
                    </a:lnTo>
                    <a:lnTo>
                      <a:pt x="411" y="406"/>
                    </a:lnTo>
                    <a:lnTo>
                      <a:pt x="415" y="403"/>
                    </a:lnTo>
                    <a:lnTo>
                      <a:pt x="418" y="403"/>
                    </a:lnTo>
                    <a:lnTo>
                      <a:pt x="416" y="332"/>
                    </a:lnTo>
                    <a:lnTo>
                      <a:pt x="415" y="332"/>
                    </a:lnTo>
                    <a:lnTo>
                      <a:pt x="415" y="330"/>
                    </a:lnTo>
                    <a:lnTo>
                      <a:pt x="416" y="329"/>
                    </a:lnTo>
                    <a:lnTo>
                      <a:pt x="418" y="325"/>
                    </a:lnTo>
                    <a:lnTo>
                      <a:pt x="423" y="322"/>
                    </a:lnTo>
                    <a:lnTo>
                      <a:pt x="430" y="317"/>
                    </a:lnTo>
                    <a:lnTo>
                      <a:pt x="435" y="313"/>
                    </a:lnTo>
                    <a:lnTo>
                      <a:pt x="440" y="308"/>
                    </a:lnTo>
                    <a:lnTo>
                      <a:pt x="445" y="303"/>
                    </a:lnTo>
                    <a:lnTo>
                      <a:pt x="450" y="298"/>
                    </a:lnTo>
                    <a:lnTo>
                      <a:pt x="457" y="293"/>
                    </a:lnTo>
                    <a:lnTo>
                      <a:pt x="464" y="286"/>
                    </a:lnTo>
                    <a:lnTo>
                      <a:pt x="471" y="279"/>
                    </a:lnTo>
                    <a:lnTo>
                      <a:pt x="477" y="274"/>
                    </a:lnTo>
                    <a:lnTo>
                      <a:pt x="484" y="268"/>
                    </a:lnTo>
                    <a:lnTo>
                      <a:pt x="491" y="261"/>
                    </a:lnTo>
                    <a:lnTo>
                      <a:pt x="496" y="256"/>
                    </a:lnTo>
                    <a:lnTo>
                      <a:pt x="503" y="249"/>
                    </a:lnTo>
                    <a:lnTo>
                      <a:pt x="506" y="244"/>
                    </a:lnTo>
                    <a:lnTo>
                      <a:pt x="511" y="239"/>
                    </a:lnTo>
                    <a:lnTo>
                      <a:pt x="515" y="235"/>
                    </a:lnTo>
                    <a:lnTo>
                      <a:pt x="516" y="232"/>
                    </a:lnTo>
                    <a:lnTo>
                      <a:pt x="518" y="229"/>
                    </a:lnTo>
                    <a:lnTo>
                      <a:pt x="520" y="224"/>
                    </a:lnTo>
                    <a:lnTo>
                      <a:pt x="523" y="220"/>
                    </a:lnTo>
                    <a:lnTo>
                      <a:pt x="525" y="217"/>
                    </a:lnTo>
                    <a:lnTo>
                      <a:pt x="528" y="213"/>
                    </a:lnTo>
                    <a:lnTo>
                      <a:pt x="533" y="210"/>
                    </a:lnTo>
                    <a:lnTo>
                      <a:pt x="537" y="207"/>
                    </a:lnTo>
                    <a:lnTo>
                      <a:pt x="542" y="203"/>
                    </a:lnTo>
                    <a:lnTo>
                      <a:pt x="547" y="200"/>
                    </a:lnTo>
                    <a:lnTo>
                      <a:pt x="550" y="198"/>
                    </a:lnTo>
                    <a:lnTo>
                      <a:pt x="555" y="195"/>
                    </a:lnTo>
                    <a:lnTo>
                      <a:pt x="560" y="193"/>
                    </a:lnTo>
                    <a:lnTo>
                      <a:pt x="565" y="190"/>
                    </a:lnTo>
                    <a:lnTo>
                      <a:pt x="570" y="188"/>
                    </a:lnTo>
                    <a:lnTo>
                      <a:pt x="574" y="188"/>
                    </a:lnTo>
                    <a:lnTo>
                      <a:pt x="579" y="186"/>
                    </a:lnTo>
                    <a:lnTo>
                      <a:pt x="582" y="185"/>
                    </a:lnTo>
                    <a:lnTo>
                      <a:pt x="587" y="183"/>
                    </a:lnTo>
                    <a:lnTo>
                      <a:pt x="592" y="181"/>
                    </a:lnTo>
                    <a:lnTo>
                      <a:pt x="597" y="180"/>
                    </a:lnTo>
                    <a:lnTo>
                      <a:pt x="603" y="176"/>
                    </a:lnTo>
                    <a:lnTo>
                      <a:pt x="608" y="173"/>
                    </a:lnTo>
                    <a:lnTo>
                      <a:pt x="613" y="169"/>
                    </a:lnTo>
                    <a:lnTo>
                      <a:pt x="618" y="166"/>
                    </a:lnTo>
                    <a:lnTo>
                      <a:pt x="623" y="164"/>
                    </a:lnTo>
                    <a:lnTo>
                      <a:pt x="628" y="161"/>
                    </a:lnTo>
                    <a:lnTo>
                      <a:pt x="631" y="158"/>
                    </a:lnTo>
                    <a:lnTo>
                      <a:pt x="635" y="156"/>
                    </a:lnTo>
                    <a:lnTo>
                      <a:pt x="638" y="154"/>
                    </a:lnTo>
                    <a:lnTo>
                      <a:pt x="640" y="153"/>
                    </a:lnTo>
                    <a:lnTo>
                      <a:pt x="641" y="151"/>
                    </a:lnTo>
                    <a:lnTo>
                      <a:pt x="641" y="149"/>
                    </a:lnTo>
                    <a:lnTo>
                      <a:pt x="640" y="149"/>
                    </a:lnTo>
                    <a:lnTo>
                      <a:pt x="638" y="149"/>
                    </a:lnTo>
                    <a:lnTo>
                      <a:pt x="633" y="149"/>
                    </a:lnTo>
                    <a:lnTo>
                      <a:pt x="625" y="153"/>
                    </a:lnTo>
                    <a:lnTo>
                      <a:pt x="618" y="153"/>
                    </a:lnTo>
                    <a:lnTo>
                      <a:pt x="611" y="153"/>
                    </a:lnTo>
                    <a:lnTo>
                      <a:pt x="606" y="153"/>
                    </a:lnTo>
                    <a:lnTo>
                      <a:pt x="603" y="149"/>
                    </a:lnTo>
                    <a:lnTo>
                      <a:pt x="599" y="147"/>
                    </a:lnTo>
                    <a:lnTo>
                      <a:pt x="597" y="146"/>
                    </a:lnTo>
                    <a:lnTo>
                      <a:pt x="596" y="144"/>
                    </a:lnTo>
                    <a:lnTo>
                      <a:pt x="530" y="144"/>
                    </a:lnTo>
                    <a:lnTo>
                      <a:pt x="530" y="131"/>
                    </a:lnTo>
                    <a:lnTo>
                      <a:pt x="528" y="131"/>
                    </a:lnTo>
                    <a:lnTo>
                      <a:pt x="526" y="131"/>
                    </a:lnTo>
                    <a:lnTo>
                      <a:pt x="525" y="131"/>
                    </a:lnTo>
                    <a:lnTo>
                      <a:pt x="523" y="131"/>
                    </a:lnTo>
                    <a:lnTo>
                      <a:pt x="521" y="131"/>
                    </a:lnTo>
                    <a:lnTo>
                      <a:pt x="520" y="131"/>
                    </a:lnTo>
                    <a:lnTo>
                      <a:pt x="518" y="131"/>
                    </a:lnTo>
                    <a:lnTo>
                      <a:pt x="509" y="139"/>
                    </a:lnTo>
                    <a:lnTo>
                      <a:pt x="501" y="146"/>
                    </a:lnTo>
                    <a:lnTo>
                      <a:pt x="494" y="149"/>
                    </a:lnTo>
                    <a:lnTo>
                      <a:pt x="487" y="153"/>
                    </a:lnTo>
                    <a:lnTo>
                      <a:pt x="481" y="154"/>
                    </a:lnTo>
                    <a:lnTo>
                      <a:pt x="476" y="154"/>
                    </a:lnTo>
                    <a:lnTo>
                      <a:pt x="471" y="153"/>
                    </a:lnTo>
                    <a:lnTo>
                      <a:pt x="465" y="153"/>
                    </a:lnTo>
                    <a:lnTo>
                      <a:pt x="462" y="149"/>
                    </a:lnTo>
                    <a:lnTo>
                      <a:pt x="459" y="147"/>
                    </a:lnTo>
                    <a:lnTo>
                      <a:pt x="455" y="144"/>
                    </a:lnTo>
                    <a:lnTo>
                      <a:pt x="454" y="142"/>
                    </a:lnTo>
                    <a:lnTo>
                      <a:pt x="452" y="141"/>
                    </a:lnTo>
                    <a:lnTo>
                      <a:pt x="450" y="139"/>
                    </a:lnTo>
                    <a:lnTo>
                      <a:pt x="450" y="137"/>
                    </a:lnTo>
                    <a:lnTo>
                      <a:pt x="450" y="136"/>
                    </a:lnTo>
                    <a:lnTo>
                      <a:pt x="449" y="136"/>
                    </a:lnTo>
                    <a:lnTo>
                      <a:pt x="447" y="136"/>
                    </a:lnTo>
                    <a:lnTo>
                      <a:pt x="443" y="136"/>
                    </a:lnTo>
                    <a:lnTo>
                      <a:pt x="440" y="136"/>
                    </a:lnTo>
                    <a:lnTo>
                      <a:pt x="437" y="134"/>
                    </a:lnTo>
                    <a:lnTo>
                      <a:pt x="435" y="132"/>
                    </a:lnTo>
                    <a:lnTo>
                      <a:pt x="433" y="131"/>
                    </a:lnTo>
                    <a:lnTo>
                      <a:pt x="432" y="127"/>
                    </a:lnTo>
                    <a:lnTo>
                      <a:pt x="432" y="125"/>
                    </a:lnTo>
                    <a:lnTo>
                      <a:pt x="430" y="124"/>
                    </a:lnTo>
                    <a:lnTo>
                      <a:pt x="428" y="120"/>
                    </a:lnTo>
                    <a:lnTo>
                      <a:pt x="427" y="117"/>
                    </a:lnTo>
                    <a:lnTo>
                      <a:pt x="423" y="117"/>
                    </a:lnTo>
                    <a:lnTo>
                      <a:pt x="420" y="117"/>
                    </a:lnTo>
                    <a:lnTo>
                      <a:pt x="415" y="119"/>
                    </a:lnTo>
                    <a:lnTo>
                      <a:pt x="411" y="122"/>
                    </a:lnTo>
                    <a:lnTo>
                      <a:pt x="405" y="132"/>
                    </a:lnTo>
                    <a:lnTo>
                      <a:pt x="399" y="136"/>
                    </a:lnTo>
                    <a:lnTo>
                      <a:pt x="396" y="134"/>
                    </a:lnTo>
                    <a:lnTo>
                      <a:pt x="396" y="131"/>
                    </a:lnTo>
                    <a:lnTo>
                      <a:pt x="394" y="125"/>
                    </a:lnTo>
                    <a:lnTo>
                      <a:pt x="393" y="120"/>
                    </a:lnTo>
                    <a:lnTo>
                      <a:pt x="393" y="115"/>
                    </a:lnTo>
                    <a:lnTo>
                      <a:pt x="389" y="112"/>
                    </a:lnTo>
                    <a:lnTo>
                      <a:pt x="381" y="109"/>
                    </a:lnTo>
                    <a:lnTo>
                      <a:pt x="377" y="105"/>
                    </a:lnTo>
                    <a:lnTo>
                      <a:pt x="376" y="103"/>
                    </a:lnTo>
                    <a:lnTo>
                      <a:pt x="376" y="102"/>
                    </a:lnTo>
                    <a:lnTo>
                      <a:pt x="376" y="100"/>
                    </a:lnTo>
                    <a:lnTo>
                      <a:pt x="377" y="100"/>
                    </a:lnTo>
                    <a:lnTo>
                      <a:pt x="379" y="98"/>
                    </a:lnTo>
                    <a:lnTo>
                      <a:pt x="377" y="98"/>
                    </a:lnTo>
                    <a:lnTo>
                      <a:pt x="374" y="97"/>
                    </a:lnTo>
                    <a:lnTo>
                      <a:pt x="371" y="97"/>
                    </a:lnTo>
                    <a:lnTo>
                      <a:pt x="364" y="97"/>
                    </a:lnTo>
                    <a:lnTo>
                      <a:pt x="355" y="95"/>
                    </a:lnTo>
                    <a:lnTo>
                      <a:pt x="347" y="93"/>
                    </a:lnTo>
                    <a:lnTo>
                      <a:pt x="339" y="92"/>
                    </a:lnTo>
                    <a:lnTo>
                      <a:pt x="332" y="90"/>
                    </a:lnTo>
                    <a:lnTo>
                      <a:pt x="327" y="88"/>
                    </a:lnTo>
                    <a:lnTo>
                      <a:pt x="322" y="88"/>
                    </a:lnTo>
                    <a:lnTo>
                      <a:pt x="318" y="88"/>
                    </a:lnTo>
                    <a:lnTo>
                      <a:pt x="315" y="90"/>
                    </a:lnTo>
                    <a:lnTo>
                      <a:pt x="311" y="92"/>
                    </a:lnTo>
                    <a:lnTo>
                      <a:pt x="306" y="98"/>
                    </a:lnTo>
                    <a:lnTo>
                      <a:pt x="301" y="102"/>
                    </a:lnTo>
                    <a:lnTo>
                      <a:pt x="296" y="105"/>
                    </a:lnTo>
                    <a:lnTo>
                      <a:pt x="289" y="105"/>
                    </a:lnTo>
                    <a:lnTo>
                      <a:pt x="286" y="105"/>
                    </a:lnTo>
                    <a:lnTo>
                      <a:pt x="283" y="105"/>
                    </a:lnTo>
                    <a:lnTo>
                      <a:pt x="279" y="105"/>
                    </a:lnTo>
                    <a:lnTo>
                      <a:pt x="278" y="105"/>
                    </a:lnTo>
                    <a:lnTo>
                      <a:pt x="276" y="92"/>
                    </a:lnTo>
                    <a:lnTo>
                      <a:pt x="242" y="92"/>
                    </a:lnTo>
                    <a:lnTo>
                      <a:pt x="240" y="83"/>
                    </a:lnTo>
                    <a:lnTo>
                      <a:pt x="229" y="85"/>
                    </a:lnTo>
                    <a:lnTo>
                      <a:pt x="222" y="85"/>
                    </a:lnTo>
                    <a:lnTo>
                      <a:pt x="215" y="83"/>
                    </a:lnTo>
                    <a:lnTo>
                      <a:pt x="212" y="80"/>
                    </a:lnTo>
                    <a:lnTo>
                      <a:pt x="208" y="76"/>
                    </a:lnTo>
                    <a:lnTo>
                      <a:pt x="207" y="73"/>
                    </a:lnTo>
                    <a:lnTo>
                      <a:pt x="205" y="71"/>
                    </a:lnTo>
                    <a:lnTo>
                      <a:pt x="205" y="70"/>
                    </a:lnTo>
                    <a:lnTo>
                      <a:pt x="205" y="26"/>
                    </a:lnTo>
                    <a:lnTo>
                      <a:pt x="181" y="2"/>
                    </a:lnTo>
                    <a:lnTo>
                      <a:pt x="168" y="0"/>
                    </a:lnTo>
                    <a:lnTo>
                      <a:pt x="169" y="37"/>
                    </a:lnTo>
                    <a:lnTo>
                      <a:pt x="159" y="46"/>
                    </a:lnTo>
                    <a:lnTo>
                      <a:pt x="0" y="48"/>
                    </a:lnTo>
                    <a:lnTo>
                      <a:pt x="7" y="85"/>
                    </a:lnTo>
                    <a:lnTo>
                      <a:pt x="7" y="87"/>
                    </a:lnTo>
                    <a:lnTo>
                      <a:pt x="7" y="88"/>
                    </a:lnTo>
                    <a:lnTo>
                      <a:pt x="7" y="93"/>
                    </a:lnTo>
                    <a:lnTo>
                      <a:pt x="5" y="100"/>
                    </a:lnTo>
                    <a:lnTo>
                      <a:pt x="5" y="107"/>
                    </a:lnTo>
                    <a:lnTo>
                      <a:pt x="5" y="114"/>
                    </a:lnTo>
                    <a:lnTo>
                      <a:pt x="5" y="124"/>
                    </a:lnTo>
                    <a:lnTo>
                      <a:pt x="5" y="132"/>
                    </a:lnTo>
                    <a:lnTo>
                      <a:pt x="5" y="142"/>
                    </a:lnTo>
                    <a:lnTo>
                      <a:pt x="7" y="153"/>
                    </a:lnTo>
                    <a:lnTo>
                      <a:pt x="7" y="161"/>
                    </a:lnTo>
                    <a:lnTo>
                      <a:pt x="9" y="169"/>
                    </a:lnTo>
                    <a:lnTo>
                      <a:pt x="10" y="178"/>
                    </a:lnTo>
                    <a:lnTo>
                      <a:pt x="14" y="186"/>
                    </a:lnTo>
                    <a:lnTo>
                      <a:pt x="17" y="193"/>
                    </a:lnTo>
                    <a:lnTo>
                      <a:pt x="22" y="198"/>
                    </a:lnTo>
                    <a:lnTo>
                      <a:pt x="22" y="200"/>
                    </a:lnTo>
                    <a:lnTo>
                      <a:pt x="22" y="203"/>
                    </a:lnTo>
                    <a:lnTo>
                      <a:pt x="24" y="208"/>
                    </a:lnTo>
                    <a:lnTo>
                      <a:pt x="25" y="217"/>
                    </a:lnTo>
                    <a:lnTo>
                      <a:pt x="27" y="225"/>
                    </a:lnTo>
                    <a:lnTo>
                      <a:pt x="29" y="235"/>
                    </a:lnTo>
                    <a:lnTo>
                      <a:pt x="29" y="246"/>
                    </a:lnTo>
                    <a:lnTo>
                      <a:pt x="31" y="256"/>
                    </a:lnTo>
                    <a:lnTo>
                      <a:pt x="31" y="259"/>
                    </a:lnTo>
                    <a:lnTo>
                      <a:pt x="31" y="264"/>
                    </a:lnTo>
                    <a:lnTo>
                      <a:pt x="31" y="271"/>
                    </a:lnTo>
                    <a:lnTo>
                      <a:pt x="31" y="278"/>
                    </a:lnTo>
                    <a:lnTo>
                      <a:pt x="31" y="285"/>
                    </a:lnTo>
                    <a:lnTo>
                      <a:pt x="31" y="290"/>
                    </a:lnTo>
                    <a:lnTo>
                      <a:pt x="31" y="295"/>
                    </a:lnTo>
                    <a:lnTo>
                      <a:pt x="31" y="296"/>
                    </a:lnTo>
                    <a:lnTo>
                      <a:pt x="39" y="310"/>
                    </a:lnTo>
                    <a:lnTo>
                      <a:pt x="36" y="332"/>
                    </a:lnTo>
                    <a:lnTo>
                      <a:pt x="39" y="362"/>
                    </a:lnTo>
                    <a:lnTo>
                      <a:pt x="49" y="376"/>
                    </a:lnTo>
                    <a:lnTo>
                      <a:pt x="54" y="389"/>
                    </a:lnTo>
                    <a:lnTo>
                      <a:pt x="53" y="427"/>
                    </a:lnTo>
                    <a:lnTo>
                      <a:pt x="53" y="437"/>
                    </a:lnTo>
                    <a:lnTo>
                      <a:pt x="37" y="455"/>
                    </a:lnTo>
                    <a:lnTo>
                      <a:pt x="36" y="457"/>
                    </a:lnTo>
                    <a:lnTo>
                      <a:pt x="34" y="459"/>
                    </a:lnTo>
                    <a:lnTo>
                      <a:pt x="32" y="462"/>
                    </a:lnTo>
                    <a:lnTo>
                      <a:pt x="31" y="466"/>
                    </a:lnTo>
                    <a:lnTo>
                      <a:pt x="29" y="469"/>
                    </a:lnTo>
                    <a:lnTo>
                      <a:pt x="29" y="474"/>
                    </a:lnTo>
                    <a:lnTo>
                      <a:pt x="31" y="477"/>
                    </a:lnTo>
                    <a:lnTo>
                      <a:pt x="34" y="481"/>
                    </a:lnTo>
                    <a:lnTo>
                      <a:pt x="36" y="481"/>
                    </a:lnTo>
                    <a:lnTo>
                      <a:pt x="39" y="484"/>
                    </a:lnTo>
                    <a:lnTo>
                      <a:pt x="44" y="488"/>
                    </a:lnTo>
                    <a:lnTo>
                      <a:pt x="49" y="491"/>
                    </a:lnTo>
                    <a:lnTo>
                      <a:pt x="54" y="496"/>
                    </a:lnTo>
                    <a:lnTo>
                      <a:pt x="59" y="499"/>
                    </a:lnTo>
                    <a:lnTo>
                      <a:pt x="61" y="501"/>
                    </a:lnTo>
                    <a:lnTo>
                      <a:pt x="63" y="503"/>
                    </a:lnTo>
                    <a:lnTo>
                      <a:pt x="63" y="505"/>
                    </a:lnTo>
                    <a:lnTo>
                      <a:pt x="63" y="511"/>
                    </a:lnTo>
                    <a:lnTo>
                      <a:pt x="63" y="523"/>
                    </a:lnTo>
                    <a:lnTo>
                      <a:pt x="63" y="538"/>
                    </a:lnTo>
                    <a:lnTo>
                      <a:pt x="63" y="555"/>
                    </a:lnTo>
                    <a:lnTo>
                      <a:pt x="63" y="576"/>
                    </a:lnTo>
                    <a:lnTo>
                      <a:pt x="63" y="596"/>
                    </a:lnTo>
                    <a:lnTo>
                      <a:pt x="63" y="618"/>
                    </a:lnTo>
                    <a:lnTo>
                      <a:pt x="63" y="638"/>
                    </a:lnTo>
                    <a:lnTo>
                      <a:pt x="61" y="660"/>
                    </a:lnTo>
                    <a:lnTo>
                      <a:pt x="61" y="679"/>
                    </a:lnTo>
                    <a:lnTo>
                      <a:pt x="61" y="696"/>
                    </a:lnTo>
                    <a:lnTo>
                      <a:pt x="61" y="711"/>
                    </a:lnTo>
                    <a:lnTo>
                      <a:pt x="61" y="721"/>
                    </a:lnTo>
                    <a:lnTo>
                      <a:pt x="63" y="728"/>
                    </a:lnTo>
                    <a:lnTo>
                      <a:pt x="63" y="731"/>
                    </a:lnTo>
                    <a:lnTo>
                      <a:pt x="63" y="730"/>
                    </a:lnTo>
                    <a:lnTo>
                      <a:pt x="66" y="730"/>
                    </a:lnTo>
                    <a:lnTo>
                      <a:pt x="73" y="730"/>
                    </a:lnTo>
                    <a:lnTo>
                      <a:pt x="80" y="730"/>
                    </a:lnTo>
                    <a:lnTo>
                      <a:pt x="90" y="730"/>
                    </a:lnTo>
                    <a:lnTo>
                      <a:pt x="100" y="730"/>
                    </a:lnTo>
                    <a:lnTo>
                      <a:pt x="113" y="730"/>
                    </a:lnTo>
                    <a:lnTo>
                      <a:pt x="127" y="730"/>
                    </a:lnTo>
                    <a:lnTo>
                      <a:pt x="144" y="730"/>
                    </a:lnTo>
                    <a:lnTo>
                      <a:pt x="159" y="730"/>
                    </a:lnTo>
                    <a:lnTo>
                      <a:pt x="178" y="730"/>
                    </a:lnTo>
                    <a:lnTo>
                      <a:pt x="196" y="730"/>
                    </a:lnTo>
                    <a:lnTo>
                      <a:pt x="215" y="730"/>
                    </a:lnTo>
                    <a:lnTo>
                      <a:pt x="235" y="728"/>
                    </a:lnTo>
                    <a:lnTo>
                      <a:pt x="254" y="728"/>
                    </a:lnTo>
                    <a:lnTo>
                      <a:pt x="274" y="728"/>
                    </a:lnTo>
                    <a:lnTo>
                      <a:pt x="296" y="728"/>
                    </a:lnTo>
                    <a:lnTo>
                      <a:pt x="317" y="728"/>
                    </a:lnTo>
                    <a:lnTo>
                      <a:pt x="337" y="728"/>
                    </a:lnTo>
                    <a:lnTo>
                      <a:pt x="357" y="726"/>
                    </a:lnTo>
                    <a:lnTo>
                      <a:pt x="376" y="726"/>
                    </a:lnTo>
                    <a:lnTo>
                      <a:pt x="396" y="726"/>
                    </a:lnTo>
                    <a:lnTo>
                      <a:pt x="415" y="726"/>
                    </a:lnTo>
                    <a:lnTo>
                      <a:pt x="432" y="725"/>
                    </a:lnTo>
                    <a:lnTo>
                      <a:pt x="449" y="725"/>
                    </a:lnTo>
                    <a:lnTo>
                      <a:pt x="465" y="725"/>
                    </a:lnTo>
                    <a:lnTo>
                      <a:pt x="479" y="723"/>
                    </a:lnTo>
                    <a:lnTo>
                      <a:pt x="493" y="723"/>
                    </a:lnTo>
                    <a:lnTo>
                      <a:pt x="503" y="721"/>
                    </a:lnTo>
                    <a:lnTo>
                      <a:pt x="513" y="721"/>
                    </a:lnTo>
                    <a:lnTo>
                      <a:pt x="521" y="719"/>
                    </a:lnTo>
                    <a:lnTo>
                      <a:pt x="526" y="718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245" name="Group 159"/>
              <p:cNvGrpSpPr>
                <a:grpSpLocks/>
              </p:cNvGrpSpPr>
              <p:nvPr/>
            </p:nvGrpSpPr>
            <p:grpSpPr bwMode="auto">
              <a:xfrm>
                <a:off x="3736" y="1882"/>
                <a:ext cx="401" cy="455"/>
                <a:chOff x="3961" y="1493"/>
                <a:chExt cx="412" cy="469"/>
              </a:xfrm>
            </p:grpSpPr>
            <p:sp>
              <p:nvSpPr>
                <p:cNvPr id="276" name="Freeform 160"/>
                <p:cNvSpPr>
                  <a:spLocks/>
                </p:cNvSpPr>
                <p:nvPr/>
              </p:nvSpPr>
              <p:spPr bwMode="auto">
                <a:xfrm>
                  <a:off x="3961" y="1493"/>
                  <a:ext cx="412" cy="469"/>
                </a:xfrm>
                <a:custGeom>
                  <a:avLst/>
                  <a:gdLst>
                    <a:gd name="T0" fmla="*/ 121 w 412"/>
                    <a:gd name="T1" fmla="*/ 76 h 469"/>
                    <a:gd name="T2" fmla="*/ 130 w 412"/>
                    <a:gd name="T3" fmla="*/ 73 h 469"/>
                    <a:gd name="T4" fmla="*/ 152 w 412"/>
                    <a:gd name="T5" fmla="*/ 78 h 469"/>
                    <a:gd name="T6" fmla="*/ 181 w 412"/>
                    <a:gd name="T7" fmla="*/ 79 h 469"/>
                    <a:gd name="T8" fmla="*/ 169 w 412"/>
                    <a:gd name="T9" fmla="*/ 100 h 469"/>
                    <a:gd name="T10" fmla="*/ 182 w 412"/>
                    <a:gd name="T11" fmla="*/ 100 h 469"/>
                    <a:gd name="T12" fmla="*/ 196 w 412"/>
                    <a:gd name="T13" fmla="*/ 93 h 469"/>
                    <a:gd name="T14" fmla="*/ 209 w 412"/>
                    <a:gd name="T15" fmla="*/ 98 h 469"/>
                    <a:gd name="T16" fmla="*/ 226 w 412"/>
                    <a:gd name="T17" fmla="*/ 91 h 469"/>
                    <a:gd name="T18" fmla="*/ 240 w 412"/>
                    <a:gd name="T19" fmla="*/ 86 h 469"/>
                    <a:gd name="T20" fmla="*/ 255 w 412"/>
                    <a:gd name="T21" fmla="*/ 78 h 469"/>
                    <a:gd name="T22" fmla="*/ 270 w 412"/>
                    <a:gd name="T23" fmla="*/ 76 h 469"/>
                    <a:gd name="T24" fmla="*/ 277 w 412"/>
                    <a:gd name="T25" fmla="*/ 76 h 469"/>
                    <a:gd name="T26" fmla="*/ 291 w 412"/>
                    <a:gd name="T27" fmla="*/ 62 h 469"/>
                    <a:gd name="T28" fmla="*/ 318 w 412"/>
                    <a:gd name="T29" fmla="*/ 37 h 469"/>
                    <a:gd name="T30" fmla="*/ 353 w 412"/>
                    <a:gd name="T31" fmla="*/ 12 h 469"/>
                    <a:gd name="T32" fmla="*/ 380 w 412"/>
                    <a:gd name="T33" fmla="*/ 0 h 469"/>
                    <a:gd name="T34" fmla="*/ 404 w 412"/>
                    <a:gd name="T35" fmla="*/ 176 h 469"/>
                    <a:gd name="T36" fmla="*/ 409 w 412"/>
                    <a:gd name="T37" fmla="*/ 206 h 469"/>
                    <a:gd name="T38" fmla="*/ 404 w 412"/>
                    <a:gd name="T39" fmla="*/ 227 h 469"/>
                    <a:gd name="T40" fmla="*/ 399 w 412"/>
                    <a:gd name="T41" fmla="*/ 262 h 469"/>
                    <a:gd name="T42" fmla="*/ 399 w 412"/>
                    <a:gd name="T43" fmla="*/ 274 h 469"/>
                    <a:gd name="T44" fmla="*/ 399 w 412"/>
                    <a:gd name="T45" fmla="*/ 291 h 469"/>
                    <a:gd name="T46" fmla="*/ 387 w 412"/>
                    <a:gd name="T47" fmla="*/ 308 h 469"/>
                    <a:gd name="T48" fmla="*/ 370 w 412"/>
                    <a:gd name="T49" fmla="*/ 326 h 469"/>
                    <a:gd name="T50" fmla="*/ 365 w 412"/>
                    <a:gd name="T51" fmla="*/ 333 h 469"/>
                    <a:gd name="T52" fmla="*/ 351 w 412"/>
                    <a:gd name="T53" fmla="*/ 337 h 469"/>
                    <a:gd name="T54" fmla="*/ 326 w 412"/>
                    <a:gd name="T55" fmla="*/ 382 h 469"/>
                    <a:gd name="T56" fmla="*/ 323 w 412"/>
                    <a:gd name="T57" fmla="*/ 396 h 469"/>
                    <a:gd name="T58" fmla="*/ 311 w 412"/>
                    <a:gd name="T59" fmla="*/ 391 h 469"/>
                    <a:gd name="T60" fmla="*/ 302 w 412"/>
                    <a:gd name="T61" fmla="*/ 387 h 469"/>
                    <a:gd name="T62" fmla="*/ 296 w 412"/>
                    <a:gd name="T63" fmla="*/ 404 h 469"/>
                    <a:gd name="T64" fmla="*/ 292 w 412"/>
                    <a:gd name="T65" fmla="*/ 413 h 469"/>
                    <a:gd name="T66" fmla="*/ 289 w 412"/>
                    <a:gd name="T67" fmla="*/ 419 h 469"/>
                    <a:gd name="T68" fmla="*/ 285 w 412"/>
                    <a:gd name="T69" fmla="*/ 453 h 469"/>
                    <a:gd name="T70" fmla="*/ 263 w 412"/>
                    <a:gd name="T71" fmla="*/ 469 h 469"/>
                    <a:gd name="T72" fmla="*/ 253 w 412"/>
                    <a:gd name="T73" fmla="*/ 458 h 469"/>
                    <a:gd name="T74" fmla="*/ 236 w 412"/>
                    <a:gd name="T75" fmla="*/ 450 h 469"/>
                    <a:gd name="T76" fmla="*/ 231 w 412"/>
                    <a:gd name="T77" fmla="*/ 443 h 469"/>
                    <a:gd name="T78" fmla="*/ 214 w 412"/>
                    <a:gd name="T79" fmla="*/ 436 h 469"/>
                    <a:gd name="T80" fmla="*/ 198 w 412"/>
                    <a:gd name="T81" fmla="*/ 452 h 469"/>
                    <a:gd name="T82" fmla="*/ 177 w 412"/>
                    <a:gd name="T83" fmla="*/ 453 h 469"/>
                    <a:gd name="T84" fmla="*/ 169 w 412"/>
                    <a:gd name="T85" fmla="*/ 448 h 469"/>
                    <a:gd name="T86" fmla="*/ 157 w 412"/>
                    <a:gd name="T87" fmla="*/ 452 h 469"/>
                    <a:gd name="T88" fmla="*/ 143 w 412"/>
                    <a:gd name="T89" fmla="*/ 455 h 469"/>
                    <a:gd name="T90" fmla="*/ 98 w 412"/>
                    <a:gd name="T91" fmla="*/ 440 h 469"/>
                    <a:gd name="T92" fmla="*/ 89 w 412"/>
                    <a:gd name="T93" fmla="*/ 423 h 469"/>
                    <a:gd name="T94" fmla="*/ 59 w 412"/>
                    <a:gd name="T95" fmla="*/ 414 h 469"/>
                    <a:gd name="T96" fmla="*/ 42 w 412"/>
                    <a:gd name="T97" fmla="*/ 414 h 469"/>
                    <a:gd name="T98" fmla="*/ 0 w 412"/>
                    <a:gd name="T99" fmla="*/ 96 h 469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w 412"/>
                    <a:gd name="T151" fmla="*/ 0 h 469"/>
                    <a:gd name="T152" fmla="*/ 412 w 412"/>
                    <a:gd name="T153" fmla="*/ 469 h 469"/>
                  </a:gdLst>
                  <a:ahLst/>
                  <a:cxnLst>
                    <a:cxn ang="T100">
                      <a:pos x="T0" y="T1"/>
                    </a:cxn>
                    <a:cxn ang="T101">
                      <a:pos x="T2" y="T3"/>
                    </a:cxn>
                    <a:cxn ang="T102">
                      <a:pos x="T4" y="T5"/>
                    </a:cxn>
                    <a:cxn ang="T103">
                      <a:pos x="T6" y="T7"/>
                    </a:cxn>
                    <a:cxn ang="T104">
                      <a:pos x="T8" y="T9"/>
                    </a:cxn>
                    <a:cxn ang="T105">
                      <a:pos x="T10" y="T11"/>
                    </a:cxn>
                    <a:cxn ang="T106">
                      <a:pos x="T12" y="T13"/>
                    </a:cxn>
                    <a:cxn ang="T107">
                      <a:pos x="T14" y="T15"/>
                    </a:cxn>
                    <a:cxn ang="T108">
                      <a:pos x="T16" y="T17"/>
                    </a:cxn>
                    <a:cxn ang="T109">
                      <a:pos x="T18" y="T19"/>
                    </a:cxn>
                    <a:cxn ang="T110">
                      <a:pos x="T20" y="T21"/>
                    </a:cxn>
                    <a:cxn ang="T111">
                      <a:pos x="T22" y="T23"/>
                    </a:cxn>
                    <a:cxn ang="T112">
                      <a:pos x="T24" y="T25"/>
                    </a:cxn>
                    <a:cxn ang="T113">
                      <a:pos x="T26" y="T27"/>
                    </a:cxn>
                    <a:cxn ang="T114">
                      <a:pos x="T28" y="T29"/>
                    </a:cxn>
                    <a:cxn ang="T115">
                      <a:pos x="T30" y="T31"/>
                    </a:cxn>
                    <a:cxn ang="T116">
                      <a:pos x="T32" y="T33"/>
                    </a:cxn>
                    <a:cxn ang="T117">
                      <a:pos x="T34" y="T35"/>
                    </a:cxn>
                    <a:cxn ang="T118">
                      <a:pos x="T36" y="T37"/>
                    </a:cxn>
                    <a:cxn ang="T119">
                      <a:pos x="T38" y="T39"/>
                    </a:cxn>
                    <a:cxn ang="T120">
                      <a:pos x="T40" y="T41"/>
                    </a:cxn>
                    <a:cxn ang="T121">
                      <a:pos x="T42" y="T43"/>
                    </a:cxn>
                    <a:cxn ang="T122">
                      <a:pos x="T44" y="T45"/>
                    </a:cxn>
                    <a:cxn ang="T123">
                      <a:pos x="T46" y="T47"/>
                    </a:cxn>
                    <a:cxn ang="T124">
                      <a:pos x="T48" y="T49"/>
                    </a:cxn>
                    <a:cxn ang="T125">
                      <a:pos x="T50" y="T51"/>
                    </a:cxn>
                    <a:cxn ang="T126">
                      <a:pos x="T52" y="T53"/>
                    </a:cxn>
                    <a:cxn ang="T127">
                      <a:pos x="T54" y="T55"/>
                    </a:cxn>
                    <a:cxn ang="T128">
                      <a:pos x="T56" y="T57"/>
                    </a:cxn>
                    <a:cxn ang="T129">
                      <a:pos x="T58" y="T59"/>
                    </a:cxn>
                    <a:cxn ang="T130">
                      <a:pos x="T60" y="T61"/>
                    </a:cxn>
                    <a:cxn ang="T131">
                      <a:pos x="T62" y="T63"/>
                    </a:cxn>
                    <a:cxn ang="T132">
                      <a:pos x="T64" y="T65"/>
                    </a:cxn>
                    <a:cxn ang="T133">
                      <a:pos x="T66" y="T67"/>
                    </a:cxn>
                    <a:cxn ang="T134">
                      <a:pos x="T68" y="T69"/>
                    </a:cxn>
                    <a:cxn ang="T135">
                      <a:pos x="T70" y="T71"/>
                    </a:cxn>
                    <a:cxn ang="T136">
                      <a:pos x="T72" y="T73"/>
                    </a:cxn>
                    <a:cxn ang="T137">
                      <a:pos x="T74" y="T75"/>
                    </a:cxn>
                    <a:cxn ang="T138">
                      <a:pos x="T76" y="T77"/>
                    </a:cxn>
                    <a:cxn ang="T139">
                      <a:pos x="T78" y="T79"/>
                    </a:cxn>
                    <a:cxn ang="T140">
                      <a:pos x="T80" y="T81"/>
                    </a:cxn>
                    <a:cxn ang="T141">
                      <a:pos x="T82" y="T83"/>
                    </a:cxn>
                    <a:cxn ang="T142">
                      <a:pos x="T84" y="T85"/>
                    </a:cxn>
                    <a:cxn ang="T143">
                      <a:pos x="T86" y="T87"/>
                    </a:cxn>
                    <a:cxn ang="T144">
                      <a:pos x="T88" y="T89"/>
                    </a:cxn>
                    <a:cxn ang="T145">
                      <a:pos x="T90" y="T91"/>
                    </a:cxn>
                    <a:cxn ang="T146">
                      <a:pos x="T92" y="T93"/>
                    </a:cxn>
                    <a:cxn ang="T147">
                      <a:pos x="T94" y="T95"/>
                    </a:cxn>
                    <a:cxn ang="T148">
                      <a:pos x="T96" y="T97"/>
                    </a:cxn>
                    <a:cxn ang="T149">
                      <a:pos x="T98" y="T99"/>
                    </a:cxn>
                  </a:cxnLst>
                  <a:rect l="T150" t="T151" r="T152" b="T153"/>
                  <a:pathLst>
                    <a:path w="412" h="469">
                      <a:moveTo>
                        <a:pt x="0" y="96"/>
                      </a:moveTo>
                      <a:lnTo>
                        <a:pt x="116" y="78"/>
                      </a:lnTo>
                      <a:lnTo>
                        <a:pt x="118" y="78"/>
                      </a:lnTo>
                      <a:lnTo>
                        <a:pt x="121" y="76"/>
                      </a:lnTo>
                      <a:lnTo>
                        <a:pt x="125" y="74"/>
                      </a:lnTo>
                      <a:lnTo>
                        <a:pt x="126" y="73"/>
                      </a:lnTo>
                      <a:lnTo>
                        <a:pt x="128" y="73"/>
                      </a:lnTo>
                      <a:lnTo>
                        <a:pt x="130" y="73"/>
                      </a:lnTo>
                      <a:lnTo>
                        <a:pt x="135" y="73"/>
                      </a:lnTo>
                      <a:lnTo>
                        <a:pt x="140" y="73"/>
                      </a:lnTo>
                      <a:lnTo>
                        <a:pt x="145" y="74"/>
                      </a:lnTo>
                      <a:lnTo>
                        <a:pt x="152" y="78"/>
                      </a:lnTo>
                      <a:lnTo>
                        <a:pt x="159" y="81"/>
                      </a:lnTo>
                      <a:lnTo>
                        <a:pt x="164" y="86"/>
                      </a:lnTo>
                      <a:lnTo>
                        <a:pt x="174" y="86"/>
                      </a:lnTo>
                      <a:lnTo>
                        <a:pt x="181" y="79"/>
                      </a:lnTo>
                      <a:lnTo>
                        <a:pt x="191" y="84"/>
                      </a:lnTo>
                      <a:lnTo>
                        <a:pt x="177" y="91"/>
                      </a:lnTo>
                      <a:lnTo>
                        <a:pt x="169" y="100"/>
                      </a:lnTo>
                      <a:lnTo>
                        <a:pt x="170" y="100"/>
                      </a:lnTo>
                      <a:lnTo>
                        <a:pt x="174" y="100"/>
                      </a:lnTo>
                      <a:lnTo>
                        <a:pt x="177" y="100"/>
                      </a:lnTo>
                      <a:lnTo>
                        <a:pt x="182" y="100"/>
                      </a:lnTo>
                      <a:lnTo>
                        <a:pt x="186" y="98"/>
                      </a:lnTo>
                      <a:lnTo>
                        <a:pt x="191" y="95"/>
                      </a:lnTo>
                      <a:lnTo>
                        <a:pt x="196" y="91"/>
                      </a:lnTo>
                      <a:lnTo>
                        <a:pt x="196" y="93"/>
                      </a:lnTo>
                      <a:lnTo>
                        <a:pt x="198" y="93"/>
                      </a:lnTo>
                      <a:lnTo>
                        <a:pt x="201" y="95"/>
                      </a:lnTo>
                      <a:lnTo>
                        <a:pt x="206" y="96"/>
                      </a:lnTo>
                      <a:lnTo>
                        <a:pt x="209" y="98"/>
                      </a:lnTo>
                      <a:lnTo>
                        <a:pt x="214" y="98"/>
                      </a:lnTo>
                      <a:lnTo>
                        <a:pt x="219" y="96"/>
                      </a:lnTo>
                      <a:lnTo>
                        <a:pt x="226" y="91"/>
                      </a:lnTo>
                      <a:lnTo>
                        <a:pt x="230" y="91"/>
                      </a:lnTo>
                      <a:lnTo>
                        <a:pt x="231" y="89"/>
                      </a:lnTo>
                      <a:lnTo>
                        <a:pt x="236" y="88"/>
                      </a:lnTo>
                      <a:lnTo>
                        <a:pt x="240" y="86"/>
                      </a:lnTo>
                      <a:lnTo>
                        <a:pt x="245" y="84"/>
                      </a:lnTo>
                      <a:lnTo>
                        <a:pt x="250" y="81"/>
                      </a:lnTo>
                      <a:lnTo>
                        <a:pt x="253" y="78"/>
                      </a:lnTo>
                      <a:lnTo>
                        <a:pt x="255" y="78"/>
                      </a:lnTo>
                      <a:lnTo>
                        <a:pt x="258" y="78"/>
                      </a:lnTo>
                      <a:lnTo>
                        <a:pt x="262" y="78"/>
                      </a:lnTo>
                      <a:lnTo>
                        <a:pt x="265" y="76"/>
                      </a:lnTo>
                      <a:lnTo>
                        <a:pt x="270" y="76"/>
                      </a:lnTo>
                      <a:lnTo>
                        <a:pt x="274" y="76"/>
                      </a:lnTo>
                      <a:lnTo>
                        <a:pt x="275" y="76"/>
                      </a:lnTo>
                      <a:lnTo>
                        <a:pt x="277" y="76"/>
                      </a:lnTo>
                      <a:lnTo>
                        <a:pt x="279" y="74"/>
                      </a:lnTo>
                      <a:lnTo>
                        <a:pt x="282" y="71"/>
                      </a:lnTo>
                      <a:lnTo>
                        <a:pt x="285" y="67"/>
                      </a:lnTo>
                      <a:lnTo>
                        <a:pt x="291" y="62"/>
                      </a:lnTo>
                      <a:lnTo>
                        <a:pt x="297" y="56"/>
                      </a:lnTo>
                      <a:lnTo>
                        <a:pt x="302" y="51"/>
                      </a:lnTo>
                      <a:lnTo>
                        <a:pt x="311" y="44"/>
                      </a:lnTo>
                      <a:lnTo>
                        <a:pt x="318" y="37"/>
                      </a:lnTo>
                      <a:lnTo>
                        <a:pt x="326" y="32"/>
                      </a:lnTo>
                      <a:lnTo>
                        <a:pt x="335" y="25"/>
                      </a:lnTo>
                      <a:lnTo>
                        <a:pt x="345" y="18"/>
                      </a:lnTo>
                      <a:lnTo>
                        <a:pt x="353" y="12"/>
                      </a:lnTo>
                      <a:lnTo>
                        <a:pt x="363" y="7"/>
                      </a:lnTo>
                      <a:lnTo>
                        <a:pt x="372" y="3"/>
                      </a:lnTo>
                      <a:lnTo>
                        <a:pt x="382" y="0"/>
                      </a:lnTo>
                      <a:lnTo>
                        <a:pt x="380" y="0"/>
                      </a:lnTo>
                      <a:lnTo>
                        <a:pt x="412" y="166"/>
                      </a:lnTo>
                      <a:lnTo>
                        <a:pt x="401" y="169"/>
                      </a:lnTo>
                      <a:lnTo>
                        <a:pt x="402" y="171"/>
                      </a:lnTo>
                      <a:lnTo>
                        <a:pt x="404" y="176"/>
                      </a:lnTo>
                      <a:lnTo>
                        <a:pt x="406" y="181"/>
                      </a:lnTo>
                      <a:lnTo>
                        <a:pt x="407" y="189"/>
                      </a:lnTo>
                      <a:lnTo>
                        <a:pt x="409" y="198"/>
                      </a:lnTo>
                      <a:lnTo>
                        <a:pt x="409" y="206"/>
                      </a:lnTo>
                      <a:lnTo>
                        <a:pt x="409" y="213"/>
                      </a:lnTo>
                      <a:lnTo>
                        <a:pt x="406" y="218"/>
                      </a:lnTo>
                      <a:lnTo>
                        <a:pt x="404" y="221"/>
                      </a:lnTo>
                      <a:lnTo>
                        <a:pt x="404" y="227"/>
                      </a:lnTo>
                      <a:lnTo>
                        <a:pt x="402" y="235"/>
                      </a:lnTo>
                      <a:lnTo>
                        <a:pt x="401" y="245"/>
                      </a:lnTo>
                      <a:lnTo>
                        <a:pt x="401" y="255"/>
                      </a:lnTo>
                      <a:lnTo>
                        <a:pt x="399" y="262"/>
                      </a:lnTo>
                      <a:lnTo>
                        <a:pt x="399" y="269"/>
                      </a:lnTo>
                      <a:lnTo>
                        <a:pt x="399" y="271"/>
                      </a:lnTo>
                      <a:lnTo>
                        <a:pt x="399" y="272"/>
                      </a:lnTo>
                      <a:lnTo>
                        <a:pt x="399" y="274"/>
                      </a:lnTo>
                      <a:lnTo>
                        <a:pt x="401" y="277"/>
                      </a:lnTo>
                      <a:lnTo>
                        <a:pt x="401" y="281"/>
                      </a:lnTo>
                      <a:lnTo>
                        <a:pt x="401" y="286"/>
                      </a:lnTo>
                      <a:lnTo>
                        <a:pt x="399" y="291"/>
                      </a:lnTo>
                      <a:lnTo>
                        <a:pt x="395" y="296"/>
                      </a:lnTo>
                      <a:lnTo>
                        <a:pt x="390" y="303"/>
                      </a:lnTo>
                      <a:lnTo>
                        <a:pt x="389" y="304"/>
                      </a:lnTo>
                      <a:lnTo>
                        <a:pt x="387" y="308"/>
                      </a:lnTo>
                      <a:lnTo>
                        <a:pt x="382" y="313"/>
                      </a:lnTo>
                      <a:lnTo>
                        <a:pt x="379" y="316"/>
                      </a:lnTo>
                      <a:lnTo>
                        <a:pt x="375" y="321"/>
                      </a:lnTo>
                      <a:lnTo>
                        <a:pt x="370" y="326"/>
                      </a:lnTo>
                      <a:lnTo>
                        <a:pt x="368" y="330"/>
                      </a:lnTo>
                      <a:lnTo>
                        <a:pt x="367" y="330"/>
                      </a:lnTo>
                      <a:lnTo>
                        <a:pt x="367" y="331"/>
                      </a:lnTo>
                      <a:lnTo>
                        <a:pt x="365" y="333"/>
                      </a:lnTo>
                      <a:lnTo>
                        <a:pt x="362" y="335"/>
                      </a:lnTo>
                      <a:lnTo>
                        <a:pt x="358" y="335"/>
                      </a:lnTo>
                      <a:lnTo>
                        <a:pt x="355" y="337"/>
                      </a:lnTo>
                      <a:lnTo>
                        <a:pt x="351" y="337"/>
                      </a:lnTo>
                      <a:lnTo>
                        <a:pt x="350" y="335"/>
                      </a:lnTo>
                      <a:lnTo>
                        <a:pt x="350" y="333"/>
                      </a:lnTo>
                      <a:lnTo>
                        <a:pt x="328" y="355"/>
                      </a:lnTo>
                      <a:lnTo>
                        <a:pt x="326" y="382"/>
                      </a:lnTo>
                      <a:lnTo>
                        <a:pt x="324" y="382"/>
                      </a:lnTo>
                      <a:lnTo>
                        <a:pt x="324" y="387"/>
                      </a:lnTo>
                      <a:lnTo>
                        <a:pt x="324" y="391"/>
                      </a:lnTo>
                      <a:lnTo>
                        <a:pt x="323" y="396"/>
                      </a:lnTo>
                      <a:lnTo>
                        <a:pt x="319" y="399"/>
                      </a:lnTo>
                      <a:lnTo>
                        <a:pt x="318" y="401"/>
                      </a:lnTo>
                      <a:lnTo>
                        <a:pt x="314" y="399"/>
                      </a:lnTo>
                      <a:lnTo>
                        <a:pt x="311" y="391"/>
                      </a:lnTo>
                      <a:lnTo>
                        <a:pt x="309" y="389"/>
                      </a:lnTo>
                      <a:lnTo>
                        <a:pt x="307" y="387"/>
                      </a:lnTo>
                      <a:lnTo>
                        <a:pt x="306" y="387"/>
                      </a:lnTo>
                      <a:lnTo>
                        <a:pt x="302" y="387"/>
                      </a:lnTo>
                      <a:lnTo>
                        <a:pt x="301" y="387"/>
                      </a:lnTo>
                      <a:lnTo>
                        <a:pt x="297" y="391"/>
                      </a:lnTo>
                      <a:lnTo>
                        <a:pt x="297" y="396"/>
                      </a:lnTo>
                      <a:lnTo>
                        <a:pt x="296" y="404"/>
                      </a:lnTo>
                      <a:lnTo>
                        <a:pt x="296" y="408"/>
                      </a:lnTo>
                      <a:lnTo>
                        <a:pt x="294" y="409"/>
                      </a:lnTo>
                      <a:lnTo>
                        <a:pt x="292" y="413"/>
                      </a:lnTo>
                      <a:lnTo>
                        <a:pt x="291" y="416"/>
                      </a:lnTo>
                      <a:lnTo>
                        <a:pt x="291" y="418"/>
                      </a:lnTo>
                      <a:lnTo>
                        <a:pt x="289" y="419"/>
                      </a:lnTo>
                      <a:lnTo>
                        <a:pt x="292" y="441"/>
                      </a:lnTo>
                      <a:lnTo>
                        <a:pt x="291" y="443"/>
                      </a:lnTo>
                      <a:lnTo>
                        <a:pt x="289" y="447"/>
                      </a:lnTo>
                      <a:lnTo>
                        <a:pt x="285" y="453"/>
                      </a:lnTo>
                      <a:lnTo>
                        <a:pt x="280" y="458"/>
                      </a:lnTo>
                      <a:lnTo>
                        <a:pt x="275" y="463"/>
                      </a:lnTo>
                      <a:lnTo>
                        <a:pt x="270" y="467"/>
                      </a:lnTo>
                      <a:lnTo>
                        <a:pt x="263" y="469"/>
                      </a:lnTo>
                      <a:lnTo>
                        <a:pt x="260" y="465"/>
                      </a:lnTo>
                      <a:lnTo>
                        <a:pt x="258" y="463"/>
                      </a:lnTo>
                      <a:lnTo>
                        <a:pt x="257" y="462"/>
                      </a:lnTo>
                      <a:lnTo>
                        <a:pt x="253" y="458"/>
                      </a:lnTo>
                      <a:lnTo>
                        <a:pt x="250" y="455"/>
                      </a:lnTo>
                      <a:lnTo>
                        <a:pt x="245" y="452"/>
                      </a:lnTo>
                      <a:lnTo>
                        <a:pt x="241" y="450"/>
                      </a:lnTo>
                      <a:lnTo>
                        <a:pt x="236" y="450"/>
                      </a:lnTo>
                      <a:lnTo>
                        <a:pt x="233" y="453"/>
                      </a:lnTo>
                      <a:lnTo>
                        <a:pt x="231" y="452"/>
                      </a:lnTo>
                      <a:lnTo>
                        <a:pt x="231" y="448"/>
                      </a:lnTo>
                      <a:lnTo>
                        <a:pt x="231" y="443"/>
                      </a:lnTo>
                      <a:lnTo>
                        <a:pt x="230" y="438"/>
                      </a:lnTo>
                      <a:lnTo>
                        <a:pt x="226" y="435"/>
                      </a:lnTo>
                      <a:lnTo>
                        <a:pt x="221" y="433"/>
                      </a:lnTo>
                      <a:lnTo>
                        <a:pt x="214" y="436"/>
                      </a:lnTo>
                      <a:lnTo>
                        <a:pt x="204" y="445"/>
                      </a:lnTo>
                      <a:lnTo>
                        <a:pt x="203" y="447"/>
                      </a:lnTo>
                      <a:lnTo>
                        <a:pt x="201" y="448"/>
                      </a:lnTo>
                      <a:lnTo>
                        <a:pt x="198" y="452"/>
                      </a:lnTo>
                      <a:lnTo>
                        <a:pt x="194" y="453"/>
                      </a:lnTo>
                      <a:lnTo>
                        <a:pt x="189" y="455"/>
                      </a:lnTo>
                      <a:lnTo>
                        <a:pt x="184" y="457"/>
                      </a:lnTo>
                      <a:lnTo>
                        <a:pt x="177" y="453"/>
                      </a:lnTo>
                      <a:lnTo>
                        <a:pt x="172" y="450"/>
                      </a:lnTo>
                      <a:lnTo>
                        <a:pt x="170" y="448"/>
                      </a:lnTo>
                      <a:lnTo>
                        <a:pt x="169" y="448"/>
                      </a:lnTo>
                      <a:lnTo>
                        <a:pt x="167" y="447"/>
                      </a:lnTo>
                      <a:lnTo>
                        <a:pt x="164" y="448"/>
                      </a:lnTo>
                      <a:lnTo>
                        <a:pt x="160" y="448"/>
                      </a:lnTo>
                      <a:lnTo>
                        <a:pt x="157" y="452"/>
                      </a:lnTo>
                      <a:lnTo>
                        <a:pt x="152" y="457"/>
                      </a:lnTo>
                      <a:lnTo>
                        <a:pt x="150" y="457"/>
                      </a:lnTo>
                      <a:lnTo>
                        <a:pt x="147" y="455"/>
                      </a:lnTo>
                      <a:lnTo>
                        <a:pt x="143" y="455"/>
                      </a:lnTo>
                      <a:lnTo>
                        <a:pt x="142" y="455"/>
                      </a:lnTo>
                      <a:lnTo>
                        <a:pt x="128" y="443"/>
                      </a:lnTo>
                      <a:lnTo>
                        <a:pt x="98" y="441"/>
                      </a:lnTo>
                      <a:lnTo>
                        <a:pt x="98" y="440"/>
                      </a:lnTo>
                      <a:lnTo>
                        <a:pt x="98" y="436"/>
                      </a:lnTo>
                      <a:lnTo>
                        <a:pt x="96" y="433"/>
                      </a:lnTo>
                      <a:lnTo>
                        <a:pt x="94" y="428"/>
                      </a:lnTo>
                      <a:lnTo>
                        <a:pt x="89" y="423"/>
                      </a:lnTo>
                      <a:lnTo>
                        <a:pt x="82" y="418"/>
                      </a:lnTo>
                      <a:lnTo>
                        <a:pt x="72" y="416"/>
                      </a:lnTo>
                      <a:lnTo>
                        <a:pt x="60" y="414"/>
                      </a:lnTo>
                      <a:lnTo>
                        <a:pt x="59" y="414"/>
                      </a:lnTo>
                      <a:lnTo>
                        <a:pt x="55" y="414"/>
                      </a:lnTo>
                      <a:lnTo>
                        <a:pt x="52" y="414"/>
                      </a:lnTo>
                      <a:lnTo>
                        <a:pt x="47" y="414"/>
                      </a:lnTo>
                      <a:lnTo>
                        <a:pt x="42" y="414"/>
                      </a:lnTo>
                      <a:lnTo>
                        <a:pt x="38" y="414"/>
                      </a:lnTo>
                      <a:lnTo>
                        <a:pt x="37" y="414"/>
                      </a:lnTo>
                      <a:lnTo>
                        <a:pt x="35" y="414"/>
                      </a:lnTo>
                      <a:lnTo>
                        <a:pt x="0" y="96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77" name="Freeform 161"/>
                <p:cNvSpPr>
                  <a:spLocks/>
                </p:cNvSpPr>
                <p:nvPr/>
              </p:nvSpPr>
              <p:spPr bwMode="auto">
                <a:xfrm>
                  <a:off x="3961" y="1493"/>
                  <a:ext cx="412" cy="469"/>
                </a:xfrm>
                <a:custGeom>
                  <a:avLst/>
                  <a:gdLst>
                    <a:gd name="T0" fmla="*/ 118 w 412"/>
                    <a:gd name="T1" fmla="*/ 78 h 469"/>
                    <a:gd name="T2" fmla="*/ 126 w 412"/>
                    <a:gd name="T3" fmla="*/ 73 h 469"/>
                    <a:gd name="T4" fmla="*/ 140 w 412"/>
                    <a:gd name="T5" fmla="*/ 73 h 469"/>
                    <a:gd name="T6" fmla="*/ 164 w 412"/>
                    <a:gd name="T7" fmla="*/ 86 h 469"/>
                    <a:gd name="T8" fmla="*/ 177 w 412"/>
                    <a:gd name="T9" fmla="*/ 91 h 469"/>
                    <a:gd name="T10" fmla="*/ 170 w 412"/>
                    <a:gd name="T11" fmla="*/ 100 h 469"/>
                    <a:gd name="T12" fmla="*/ 186 w 412"/>
                    <a:gd name="T13" fmla="*/ 98 h 469"/>
                    <a:gd name="T14" fmla="*/ 196 w 412"/>
                    <a:gd name="T15" fmla="*/ 93 h 469"/>
                    <a:gd name="T16" fmla="*/ 209 w 412"/>
                    <a:gd name="T17" fmla="*/ 98 h 469"/>
                    <a:gd name="T18" fmla="*/ 226 w 412"/>
                    <a:gd name="T19" fmla="*/ 91 h 469"/>
                    <a:gd name="T20" fmla="*/ 236 w 412"/>
                    <a:gd name="T21" fmla="*/ 88 h 469"/>
                    <a:gd name="T22" fmla="*/ 253 w 412"/>
                    <a:gd name="T23" fmla="*/ 78 h 469"/>
                    <a:gd name="T24" fmla="*/ 262 w 412"/>
                    <a:gd name="T25" fmla="*/ 78 h 469"/>
                    <a:gd name="T26" fmla="*/ 275 w 412"/>
                    <a:gd name="T27" fmla="*/ 76 h 469"/>
                    <a:gd name="T28" fmla="*/ 279 w 412"/>
                    <a:gd name="T29" fmla="*/ 74 h 469"/>
                    <a:gd name="T30" fmla="*/ 297 w 412"/>
                    <a:gd name="T31" fmla="*/ 56 h 469"/>
                    <a:gd name="T32" fmla="*/ 326 w 412"/>
                    <a:gd name="T33" fmla="*/ 32 h 469"/>
                    <a:gd name="T34" fmla="*/ 363 w 412"/>
                    <a:gd name="T35" fmla="*/ 7 h 469"/>
                    <a:gd name="T36" fmla="*/ 412 w 412"/>
                    <a:gd name="T37" fmla="*/ 166 h 469"/>
                    <a:gd name="T38" fmla="*/ 404 w 412"/>
                    <a:gd name="T39" fmla="*/ 176 h 469"/>
                    <a:gd name="T40" fmla="*/ 409 w 412"/>
                    <a:gd name="T41" fmla="*/ 206 h 469"/>
                    <a:gd name="T42" fmla="*/ 404 w 412"/>
                    <a:gd name="T43" fmla="*/ 221 h 469"/>
                    <a:gd name="T44" fmla="*/ 401 w 412"/>
                    <a:gd name="T45" fmla="*/ 255 h 469"/>
                    <a:gd name="T46" fmla="*/ 399 w 412"/>
                    <a:gd name="T47" fmla="*/ 271 h 469"/>
                    <a:gd name="T48" fmla="*/ 401 w 412"/>
                    <a:gd name="T49" fmla="*/ 281 h 469"/>
                    <a:gd name="T50" fmla="*/ 390 w 412"/>
                    <a:gd name="T51" fmla="*/ 303 h 469"/>
                    <a:gd name="T52" fmla="*/ 382 w 412"/>
                    <a:gd name="T53" fmla="*/ 313 h 469"/>
                    <a:gd name="T54" fmla="*/ 368 w 412"/>
                    <a:gd name="T55" fmla="*/ 330 h 469"/>
                    <a:gd name="T56" fmla="*/ 365 w 412"/>
                    <a:gd name="T57" fmla="*/ 333 h 469"/>
                    <a:gd name="T58" fmla="*/ 351 w 412"/>
                    <a:gd name="T59" fmla="*/ 337 h 469"/>
                    <a:gd name="T60" fmla="*/ 326 w 412"/>
                    <a:gd name="T61" fmla="*/ 382 h 469"/>
                    <a:gd name="T62" fmla="*/ 324 w 412"/>
                    <a:gd name="T63" fmla="*/ 391 h 469"/>
                    <a:gd name="T64" fmla="*/ 314 w 412"/>
                    <a:gd name="T65" fmla="*/ 399 h 469"/>
                    <a:gd name="T66" fmla="*/ 307 w 412"/>
                    <a:gd name="T67" fmla="*/ 387 h 469"/>
                    <a:gd name="T68" fmla="*/ 297 w 412"/>
                    <a:gd name="T69" fmla="*/ 391 h 469"/>
                    <a:gd name="T70" fmla="*/ 296 w 412"/>
                    <a:gd name="T71" fmla="*/ 404 h 469"/>
                    <a:gd name="T72" fmla="*/ 291 w 412"/>
                    <a:gd name="T73" fmla="*/ 416 h 469"/>
                    <a:gd name="T74" fmla="*/ 292 w 412"/>
                    <a:gd name="T75" fmla="*/ 441 h 469"/>
                    <a:gd name="T76" fmla="*/ 285 w 412"/>
                    <a:gd name="T77" fmla="*/ 453 h 469"/>
                    <a:gd name="T78" fmla="*/ 263 w 412"/>
                    <a:gd name="T79" fmla="*/ 469 h 469"/>
                    <a:gd name="T80" fmla="*/ 257 w 412"/>
                    <a:gd name="T81" fmla="*/ 462 h 469"/>
                    <a:gd name="T82" fmla="*/ 241 w 412"/>
                    <a:gd name="T83" fmla="*/ 450 h 469"/>
                    <a:gd name="T84" fmla="*/ 231 w 412"/>
                    <a:gd name="T85" fmla="*/ 452 h 469"/>
                    <a:gd name="T86" fmla="*/ 226 w 412"/>
                    <a:gd name="T87" fmla="*/ 435 h 469"/>
                    <a:gd name="T88" fmla="*/ 204 w 412"/>
                    <a:gd name="T89" fmla="*/ 445 h 469"/>
                    <a:gd name="T90" fmla="*/ 194 w 412"/>
                    <a:gd name="T91" fmla="*/ 453 h 469"/>
                    <a:gd name="T92" fmla="*/ 172 w 412"/>
                    <a:gd name="T93" fmla="*/ 450 h 469"/>
                    <a:gd name="T94" fmla="*/ 169 w 412"/>
                    <a:gd name="T95" fmla="*/ 448 h 469"/>
                    <a:gd name="T96" fmla="*/ 157 w 412"/>
                    <a:gd name="T97" fmla="*/ 452 h 469"/>
                    <a:gd name="T98" fmla="*/ 147 w 412"/>
                    <a:gd name="T99" fmla="*/ 455 h 469"/>
                    <a:gd name="T100" fmla="*/ 98 w 412"/>
                    <a:gd name="T101" fmla="*/ 441 h 469"/>
                    <a:gd name="T102" fmla="*/ 96 w 412"/>
                    <a:gd name="T103" fmla="*/ 433 h 469"/>
                    <a:gd name="T104" fmla="*/ 72 w 412"/>
                    <a:gd name="T105" fmla="*/ 416 h 469"/>
                    <a:gd name="T106" fmla="*/ 55 w 412"/>
                    <a:gd name="T107" fmla="*/ 414 h 469"/>
                    <a:gd name="T108" fmla="*/ 38 w 412"/>
                    <a:gd name="T109" fmla="*/ 414 h 469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w 412"/>
                    <a:gd name="T166" fmla="*/ 0 h 469"/>
                    <a:gd name="T167" fmla="*/ 412 w 412"/>
                    <a:gd name="T168" fmla="*/ 469 h 469"/>
                  </a:gdLst>
                  <a:ahLst/>
                  <a:cxnLst>
                    <a:cxn ang="T110">
                      <a:pos x="T0" y="T1"/>
                    </a:cxn>
                    <a:cxn ang="T111">
                      <a:pos x="T2" y="T3"/>
                    </a:cxn>
                    <a:cxn ang="T112">
                      <a:pos x="T4" y="T5"/>
                    </a:cxn>
                    <a:cxn ang="T113">
                      <a:pos x="T6" y="T7"/>
                    </a:cxn>
                    <a:cxn ang="T114">
                      <a:pos x="T8" y="T9"/>
                    </a:cxn>
                    <a:cxn ang="T115">
                      <a:pos x="T10" y="T11"/>
                    </a:cxn>
                    <a:cxn ang="T116">
                      <a:pos x="T12" y="T13"/>
                    </a:cxn>
                    <a:cxn ang="T117">
                      <a:pos x="T14" y="T15"/>
                    </a:cxn>
                    <a:cxn ang="T118">
                      <a:pos x="T16" y="T17"/>
                    </a:cxn>
                    <a:cxn ang="T119">
                      <a:pos x="T18" y="T19"/>
                    </a:cxn>
                    <a:cxn ang="T120">
                      <a:pos x="T20" y="T21"/>
                    </a:cxn>
                    <a:cxn ang="T121">
                      <a:pos x="T22" y="T23"/>
                    </a:cxn>
                    <a:cxn ang="T122">
                      <a:pos x="T24" y="T25"/>
                    </a:cxn>
                    <a:cxn ang="T123">
                      <a:pos x="T26" y="T27"/>
                    </a:cxn>
                    <a:cxn ang="T124">
                      <a:pos x="T28" y="T29"/>
                    </a:cxn>
                    <a:cxn ang="T125">
                      <a:pos x="T30" y="T31"/>
                    </a:cxn>
                    <a:cxn ang="T126">
                      <a:pos x="T32" y="T33"/>
                    </a:cxn>
                    <a:cxn ang="T127">
                      <a:pos x="T34" y="T35"/>
                    </a:cxn>
                    <a:cxn ang="T128">
                      <a:pos x="T36" y="T37"/>
                    </a:cxn>
                    <a:cxn ang="T129">
                      <a:pos x="T38" y="T39"/>
                    </a:cxn>
                    <a:cxn ang="T130">
                      <a:pos x="T40" y="T41"/>
                    </a:cxn>
                    <a:cxn ang="T131">
                      <a:pos x="T42" y="T43"/>
                    </a:cxn>
                    <a:cxn ang="T132">
                      <a:pos x="T44" y="T45"/>
                    </a:cxn>
                    <a:cxn ang="T133">
                      <a:pos x="T46" y="T47"/>
                    </a:cxn>
                    <a:cxn ang="T134">
                      <a:pos x="T48" y="T49"/>
                    </a:cxn>
                    <a:cxn ang="T135">
                      <a:pos x="T50" y="T51"/>
                    </a:cxn>
                    <a:cxn ang="T136">
                      <a:pos x="T52" y="T53"/>
                    </a:cxn>
                    <a:cxn ang="T137">
                      <a:pos x="T54" y="T55"/>
                    </a:cxn>
                    <a:cxn ang="T138">
                      <a:pos x="T56" y="T57"/>
                    </a:cxn>
                    <a:cxn ang="T139">
                      <a:pos x="T58" y="T59"/>
                    </a:cxn>
                    <a:cxn ang="T140">
                      <a:pos x="T60" y="T61"/>
                    </a:cxn>
                    <a:cxn ang="T141">
                      <a:pos x="T62" y="T63"/>
                    </a:cxn>
                    <a:cxn ang="T142">
                      <a:pos x="T64" y="T65"/>
                    </a:cxn>
                    <a:cxn ang="T143">
                      <a:pos x="T66" y="T67"/>
                    </a:cxn>
                    <a:cxn ang="T144">
                      <a:pos x="T68" y="T69"/>
                    </a:cxn>
                    <a:cxn ang="T145">
                      <a:pos x="T70" y="T71"/>
                    </a:cxn>
                    <a:cxn ang="T146">
                      <a:pos x="T72" y="T73"/>
                    </a:cxn>
                    <a:cxn ang="T147">
                      <a:pos x="T74" y="T75"/>
                    </a:cxn>
                    <a:cxn ang="T148">
                      <a:pos x="T76" y="T77"/>
                    </a:cxn>
                    <a:cxn ang="T149">
                      <a:pos x="T78" y="T79"/>
                    </a:cxn>
                    <a:cxn ang="T150">
                      <a:pos x="T80" y="T81"/>
                    </a:cxn>
                    <a:cxn ang="T151">
                      <a:pos x="T82" y="T83"/>
                    </a:cxn>
                    <a:cxn ang="T152">
                      <a:pos x="T84" y="T85"/>
                    </a:cxn>
                    <a:cxn ang="T153">
                      <a:pos x="T86" y="T87"/>
                    </a:cxn>
                    <a:cxn ang="T154">
                      <a:pos x="T88" y="T89"/>
                    </a:cxn>
                    <a:cxn ang="T155">
                      <a:pos x="T90" y="T91"/>
                    </a:cxn>
                    <a:cxn ang="T156">
                      <a:pos x="T92" y="T93"/>
                    </a:cxn>
                    <a:cxn ang="T157">
                      <a:pos x="T94" y="T95"/>
                    </a:cxn>
                    <a:cxn ang="T158">
                      <a:pos x="T96" y="T97"/>
                    </a:cxn>
                    <a:cxn ang="T159">
                      <a:pos x="T98" y="T99"/>
                    </a:cxn>
                    <a:cxn ang="T160">
                      <a:pos x="T100" y="T101"/>
                    </a:cxn>
                    <a:cxn ang="T161">
                      <a:pos x="T102" y="T103"/>
                    </a:cxn>
                    <a:cxn ang="T162">
                      <a:pos x="T104" y="T105"/>
                    </a:cxn>
                    <a:cxn ang="T163">
                      <a:pos x="T106" y="T107"/>
                    </a:cxn>
                    <a:cxn ang="T164">
                      <a:pos x="T108" y="T109"/>
                    </a:cxn>
                  </a:cxnLst>
                  <a:rect l="T165" t="T166" r="T167" b="T168"/>
                  <a:pathLst>
                    <a:path w="412" h="469">
                      <a:moveTo>
                        <a:pt x="0" y="96"/>
                      </a:moveTo>
                      <a:lnTo>
                        <a:pt x="116" y="78"/>
                      </a:lnTo>
                      <a:lnTo>
                        <a:pt x="118" y="78"/>
                      </a:lnTo>
                      <a:lnTo>
                        <a:pt x="121" y="76"/>
                      </a:lnTo>
                      <a:lnTo>
                        <a:pt x="125" y="74"/>
                      </a:lnTo>
                      <a:lnTo>
                        <a:pt x="126" y="73"/>
                      </a:lnTo>
                      <a:lnTo>
                        <a:pt x="128" y="73"/>
                      </a:lnTo>
                      <a:lnTo>
                        <a:pt x="130" y="73"/>
                      </a:lnTo>
                      <a:lnTo>
                        <a:pt x="135" y="73"/>
                      </a:lnTo>
                      <a:lnTo>
                        <a:pt x="140" y="73"/>
                      </a:lnTo>
                      <a:lnTo>
                        <a:pt x="145" y="74"/>
                      </a:lnTo>
                      <a:lnTo>
                        <a:pt x="152" y="78"/>
                      </a:lnTo>
                      <a:lnTo>
                        <a:pt x="159" y="81"/>
                      </a:lnTo>
                      <a:lnTo>
                        <a:pt x="164" y="86"/>
                      </a:lnTo>
                      <a:lnTo>
                        <a:pt x="174" y="86"/>
                      </a:lnTo>
                      <a:lnTo>
                        <a:pt x="181" y="79"/>
                      </a:lnTo>
                      <a:lnTo>
                        <a:pt x="191" y="84"/>
                      </a:lnTo>
                      <a:lnTo>
                        <a:pt x="177" y="91"/>
                      </a:lnTo>
                      <a:lnTo>
                        <a:pt x="169" y="100"/>
                      </a:lnTo>
                      <a:lnTo>
                        <a:pt x="170" y="100"/>
                      </a:lnTo>
                      <a:lnTo>
                        <a:pt x="174" y="100"/>
                      </a:lnTo>
                      <a:lnTo>
                        <a:pt x="177" y="100"/>
                      </a:lnTo>
                      <a:lnTo>
                        <a:pt x="182" y="100"/>
                      </a:lnTo>
                      <a:lnTo>
                        <a:pt x="186" y="98"/>
                      </a:lnTo>
                      <a:lnTo>
                        <a:pt x="191" y="95"/>
                      </a:lnTo>
                      <a:lnTo>
                        <a:pt x="196" y="91"/>
                      </a:lnTo>
                      <a:lnTo>
                        <a:pt x="196" y="93"/>
                      </a:lnTo>
                      <a:lnTo>
                        <a:pt x="198" y="93"/>
                      </a:lnTo>
                      <a:lnTo>
                        <a:pt x="201" y="95"/>
                      </a:lnTo>
                      <a:lnTo>
                        <a:pt x="206" y="96"/>
                      </a:lnTo>
                      <a:lnTo>
                        <a:pt x="209" y="98"/>
                      </a:lnTo>
                      <a:lnTo>
                        <a:pt x="214" y="98"/>
                      </a:lnTo>
                      <a:lnTo>
                        <a:pt x="219" y="96"/>
                      </a:lnTo>
                      <a:lnTo>
                        <a:pt x="226" y="91"/>
                      </a:lnTo>
                      <a:lnTo>
                        <a:pt x="230" y="91"/>
                      </a:lnTo>
                      <a:lnTo>
                        <a:pt x="231" y="89"/>
                      </a:lnTo>
                      <a:lnTo>
                        <a:pt x="236" y="88"/>
                      </a:lnTo>
                      <a:lnTo>
                        <a:pt x="240" y="86"/>
                      </a:lnTo>
                      <a:lnTo>
                        <a:pt x="245" y="84"/>
                      </a:lnTo>
                      <a:lnTo>
                        <a:pt x="250" y="81"/>
                      </a:lnTo>
                      <a:lnTo>
                        <a:pt x="253" y="78"/>
                      </a:lnTo>
                      <a:lnTo>
                        <a:pt x="255" y="78"/>
                      </a:lnTo>
                      <a:lnTo>
                        <a:pt x="258" y="78"/>
                      </a:lnTo>
                      <a:lnTo>
                        <a:pt x="262" y="78"/>
                      </a:lnTo>
                      <a:lnTo>
                        <a:pt x="265" y="76"/>
                      </a:lnTo>
                      <a:lnTo>
                        <a:pt x="270" y="76"/>
                      </a:lnTo>
                      <a:lnTo>
                        <a:pt x="274" y="76"/>
                      </a:lnTo>
                      <a:lnTo>
                        <a:pt x="275" y="76"/>
                      </a:lnTo>
                      <a:lnTo>
                        <a:pt x="277" y="76"/>
                      </a:lnTo>
                      <a:lnTo>
                        <a:pt x="279" y="74"/>
                      </a:lnTo>
                      <a:lnTo>
                        <a:pt x="282" y="71"/>
                      </a:lnTo>
                      <a:lnTo>
                        <a:pt x="285" y="67"/>
                      </a:lnTo>
                      <a:lnTo>
                        <a:pt x="291" y="62"/>
                      </a:lnTo>
                      <a:lnTo>
                        <a:pt x="297" y="56"/>
                      </a:lnTo>
                      <a:lnTo>
                        <a:pt x="302" y="51"/>
                      </a:lnTo>
                      <a:lnTo>
                        <a:pt x="311" y="44"/>
                      </a:lnTo>
                      <a:lnTo>
                        <a:pt x="318" y="37"/>
                      </a:lnTo>
                      <a:lnTo>
                        <a:pt x="326" y="32"/>
                      </a:lnTo>
                      <a:lnTo>
                        <a:pt x="335" y="25"/>
                      </a:lnTo>
                      <a:lnTo>
                        <a:pt x="345" y="18"/>
                      </a:lnTo>
                      <a:lnTo>
                        <a:pt x="353" y="12"/>
                      </a:lnTo>
                      <a:lnTo>
                        <a:pt x="363" y="7"/>
                      </a:lnTo>
                      <a:lnTo>
                        <a:pt x="372" y="3"/>
                      </a:lnTo>
                      <a:lnTo>
                        <a:pt x="382" y="0"/>
                      </a:lnTo>
                      <a:lnTo>
                        <a:pt x="380" y="0"/>
                      </a:lnTo>
                      <a:lnTo>
                        <a:pt x="412" y="166"/>
                      </a:lnTo>
                      <a:lnTo>
                        <a:pt x="401" y="169"/>
                      </a:lnTo>
                      <a:lnTo>
                        <a:pt x="402" y="171"/>
                      </a:lnTo>
                      <a:lnTo>
                        <a:pt x="404" y="176"/>
                      </a:lnTo>
                      <a:lnTo>
                        <a:pt x="406" y="181"/>
                      </a:lnTo>
                      <a:lnTo>
                        <a:pt x="407" y="189"/>
                      </a:lnTo>
                      <a:lnTo>
                        <a:pt x="409" y="198"/>
                      </a:lnTo>
                      <a:lnTo>
                        <a:pt x="409" y="206"/>
                      </a:lnTo>
                      <a:lnTo>
                        <a:pt x="409" y="213"/>
                      </a:lnTo>
                      <a:lnTo>
                        <a:pt x="406" y="218"/>
                      </a:lnTo>
                      <a:lnTo>
                        <a:pt x="404" y="221"/>
                      </a:lnTo>
                      <a:lnTo>
                        <a:pt x="404" y="227"/>
                      </a:lnTo>
                      <a:lnTo>
                        <a:pt x="402" y="235"/>
                      </a:lnTo>
                      <a:lnTo>
                        <a:pt x="401" y="245"/>
                      </a:lnTo>
                      <a:lnTo>
                        <a:pt x="401" y="255"/>
                      </a:lnTo>
                      <a:lnTo>
                        <a:pt x="399" y="262"/>
                      </a:lnTo>
                      <a:lnTo>
                        <a:pt x="399" y="269"/>
                      </a:lnTo>
                      <a:lnTo>
                        <a:pt x="399" y="271"/>
                      </a:lnTo>
                      <a:lnTo>
                        <a:pt x="399" y="272"/>
                      </a:lnTo>
                      <a:lnTo>
                        <a:pt x="399" y="274"/>
                      </a:lnTo>
                      <a:lnTo>
                        <a:pt x="401" y="277"/>
                      </a:lnTo>
                      <a:lnTo>
                        <a:pt x="401" y="281"/>
                      </a:lnTo>
                      <a:lnTo>
                        <a:pt x="401" y="286"/>
                      </a:lnTo>
                      <a:lnTo>
                        <a:pt x="399" y="291"/>
                      </a:lnTo>
                      <a:lnTo>
                        <a:pt x="395" y="296"/>
                      </a:lnTo>
                      <a:lnTo>
                        <a:pt x="390" y="303"/>
                      </a:lnTo>
                      <a:lnTo>
                        <a:pt x="389" y="304"/>
                      </a:lnTo>
                      <a:lnTo>
                        <a:pt x="387" y="308"/>
                      </a:lnTo>
                      <a:lnTo>
                        <a:pt x="382" y="313"/>
                      </a:lnTo>
                      <a:lnTo>
                        <a:pt x="379" y="316"/>
                      </a:lnTo>
                      <a:lnTo>
                        <a:pt x="375" y="321"/>
                      </a:lnTo>
                      <a:lnTo>
                        <a:pt x="370" y="326"/>
                      </a:lnTo>
                      <a:lnTo>
                        <a:pt x="368" y="330"/>
                      </a:lnTo>
                      <a:lnTo>
                        <a:pt x="367" y="330"/>
                      </a:lnTo>
                      <a:lnTo>
                        <a:pt x="367" y="331"/>
                      </a:lnTo>
                      <a:lnTo>
                        <a:pt x="365" y="333"/>
                      </a:lnTo>
                      <a:lnTo>
                        <a:pt x="362" y="335"/>
                      </a:lnTo>
                      <a:lnTo>
                        <a:pt x="358" y="335"/>
                      </a:lnTo>
                      <a:lnTo>
                        <a:pt x="355" y="337"/>
                      </a:lnTo>
                      <a:lnTo>
                        <a:pt x="351" y="337"/>
                      </a:lnTo>
                      <a:lnTo>
                        <a:pt x="350" y="335"/>
                      </a:lnTo>
                      <a:lnTo>
                        <a:pt x="350" y="333"/>
                      </a:lnTo>
                      <a:lnTo>
                        <a:pt x="328" y="355"/>
                      </a:lnTo>
                      <a:lnTo>
                        <a:pt x="326" y="382"/>
                      </a:lnTo>
                      <a:lnTo>
                        <a:pt x="324" y="382"/>
                      </a:lnTo>
                      <a:lnTo>
                        <a:pt x="324" y="387"/>
                      </a:lnTo>
                      <a:lnTo>
                        <a:pt x="324" y="391"/>
                      </a:lnTo>
                      <a:lnTo>
                        <a:pt x="323" y="396"/>
                      </a:lnTo>
                      <a:lnTo>
                        <a:pt x="319" y="399"/>
                      </a:lnTo>
                      <a:lnTo>
                        <a:pt x="318" y="401"/>
                      </a:lnTo>
                      <a:lnTo>
                        <a:pt x="314" y="399"/>
                      </a:lnTo>
                      <a:lnTo>
                        <a:pt x="311" y="391"/>
                      </a:lnTo>
                      <a:lnTo>
                        <a:pt x="309" y="389"/>
                      </a:lnTo>
                      <a:lnTo>
                        <a:pt x="307" y="387"/>
                      </a:lnTo>
                      <a:lnTo>
                        <a:pt x="306" y="387"/>
                      </a:lnTo>
                      <a:lnTo>
                        <a:pt x="302" y="387"/>
                      </a:lnTo>
                      <a:lnTo>
                        <a:pt x="301" y="387"/>
                      </a:lnTo>
                      <a:lnTo>
                        <a:pt x="297" y="391"/>
                      </a:lnTo>
                      <a:lnTo>
                        <a:pt x="297" y="396"/>
                      </a:lnTo>
                      <a:lnTo>
                        <a:pt x="296" y="404"/>
                      </a:lnTo>
                      <a:lnTo>
                        <a:pt x="296" y="408"/>
                      </a:lnTo>
                      <a:lnTo>
                        <a:pt x="294" y="409"/>
                      </a:lnTo>
                      <a:lnTo>
                        <a:pt x="292" y="413"/>
                      </a:lnTo>
                      <a:lnTo>
                        <a:pt x="291" y="416"/>
                      </a:lnTo>
                      <a:lnTo>
                        <a:pt x="291" y="418"/>
                      </a:lnTo>
                      <a:lnTo>
                        <a:pt x="289" y="419"/>
                      </a:lnTo>
                      <a:lnTo>
                        <a:pt x="292" y="441"/>
                      </a:lnTo>
                      <a:lnTo>
                        <a:pt x="291" y="443"/>
                      </a:lnTo>
                      <a:lnTo>
                        <a:pt x="289" y="447"/>
                      </a:lnTo>
                      <a:lnTo>
                        <a:pt x="285" y="453"/>
                      </a:lnTo>
                      <a:lnTo>
                        <a:pt x="280" y="458"/>
                      </a:lnTo>
                      <a:lnTo>
                        <a:pt x="275" y="463"/>
                      </a:lnTo>
                      <a:lnTo>
                        <a:pt x="270" y="467"/>
                      </a:lnTo>
                      <a:lnTo>
                        <a:pt x="263" y="469"/>
                      </a:lnTo>
                      <a:lnTo>
                        <a:pt x="260" y="465"/>
                      </a:lnTo>
                      <a:lnTo>
                        <a:pt x="258" y="463"/>
                      </a:lnTo>
                      <a:lnTo>
                        <a:pt x="257" y="462"/>
                      </a:lnTo>
                      <a:lnTo>
                        <a:pt x="253" y="458"/>
                      </a:lnTo>
                      <a:lnTo>
                        <a:pt x="250" y="455"/>
                      </a:lnTo>
                      <a:lnTo>
                        <a:pt x="245" y="452"/>
                      </a:lnTo>
                      <a:lnTo>
                        <a:pt x="241" y="450"/>
                      </a:lnTo>
                      <a:lnTo>
                        <a:pt x="236" y="450"/>
                      </a:lnTo>
                      <a:lnTo>
                        <a:pt x="233" y="453"/>
                      </a:lnTo>
                      <a:lnTo>
                        <a:pt x="231" y="452"/>
                      </a:lnTo>
                      <a:lnTo>
                        <a:pt x="231" y="448"/>
                      </a:lnTo>
                      <a:lnTo>
                        <a:pt x="231" y="443"/>
                      </a:lnTo>
                      <a:lnTo>
                        <a:pt x="230" y="438"/>
                      </a:lnTo>
                      <a:lnTo>
                        <a:pt x="226" y="435"/>
                      </a:lnTo>
                      <a:lnTo>
                        <a:pt x="221" y="433"/>
                      </a:lnTo>
                      <a:lnTo>
                        <a:pt x="214" y="436"/>
                      </a:lnTo>
                      <a:lnTo>
                        <a:pt x="204" y="445"/>
                      </a:lnTo>
                      <a:lnTo>
                        <a:pt x="203" y="447"/>
                      </a:lnTo>
                      <a:lnTo>
                        <a:pt x="201" y="448"/>
                      </a:lnTo>
                      <a:lnTo>
                        <a:pt x="198" y="452"/>
                      </a:lnTo>
                      <a:lnTo>
                        <a:pt x="194" y="453"/>
                      </a:lnTo>
                      <a:lnTo>
                        <a:pt x="189" y="455"/>
                      </a:lnTo>
                      <a:lnTo>
                        <a:pt x="184" y="457"/>
                      </a:lnTo>
                      <a:lnTo>
                        <a:pt x="177" y="453"/>
                      </a:lnTo>
                      <a:lnTo>
                        <a:pt x="172" y="450"/>
                      </a:lnTo>
                      <a:lnTo>
                        <a:pt x="170" y="448"/>
                      </a:lnTo>
                      <a:lnTo>
                        <a:pt x="169" y="448"/>
                      </a:lnTo>
                      <a:lnTo>
                        <a:pt x="167" y="447"/>
                      </a:lnTo>
                      <a:lnTo>
                        <a:pt x="164" y="448"/>
                      </a:lnTo>
                      <a:lnTo>
                        <a:pt x="160" y="448"/>
                      </a:lnTo>
                      <a:lnTo>
                        <a:pt x="157" y="452"/>
                      </a:lnTo>
                      <a:lnTo>
                        <a:pt x="152" y="457"/>
                      </a:lnTo>
                      <a:lnTo>
                        <a:pt x="150" y="457"/>
                      </a:lnTo>
                      <a:lnTo>
                        <a:pt x="147" y="455"/>
                      </a:lnTo>
                      <a:lnTo>
                        <a:pt x="143" y="455"/>
                      </a:lnTo>
                      <a:lnTo>
                        <a:pt x="142" y="455"/>
                      </a:lnTo>
                      <a:lnTo>
                        <a:pt x="128" y="443"/>
                      </a:lnTo>
                      <a:lnTo>
                        <a:pt x="98" y="441"/>
                      </a:lnTo>
                      <a:lnTo>
                        <a:pt x="98" y="440"/>
                      </a:lnTo>
                      <a:lnTo>
                        <a:pt x="98" y="436"/>
                      </a:lnTo>
                      <a:lnTo>
                        <a:pt x="96" y="433"/>
                      </a:lnTo>
                      <a:lnTo>
                        <a:pt x="94" y="428"/>
                      </a:lnTo>
                      <a:lnTo>
                        <a:pt x="89" y="423"/>
                      </a:lnTo>
                      <a:lnTo>
                        <a:pt x="82" y="418"/>
                      </a:lnTo>
                      <a:lnTo>
                        <a:pt x="72" y="416"/>
                      </a:lnTo>
                      <a:lnTo>
                        <a:pt x="60" y="414"/>
                      </a:lnTo>
                      <a:lnTo>
                        <a:pt x="59" y="414"/>
                      </a:lnTo>
                      <a:lnTo>
                        <a:pt x="55" y="414"/>
                      </a:lnTo>
                      <a:lnTo>
                        <a:pt x="52" y="414"/>
                      </a:lnTo>
                      <a:lnTo>
                        <a:pt x="47" y="414"/>
                      </a:lnTo>
                      <a:lnTo>
                        <a:pt x="42" y="414"/>
                      </a:lnTo>
                      <a:lnTo>
                        <a:pt x="38" y="414"/>
                      </a:lnTo>
                      <a:lnTo>
                        <a:pt x="37" y="414"/>
                      </a:lnTo>
                      <a:lnTo>
                        <a:pt x="35" y="414"/>
                      </a:lnTo>
                      <a:lnTo>
                        <a:pt x="0" y="96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246" name="Group 162"/>
              <p:cNvGrpSpPr>
                <a:grpSpLocks/>
              </p:cNvGrpSpPr>
              <p:nvPr/>
            </p:nvGrpSpPr>
            <p:grpSpPr bwMode="auto">
              <a:xfrm>
                <a:off x="3877" y="2450"/>
                <a:ext cx="847" cy="372"/>
                <a:chOff x="4106" y="2078"/>
                <a:chExt cx="870" cy="383"/>
              </a:xfrm>
            </p:grpSpPr>
            <p:sp>
              <p:nvSpPr>
                <p:cNvPr id="268" name="Freeform 163"/>
                <p:cNvSpPr>
                  <a:spLocks/>
                </p:cNvSpPr>
                <p:nvPr/>
              </p:nvSpPr>
              <p:spPr bwMode="auto">
                <a:xfrm>
                  <a:off x="4106" y="2082"/>
                  <a:ext cx="834" cy="379"/>
                </a:xfrm>
                <a:custGeom>
                  <a:avLst/>
                  <a:gdLst>
                    <a:gd name="T0" fmla="*/ 650 w 834"/>
                    <a:gd name="T1" fmla="*/ 362 h 379"/>
                    <a:gd name="T2" fmla="*/ 658 w 834"/>
                    <a:gd name="T3" fmla="*/ 340 h 379"/>
                    <a:gd name="T4" fmla="*/ 663 w 834"/>
                    <a:gd name="T5" fmla="*/ 338 h 379"/>
                    <a:gd name="T6" fmla="*/ 685 w 834"/>
                    <a:gd name="T7" fmla="*/ 292 h 379"/>
                    <a:gd name="T8" fmla="*/ 701 w 834"/>
                    <a:gd name="T9" fmla="*/ 276 h 379"/>
                    <a:gd name="T10" fmla="*/ 714 w 834"/>
                    <a:gd name="T11" fmla="*/ 262 h 379"/>
                    <a:gd name="T12" fmla="*/ 758 w 834"/>
                    <a:gd name="T13" fmla="*/ 238 h 379"/>
                    <a:gd name="T14" fmla="*/ 768 w 834"/>
                    <a:gd name="T15" fmla="*/ 232 h 379"/>
                    <a:gd name="T16" fmla="*/ 780 w 834"/>
                    <a:gd name="T17" fmla="*/ 230 h 379"/>
                    <a:gd name="T18" fmla="*/ 792 w 834"/>
                    <a:gd name="T19" fmla="*/ 215 h 379"/>
                    <a:gd name="T20" fmla="*/ 794 w 834"/>
                    <a:gd name="T21" fmla="*/ 193 h 379"/>
                    <a:gd name="T22" fmla="*/ 785 w 834"/>
                    <a:gd name="T23" fmla="*/ 199 h 379"/>
                    <a:gd name="T24" fmla="*/ 780 w 834"/>
                    <a:gd name="T25" fmla="*/ 193 h 379"/>
                    <a:gd name="T26" fmla="*/ 726 w 834"/>
                    <a:gd name="T27" fmla="*/ 198 h 379"/>
                    <a:gd name="T28" fmla="*/ 758 w 834"/>
                    <a:gd name="T29" fmla="*/ 199 h 379"/>
                    <a:gd name="T30" fmla="*/ 768 w 834"/>
                    <a:gd name="T31" fmla="*/ 176 h 379"/>
                    <a:gd name="T32" fmla="*/ 740 w 834"/>
                    <a:gd name="T33" fmla="*/ 155 h 379"/>
                    <a:gd name="T34" fmla="*/ 728 w 834"/>
                    <a:gd name="T35" fmla="*/ 149 h 379"/>
                    <a:gd name="T36" fmla="*/ 748 w 834"/>
                    <a:gd name="T37" fmla="*/ 149 h 379"/>
                    <a:gd name="T38" fmla="*/ 768 w 834"/>
                    <a:gd name="T39" fmla="*/ 144 h 379"/>
                    <a:gd name="T40" fmla="*/ 784 w 834"/>
                    <a:gd name="T41" fmla="*/ 147 h 379"/>
                    <a:gd name="T42" fmla="*/ 804 w 834"/>
                    <a:gd name="T43" fmla="*/ 147 h 379"/>
                    <a:gd name="T44" fmla="*/ 828 w 834"/>
                    <a:gd name="T45" fmla="*/ 110 h 379"/>
                    <a:gd name="T46" fmla="*/ 834 w 834"/>
                    <a:gd name="T47" fmla="*/ 105 h 379"/>
                    <a:gd name="T48" fmla="*/ 824 w 834"/>
                    <a:gd name="T49" fmla="*/ 67 h 379"/>
                    <a:gd name="T50" fmla="*/ 809 w 834"/>
                    <a:gd name="T51" fmla="*/ 89 h 379"/>
                    <a:gd name="T52" fmla="*/ 806 w 834"/>
                    <a:gd name="T53" fmla="*/ 101 h 379"/>
                    <a:gd name="T54" fmla="*/ 800 w 834"/>
                    <a:gd name="T55" fmla="*/ 79 h 379"/>
                    <a:gd name="T56" fmla="*/ 778 w 834"/>
                    <a:gd name="T57" fmla="*/ 76 h 379"/>
                    <a:gd name="T58" fmla="*/ 753 w 834"/>
                    <a:gd name="T59" fmla="*/ 83 h 379"/>
                    <a:gd name="T60" fmla="*/ 724 w 834"/>
                    <a:gd name="T61" fmla="*/ 96 h 379"/>
                    <a:gd name="T62" fmla="*/ 731 w 834"/>
                    <a:gd name="T63" fmla="*/ 61 h 379"/>
                    <a:gd name="T64" fmla="*/ 762 w 834"/>
                    <a:gd name="T65" fmla="*/ 67 h 379"/>
                    <a:gd name="T66" fmla="*/ 758 w 834"/>
                    <a:gd name="T67" fmla="*/ 52 h 379"/>
                    <a:gd name="T68" fmla="*/ 789 w 834"/>
                    <a:gd name="T69" fmla="*/ 49 h 379"/>
                    <a:gd name="T70" fmla="*/ 784 w 834"/>
                    <a:gd name="T71" fmla="*/ 35 h 379"/>
                    <a:gd name="T72" fmla="*/ 802 w 834"/>
                    <a:gd name="T73" fmla="*/ 39 h 379"/>
                    <a:gd name="T74" fmla="*/ 809 w 834"/>
                    <a:gd name="T75" fmla="*/ 35 h 379"/>
                    <a:gd name="T76" fmla="*/ 692 w 834"/>
                    <a:gd name="T77" fmla="*/ 20 h 379"/>
                    <a:gd name="T78" fmla="*/ 509 w 834"/>
                    <a:gd name="T79" fmla="*/ 56 h 379"/>
                    <a:gd name="T80" fmla="*/ 366 w 834"/>
                    <a:gd name="T81" fmla="*/ 79 h 379"/>
                    <a:gd name="T82" fmla="*/ 271 w 834"/>
                    <a:gd name="T83" fmla="*/ 91 h 379"/>
                    <a:gd name="T84" fmla="*/ 230 w 834"/>
                    <a:gd name="T85" fmla="*/ 94 h 379"/>
                    <a:gd name="T86" fmla="*/ 234 w 834"/>
                    <a:gd name="T87" fmla="*/ 118 h 379"/>
                    <a:gd name="T88" fmla="*/ 212 w 834"/>
                    <a:gd name="T89" fmla="*/ 145 h 379"/>
                    <a:gd name="T90" fmla="*/ 183 w 834"/>
                    <a:gd name="T91" fmla="*/ 162 h 379"/>
                    <a:gd name="T92" fmla="*/ 149 w 834"/>
                    <a:gd name="T93" fmla="*/ 181 h 379"/>
                    <a:gd name="T94" fmla="*/ 129 w 834"/>
                    <a:gd name="T95" fmla="*/ 194 h 379"/>
                    <a:gd name="T96" fmla="*/ 117 w 834"/>
                    <a:gd name="T97" fmla="*/ 218 h 379"/>
                    <a:gd name="T98" fmla="*/ 68 w 834"/>
                    <a:gd name="T99" fmla="*/ 250 h 379"/>
                    <a:gd name="T100" fmla="*/ 27 w 834"/>
                    <a:gd name="T101" fmla="*/ 274 h 379"/>
                    <a:gd name="T102" fmla="*/ 9 w 834"/>
                    <a:gd name="T103" fmla="*/ 299 h 379"/>
                    <a:gd name="T104" fmla="*/ 125 w 834"/>
                    <a:gd name="T105" fmla="*/ 316 h 379"/>
                    <a:gd name="T106" fmla="*/ 152 w 834"/>
                    <a:gd name="T107" fmla="*/ 296 h 379"/>
                    <a:gd name="T108" fmla="*/ 210 w 834"/>
                    <a:gd name="T109" fmla="*/ 274 h 379"/>
                    <a:gd name="T110" fmla="*/ 333 w 834"/>
                    <a:gd name="T111" fmla="*/ 265 h 379"/>
                    <a:gd name="T112" fmla="*/ 597 w 834"/>
                    <a:gd name="T113" fmla="*/ 379 h 379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w 834"/>
                    <a:gd name="T172" fmla="*/ 0 h 379"/>
                    <a:gd name="T173" fmla="*/ 834 w 834"/>
                    <a:gd name="T174" fmla="*/ 379 h 379"/>
                  </a:gdLst>
                  <a:ahLst/>
                  <a:cxnLst>
                    <a:cxn ang="T114">
                      <a:pos x="T0" y="T1"/>
                    </a:cxn>
                    <a:cxn ang="T115">
                      <a:pos x="T2" y="T3"/>
                    </a:cxn>
                    <a:cxn ang="T116">
                      <a:pos x="T4" y="T5"/>
                    </a:cxn>
                    <a:cxn ang="T117">
                      <a:pos x="T6" y="T7"/>
                    </a:cxn>
                    <a:cxn ang="T118">
                      <a:pos x="T8" y="T9"/>
                    </a:cxn>
                    <a:cxn ang="T119">
                      <a:pos x="T10" y="T11"/>
                    </a:cxn>
                    <a:cxn ang="T120">
                      <a:pos x="T12" y="T13"/>
                    </a:cxn>
                    <a:cxn ang="T121">
                      <a:pos x="T14" y="T15"/>
                    </a:cxn>
                    <a:cxn ang="T122">
                      <a:pos x="T16" y="T17"/>
                    </a:cxn>
                    <a:cxn ang="T123">
                      <a:pos x="T18" y="T19"/>
                    </a:cxn>
                    <a:cxn ang="T124">
                      <a:pos x="T20" y="T21"/>
                    </a:cxn>
                    <a:cxn ang="T125">
                      <a:pos x="T22" y="T23"/>
                    </a:cxn>
                    <a:cxn ang="T126">
                      <a:pos x="T24" y="T25"/>
                    </a:cxn>
                    <a:cxn ang="T127">
                      <a:pos x="T26" y="T27"/>
                    </a:cxn>
                    <a:cxn ang="T128">
                      <a:pos x="T28" y="T29"/>
                    </a:cxn>
                    <a:cxn ang="T129">
                      <a:pos x="T30" y="T31"/>
                    </a:cxn>
                    <a:cxn ang="T130">
                      <a:pos x="T32" y="T33"/>
                    </a:cxn>
                    <a:cxn ang="T131">
                      <a:pos x="T34" y="T35"/>
                    </a:cxn>
                    <a:cxn ang="T132">
                      <a:pos x="T36" y="T37"/>
                    </a:cxn>
                    <a:cxn ang="T133">
                      <a:pos x="T38" y="T39"/>
                    </a:cxn>
                    <a:cxn ang="T134">
                      <a:pos x="T40" y="T41"/>
                    </a:cxn>
                    <a:cxn ang="T135">
                      <a:pos x="T42" y="T43"/>
                    </a:cxn>
                    <a:cxn ang="T136">
                      <a:pos x="T44" y="T45"/>
                    </a:cxn>
                    <a:cxn ang="T137">
                      <a:pos x="T46" y="T47"/>
                    </a:cxn>
                    <a:cxn ang="T138">
                      <a:pos x="T48" y="T49"/>
                    </a:cxn>
                    <a:cxn ang="T139">
                      <a:pos x="T50" y="T51"/>
                    </a:cxn>
                    <a:cxn ang="T140">
                      <a:pos x="T52" y="T53"/>
                    </a:cxn>
                    <a:cxn ang="T141">
                      <a:pos x="T54" y="T55"/>
                    </a:cxn>
                    <a:cxn ang="T142">
                      <a:pos x="T56" y="T57"/>
                    </a:cxn>
                    <a:cxn ang="T143">
                      <a:pos x="T58" y="T59"/>
                    </a:cxn>
                    <a:cxn ang="T144">
                      <a:pos x="T60" y="T61"/>
                    </a:cxn>
                    <a:cxn ang="T145">
                      <a:pos x="T62" y="T63"/>
                    </a:cxn>
                    <a:cxn ang="T146">
                      <a:pos x="T64" y="T65"/>
                    </a:cxn>
                    <a:cxn ang="T147">
                      <a:pos x="T66" y="T67"/>
                    </a:cxn>
                    <a:cxn ang="T148">
                      <a:pos x="T68" y="T69"/>
                    </a:cxn>
                    <a:cxn ang="T149">
                      <a:pos x="T70" y="T71"/>
                    </a:cxn>
                    <a:cxn ang="T150">
                      <a:pos x="T72" y="T73"/>
                    </a:cxn>
                    <a:cxn ang="T151">
                      <a:pos x="T74" y="T75"/>
                    </a:cxn>
                    <a:cxn ang="T152">
                      <a:pos x="T76" y="T77"/>
                    </a:cxn>
                    <a:cxn ang="T153">
                      <a:pos x="T78" y="T79"/>
                    </a:cxn>
                    <a:cxn ang="T154">
                      <a:pos x="T80" y="T81"/>
                    </a:cxn>
                    <a:cxn ang="T155">
                      <a:pos x="T82" y="T83"/>
                    </a:cxn>
                    <a:cxn ang="T156">
                      <a:pos x="T84" y="T85"/>
                    </a:cxn>
                    <a:cxn ang="T157">
                      <a:pos x="T86" y="T87"/>
                    </a:cxn>
                    <a:cxn ang="T158">
                      <a:pos x="T88" y="T89"/>
                    </a:cxn>
                    <a:cxn ang="T159">
                      <a:pos x="T90" y="T91"/>
                    </a:cxn>
                    <a:cxn ang="T160">
                      <a:pos x="T92" y="T93"/>
                    </a:cxn>
                    <a:cxn ang="T161">
                      <a:pos x="T94" y="T95"/>
                    </a:cxn>
                    <a:cxn ang="T162">
                      <a:pos x="T96" y="T97"/>
                    </a:cxn>
                    <a:cxn ang="T163">
                      <a:pos x="T98" y="T99"/>
                    </a:cxn>
                    <a:cxn ang="T164">
                      <a:pos x="T100" y="T101"/>
                    </a:cxn>
                    <a:cxn ang="T165">
                      <a:pos x="T102" y="T103"/>
                    </a:cxn>
                    <a:cxn ang="T166">
                      <a:pos x="T104" y="T105"/>
                    </a:cxn>
                    <a:cxn ang="T167">
                      <a:pos x="T106" y="T107"/>
                    </a:cxn>
                    <a:cxn ang="T168">
                      <a:pos x="T108" y="T109"/>
                    </a:cxn>
                    <a:cxn ang="T169">
                      <a:pos x="T110" y="T111"/>
                    </a:cxn>
                    <a:cxn ang="T170">
                      <a:pos x="T112" y="T113"/>
                    </a:cxn>
                  </a:cxnLst>
                  <a:rect l="T171" t="T172" r="T173" b="T174"/>
                  <a:pathLst>
                    <a:path w="834" h="379">
                      <a:moveTo>
                        <a:pt x="604" y="377"/>
                      </a:moveTo>
                      <a:lnTo>
                        <a:pt x="618" y="369"/>
                      </a:lnTo>
                      <a:lnTo>
                        <a:pt x="628" y="362"/>
                      </a:lnTo>
                      <a:lnTo>
                        <a:pt x="636" y="360"/>
                      </a:lnTo>
                      <a:lnTo>
                        <a:pt x="643" y="360"/>
                      </a:lnTo>
                      <a:lnTo>
                        <a:pt x="648" y="360"/>
                      </a:lnTo>
                      <a:lnTo>
                        <a:pt x="650" y="362"/>
                      </a:lnTo>
                      <a:lnTo>
                        <a:pt x="653" y="364"/>
                      </a:lnTo>
                      <a:lnTo>
                        <a:pt x="653" y="365"/>
                      </a:lnTo>
                      <a:lnTo>
                        <a:pt x="653" y="333"/>
                      </a:lnTo>
                      <a:lnTo>
                        <a:pt x="657" y="333"/>
                      </a:lnTo>
                      <a:lnTo>
                        <a:pt x="658" y="335"/>
                      </a:lnTo>
                      <a:lnTo>
                        <a:pt x="658" y="338"/>
                      </a:lnTo>
                      <a:lnTo>
                        <a:pt x="658" y="340"/>
                      </a:lnTo>
                      <a:lnTo>
                        <a:pt x="660" y="345"/>
                      </a:lnTo>
                      <a:lnTo>
                        <a:pt x="662" y="348"/>
                      </a:lnTo>
                      <a:lnTo>
                        <a:pt x="662" y="352"/>
                      </a:lnTo>
                      <a:lnTo>
                        <a:pt x="662" y="353"/>
                      </a:lnTo>
                      <a:lnTo>
                        <a:pt x="663" y="345"/>
                      </a:lnTo>
                      <a:lnTo>
                        <a:pt x="663" y="338"/>
                      </a:lnTo>
                      <a:lnTo>
                        <a:pt x="667" y="330"/>
                      </a:lnTo>
                      <a:lnTo>
                        <a:pt x="668" y="323"/>
                      </a:lnTo>
                      <a:lnTo>
                        <a:pt x="672" y="316"/>
                      </a:lnTo>
                      <a:lnTo>
                        <a:pt x="675" y="309"/>
                      </a:lnTo>
                      <a:lnTo>
                        <a:pt x="679" y="303"/>
                      </a:lnTo>
                      <a:lnTo>
                        <a:pt x="682" y="298"/>
                      </a:lnTo>
                      <a:lnTo>
                        <a:pt x="685" y="292"/>
                      </a:lnTo>
                      <a:lnTo>
                        <a:pt x="689" y="289"/>
                      </a:lnTo>
                      <a:lnTo>
                        <a:pt x="692" y="286"/>
                      </a:lnTo>
                      <a:lnTo>
                        <a:pt x="696" y="282"/>
                      </a:lnTo>
                      <a:lnTo>
                        <a:pt x="697" y="279"/>
                      </a:lnTo>
                      <a:lnTo>
                        <a:pt x="699" y="277"/>
                      </a:lnTo>
                      <a:lnTo>
                        <a:pt x="701" y="277"/>
                      </a:lnTo>
                      <a:lnTo>
                        <a:pt x="701" y="276"/>
                      </a:lnTo>
                      <a:lnTo>
                        <a:pt x="696" y="267"/>
                      </a:lnTo>
                      <a:lnTo>
                        <a:pt x="702" y="262"/>
                      </a:lnTo>
                      <a:lnTo>
                        <a:pt x="702" y="264"/>
                      </a:lnTo>
                      <a:lnTo>
                        <a:pt x="704" y="267"/>
                      </a:lnTo>
                      <a:lnTo>
                        <a:pt x="706" y="270"/>
                      </a:lnTo>
                      <a:lnTo>
                        <a:pt x="707" y="270"/>
                      </a:lnTo>
                      <a:lnTo>
                        <a:pt x="714" y="262"/>
                      </a:lnTo>
                      <a:lnTo>
                        <a:pt x="721" y="254"/>
                      </a:lnTo>
                      <a:lnTo>
                        <a:pt x="729" y="248"/>
                      </a:lnTo>
                      <a:lnTo>
                        <a:pt x="738" y="243"/>
                      </a:lnTo>
                      <a:lnTo>
                        <a:pt x="745" y="242"/>
                      </a:lnTo>
                      <a:lnTo>
                        <a:pt x="751" y="240"/>
                      </a:lnTo>
                      <a:lnTo>
                        <a:pt x="756" y="238"/>
                      </a:lnTo>
                      <a:lnTo>
                        <a:pt x="758" y="238"/>
                      </a:lnTo>
                      <a:lnTo>
                        <a:pt x="758" y="232"/>
                      </a:lnTo>
                      <a:lnTo>
                        <a:pt x="760" y="230"/>
                      </a:lnTo>
                      <a:lnTo>
                        <a:pt x="762" y="228"/>
                      </a:lnTo>
                      <a:lnTo>
                        <a:pt x="763" y="228"/>
                      </a:lnTo>
                      <a:lnTo>
                        <a:pt x="765" y="230"/>
                      </a:lnTo>
                      <a:lnTo>
                        <a:pt x="767" y="230"/>
                      </a:lnTo>
                      <a:lnTo>
                        <a:pt x="768" y="232"/>
                      </a:lnTo>
                      <a:lnTo>
                        <a:pt x="768" y="233"/>
                      </a:lnTo>
                      <a:lnTo>
                        <a:pt x="770" y="230"/>
                      </a:lnTo>
                      <a:lnTo>
                        <a:pt x="772" y="228"/>
                      </a:lnTo>
                      <a:lnTo>
                        <a:pt x="773" y="226"/>
                      </a:lnTo>
                      <a:lnTo>
                        <a:pt x="775" y="228"/>
                      </a:lnTo>
                      <a:lnTo>
                        <a:pt x="778" y="228"/>
                      </a:lnTo>
                      <a:lnTo>
                        <a:pt x="780" y="230"/>
                      </a:lnTo>
                      <a:lnTo>
                        <a:pt x="782" y="230"/>
                      </a:lnTo>
                      <a:lnTo>
                        <a:pt x="784" y="230"/>
                      </a:lnTo>
                      <a:lnTo>
                        <a:pt x="785" y="226"/>
                      </a:lnTo>
                      <a:lnTo>
                        <a:pt x="787" y="223"/>
                      </a:lnTo>
                      <a:lnTo>
                        <a:pt x="790" y="218"/>
                      </a:lnTo>
                      <a:lnTo>
                        <a:pt x="792" y="215"/>
                      </a:lnTo>
                      <a:lnTo>
                        <a:pt x="795" y="210"/>
                      </a:lnTo>
                      <a:lnTo>
                        <a:pt x="797" y="208"/>
                      </a:lnTo>
                      <a:lnTo>
                        <a:pt x="797" y="204"/>
                      </a:lnTo>
                      <a:lnTo>
                        <a:pt x="797" y="196"/>
                      </a:lnTo>
                      <a:lnTo>
                        <a:pt x="795" y="193"/>
                      </a:lnTo>
                      <a:lnTo>
                        <a:pt x="795" y="191"/>
                      </a:lnTo>
                      <a:lnTo>
                        <a:pt x="794" y="193"/>
                      </a:lnTo>
                      <a:lnTo>
                        <a:pt x="792" y="194"/>
                      </a:lnTo>
                      <a:lnTo>
                        <a:pt x="790" y="198"/>
                      </a:lnTo>
                      <a:lnTo>
                        <a:pt x="790" y="199"/>
                      </a:lnTo>
                      <a:lnTo>
                        <a:pt x="790" y="201"/>
                      </a:lnTo>
                      <a:lnTo>
                        <a:pt x="789" y="201"/>
                      </a:lnTo>
                      <a:lnTo>
                        <a:pt x="787" y="199"/>
                      </a:lnTo>
                      <a:lnTo>
                        <a:pt x="785" y="199"/>
                      </a:lnTo>
                      <a:lnTo>
                        <a:pt x="785" y="198"/>
                      </a:lnTo>
                      <a:lnTo>
                        <a:pt x="784" y="191"/>
                      </a:lnTo>
                      <a:lnTo>
                        <a:pt x="784" y="188"/>
                      </a:lnTo>
                      <a:lnTo>
                        <a:pt x="784" y="186"/>
                      </a:lnTo>
                      <a:lnTo>
                        <a:pt x="782" y="188"/>
                      </a:lnTo>
                      <a:lnTo>
                        <a:pt x="780" y="189"/>
                      </a:lnTo>
                      <a:lnTo>
                        <a:pt x="780" y="193"/>
                      </a:lnTo>
                      <a:lnTo>
                        <a:pt x="780" y="194"/>
                      </a:lnTo>
                      <a:lnTo>
                        <a:pt x="780" y="196"/>
                      </a:lnTo>
                      <a:lnTo>
                        <a:pt x="772" y="198"/>
                      </a:lnTo>
                      <a:lnTo>
                        <a:pt x="753" y="215"/>
                      </a:lnTo>
                      <a:lnTo>
                        <a:pt x="741" y="213"/>
                      </a:lnTo>
                      <a:lnTo>
                        <a:pt x="724" y="198"/>
                      </a:lnTo>
                      <a:lnTo>
                        <a:pt x="726" y="198"/>
                      </a:lnTo>
                      <a:lnTo>
                        <a:pt x="729" y="199"/>
                      </a:lnTo>
                      <a:lnTo>
                        <a:pt x="733" y="199"/>
                      </a:lnTo>
                      <a:lnTo>
                        <a:pt x="736" y="201"/>
                      </a:lnTo>
                      <a:lnTo>
                        <a:pt x="741" y="204"/>
                      </a:lnTo>
                      <a:lnTo>
                        <a:pt x="748" y="204"/>
                      </a:lnTo>
                      <a:lnTo>
                        <a:pt x="753" y="203"/>
                      </a:lnTo>
                      <a:lnTo>
                        <a:pt x="758" y="199"/>
                      </a:lnTo>
                      <a:lnTo>
                        <a:pt x="763" y="194"/>
                      </a:lnTo>
                      <a:lnTo>
                        <a:pt x="767" y="191"/>
                      </a:lnTo>
                      <a:lnTo>
                        <a:pt x="770" y="188"/>
                      </a:lnTo>
                      <a:lnTo>
                        <a:pt x="770" y="186"/>
                      </a:lnTo>
                      <a:lnTo>
                        <a:pt x="760" y="182"/>
                      </a:lnTo>
                      <a:lnTo>
                        <a:pt x="758" y="177"/>
                      </a:lnTo>
                      <a:lnTo>
                        <a:pt x="768" y="176"/>
                      </a:lnTo>
                      <a:lnTo>
                        <a:pt x="772" y="164"/>
                      </a:lnTo>
                      <a:lnTo>
                        <a:pt x="770" y="164"/>
                      </a:lnTo>
                      <a:lnTo>
                        <a:pt x="768" y="164"/>
                      </a:lnTo>
                      <a:lnTo>
                        <a:pt x="767" y="164"/>
                      </a:lnTo>
                      <a:lnTo>
                        <a:pt x="763" y="162"/>
                      </a:lnTo>
                      <a:lnTo>
                        <a:pt x="750" y="159"/>
                      </a:lnTo>
                      <a:lnTo>
                        <a:pt x="740" y="155"/>
                      </a:lnTo>
                      <a:lnTo>
                        <a:pt x="731" y="154"/>
                      </a:lnTo>
                      <a:lnTo>
                        <a:pt x="728" y="152"/>
                      </a:lnTo>
                      <a:lnTo>
                        <a:pt x="724" y="150"/>
                      </a:lnTo>
                      <a:lnTo>
                        <a:pt x="723" y="150"/>
                      </a:lnTo>
                      <a:lnTo>
                        <a:pt x="724" y="149"/>
                      </a:lnTo>
                      <a:lnTo>
                        <a:pt x="726" y="149"/>
                      </a:lnTo>
                      <a:lnTo>
                        <a:pt x="728" y="149"/>
                      </a:lnTo>
                      <a:lnTo>
                        <a:pt x="731" y="147"/>
                      </a:lnTo>
                      <a:lnTo>
                        <a:pt x="736" y="149"/>
                      </a:lnTo>
                      <a:lnTo>
                        <a:pt x="740" y="149"/>
                      </a:lnTo>
                      <a:lnTo>
                        <a:pt x="743" y="149"/>
                      </a:lnTo>
                      <a:lnTo>
                        <a:pt x="745" y="149"/>
                      </a:lnTo>
                      <a:lnTo>
                        <a:pt x="746" y="149"/>
                      </a:lnTo>
                      <a:lnTo>
                        <a:pt x="748" y="149"/>
                      </a:lnTo>
                      <a:lnTo>
                        <a:pt x="746" y="138"/>
                      </a:lnTo>
                      <a:lnTo>
                        <a:pt x="755" y="135"/>
                      </a:lnTo>
                      <a:lnTo>
                        <a:pt x="760" y="144"/>
                      </a:lnTo>
                      <a:lnTo>
                        <a:pt x="762" y="144"/>
                      </a:lnTo>
                      <a:lnTo>
                        <a:pt x="765" y="144"/>
                      </a:lnTo>
                      <a:lnTo>
                        <a:pt x="767" y="145"/>
                      </a:lnTo>
                      <a:lnTo>
                        <a:pt x="768" y="144"/>
                      </a:lnTo>
                      <a:lnTo>
                        <a:pt x="770" y="138"/>
                      </a:lnTo>
                      <a:lnTo>
                        <a:pt x="772" y="135"/>
                      </a:lnTo>
                      <a:lnTo>
                        <a:pt x="773" y="137"/>
                      </a:lnTo>
                      <a:lnTo>
                        <a:pt x="777" y="138"/>
                      </a:lnTo>
                      <a:lnTo>
                        <a:pt x="778" y="142"/>
                      </a:lnTo>
                      <a:lnTo>
                        <a:pt x="782" y="145"/>
                      </a:lnTo>
                      <a:lnTo>
                        <a:pt x="784" y="147"/>
                      </a:lnTo>
                      <a:lnTo>
                        <a:pt x="784" y="149"/>
                      </a:lnTo>
                      <a:lnTo>
                        <a:pt x="785" y="149"/>
                      </a:lnTo>
                      <a:lnTo>
                        <a:pt x="787" y="149"/>
                      </a:lnTo>
                      <a:lnTo>
                        <a:pt x="792" y="149"/>
                      </a:lnTo>
                      <a:lnTo>
                        <a:pt x="795" y="149"/>
                      </a:lnTo>
                      <a:lnTo>
                        <a:pt x="800" y="149"/>
                      </a:lnTo>
                      <a:lnTo>
                        <a:pt x="804" y="147"/>
                      </a:lnTo>
                      <a:lnTo>
                        <a:pt x="807" y="147"/>
                      </a:lnTo>
                      <a:lnTo>
                        <a:pt x="809" y="147"/>
                      </a:lnTo>
                      <a:lnTo>
                        <a:pt x="814" y="130"/>
                      </a:lnTo>
                      <a:lnTo>
                        <a:pt x="819" y="120"/>
                      </a:lnTo>
                      <a:lnTo>
                        <a:pt x="824" y="113"/>
                      </a:lnTo>
                      <a:lnTo>
                        <a:pt x="826" y="110"/>
                      </a:lnTo>
                      <a:lnTo>
                        <a:pt x="828" y="110"/>
                      </a:lnTo>
                      <a:lnTo>
                        <a:pt x="829" y="111"/>
                      </a:lnTo>
                      <a:lnTo>
                        <a:pt x="831" y="113"/>
                      </a:lnTo>
                      <a:lnTo>
                        <a:pt x="831" y="111"/>
                      </a:lnTo>
                      <a:lnTo>
                        <a:pt x="833" y="110"/>
                      </a:lnTo>
                      <a:lnTo>
                        <a:pt x="834" y="106"/>
                      </a:lnTo>
                      <a:lnTo>
                        <a:pt x="834" y="105"/>
                      </a:lnTo>
                      <a:lnTo>
                        <a:pt x="834" y="96"/>
                      </a:lnTo>
                      <a:lnTo>
                        <a:pt x="833" y="88"/>
                      </a:lnTo>
                      <a:lnTo>
                        <a:pt x="831" y="81"/>
                      </a:lnTo>
                      <a:lnTo>
                        <a:pt x="829" y="76"/>
                      </a:lnTo>
                      <a:lnTo>
                        <a:pt x="828" y="72"/>
                      </a:lnTo>
                      <a:lnTo>
                        <a:pt x="826" y="69"/>
                      </a:lnTo>
                      <a:lnTo>
                        <a:pt x="824" y="67"/>
                      </a:lnTo>
                      <a:lnTo>
                        <a:pt x="817" y="72"/>
                      </a:lnTo>
                      <a:lnTo>
                        <a:pt x="816" y="72"/>
                      </a:lnTo>
                      <a:lnTo>
                        <a:pt x="814" y="74"/>
                      </a:lnTo>
                      <a:lnTo>
                        <a:pt x="811" y="76"/>
                      </a:lnTo>
                      <a:lnTo>
                        <a:pt x="809" y="79"/>
                      </a:lnTo>
                      <a:lnTo>
                        <a:pt x="809" y="89"/>
                      </a:lnTo>
                      <a:lnTo>
                        <a:pt x="809" y="96"/>
                      </a:lnTo>
                      <a:lnTo>
                        <a:pt x="807" y="101"/>
                      </a:lnTo>
                      <a:lnTo>
                        <a:pt x="807" y="105"/>
                      </a:lnTo>
                      <a:lnTo>
                        <a:pt x="807" y="106"/>
                      </a:lnTo>
                      <a:lnTo>
                        <a:pt x="806" y="105"/>
                      </a:lnTo>
                      <a:lnTo>
                        <a:pt x="806" y="101"/>
                      </a:lnTo>
                      <a:lnTo>
                        <a:pt x="804" y="98"/>
                      </a:lnTo>
                      <a:lnTo>
                        <a:pt x="802" y="94"/>
                      </a:lnTo>
                      <a:lnTo>
                        <a:pt x="802" y="91"/>
                      </a:lnTo>
                      <a:lnTo>
                        <a:pt x="802" y="88"/>
                      </a:lnTo>
                      <a:lnTo>
                        <a:pt x="800" y="84"/>
                      </a:lnTo>
                      <a:lnTo>
                        <a:pt x="800" y="81"/>
                      </a:lnTo>
                      <a:lnTo>
                        <a:pt x="800" y="79"/>
                      </a:lnTo>
                      <a:lnTo>
                        <a:pt x="800" y="78"/>
                      </a:lnTo>
                      <a:lnTo>
                        <a:pt x="799" y="71"/>
                      </a:lnTo>
                      <a:lnTo>
                        <a:pt x="797" y="67"/>
                      </a:lnTo>
                      <a:lnTo>
                        <a:pt x="792" y="67"/>
                      </a:lnTo>
                      <a:lnTo>
                        <a:pt x="789" y="69"/>
                      </a:lnTo>
                      <a:lnTo>
                        <a:pt x="784" y="72"/>
                      </a:lnTo>
                      <a:lnTo>
                        <a:pt x="778" y="76"/>
                      </a:lnTo>
                      <a:lnTo>
                        <a:pt x="777" y="78"/>
                      </a:lnTo>
                      <a:lnTo>
                        <a:pt x="775" y="79"/>
                      </a:lnTo>
                      <a:lnTo>
                        <a:pt x="763" y="79"/>
                      </a:lnTo>
                      <a:lnTo>
                        <a:pt x="762" y="81"/>
                      </a:lnTo>
                      <a:lnTo>
                        <a:pt x="760" y="81"/>
                      </a:lnTo>
                      <a:lnTo>
                        <a:pt x="756" y="83"/>
                      </a:lnTo>
                      <a:lnTo>
                        <a:pt x="753" y="83"/>
                      </a:lnTo>
                      <a:lnTo>
                        <a:pt x="750" y="84"/>
                      </a:lnTo>
                      <a:lnTo>
                        <a:pt x="745" y="86"/>
                      </a:lnTo>
                      <a:lnTo>
                        <a:pt x="743" y="88"/>
                      </a:lnTo>
                      <a:lnTo>
                        <a:pt x="741" y="88"/>
                      </a:lnTo>
                      <a:lnTo>
                        <a:pt x="731" y="94"/>
                      </a:lnTo>
                      <a:lnTo>
                        <a:pt x="726" y="96"/>
                      </a:lnTo>
                      <a:lnTo>
                        <a:pt x="724" y="96"/>
                      </a:lnTo>
                      <a:lnTo>
                        <a:pt x="724" y="94"/>
                      </a:lnTo>
                      <a:lnTo>
                        <a:pt x="726" y="91"/>
                      </a:lnTo>
                      <a:lnTo>
                        <a:pt x="729" y="88"/>
                      </a:lnTo>
                      <a:lnTo>
                        <a:pt x="731" y="84"/>
                      </a:lnTo>
                      <a:lnTo>
                        <a:pt x="733" y="84"/>
                      </a:lnTo>
                      <a:lnTo>
                        <a:pt x="724" y="66"/>
                      </a:lnTo>
                      <a:lnTo>
                        <a:pt x="731" y="61"/>
                      </a:lnTo>
                      <a:lnTo>
                        <a:pt x="736" y="71"/>
                      </a:lnTo>
                      <a:lnTo>
                        <a:pt x="748" y="78"/>
                      </a:lnTo>
                      <a:lnTo>
                        <a:pt x="751" y="76"/>
                      </a:lnTo>
                      <a:lnTo>
                        <a:pt x="755" y="72"/>
                      </a:lnTo>
                      <a:lnTo>
                        <a:pt x="758" y="71"/>
                      </a:lnTo>
                      <a:lnTo>
                        <a:pt x="762" y="67"/>
                      </a:lnTo>
                      <a:lnTo>
                        <a:pt x="763" y="66"/>
                      </a:lnTo>
                      <a:lnTo>
                        <a:pt x="765" y="64"/>
                      </a:lnTo>
                      <a:lnTo>
                        <a:pt x="765" y="62"/>
                      </a:lnTo>
                      <a:lnTo>
                        <a:pt x="756" y="56"/>
                      </a:lnTo>
                      <a:lnTo>
                        <a:pt x="753" y="52"/>
                      </a:lnTo>
                      <a:lnTo>
                        <a:pt x="755" y="52"/>
                      </a:lnTo>
                      <a:lnTo>
                        <a:pt x="758" y="52"/>
                      </a:lnTo>
                      <a:lnTo>
                        <a:pt x="763" y="54"/>
                      </a:lnTo>
                      <a:lnTo>
                        <a:pt x="768" y="56"/>
                      </a:lnTo>
                      <a:lnTo>
                        <a:pt x="772" y="57"/>
                      </a:lnTo>
                      <a:lnTo>
                        <a:pt x="775" y="59"/>
                      </a:lnTo>
                      <a:lnTo>
                        <a:pt x="789" y="52"/>
                      </a:lnTo>
                      <a:lnTo>
                        <a:pt x="789" y="50"/>
                      </a:lnTo>
                      <a:lnTo>
                        <a:pt x="789" y="49"/>
                      </a:lnTo>
                      <a:lnTo>
                        <a:pt x="787" y="47"/>
                      </a:lnTo>
                      <a:lnTo>
                        <a:pt x="787" y="45"/>
                      </a:lnTo>
                      <a:lnTo>
                        <a:pt x="780" y="39"/>
                      </a:lnTo>
                      <a:lnTo>
                        <a:pt x="777" y="34"/>
                      </a:lnTo>
                      <a:lnTo>
                        <a:pt x="780" y="34"/>
                      </a:lnTo>
                      <a:lnTo>
                        <a:pt x="784" y="35"/>
                      </a:lnTo>
                      <a:lnTo>
                        <a:pt x="787" y="37"/>
                      </a:lnTo>
                      <a:lnTo>
                        <a:pt x="790" y="39"/>
                      </a:lnTo>
                      <a:lnTo>
                        <a:pt x="790" y="40"/>
                      </a:lnTo>
                      <a:lnTo>
                        <a:pt x="792" y="40"/>
                      </a:lnTo>
                      <a:lnTo>
                        <a:pt x="795" y="39"/>
                      </a:lnTo>
                      <a:lnTo>
                        <a:pt x="800" y="39"/>
                      </a:lnTo>
                      <a:lnTo>
                        <a:pt x="802" y="39"/>
                      </a:lnTo>
                      <a:lnTo>
                        <a:pt x="811" y="47"/>
                      </a:lnTo>
                      <a:lnTo>
                        <a:pt x="816" y="50"/>
                      </a:lnTo>
                      <a:lnTo>
                        <a:pt x="817" y="50"/>
                      </a:lnTo>
                      <a:lnTo>
                        <a:pt x="817" y="47"/>
                      </a:lnTo>
                      <a:lnTo>
                        <a:pt x="814" y="44"/>
                      </a:lnTo>
                      <a:lnTo>
                        <a:pt x="811" y="39"/>
                      </a:lnTo>
                      <a:lnTo>
                        <a:pt x="809" y="35"/>
                      </a:lnTo>
                      <a:lnTo>
                        <a:pt x="807" y="34"/>
                      </a:lnTo>
                      <a:lnTo>
                        <a:pt x="800" y="17"/>
                      </a:lnTo>
                      <a:lnTo>
                        <a:pt x="790" y="15"/>
                      </a:lnTo>
                      <a:lnTo>
                        <a:pt x="780" y="0"/>
                      </a:lnTo>
                      <a:lnTo>
                        <a:pt x="750" y="8"/>
                      </a:lnTo>
                      <a:lnTo>
                        <a:pt x="721" y="15"/>
                      </a:lnTo>
                      <a:lnTo>
                        <a:pt x="692" y="20"/>
                      </a:lnTo>
                      <a:lnTo>
                        <a:pt x="663" y="27"/>
                      </a:lnTo>
                      <a:lnTo>
                        <a:pt x="636" y="32"/>
                      </a:lnTo>
                      <a:lnTo>
                        <a:pt x="609" y="39"/>
                      </a:lnTo>
                      <a:lnTo>
                        <a:pt x="584" y="44"/>
                      </a:lnTo>
                      <a:lnTo>
                        <a:pt x="558" y="47"/>
                      </a:lnTo>
                      <a:lnTo>
                        <a:pt x="533" y="52"/>
                      </a:lnTo>
                      <a:lnTo>
                        <a:pt x="509" y="56"/>
                      </a:lnTo>
                      <a:lnTo>
                        <a:pt x="486" y="61"/>
                      </a:lnTo>
                      <a:lnTo>
                        <a:pt x="464" y="64"/>
                      </a:lnTo>
                      <a:lnTo>
                        <a:pt x="443" y="67"/>
                      </a:lnTo>
                      <a:lnTo>
                        <a:pt x="423" y="71"/>
                      </a:lnTo>
                      <a:lnTo>
                        <a:pt x="403" y="74"/>
                      </a:lnTo>
                      <a:lnTo>
                        <a:pt x="384" y="76"/>
                      </a:lnTo>
                      <a:lnTo>
                        <a:pt x="366" y="79"/>
                      </a:lnTo>
                      <a:lnTo>
                        <a:pt x="349" y="81"/>
                      </a:lnTo>
                      <a:lnTo>
                        <a:pt x="333" y="83"/>
                      </a:lnTo>
                      <a:lnTo>
                        <a:pt x="318" y="84"/>
                      </a:lnTo>
                      <a:lnTo>
                        <a:pt x="305" y="86"/>
                      </a:lnTo>
                      <a:lnTo>
                        <a:pt x="293" y="88"/>
                      </a:lnTo>
                      <a:lnTo>
                        <a:pt x="281" y="89"/>
                      </a:lnTo>
                      <a:lnTo>
                        <a:pt x="271" y="91"/>
                      </a:lnTo>
                      <a:lnTo>
                        <a:pt x="261" y="91"/>
                      </a:lnTo>
                      <a:lnTo>
                        <a:pt x="252" y="93"/>
                      </a:lnTo>
                      <a:lnTo>
                        <a:pt x="245" y="93"/>
                      </a:lnTo>
                      <a:lnTo>
                        <a:pt x="240" y="94"/>
                      </a:lnTo>
                      <a:lnTo>
                        <a:pt x="235" y="94"/>
                      </a:lnTo>
                      <a:lnTo>
                        <a:pt x="232" y="94"/>
                      </a:lnTo>
                      <a:lnTo>
                        <a:pt x="230" y="94"/>
                      </a:lnTo>
                      <a:lnTo>
                        <a:pt x="232" y="94"/>
                      </a:lnTo>
                      <a:lnTo>
                        <a:pt x="232" y="96"/>
                      </a:lnTo>
                      <a:lnTo>
                        <a:pt x="232" y="100"/>
                      </a:lnTo>
                      <a:lnTo>
                        <a:pt x="232" y="106"/>
                      </a:lnTo>
                      <a:lnTo>
                        <a:pt x="232" y="111"/>
                      </a:lnTo>
                      <a:lnTo>
                        <a:pt x="234" y="118"/>
                      </a:lnTo>
                      <a:lnTo>
                        <a:pt x="232" y="125"/>
                      </a:lnTo>
                      <a:lnTo>
                        <a:pt x="232" y="128"/>
                      </a:lnTo>
                      <a:lnTo>
                        <a:pt x="232" y="130"/>
                      </a:lnTo>
                      <a:lnTo>
                        <a:pt x="225" y="130"/>
                      </a:lnTo>
                      <a:lnTo>
                        <a:pt x="220" y="133"/>
                      </a:lnTo>
                      <a:lnTo>
                        <a:pt x="215" y="138"/>
                      </a:lnTo>
                      <a:lnTo>
                        <a:pt x="212" y="145"/>
                      </a:lnTo>
                      <a:lnTo>
                        <a:pt x="208" y="152"/>
                      </a:lnTo>
                      <a:lnTo>
                        <a:pt x="206" y="157"/>
                      </a:lnTo>
                      <a:lnTo>
                        <a:pt x="205" y="160"/>
                      </a:lnTo>
                      <a:lnTo>
                        <a:pt x="198" y="157"/>
                      </a:lnTo>
                      <a:lnTo>
                        <a:pt x="191" y="157"/>
                      </a:lnTo>
                      <a:lnTo>
                        <a:pt x="183" y="162"/>
                      </a:lnTo>
                      <a:lnTo>
                        <a:pt x="174" y="169"/>
                      </a:lnTo>
                      <a:lnTo>
                        <a:pt x="168" y="177"/>
                      </a:lnTo>
                      <a:lnTo>
                        <a:pt x="161" y="184"/>
                      </a:lnTo>
                      <a:lnTo>
                        <a:pt x="156" y="188"/>
                      </a:lnTo>
                      <a:lnTo>
                        <a:pt x="154" y="188"/>
                      </a:lnTo>
                      <a:lnTo>
                        <a:pt x="152" y="182"/>
                      </a:lnTo>
                      <a:lnTo>
                        <a:pt x="149" y="181"/>
                      </a:lnTo>
                      <a:lnTo>
                        <a:pt x="147" y="179"/>
                      </a:lnTo>
                      <a:lnTo>
                        <a:pt x="144" y="179"/>
                      </a:lnTo>
                      <a:lnTo>
                        <a:pt x="140" y="181"/>
                      </a:lnTo>
                      <a:lnTo>
                        <a:pt x="137" y="182"/>
                      </a:lnTo>
                      <a:lnTo>
                        <a:pt x="134" y="186"/>
                      </a:lnTo>
                      <a:lnTo>
                        <a:pt x="132" y="191"/>
                      </a:lnTo>
                      <a:lnTo>
                        <a:pt x="129" y="194"/>
                      </a:lnTo>
                      <a:lnTo>
                        <a:pt x="125" y="199"/>
                      </a:lnTo>
                      <a:lnTo>
                        <a:pt x="124" y="204"/>
                      </a:lnTo>
                      <a:lnTo>
                        <a:pt x="122" y="208"/>
                      </a:lnTo>
                      <a:lnTo>
                        <a:pt x="118" y="213"/>
                      </a:lnTo>
                      <a:lnTo>
                        <a:pt x="118" y="215"/>
                      </a:lnTo>
                      <a:lnTo>
                        <a:pt x="117" y="216"/>
                      </a:lnTo>
                      <a:lnTo>
                        <a:pt x="117" y="218"/>
                      </a:lnTo>
                      <a:lnTo>
                        <a:pt x="108" y="220"/>
                      </a:lnTo>
                      <a:lnTo>
                        <a:pt x="100" y="223"/>
                      </a:lnTo>
                      <a:lnTo>
                        <a:pt x="91" y="228"/>
                      </a:lnTo>
                      <a:lnTo>
                        <a:pt x="83" y="235"/>
                      </a:lnTo>
                      <a:lnTo>
                        <a:pt x="78" y="240"/>
                      </a:lnTo>
                      <a:lnTo>
                        <a:pt x="71" y="247"/>
                      </a:lnTo>
                      <a:lnTo>
                        <a:pt x="68" y="250"/>
                      </a:lnTo>
                      <a:lnTo>
                        <a:pt x="66" y="252"/>
                      </a:lnTo>
                      <a:lnTo>
                        <a:pt x="56" y="252"/>
                      </a:lnTo>
                      <a:lnTo>
                        <a:pt x="47" y="255"/>
                      </a:lnTo>
                      <a:lnTo>
                        <a:pt x="41" y="259"/>
                      </a:lnTo>
                      <a:lnTo>
                        <a:pt x="34" y="264"/>
                      </a:lnTo>
                      <a:lnTo>
                        <a:pt x="31" y="269"/>
                      </a:lnTo>
                      <a:lnTo>
                        <a:pt x="27" y="274"/>
                      </a:lnTo>
                      <a:lnTo>
                        <a:pt x="25" y="277"/>
                      </a:lnTo>
                      <a:lnTo>
                        <a:pt x="25" y="279"/>
                      </a:lnTo>
                      <a:lnTo>
                        <a:pt x="24" y="286"/>
                      </a:lnTo>
                      <a:lnTo>
                        <a:pt x="20" y="291"/>
                      </a:lnTo>
                      <a:lnTo>
                        <a:pt x="17" y="296"/>
                      </a:lnTo>
                      <a:lnTo>
                        <a:pt x="12" y="298"/>
                      </a:lnTo>
                      <a:lnTo>
                        <a:pt x="9" y="299"/>
                      </a:lnTo>
                      <a:lnTo>
                        <a:pt x="3" y="299"/>
                      </a:lnTo>
                      <a:lnTo>
                        <a:pt x="0" y="299"/>
                      </a:lnTo>
                      <a:lnTo>
                        <a:pt x="0" y="333"/>
                      </a:lnTo>
                      <a:lnTo>
                        <a:pt x="124" y="314"/>
                      </a:lnTo>
                      <a:lnTo>
                        <a:pt x="125" y="316"/>
                      </a:lnTo>
                      <a:lnTo>
                        <a:pt x="127" y="314"/>
                      </a:lnTo>
                      <a:lnTo>
                        <a:pt x="129" y="313"/>
                      </a:lnTo>
                      <a:lnTo>
                        <a:pt x="132" y="309"/>
                      </a:lnTo>
                      <a:lnTo>
                        <a:pt x="135" y="306"/>
                      </a:lnTo>
                      <a:lnTo>
                        <a:pt x="140" y="303"/>
                      </a:lnTo>
                      <a:lnTo>
                        <a:pt x="146" y="299"/>
                      </a:lnTo>
                      <a:lnTo>
                        <a:pt x="152" y="296"/>
                      </a:lnTo>
                      <a:lnTo>
                        <a:pt x="157" y="292"/>
                      </a:lnTo>
                      <a:lnTo>
                        <a:pt x="166" y="287"/>
                      </a:lnTo>
                      <a:lnTo>
                        <a:pt x="173" y="284"/>
                      </a:lnTo>
                      <a:lnTo>
                        <a:pt x="181" y="281"/>
                      </a:lnTo>
                      <a:lnTo>
                        <a:pt x="190" y="279"/>
                      </a:lnTo>
                      <a:lnTo>
                        <a:pt x="200" y="277"/>
                      </a:lnTo>
                      <a:lnTo>
                        <a:pt x="210" y="274"/>
                      </a:lnTo>
                      <a:lnTo>
                        <a:pt x="218" y="274"/>
                      </a:lnTo>
                      <a:lnTo>
                        <a:pt x="311" y="265"/>
                      </a:lnTo>
                      <a:lnTo>
                        <a:pt x="313" y="265"/>
                      </a:lnTo>
                      <a:lnTo>
                        <a:pt x="315" y="264"/>
                      </a:lnTo>
                      <a:lnTo>
                        <a:pt x="320" y="264"/>
                      </a:lnTo>
                      <a:lnTo>
                        <a:pt x="327" y="264"/>
                      </a:lnTo>
                      <a:lnTo>
                        <a:pt x="333" y="265"/>
                      </a:lnTo>
                      <a:lnTo>
                        <a:pt x="340" y="269"/>
                      </a:lnTo>
                      <a:lnTo>
                        <a:pt x="347" y="276"/>
                      </a:lnTo>
                      <a:lnTo>
                        <a:pt x="355" y="287"/>
                      </a:lnTo>
                      <a:lnTo>
                        <a:pt x="359" y="301"/>
                      </a:lnTo>
                      <a:lnTo>
                        <a:pt x="467" y="284"/>
                      </a:lnTo>
                      <a:lnTo>
                        <a:pt x="597" y="379"/>
                      </a:lnTo>
                      <a:lnTo>
                        <a:pt x="601" y="379"/>
                      </a:lnTo>
                      <a:lnTo>
                        <a:pt x="602" y="379"/>
                      </a:lnTo>
                      <a:lnTo>
                        <a:pt x="604" y="377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69" name="Freeform 164"/>
                <p:cNvSpPr>
                  <a:spLocks/>
                </p:cNvSpPr>
                <p:nvPr/>
              </p:nvSpPr>
              <p:spPr bwMode="auto">
                <a:xfrm>
                  <a:off x="4106" y="2082"/>
                  <a:ext cx="834" cy="379"/>
                </a:xfrm>
                <a:custGeom>
                  <a:avLst/>
                  <a:gdLst>
                    <a:gd name="T0" fmla="*/ 648 w 834"/>
                    <a:gd name="T1" fmla="*/ 360 h 379"/>
                    <a:gd name="T2" fmla="*/ 658 w 834"/>
                    <a:gd name="T3" fmla="*/ 335 h 379"/>
                    <a:gd name="T4" fmla="*/ 662 w 834"/>
                    <a:gd name="T5" fmla="*/ 353 h 379"/>
                    <a:gd name="T6" fmla="*/ 675 w 834"/>
                    <a:gd name="T7" fmla="*/ 309 h 379"/>
                    <a:gd name="T8" fmla="*/ 697 w 834"/>
                    <a:gd name="T9" fmla="*/ 279 h 379"/>
                    <a:gd name="T10" fmla="*/ 702 w 834"/>
                    <a:gd name="T11" fmla="*/ 264 h 379"/>
                    <a:gd name="T12" fmla="*/ 729 w 834"/>
                    <a:gd name="T13" fmla="*/ 248 h 379"/>
                    <a:gd name="T14" fmla="*/ 758 w 834"/>
                    <a:gd name="T15" fmla="*/ 232 h 379"/>
                    <a:gd name="T16" fmla="*/ 768 w 834"/>
                    <a:gd name="T17" fmla="*/ 233 h 379"/>
                    <a:gd name="T18" fmla="*/ 780 w 834"/>
                    <a:gd name="T19" fmla="*/ 230 h 379"/>
                    <a:gd name="T20" fmla="*/ 790 w 834"/>
                    <a:gd name="T21" fmla="*/ 218 h 379"/>
                    <a:gd name="T22" fmla="*/ 795 w 834"/>
                    <a:gd name="T23" fmla="*/ 193 h 379"/>
                    <a:gd name="T24" fmla="*/ 790 w 834"/>
                    <a:gd name="T25" fmla="*/ 201 h 379"/>
                    <a:gd name="T26" fmla="*/ 784 w 834"/>
                    <a:gd name="T27" fmla="*/ 188 h 379"/>
                    <a:gd name="T28" fmla="*/ 772 w 834"/>
                    <a:gd name="T29" fmla="*/ 198 h 379"/>
                    <a:gd name="T30" fmla="*/ 733 w 834"/>
                    <a:gd name="T31" fmla="*/ 199 h 379"/>
                    <a:gd name="T32" fmla="*/ 763 w 834"/>
                    <a:gd name="T33" fmla="*/ 194 h 379"/>
                    <a:gd name="T34" fmla="*/ 772 w 834"/>
                    <a:gd name="T35" fmla="*/ 164 h 379"/>
                    <a:gd name="T36" fmla="*/ 750 w 834"/>
                    <a:gd name="T37" fmla="*/ 159 h 379"/>
                    <a:gd name="T38" fmla="*/ 726 w 834"/>
                    <a:gd name="T39" fmla="*/ 149 h 379"/>
                    <a:gd name="T40" fmla="*/ 746 w 834"/>
                    <a:gd name="T41" fmla="*/ 149 h 379"/>
                    <a:gd name="T42" fmla="*/ 765 w 834"/>
                    <a:gd name="T43" fmla="*/ 144 h 379"/>
                    <a:gd name="T44" fmla="*/ 777 w 834"/>
                    <a:gd name="T45" fmla="*/ 138 h 379"/>
                    <a:gd name="T46" fmla="*/ 787 w 834"/>
                    <a:gd name="T47" fmla="*/ 149 h 379"/>
                    <a:gd name="T48" fmla="*/ 809 w 834"/>
                    <a:gd name="T49" fmla="*/ 147 h 379"/>
                    <a:gd name="T50" fmla="*/ 831 w 834"/>
                    <a:gd name="T51" fmla="*/ 113 h 379"/>
                    <a:gd name="T52" fmla="*/ 834 w 834"/>
                    <a:gd name="T53" fmla="*/ 105 h 379"/>
                    <a:gd name="T54" fmla="*/ 824 w 834"/>
                    <a:gd name="T55" fmla="*/ 67 h 379"/>
                    <a:gd name="T56" fmla="*/ 809 w 834"/>
                    <a:gd name="T57" fmla="*/ 79 h 379"/>
                    <a:gd name="T58" fmla="*/ 806 w 834"/>
                    <a:gd name="T59" fmla="*/ 105 h 379"/>
                    <a:gd name="T60" fmla="*/ 800 w 834"/>
                    <a:gd name="T61" fmla="*/ 84 h 379"/>
                    <a:gd name="T62" fmla="*/ 792 w 834"/>
                    <a:gd name="T63" fmla="*/ 67 h 379"/>
                    <a:gd name="T64" fmla="*/ 763 w 834"/>
                    <a:gd name="T65" fmla="*/ 79 h 379"/>
                    <a:gd name="T66" fmla="*/ 743 w 834"/>
                    <a:gd name="T67" fmla="*/ 88 h 379"/>
                    <a:gd name="T68" fmla="*/ 726 w 834"/>
                    <a:gd name="T69" fmla="*/ 91 h 379"/>
                    <a:gd name="T70" fmla="*/ 748 w 834"/>
                    <a:gd name="T71" fmla="*/ 78 h 379"/>
                    <a:gd name="T72" fmla="*/ 763 w 834"/>
                    <a:gd name="T73" fmla="*/ 66 h 379"/>
                    <a:gd name="T74" fmla="*/ 758 w 834"/>
                    <a:gd name="T75" fmla="*/ 52 h 379"/>
                    <a:gd name="T76" fmla="*/ 789 w 834"/>
                    <a:gd name="T77" fmla="*/ 50 h 379"/>
                    <a:gd name="T78" fmla="*/ 777 w 834"/>
                    <a:gd name="T79" fmla="*/ 34 h 379"/>
                    <a:gd name="T80" fmla="*/ 792 w 834"/>
                    <a:gd name="T81" fmla="*/ 40 h 379"/>
                    <a:gd name="T82" fmla="*/ 817 w 834"/>
                    <a:gd name="T83" fmla="*/ 50 h 379"/>
                    <a:gd name="T84" fmla="*/ 790 w 834"/>
                    <a:gd name="T85" fmla="*/ 15 h 379"/>
                    <a:gd name="T86" fmla="*/ 636 w 834"/>
                    <a:gd name="T87" fmla="*/ 32 h 379"/>
                    <a:gd name="T88" fmla="*/ 464 w 834"/>
                    <a:gd name="T89" fmla="*/ 64 h 379"/>
                    <a:gd name="T90" fmla="*/ 333 w 834"/>
                    <a:gd name="T91" fmla="*/ 83 h 379"/>
                    <a:gd name="T92" fmla="*/ 252 w 834"/>
                    <a:gd name="T93" fmla="*/ 93 h 379"/>
                    <a:gd name="T94" fmla="*/ 232 w 834"/>
                    <a:gd name="T95" fmla="*/ 94 h 379"/>
                    <a:gd name="T96" fmla="*/ 232 w 834"/>
                    <a:gd name="T97" fmla="*/ 125 h 379"/>
                    <a:gd name="T98" fmla="*/ 212 w 834"/>
                    <a:gd name="T99" fmla="*/ 145 h 379"/>
                    <a:gd name="T100" fmla="*/ 191 w 834"/>
                    <a:gd name="T101" fmla="*/ 157 h 379"/>
                    <a:gd name="T102" fmla="*/ 154 w 834"/>
                    <a:gd name="T103" fmla="*/ 188 h 379"/>
                    <a:gd name="T104" fmla="*/ 134 w 834"/>
                    <a:gd name="T105" fmla="*/ 186 h 379"/>
                    <a:gd name="T106" fmla="*/ 118 w 834"/>
                    <a:gd name="T107" fmla="*/ 215 h 379"/>
                    <a:gd name="T108" fmla="*/ 83 w 834"/>
                    <a:gd name="T109" fmla="*/ 235 h 379"/>
                    <a:gd name="T110" fmla="*/ 47 w 834"/>
                    <a:gd name="T111" fmla="*/ 255 h 379"/>
                    <a:gd name="T112" fmla="*/ 25 w 834"/>
                    <a:gd name="T113" fmla="*/ 279 h 379"/>
                    <a:gd name="T114" fmla="*/ 0 w 834"/>
                    <a:gd name="T115" fmla="*/ 299 h 379"/>
                    <a:gd name="T116" fmla="*/ 127 w 834"/>
                    <a:gd name="T117" fmla="*/ 314 h 379"/>
                    <a:gd name="T118" fmla="*/ 157 w 834"/>
                    <a:gd name="T119" fmla="*/ 292 h 379"/>
                    <a:gd name="T120" fmla="*/ 218 w 834"/>
                    <a:gd name="T121" fmla="*/ 274 h 379"/>
                    <a:gd name="T122" fmla="*/ 333 w 834"/>
                    <a:gd name="T123" fmla="*/ 265 h 379"/>
                    <a:gd name="T124" fmla="*/ 597 w 834"/>
                    <a:gd name="T125" fmla="*/ 379 h 379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60000 65536"/>
                    <a:gd name="T187" fmla="*/ 0 60000 65536"/>
                    <a:gd name="T188" fmla="*/ 0 60000 65536"/>
                    <a:gd name="T189" fmla="*/ 0 w 834"/>
                    <a:gd name="T190" fmla="*/ 0 h 379"/>
                    <a:gd name="T191" fmla="*/ 834 w 834"/>
                    <a:gd name="T192" fmla="*/ 379 h 379"/>
                  </a:gdLst>
                  <a:ahLst/>
                  <a:cxnLst>
                    <a:cxn ang="T126">
                      <a:pos x="T0" y="T1"/>
                    </a:cxn>
                    <a:cxn ang="T127">
                      <a:pos x="T2" y="T3"/>
                    </a:cxn>
                    <a:cxn ang="T128">
                      <a:pos x="T4" y="T5"/>
                    </a:cxn>
                    <a:cxn ang="T129">
                      <a:pos x="T6" y="T7"/>
                    </a:cxn>
                    <a:cxn ang="T130">
                      <a:pos x="T8" y="T9"/>
                    </a:cxn>
                    <a:cxn ang="T131">
                      <a:pos x="T10" y="T11"/>
                    </a:cxn>
                    <a:cxn ang="T132">
                      <a:pos x="T12" y="T13"/>
                    </a:cxn>
                    <a:cxn ang="T133">
                      <a:pos x="T14" y="T15"/>
                    </a:cxn>
                    <a:cxn ang="T134">
                      <a:pos x="T16" y="T17"/>
                    </a:cxn>
                    <a:cxn ang="T135">
                      <a:pos x="T18" y="T19"/>
                    </a:cxn>
                    <a:cxn ang="T136">
                      <a:pos x="T20" y="T21"/>
                    </a:cxn>
                    <a:cxn ang="T137">
                      <a:pos x="T22" y="T23"/>
                    </a:cxn>
                    <a:cxn ang="T138">
                      <a:pos x="T24" y="T25"/>
                    </a:cxn>
                    <a:cxn ang="T139">
                      <a:pos x="T26" y="T27"/>
                    </a:cxn>
                    <a:cxn ang="T140">
                      <a:pos x="T28" y="T29"/>
                    </a:cxn>
                    <a:cxn ang="T141">
                      <a:pos x="T30" y="T31"/>
                    </a:cxn>
                    <a:cxn ang="T142">
                      <a:pos x="T32" y="T33"/>
                    </a:cxn>
                    <a:cxn ang="T143">
                      <a:pos x="T34" y="T35"/>
                    </a:cxn>
                    <a:cxn ang="T144">
                      <a:pos x="T36" y="T37"/>
                    </a:cxn>
                    <a:cxn ang="T145">
                      <a:pos x="T38" y="T39"/>
                    </a:cxn>
                    <a:cxn ang="T146">
                      <a:pos x="T40" y="T41"/>
                    </a:cxn>
                    <a:cxn ang="T147">
                      <a:pos x="T42" y="T43"/>
                    </a:cxn>
                    <a:cxn ang="T148">
                      <a:pos x="T44" y="T45"/>
                    </a:cxn>
                    <a:cxn ang="T149">
                      <a:pos x="T46" y="T47"/>
                    </a:cxn>
                    <a:cxn ang="T150">
                      <a:pos x="T48" y="T49"/>
                    </a:cxn>
                    <a:cxn ang="T151">
                      <a:pos x="T50" y="T51"/>
                    </a:cxn>
                    <a:cxn ang="T152">
                      <a:pos x="T52" y="T53"/>
                    </a:cxn>
                    <a:cxn ang="T153">
                      <a:pos x="T54" y="T55"/>
                    </a:cxn>
                    <a:cxn ang="T154">
                      <a:pos x="T56" y="T57"/>
                    </a:cxn>
                    <a:cxn ang="T155">
                      <a:pos x="T58" y="T59"/>
                    </a:cxn>
                    <a:cxn ang="T156">
                      <a:pos x="T60" y="T61"/>
                    </a:cxn>
                    <a:cxn ang="T157">
                      <a:pos x="T62" y="T63"/>
                    </a:cxn>
                    <a:cxn ang="T158">
                      <a:pos x="T64" y="T65"/>
                    </a:cxn>
                    <a:cxn ang="T159">
                      <a:pos x="T66" y="T67"/>
                    </a:cxn>
                    <a:cxn ang="T160">
                      <a:pos x="T68" y="T69"/>
                    </a:cxn>
                    <a:cxn ang="T161">
                      <a:pos x="T70" y="T71"/>
                    </a:cxn>
                    <a:cxn ang="T162">
                      <a:pos x="T72" y="T73"/>
                    </a:cxn>
                    <a:cxn ang="T163">
                      <a:pos x="T74" y="T75"/>
                    </a:cxn>
                    <a:cxn ang="T164">
                      <a:pos x="T76" y="T77"/>
                    </a:cxn>
                    <a:cxn ang="T165">
                      <a:pos x="T78" y="T79"/>
                    </a:cxn>
                    <a:cxn ang="T166">
                      <a:pos x="T80" y="T81"/>
                    </a:cxn>
                    <a:cxn ang="T167">
                      <a:pos x="T82" y="T83"/>
                    </a:cxn>
                    <a:cxn ang="T168">
                      <a:pos x="T84" y="T85"/>
                    </a:cxn>
                    <a:cxn ang="T169">
                      <a:pos x="T86" y="T87"/>
                    </a:cxn>
                    <a:cxn ang="T170">
                      <a:pos x="T88" y="T89"/>
                    </a:cxn>
                    <a:cxn ang="T171">
                      <a:pos x="T90" y="T91"/>
                    </a:cxn>
                    <a:cxn ang="T172">
                      <a:pos x="T92" y="T93"/>
                    </a:cxn>
                    <a:cxn ang="T173">
                      <a:pos x="T94" y="T95"/>
                    </a:cxn>
                    <a:cxn ang="T174">
                      <a:pos x="T96" y="T97"/>
                    </a:cxn>
                    <a:cxn ang="T175">
                      <a:pos x="T98" y="T99"/>
                    </a:cxn>
                    <a:cxn ang="T176">
                      <a:pos x="T100" y="T101"/>
                    </a:cxn>
                    <a:cxn ang="T177">
                      <a:pos x="T102" y="T103"/>
                    </a:cxn>
                    <a:cxn ang="T178">
                      <a:pos x="T104" y="T105"/>
                    </a:cxn>
                    <a:cxn ang="T179">
                      <a:pos x="T106" y="T107"/>
                    </a:cxn>
                    <a:cxn ang="T180">
                      <a:pos x="T108" y="T109"/>
                    </a:cxn>
                    <a:cxn ang="T181">
                      <a:pos x="T110" y="T111"/>
                    </a:cxn>
                    <a:cxn ang="T182">
                      <a:pos x="T112" y="T113"/>
                    </a:cxn>
                    <a:cxn ang="T183">
                      <a:pos x="T114" y="T115"/>
                    </a:cxn>
                    <a:cxn ang="T184">
                      <a:pos x="T116" y="T117"/>
                    </a:cxn>
                    <a:cxn ang="T185">
                      <a:pos x="T118" y="T119"/>
                    </a:cxn>
                    <a:cxn ang="T186">
                      <a:pos x="T120" y="T121"/>
                    </a:cxn>
                    <a:cxn ang="T187">
                      <a:pos x="T122" y="T123"/>
                    </a:cxn>
                    <a:cxn ang="T188">
                      <a:pos x="T124" y="T125"/>
                    </a:cxn>
                  </a:cxnLst>
                  <a:rect l="T189" t="T190" r="T191" b="T192"/>
                  <a:pathLst>
                    <a:path w="834" h="379">
                      <a:moveTo>
                        <a:pt x="604" y="377"/>
                      </a:moveTo>
                      <a:lnTo>
                        <a:pt x="604" y="377"/>
                      </a:lnTo>
                      <a:lnTo>
                        <a:pt x="618" y="369"/>
                      </a:lnTo>
                      <a:lnTo>
                        <a:pt x="628" y="362"/>
                      </a:lnTo>
                      <a:lnTo>
                        <a:pt x="636" y="360"/>
                      </a:lnTo>
                      <a:lnTo>
                        <a:pt x="643" y="360"/>
                      </a:lnTo>
                      <a:lnTo>
                        <a:pt x="648" y="360"/>
                      </a:lnTo>
                      <a:lnTo>
                        <a:pt x="650" y="362"/>
                      </a:lnTo>
                      <a:lnTo>
                        <a:pt x="653" y="364"/>
                      </a:lnTo>
                      <a:lnTo>
                        <a:pt x="653" y="365"/>
                      </a:lnTo>
                      <a:lnTo>
                        <a:pt x="653" y="333"/>
                      </a:lnTo>
                      <a:lnTo>
                        <a:pt x="657" y="333"/>
                      </a:lnTo>
                      <a:lnTo>
                        <a:pt x="658" y="335"/>
                      </a:lnTo>
                      <a:lnTo>
                        <a:pt x="658" y="338"/>
                      </a:lnTo>
                      <a:lnTo>
                        <a:pt x="658" y="340"/>
                      </a:lnTo>
                      <a:lnTo>
                        <a:pt x="660" y="345"/>
                      </a:lnTo>
                      <a:lnTo>
                        <a:pt x="662" y="348"/>
                      </a:lnTo>
                      <a:lnTo>
                        <a:pt x="662" y="352"/>
                      </a:lnTo>
                      <a:lnTo>
                        <a:pt x="662" y="353"/>
                      </a:lnTo>
                      <a:lnTo>
                        <a:pt x="663" y="345"/>
                      </a:lnTo>
                      <a:lnTo>
                        <a:pt x="663" y="338"/>
                      </a:lnTo>
                      <a:lnTo>
                        <a:pt x="667" y="330"/>
                      </a:lnTo>
                      <a:lnTo>
                        <a:pt x="668" y="323"/>
                      </a:lnTo>
                      <a:lnTo>
                        <a:pt x="672" y="316"/>
                      </a:lnTo>
                      <a:lnTo>
                        <a:pt x="675" y="309"/>
                      </a:lnTo>
                      <a:lnTo>
                        <a:pt x="679" y="303"/>
                      </a:lnTo>
                      <a:lnTo>
                        <a:pt x="682" y="298"/>
                      </a:lnTo>
                      <a:lnTo>
                        <a:pt x="685" y="292"/>
                      </a:lnTo>
                      <a:lnTo>
                        <a:pt x="689" y="289"/>
                      </a:lnTo>
                      <a:lnTo>
                        <a:pt x="692" y="286"/>
                      </a:lnTo>
                      <a:lnTo>
                        <a:pt x="696" y="282"/>
                      </a:lnTo>
                      <a:lnTo>
                        <a:pt x="697" y="279"/>
                      </a:lnTo>
                      <a:lnTo>
                        <a:pt x="699" y="277"/>
                      </a:lnTo>
                      <a:lnTo>
                        <a:pt x="701" y="277"/>
                      </a:lnTo>
                      <a:lnTo>
                        <a:pt x="701" y="276"/>
                      </a:lnTo>
                      <a:lnTo>
                        <a:pt x="696" y="267"/>
                      </a:lnTo>
                      <a:lnTo>
                        <a:pt x="702" y="262"/>
                      </a:lnTo>
                      <a:lnTo>
                        <a:pt x="702" y="264"/>
                      </a:lnTo>
                      <a:lnTo>
                        <a:pt x="704" y="267"/>
                      </a:lnTo>
                      <a:lnTo>
                        <a:pt x="706" y="270"/>
                      </a:lnTo>
                      <a:lnTo>
                        <a:pt x="707" y="270"/>
                      </a:lnTo>
                      <a:lnTo>
                        <a:pt x="714" y="262"/>
                      </a:lnTo>
                      <a:lnTo>
                        <a:pt x="721" y="254"/>
                      </a:lnTo>
                      <a:lnTo>
                        <a:pt x="729" y="248"/>
                      </a:lnTo>
                      <a:lnTo>
                        <a:pt x="738" y="243"/>
                      </a:lnTo>
                      <a:lnTo>
                        <a:pt x="745" y="242"/>
                      </a:lnTo>
                      <a:lnTo>
                        <a:pt x="751" y="240"/>
                      </a:lnTo>
                      <a:lnTo>
                        <a:pt x="756" y="238"/>
                      </a:lnTo>
                      <a:lnTo>
                        <a:pt x="758" y="238"/>
                      </a:lnTo>
                      <a:lnTo>
                        <a:pt x="758" y="232"/>
                      </a:lnTo>
                      <a:lnTo>
                        <a:pt x="760" y="230"/>
                      </a:lnTo>
                      <a:lnTo>
                        <a:pt x="762" y="228"/>
                      </a:lnTo>
                      <a:lnTo>
                        <a:pt x="763" y="228"/>
                      </a:lnTo>
                      <a:lnTo>
                        <a:pt x="765" y="230"/>
                      </a:lnTo>
                      <a:lnTo>
                        <a:pt x="767" y="230"/>
                      </a:lnTo>
                      <a:lnTo>
                        <a:pt x="768" y="232"/>
                      </a:lnTo>
                      <a:lnTo>
                        <a:pt x="768" y="233"/>
                      </a:lnTo>
                      <a:lnTo>
                        <a:pt x="770" y="230"/>
                      </a:lnTo>
                      <a:lnTo>
                        <a:pt x="772" y="228"/>
                      </a:lnTo>
                      <a:lnTo>
                        <a:pt x="773" y="226"/>
                      </a:lnTo>
                      <a:lnTo>
                        <a:pt x="775" y="228"/>
                      </a:lnTo>
                      <a:lnTo>
                        <a:pt x="778" y="228"/>
                      </a:lnTo>
                      <a:lnTo>
                        <a:pt x="780" y="230"/>
                      </a:lnTo>
                      <a:lnTo>
                        <a:pt x="782" y="230"/>
                      </a:lnTo>
                      <a:lnTo>
                        <a:pt x="784" y="230"/>
                      </a:lnTo>
                      <a:lnTo>
                        <a:pt x="785" y="226"/>
                      </a:lnTo>
                      <a:lnTo>
                        <a:pt x="787" y="223"/>
                      </a:lnTo>
                      <a:lnTo>
                        <a:pt x="790" y="218"/>
                      </a:lnTo>
                      <a:lnTo>
                        <a:pt x="792" y="215"/>
                      </a:lnTo>
                      <a:lnTo>
                        <a:pt x="795" y="210"/>
                      </a:lnTo>
                      <a:lnTo>
                        <a:pt x="797" y="208"/>
                      </a:lnTo>
                      <a:lnTo>
                        <a:pt x="797" y="204"/>
                      </a:lnTo>
                      <a:lnTo>
                        <a:pt x="797" y="196"/>
                      </a:lnTo>
                      <a:lnTo>
                        <a:pt x="795" y="193"/>
                      </a:lnTo>
                      <a:lnTo>
                        <a:pt x="795" y="191"/>
                      </a:lnTo>
                      <a:lnTo>
                        <a:pt x="794" y="193"/>
                      </a:lnTo>
                      <a:lnTo>
                        <a:pt x="792" y="194"/>
                      </a:lnTo>
                      <a:lnTo>
                        <a:pt x="790" y="198"/>
                      </a:lnTo>
                      <a:lnTo>
                        <a:pt x="790" y="199"/>
                      </a:lnTo>
                      <a:lnTo>
                        <a:pt x="790" y="201"/>
                      </a:lnTo>
                      <a:lnTo>
                        <a:pt x="789" y="201"/>
                      </a:lnTo>
                      <a:lnTo>
                        <a:pt x="787" y="199"/>
                      </a:lnTo>
                      <a:lnTo>
                        <a:pt x="785" y="199"/>
                      </a:lnTo>
                      <a:lnTo>
                        <a:pt x="785" y="198"/>
                      </a:lnTo>
                      <a:lnTo>
                        <a:pt x="784" y="191"/>
                      </a:lnTo>
                      <a:lnTo>
                        <a:pt x="784" y="188"/>
                      </a:lnTo>
                      <a:lnTo>
                        <a:pt x="784" y="186"/>
                      </a:lnTo>
                      <a:lnTo>
                        <a:pt x="782" y="188"/>
                      </a:lnTo>
                      <a:lnTo>
                        <a:pt x="780" y="189"/>
                      </a:lnTo>
                      <a:lnTo>
                        <a:pt x="780" y="193"/>
                      </a:lnTo>
                      <a:lnTo>
                        <a:pt x="780" y="194"/>
                      </a:lnTo>
                      <a:lnTo>
                        <a:pt x="780" y="196"/>
                      </a:lnTo>
                      <a:lnTo>
                        <a:pt x="772" y="198"/>
                      </a:lnTo>
                      <a:lnTo>
                        <a:pt x="753" y="215"/>
                      </a:lnTo>
                      <a:lnTo>
                        <a:pt x="741" y="213"/>
                      </a:lnTo>
                      <a:lnTo>
                        <a:pt x="724" y="198"/>
                      </a:lnTo>
                      <a:lnTo>
                        <a:pt x="726" y="198"/>
                      </a:lnTo>
                      <a:lnTo>
                        <a:pt x="729" y="199"/>
                      </a:lnTo>
                      <a:lnTo>
                        <a:pt x="733" y="199"/>
                      </a:lnTo>
                      <a:lnTo>
                        <a:pt x="736" y="201"/>
                      </a:lnTo>
                      <a:lnTo>
                        <a:pt x="741" y="204"/>
                      </a:lnTo>
                      <a:lnTo>
                        <a:pt x="748" y="204"/>
                      </a:lnTo>
                      <a:lnTo>
                        <a:pt x="753" y="203"/>
                      </a:lnTo>
                      <a:lnTo>
                        <a:pt x="758" y="199"/>
                      </a:lnTo>
                      <a:lnTo>
                        <a:pt x="763" y="194"/>
                      </a:lnTo>
                      <a:lnTo>
                        <a:pt x="767" y="191"/>
                      </a:lnTo>
                      <a:lnTo>
                        <a:pt x="770" y="188"/>
                      </a:lnTo>
                      <a:lnTo>
                        <a:pt x="770" y="186"/>
                      </a:lnTo>
                      <a:lnTo>
                        <a:pt x="760" y="182"/>
                      </a:lnTo>
                      <a:lnTo>
                        <a:pt x="758" y="177"/>
                      </a:lnTo>
                      <a:lnTo>
                        <a:pt x="768" y="176"/>
                      </a:lnTo>
                      <a:lnTo>
                        <a:pt x="772" y="164"/>
                      </a:lnTo>
                      <a:lnTo>
                        <a:pt x="770" y="164"/>
                      </a:lnTo>
                      <a:lnTo>
                        <a:pt x="768" y="164"/>
                      </a:lnTo>
                      <a:lnTo>
                        <a:pt x="767" y="164"/>
                      </a:lnTo>
                      <a:lnTo>
                        <a:pt x="763" y="162"/>
                      </a:lnTo>
                      <a:lnTo>
                        <a:pt x="750" y="159"/>
                      </a:lnTo>
                      <a:lnTo>
                        <a:pt x="740" y="155"/>
                      </a:lnTo>
                      <a:lnTo>
                        <a:pt x="731" y="154"/>
                      </a:lnTo>
                      <a:lnTo>
                        <a:pt x="728" y="152"/>
                      </a:lnTo>
                      <a:lnTo>
                        <a:pt x="724" y="150"/>
                      </a:lnTo>
                      <a:lnTo>
                        <a:pt x="723" y="150"/>
                      </a:lnTo>
                      <a:lnTo>
                        <a:pt x="724" y="149"/>
                      </a:lnTo>
                      <a:lnTo>
                        <a:pt x="726" y="149"/>
                      </a:lnTo>
                      <a:lnTo>
                        <a:pt x="728" y="149"/>
                      </a:lnTo>
                      <a:lnTo>
                        <a:pt x="731" y="147"/>
                      </a:lnTo>
                      <a:lnTo>
                        <a:pt x="736" y="149"/>
                      </a:lnTo>
                      <a:lnTo>
                        <a:pt x="740" y="149"/>
                      </a:lnTo>
                      <a:lnTo>
                        <a:pt x="743" y="149"/>
                      </a:lnTo>
                      <a:lnTo>
                        <a:pt x="745" y="149"/>
                      </a:lnTo>
                      <a:lnTo>
                        <a:pt x="746" y="149"/>
                      </a:lnTo>
                      <a:lnTo>
                        <a:pt x="748" y="149"/>
                      </a:lnTo>
                      <a:lnTo>
                        <a:pt x="746" y="138"/>
                      </a:lnTo>
                      <a:lnTo>
                        <a:pt x="755" y="135"/>
                      </a:lnTo>
                      <a:lnTo>
                        <a:pt x="760" y="144"/>
                      </a:lnTo>
                      <a:lnTo>
                        <a:pt x="762" y="144"/>
                      </a:lnTo>
                      <a:lnTo>
                        <a:pt x="765" y="144"/>
                      </a:lnTo>
                      <a:lnTo>
                        <a:pt x="767" y="145"/>
                      </a:lnTo>
                      <a:lnTo>
                        <a:pt x="768" y="144"/>
                      </a:lnTo>
                      <a:lnTo>
                        <a:pt x="770" y="138"/>
                      </a:lnTo>
                      <a:lnTo>
                        <a:pt x="772" y="135"/>
                      </a:lnTo>
                      <a:lnTo>
                        <a:pt x="773" y="137"/>
                      </a:lnTo>
                      <a:lnTo>
                        <a:pt x="777" y="138"/>
                      </a:lnTo>
                      <a:lnTo>
                        <a:pt x="778" y="142"/>
                      </a:lnTo>
                      <a:lnTo>
                        <a:pt x="782" y="145"/>
                      </a:lnTo>
                      <a:lnTo>
                        <a:pt x="784" y="147"/>
                      </a:lnTo>
                      <a:lnTo>
                        <a:pt x="784" y="149"/>
                      </a:lnTo>
                      <a:lnTo>
                        <a:pt x="785" y="149"/>
                      </a:lnTo>
                      <a:lnTo>
                        <a:pt x="787" y="149"/>
                      </a:lnTo>
                      <a:lnTo>
                        <a:pt x="792" y="149"/>
                      </a:lnTo>
                      <a:lnTo>
                        <a:pt x="795" y="149"/>
                      </a:lnTo>
                      <a:lnTo>
                        <a:pt x="800" y="149"/>
                      </a:lnTo>
                      <a:lnTo>
                        <a:pt x="804" y="147"/>
                      </a:lnTo>
                      <a:lnTo>
                        <a:pt x="807" y="147"/>
                      </a:lnTo>
                      <a:lnTo>
                        <a:pt x="809" y="147"/>
                      </a:lnTo>
                      <a:lnTo>
                        <a:pt x="814" y="130"/>
                      </a:lnTo>
                      <a:lnTo>
                        <a:pt x="819" y="120"/>
                      </a:lnTo>
                      <a:lnTo>
                        <a:pt x="824" y="113"/>
                      </a:lnTo>
                      <a:lnTo>
                        <a:pt x="826" y="110"/>
                      </a:lnTo>
                      <a:lnTo>
                        <a:pt x="828" y="110"/>
                      </a:lnTo>
                      <a:lnTo>
                        <a:pt x="829" y="111"/>
                      </a:lnTo>
                      <a:lnTo>
                        <a:pt x="831" y="113"/>
                      </a:lnTo>
                      <a:lnTo>
                        <a:pt x="831" y="111"/>
                      </a:lnTo>
                      <a:lnTo>
                        <a:pt x="833" y="110"/>
                      </a:lnTo>
                      <a:lnTo>
                        <a:pt x="834" y="106"/>
                      </a:lnTo>
                      <a:lnTo>
                        <a:pt x="834" y="105"/>
                      </a:lnTo>
                      <a:lnTo>
                        <a:pt x="834" y="96"/>
                      </a:lnTo>
                      <a:lnTo>
                        <a:pt x="833" y="88"/>
                      </a:lnTo>
                      <a:lnTo>
                        <a:pt x="831" y="81"/>
                      </a:lnTo>
                      <a:lnTo>
                        <a:pt x="829" y="76"/>
                      </a:lnTo>
                      <a:lnTo>
                        <a:pt x="828" y="72"/>
                      </a:lnTo>
                      <a:lnTo>
                        <a:pt x="826" y="69"/>
                      </a:lnTo>
                      <a:lnTo>
                        <a:pt x="824" y="67"/>
                      </a:lnTo>
                      <a:lnTo>
                        <a:pt x="817" y="72"/>
                      </a:lnTo>
                      <a:lnTo>
                        <a:pt x="816" y="72"/>
                      </a:lnTo>
                      <a:lnTo>
                        <a:pt x="814" y="74"/>
                      </a:lnTo>
                      <a:lnTo>
                        <a:pt x="811" y="76"/>
                      </a:lnTo>
                      <a:lnTo>
                        <a:pt x="809" y="79"/>
                      </a:lnTo>
                      <a:lnTo>
                        <a:pt x="809" y="89"/>
                      </a:lnTo>
                      <a:lnTo>
                        <a:pt x="809" y="96"/>
                      </a:lnTo>
                      <a:lnTo>
                        <a:pt x="807" y="101"/>
                      </a:lnTo>
                      <a:lnTo>
                        <a:pt x="807" y="105"/>
                      </a:lnTo>
                      <a:lnTo>
                        <a:pt x="807" y="106"/>
                      </a:lnTo>
                      <a:lnTo>
                        <a:pt x="806" y="105"/>
                      </a:lnTo>
                      <a:lnTo>
                        <a:pt x="806" y="101"/>
                      </a:lnTo>
                      <a:lnTo>
                        <a:pt x="804" y="98"/>
                      </a:lnTo>
                      <a:lnTo>
                        <a:pt x="802" y="94"/>
                      </a:lnTo>
                      <a:lnTo>
                        <a:pt x="802" y="91"/>
                      </a:lnTo>
                      <a:lnTo>
                        <a:pt x="802" y="88"/>
                      </a:lnTo>
                      <a:lnTo>
                        <a:pt x="800" y="84"/>
                      </a:lnTo>
                      <a:lnTo>
                        <a:pt x="800" y="81"/>
                      </a:lnTo>
                      <a:lnTo>
                        <a:pt x="800" y="79"/>
                      </a:lnTo>
                      <a:lnTo>
                        <a:pt x="800" y="78"/>
                      </a:lnTo>
                      <a:lnTo>
                        <a:pt x="799" y="71"/>
                      </a:lnTo>
                      <a:lnTo>
                        <a:pt x="797" y="67"/>
                      </a:lnTo>
                      <a:lnTo>
                        <a:pt x="792" y="67"/>
                      </a:lnTo>
                      <a:lnTo>
                        <a:pt x="789" y="69"/>
                      </a:lnTo>
                      <a:lnTo>
                        <a:pt x="784" y="72"/>
                      </a:lnTo>
                      <a:lnTo>
                        <a:pt x="778" y="76"/>
                      </a:lnTo>
                      <a:lnTo>
                        <a:pt x="777" y="78"/>
                      </a:lnTo>
                      <a:lnTo>
                        <a:pt x="775" y="79"/>
                      </a:lnTo>
                      <a:lnTo>
                        <a:pt x="763" y="79"/>
                      </a:lnTo>
                      <a:lnTo>
                        <a:pt x="762" y="81"/>
                      </a:lnTo>
                      <a:lnTo>
                        <a:pt x="760" y="81"/>
                      </a:lnTo>
                      <a:lnTo>
                        <a:pt x="756" y="83"/>
                      </a:lnTo>
                      <a:lnTo>
                        <a:pt x="753" y="83"/>
                      </a:lnTo>
                      <a:lnTo>
                        <a:pt x="750" y="84"/>
                      </a:lnTo>
                      <a:lnTo>
                        <a:pt x="745" y="86"/>
                      </a:lnTo>
                      <a:lnTo>
                        <a:pt x="743" y="88"/>
                      </a:lnTo>
                      <a:lnTo>
                        <a:pt x="741" y="88"/>
                      </a:lnTo>
                      <a:lnTo>
                        <a:pt x="731" y="94"/>
                      </a:lnTo>
                      <a:lnTo>
                        <a:pt x="726" y="96"/>
                      </a:lnTo>
                      <a:lnTo>
                        <a:pt x="724" y="96"/>
                      </a:lnTo>
                      <a:lnTo>
                        <a:pt x="724" y="94"/>
                      </a:lnTo>
                      <a:lnTo>
                        <a:pt x="726" y="91"/>
                      </a:lnTo>
                      <a:lnTo>
                        <a:pt x="729" y="88"/>
                      </a:lnTo>
                      <a:lnTo>
                        <a:pt x="731" y="84"/>
                      </a:lnTo>
                      <a:lnTo>
                        <a:pt x="733" y="84"/>
                      </a:lnTo>
                      <a:lnTo>
                        <a:pt x="724" y="66"/>
                      </a:lnTo>
                      <a:lnTo>
                        <a:pt x="731" y="61"/>
                      </a:lnTo>
                      <a:lnTo>
                        <a:pt x="736" y="71"/>
                      </a:lnTo>
                      <a:lnTo>
                        <a:pt x="748" y="78"/>
                      </a:lnTo>
                      <a:lnTo>
                        <a:pt x="751" y="76"/>
                      </a:lnTo>
                      <a:lnTo>
                        <a:pt x="755" y="72"/>
                      </a:lnTo>
                      <a:lnTo>
                        <a:pt x="758" y="71"/>
                      </a:lnTo>
                      <a:lnTo>
                        <a:pt x="762" y="67"/>
                      </a:lnTo>
                      <a:lnTo>
                        <a:pt x="763" y="66"/>
                      </a:lnTo>
                      <a:lnTo>
                        <a:pt x="765" y="64"/>
                      </a:lnTo>
                      <a:lnTo>
                        <a:pt x="765" y="62"/>
                      </a:lnTo>
                      <a:lnTo>
                        <a:pt x="756" y="56"/>
                      </a:lnTo>
                      <a:lnTo>
                        <a:pt x="753" y="52"/>
                      </a:lnTo>
                      <a:lnTo>
                        <a:pt x="755" y="52"/>
                      </a:lnTo>
                      <a:lnTo>
                        <a:pt x="758" y="52"/>
                      </a:lnTo>
                      <a:lnTo>
                        <a:pt x="763" y="54"/>
                      </a:lnTo>
                      <a:lnTo>
                        <a:pt x="768" y="56"/>
                      </a:lnTo>
                      <a:lnTo>
                        <a:pt x="772" y="57"/>
                      </a:lnTo>
                      <a:lnTo>
                        <a:pt x="775" y="59"/>
                      </a:lnTo>
                      <a:lnTo>
                        <a:pt x="789" y="52"/>
                      </a:lnTo>
                      <a:lnTo>
                        <a:pt x="789" y="50"/>
                      </a:lnTo>
                      <a:lnTo>
                        <a:pt x="789" y="49"/>
                      </a:lnTo>
                      <a:lnTo>
                        <a:pt x="787" y="47"/>
                      </a:lnTo>
                      <a:lnTo>
                        <a:pt x="787" y="45"/>
                      </a:lnTo>
                      <a:lnTo>
                        <a:pt x="780" y="39"/>
                      </a:lnTo>
                      <a:lnTo>
                        <a:pt x="777" y="34"/>
                      </a:lnTo>
                      <a:lnTo>
                        <a:pt x="780" y="34"/>
                      </a:lnTo>
                      <a:lnTo>
                        <a:pt x="784" y="35"/>
                      </a:lnTo>
                      <a:lnTo>
                        <a:pt x="787" y="37"/>
                      </a:lnTo>
                      <a:lnTo>
                        <a:pt x="790" y="39"/>
                      </a:lnTo>
                      <a:lnTo>
                        <a:pt x="790" y="40"/>
                      </a:lnTo>
                      <a:lnTo>
                        <a:pt x="792" y="40"/>
                      </a:lnTo>
                      <a:lnTo>
                        <a:pt x="795" y="39"/>
                      </a:lnTo>
                      <a:lnTo>
                        <a:pt x="800" y="39"/>
                      </a:lnTo>
                      <a:lnTo>
                        <a:pt x="802" y="39"/>
                      </a:lnTo>
                      <a:lnTo>
                        <a:pt x="811" y="47"/>
                      </a:lnTo>
                      <a:lnTo>
                        <a:pt x="816" y="50"/>
                      </a:lnTo>
                      <a:lnTo>
                        <a:pt x="817" y="50"/>
                      </a:lnTo>
                      <a:lnTo>
                        <a:pt x="817" y="47"/>
                      </a:lnTo>
                      <a:lnTo>
                        <a:pt x="814" y="44"/>
                      </a:lnTo>
                      <a:lnTo>
                        <a:pt x="811" y="39"/>
                      </a:lnTo>
                      <a:lnTo>
                        <a:pt x="809" y="35"/>
                      </a:lnTo>
                      <a:lnTo>
                        <a:pt x="807" y="34"/>
                      </a:lnTo>
                      <a:lnTo>
                        <a:pt x="800" y="17"/>
                      </a:lnTo>
                      <a:lnTo>
                        <a:pt x="790" y="15"/>
                      </a:lnTo>
                      <a:lnTo>
                        <a:pt x="780" y="0"/>
                      </a:lnTo>
                      <a:lnTo>
                        <a:pt x="750" y="8"/>
                      </a:lnTo>
                      <a:lnTo>
                        <a:pt x="721" y="15"/>
                      </a:lnTo>
                      <a:lnTo>
                        <a:pt x="692" y="20"/>
                      </a:lnTo>
                      <a:lnTo>
                        <a:pt x="663" y="27"/>
                      </a:lnTo>
                      <a:lnTo>
                        <a:pt x="636" y="32"/>
                      </a:lnTo>
                      <a:lnTo>
                        <a:pt x="609" y="39"/>
                      </a:lnTo>
                      <a:lnTo>
                        <a:pt x="584" y="44"/>
                      </a:lnTo>
                      <a:lnTo>
                        <a:pt x="558" y="47"/>
                      </a:lnTo>
                      <a:lnTo>
                        <a:pt x="533" y="52"/>
                      </a:lnTo>
                      <a:lnTo>
                        <a:pt x="509" y="56"/>
                      </a:lnTo>
                      <a:lnTo>
                        <a:pt x="486" y="61"/>
                      </a:lnTo>
                      <a:lnTo>
                        <a:pt x="464" y="64"/>
                      </a:lnTo>
                      <a:lnTo>
                        <a:pt x="443" y="67"/>
                      </a:lnTo>
                      <a:lnTo>
                        <a:pt x="423" y="71"/>
                      </a:lnTo>
                      <a:lnTo>
                        <a:pt x="403" y="74"/>
                      </a:lnTo>
                      <a:lnTo>
                        <a:pt x="384" y="76"/>
                      </a:lnTo>
                      <a:lnTo>
                        <a:pt x="366" y="79"/>
                      </a:lnTo>
                      <a:lnTo>
                        <a:pt x="349" y="81"/>
                      </a:lnTo>
                      <a:lnTo>
                        <a:pt x="333" y="83"/>
                      </a:lnTo>
                      <a:lnTo>
                        <a:pt x="318" y="84"/>
                      </a:lnTo>
                      <a:lnTo>
                        <a:pt x="305" y="86"/>
                      </a:lnTo>
                      <a:lnTo>
                        <a:pt x="293" y="88"/>
                      </a:lnTo>
                      <a:lnTo>
                        <a:pt x="281" y="89"/>
                      </a:lnTo>
                      <a:lnTo>
                        <a:pt x="271" y="91"/>
                      </a:lnTo>
                      <a:lnTo>
                        <a:pt x="261" y="91"/>
                      </a:lnTo>
                      <a:lnTo>
                        <a:pt x="252" y="93"/>
                      </a:lnTo>
                      <a:lnTo>
                        <a:pt x="245" y="93"/>
                      </a:lnTo>
                      <a:lnTo>
                        <a:pt x="240" y="94"/>
                      </a:lnTo>
                      <a:lnTo>
                        <a:pt x="235" y="94"/>
                      </a:lnTo>
                      <a:lnTo>
                        <a:pt x="232" y="94"/>
                      </a:lnTo>
                      <a:lnTo>
                        <a:pt x="230" y="94"/>
                      </a:lnTo>
                      <a:lnTo>
                        <a:pt x="232" y="94"/>
                      </a:lnTo>
                      <a:lnTo>
                        <a:pt x="232" y="96"/>
                      </a:lnTo>
                      <a:lnTo>
                        <a:pt x="232" y="100"/>
                      </a:lnTo>
                      <a:lnTo>
                        <a:pt x="232" y="106"/>
                      </a:lnTo>
                      <a:lnTo>
                        <a:pt x="232" y="111"/>
                      </a:lnTo>
                      <a:lnTo>
                        <a:pt x="234" y="118"/>
                      </a:lnTo>
                      <a:lnTo>
                        <a:pt x="232" y="125"/>
                      </a:lnTo>
                      <a:lnTo>
                        <a:pt x="232" y="128"/>
                      </a:lnTo>
                      <a:lnTo>
                        <a:pt x="232" y="130"/>
                      </a:lnTo>
                      <a:lnTo>
                        <a:pt x="225" y="130"/>
                      </a:lnTo>
                      <a:lnTo>
                        <a:pt x="220" y="133"/>
                      </a:lnTo>
                      <a:lnTo>
                        <a:pt x="215" y="138"/>
                      </a:lnTo>
                      <a:lnTo>
                        <a:pt x="212" y="145"/>
                      </a:lnTo>
                      <a:lnTo>
                        <a:pt x="208" y="152"/>
                      </a:lnTo>
                      <a:lnTo>
                        <a:pt x="206" y="157"/>
                      </a:lnTo>
                      <a:lnTo>
                        <a:pt x="205" y="160"/>
                      </a:lnTo>
                      <a:lnTo>
                        <a:pt x="198" y="157"/>
                      </a:lnTo>
                      <a:lnTo>
                        <a:pt x="191" y="157"/>
                      </a:lnTo>
                      <a:lnTo>
                        <a:pt x="183" y="162"/>
                      </a:lnTo>
                      <a:lnTo>
                        <a:pt x="174" y="169"/>
                      </a:lnTo>
                      <a:lnTo>
                        <a:pt x="168" y="177"/>
                      </a:lnTo>
                      <a:lnTo>
                        <a:pt x="161" y="184"/>
                      </a:lnTo>
                      <a:lnTo>
                        <a:pt x="156" y="188"/>
                      </a:lnTo>
                      <a:lnTo>
                        <a:pt x="154" y="188"/>
                      </a:lnTo>
                      <a:lnTo>
                        <a:pt x="152" y="182"/>
                      </a:lnTo>
                      <a:lnTo>
                        <a:pt x="149" y="181"/>
                      </a:lnTo>
                      <a:lnTo>
                        <a:pt x="147" y="179"/>
                      </a:lnTo>
                      <a:lnTo>
                        <a:pt x="144" y="179"/>
                      </a:lnTo>
                      <a:lnTo>
                        <a:pt x="140" y="181"/>
                      </a:lnTo>
                      <a:lnTo>
                        <a:pt x="137" y="182"/>
                      </a:lnTo>
                      <a:lnTo>
                        <a:pt x="134" y="186"/>
                      </a:lnTo>
                      <a:lnTo>
                        <a:pt x="132" y="191"/>
                      </a:lnTo>
                      <a:lnTo>
                        <a:pt x="129" y="194"/>
                      </a:lnTo>
                      <a:lnTo>
                        <a:pt x="125" y="199"/>
                      </a:lnTo>
                      <a:lnTo>
                        <a:pt x="124" y="204"/>
                      </a:lnTo>
                      <a:lnTo>
                        <a:pt x="122" y="208"/>
                      </a:lnTo>
                      <a:lnTo>
                        <a:pt x="118" y="213"/>
                      </a:lnTo>
                      <a:lnTo>
                        <a:pt x="118" y="215"/>
                      </a:lnTo>
                      <a:lnTo>
                        <a:pt x="117" y="216"/>
                      </a:lnTo>
                      <a:lnTo>
                        <a:pt x="117" y="218"/>
                      </a:lnTo>
                      <a:lnTo>
                        <a:pt x="108" y="220"/>
                      </a:lnTo>
                      <a:lnTo>
                        <a:pt x="100" y="223"/>
                      </a:lnTo>
                      <a:lnTo>
                        <a:pt x="91" y="228"/>
                      </a:lnTo>
                      <a:lnTo>
                        <a:pt x="83" y="235"/>
                      </a:lnTo>
                      <a:lnTo>
                        <a:pt x="78" y="240"/>
                      </a:lnTo>
                      <a:lnTo>
                        <a:pt x="71" y="247"/>
                      </a:lnTo>
                      <a:lnTo>
                        <a:pt x="68" y="250"/>
                      </a:lnTo>
                      <a:lnTo>
                        <a:pt x="66" y="252"/>
                      </a:lnTo>
                      <a:lnTo>
                        <a:pt x="56" y="252"/>
                      </a:lnTo>
                      <a:lnTo>
                        <a:pt x="47" y="255"/>
                      </a:lnTo>
                      <a:lnTo>
                        <a:pt x="41" y="259"/>
                      </a:lnTo>
                      <a:lnTo>
                        <a:pt x="34" y="264"/>
                      </a:lnTo>
                      <a:lnTo>
                        <a:pt x="31" y="269"/>
                      </a:lnTo>
                      <a:lnTo>
                        <a:pt x="27" y="274"/>
                      </a:lnTo>
                      <a:lnTo>
                        <a:pt x="25" y="277"/>
                      </a:lnTo>
                      <a:lnTo>
                        <a:pt x="25" y="279"/>
                      </a:lnTo>
                      <a:lnTo>
                        <a:pt x="24" y="286"/>
                      </a:lnTo>
                      <a:lnTo>
                        <a:pt x="20" y="291"/>
                      </a:lnTo>
                      <a:lnTo>
                        <a:pt x="17" y="296"/>
                      </a:lnTo>
                      <a:lnTo>
                        <a:pt x="12" y="298"/>
                      </a:lnTo>
                      <a:lnTo>
                        <a:pt x="9" y="299"/>
                      </a:lnTo>
                      <a:lnTo>
                        <a:pt x="3" y="299"/>
                      </a:lnTo>
                      <a:lnTo>
                        <a:pt x="0" y="299"/>
                      </a:lnTo>
                      <a:lnTo>
                        <a:pt x="0" y="333"/>
                      </a:lnTo>
                      <a:lnTo>
                        <a:pt x="124" y="314"/>
                      </a:lnTo>
                      <a:lnTo>
                        <a:pt x="125" y="316"/>
                      </a:lnTo>
                      <a:lnTo>
                        <a:pt x="127" y="314"/>
                      </a:lnTo>
                      <a:lnTo>
                        <a:pt x="129" y="313"/>
                      </a:lnTo>
                      <a:lnTo>
                        <a:pt x="132" y="309"/>
                      </a:lnTo>
                      <a:lnTo>
                        <a:pt x="135" y="306"/>
                      </a:lnTo>
                      <a:lnTo>
                        <a:pt x="140" y="303"/>
                      </a:lnTo>
                      <a:lnTo>
                        <a:pt x="146" y="299"/>
                      </a:lnTo>
                      <a:lnTo>
                        <a:pt x="152" y="296"/>
                      </a:lnTo>
                      <a:lnTo>
                        <a:pt x="157" y="292"/>
                      </a:lnTo>
                      <a:lnTo>
                        <a:pt x="166" y="287"/>
                      </a:lnTo>
                      <a:lnTo>
                        <a:pt x="173" y="284"/>
                      </a:lnTo>
                      <a:lnTo>
                        <a:pt x="181" y="281"/>
                      </a:lnTo>
                      <a:lnTo>
                        <a:pt x="190" y="279"/>
                      </a:lnTo>
                      <a:lnTo>
                        <a:pt x="200" y="277"/>
                      </a:lnTo>
                      <a:lnTo>
                        <a:pt x="210" y="274"/>
                      </a:lnTo>
                      <a:lnTo>
                        <a:pt x="218" y="274"/>
                      </a:lnTo>
                      <a:lnTo>
                        <a:pt x="311" y="265"/>
                      </a:lnTo>
                      <a:lnTo>
                        <a:pt x="313" y="265"/>
                      </a:lnTo>
                      <a:lnTo>
                        <a:pt x="315" y="264"/>
                      </a:lnTo>
                      <a:lnTo>
                        <a:pt x="320" y="264"/>
                      </a:lnTo>
                      <a:lnTo>
                        <a:pt x="327" y="264"/>
                      </a:lnTo>
                      <a:lnTo>
                        <a:pt x="333" y="265"/>
                      </a:lnTo>
                      <a:lnTo>
                        <a:pt x="340" y="269"/>
                      </a:lnTo>
                      <a:lnTo>
                        <a:pt x="347" y="276"/>
                      </a:lnTo>
                      <a:lnTo>
                        <a:pt x="355" y="287"/>
                      </a:lnTo>
                      <a:lnTo>
                        <a:pt x="359" y="301"/>
                      </a:lnTo>
                      <a:lnTo>
                        <a:pt x="467" y="284"/>
                      </a:lnTo>
                      <a:lnTo>
                        <a:pt x="597" y="379"/>
                      </a:lnTo>
                      <a:lnTo>
                        <a:pt x="601" y="379"/>
                      </a:lnTo>
                      <a:lnTo>
                        <a:pt x="602" y="379"/>
                      </a:lnTo>
                      <a:lnTo>
                        <a:pt x="604" y="377"/>
                      </a:lnTo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70" name="Freeform 165"/>
                <p:cNvSpPr>
                  <a:spLocks/>
                </p:cNvSpPr>
                <p:nvPr/>
              </p:nvSpPr>
              <p:spPr bwMode="auto">
                <a:xfrm>
                  <a:off x="4891" y="2263"/>
                  <a:ext cx="39" cy="57"/>
                </a:xfrm>
                <a:custGeom>
                  <a:avLst/>
                  <a:gdLst>
                    <a:gd name="T0" fmla="*/ 0 w 39"/>
                    <a:gd name="T1" fmla="*/ 57 h 57"/>
                    <a:gd name="T2" fmla="*/ 2 w 39"/>
                    <a:gd name="T3" fmla="*/ 54 h 57"/>
                    <a:gd name="T4" fmla="*/ 4 w 39"/>
                    <a:gd name="T5" fmla="*/ 51 h 57"/>
                    <a:gd name="T6" fmla="*/ 7 w 39"/>
                    <a:gd name="T7" fmla="*/ 44 h 57"/>
                    <a:gd name="T8" fmla="*/ 10 w 39"/>
                    <a:gd name="T9" fmla="*/ 35 h 57"/>
                    <a:gd name="T10" fmla="*/ 15 w 39"/>
                    <a:gd name="T11" fmla="*/ 25 h 57"/>
                    <a:gd name="T12" fmla="*/ 21 w 39"/>
                    <a:gd name="T13" fmla="*/ 15 h 57"/>
                    <a:gd name="T14" fmla="*/ 27 w 39"/>
                    <a:gd name="T15" fmla="*/ 7 h 57"/>
                    <a:gd name="T16" fmla="*/ 32 w 39"/>
                    <a:gd name="T17" fmla="*/ 0 h 57"/>
                    <a:gd name="T18" fmla="*/ 39 w 39"/>
                    <a:gd name="T19" fmla="*/ 1 h 57"/>
                    <a:gd name="T20" fmla="*/ 39 w 39"/>
                    <a:gd name="T21" fmla="*/ 1 h 57"/>
                    <a:gd name="T22" fmla="*/ 36 w 39"/>
                    <a:gd name="T23" fmla="*/ 5 h 57"/>
                    <a:gd name="T24" fmla="*/ 32 w 39"/>
                    <a:gd name="T25" fmla="*/ 8 h 57"/>
                    <a:gd name="T26" fmla="*/ 29 w 39"/>
                    <a:gd name="T27" fmla="*/ 13 h 57"/>
                    <a:gd name="T28" fmla="*/ 24 w 39"/>
                    <a:gd name="T29" fmla="*/ 22 h 57"/>
                    <a:gd name="T30" fmla="*/ 19 w 39"/>
                    <a:gd name="T31" fmla="*/ 30 h 57"/>
                    <a:gd name="T32" fmla="*/ 12 w 39"/>
                    <a:gd name="T33" fmla="*/ 40 h 57"/>
                    <a:gd name="T34" fmla="*/ 7 w 39"/>
                    <a:gd name="T35" fmla="*/ 54 h 57"/>
                    <a:gd name="T36" fmla="*/ 5 w 39"/>
                    <a:gd name="T37" fmla="*/ 54 h 57"/>
                    <a:gd name="T38" fmla="*/ 4 w 39"/>
                    <a:gd name="T39" fmla="*/ 56 h 57"/>
                    <a:gd name="T40" fmla="*/ 2 w 39"/>
                    <a:gd name="T41" fmla="*/ 56 h 57"/>
                    <a:gd name="T42" fmla="*/ 0 w 39"/>
                    <a:gd name="T43" fmla="*/ 57 h 57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w 39"/>
                    <a:gd name="T67" fmla="*/ 0 h 57"/>
                    <a:gd name="T68" fmla="*/ 39 w 39"/>
                    <a:gd name="T69" fmla="*/ 57 h 57"/>
                  </a:gdLst>
                  <a:ahLst/>
                  <a:cxnLst>
                    <a:cxn ang="T44">
                      <a:pos x="T0" y="T1"/>
                    </a:cxn>
                    <a:cxn ang="T45">
                      <a:pos x="T2" y="T3"/>
                    </a:cxn>
                    <a:cxn ang="T46">
                      <a:pos x="T4" y="T5"/>
                    </a:cxn>
                    <a:cxn ang="T47">
                      <a:pos x="T6" y="T7"/>
                    </a:cxn>
                    <a:cxn ang="T48">
                      <a:pos x="T8" y="T9"/>
                    </a:cxn>
                    <a:cxn ang="T49">
                      <a:pos x="T10" y="T11"/>
                    </a:cxn>
                    <a:cxn ang="T50">
                      <a:pos x="T12" y="T13"/>
                    </a:cxn>
                    <a:cxn ang="T51">
                      <a:pos x="T14" y="T15"/>
                    </a:cxn>
                    <a:cxn ang="T52">
                      <a:pos x="T16" y="T17"/>
                    </a:cxn>
                    <a:cxn ang="T53">
                      <a:pos x="T18" y="T19"/>
                    </a:cxn>
                    <a:cxn ang="T54">
                      <a:pos x="T20" y="T21"/>
                    </a:cxn>
                    <a:cxn ang="T55">
                      <a:pos x="T22" y="T23"/>
                    </a:cxn>
                    <a:cxn ang="T56">
                      <a:pos x="T24" y="T25"/>
                    </a:cxn>
                    <a:cxn ang="T57">
                      <a:pos x="T26" y="T27"/>
                    </a:cxn>
                    <a:cxn ang="T58">
                      <a:pos x="T28" y="T29"/>
                    </a:cxn>
                    <a:cxn ang="T59">
                      <a:pos x="T30" y="T31"/>
                    </a:cxn>
                    <a:cxn ang="T60">
                      <a:pos x="T32" y="T33"/>
                    </a:cxn>
                    <a:cxn ang="T61">
                      <a:pos x="T34" y="T35"/>
                    </a:cxn>
                    <a:cxn ang="T62">
                      <a:pos x="T36" y="T37"/>
                    </a:cxn>
                    <a:cxn ang="T63">
                      <a:pos x="T38" y="T39"/>
                    </a:cxn>
                    <a:cxn ang="T64">
                      <a:pos x="T40" y="T41"/>
                    </a:cxn>
                    <a:cxn ang="T65">
                      <a:pos x="T42" y="T43"/>
                    </a:cxn>
                  </a:cxnLst>
                  <a:rect l="T66" t="T67" r="T68" b="T69"/>
                  <a:pathLst>
                    <a:path w="39" h="57">
                      <a:moveTo>
                        <a:pt x="0" y="57"/>
                      </a:moveTo>
                      <a:lnTo>
                        <a:pt x="2" y="54"/>
                      </a:lnTo>
                      <a:lnTo>
                        <a:pt x="4" y="51"/>
                      </a:lnTo>
                      <a:lnTo>
                        <a:pt x="7" y="44"/>
                      </a:lnTo>
                      <a:lnTo>
                        <a:pt x="10" y="35"/>
                      </a:lnTo>
                      <a:lnTo>
                        <a:pt x="15" y="25"/>
                      </a:lnTo>
                      <a:lnTo>
                        <a:pt x="21" y="15"/>
                      </a:lnTo>
                      <a:lnTo>
                        <a:pt x="27" y="7"/>
                      </a:lnTo>
                      <a:lnTo>
                        <a:pt x="32" y="0"/>
                      </a:lnTo>
                      <a:lnTo>
                        <a:pt x="39" y="1"/>
                      </a:lnTo>
                      <a:lnTo>
                        <a:pt x="36" y="5"/>
                      </a:lnTo>
                      <a:lnTo>
                        <a:pt x="32" y="8"/>
                      </a:lnTo>
                      <a:lnTo>
                        <a:pt x="29" y="13"/>
                      </a:lnTo>
                      <a:lnTo>
                        <a:pt x="24" y="22"/>
                      </a:lnTo>
                      <a:lnTo>
                        <a:pt x="19" y="30"/>
                      </a:lnTo>
                      <a:lnTo>
                        <a:pt x="12" y="40"/>
                      </a:lnTo>
                      <a:lnTo>
                        <a:pt x="7" y="54"/>
                      </a:lnTo>
                      <a:lnTo>
                        <a:pt x="5" y="54"/>
                      </a:lnTo>
                      <a:lnTo>
                        <a:pt x="4" y="56"/>
                      </a:lnTo>
                      <a:lnTo>
                        <a:pt x="2" y="56"/>
                      </a:lnTo>
                      <a:lnTo>
                        <a:pt x="0" y="57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71" name="Freeform 166"/>
                <p:cNvSpPr>
                  <a:spLocks/>
                </p:cNvSpPr>
                <p:nvPr/>
              </p:nvSpPr>
              <p:spPr bwMode="auto">
                <a:xfrm>
                  <a:off x="4891" y="2263"/>
                  <a:ext cx="39" cy="57"/>
                </a:xfrm>
                <a:custGeom>
                  <a:avLst/>
                  <a:gdLst>
                    <a:gd name="T0" fmla="*/ 0 w 39"/>
                    <a:gd name="T1" fmla="*/ 57 h 57"/>
                    <a:gd name="T2" fmla="*/ 0 w 39"/>
                    <a:gd name="T3" fmla="*/ 57 h 57"/>
                    <a:gd name="T4" fmla="*/ 2 w 39"/>
                    <a:gd name="T5" fmla="*/ 54 h 57"/>
                    <a:gd name="T6" fmla="*/ 4 w 39"/>
                    <a:gd name="T7" fmla="*/ 51 h 57"/>
                    <a:gd name="T8" fmla="*/ 7 w 39"/>
                    <a:gd name="T9" fmla="*/ 44 h 57"/>
                    <a:gd name="T10" fmla="*/ 10 w 39"/>
                    <a:gd name="T11" fmla="*/ 35 h 57"/>
                    <a:gd name="T12" fmla="*/ 15 w 39"/>
                    <a:gd name="T13" fmla="*/ 25 h 57"/>
                    <a:gd name="T14" fmla="*/ 21 w 39"/>
                    <a:gd name="T15" fmla="*/ 15 h 57"/>
                    <a:gd name="T16" fmla="*/ 27 w 39"/>
                    <a:gd name="T17" fmla="*/ 7 h 57"/>
                    <a:gd name="T18" fmla="*/ 32 w 39"/>
                    <a:gd name="T19" fmla="*/ 0 h 57"/>
                    <a:gd name="T20" fmla="*/ 39 w 39"/>
                    <a:gd name="T21" fmla="*/ 1 h 57"/>
                    <a:gd name="T22" fmla="*/ 39 w 39"/>
                    <a:gd name="T23" fmla="*/ 1 h 57"/>
                    <a:gd name="T24" fmla="*/ 39 w 39"/>
                    <a:gd name="T25" fmla="*/ 1 h 57"/>
                    <a:gd name="T26" fmla="*/ 36 w 39"/>
                    <a:gd name="T27" fmla="*/ 5 h 57"/>
                    <a:gd name="T28" fmla="*/ 32 w 39"/>
                    <a:gd name="T29" fmla="*/ 8 h 57"/>
                    <a:gd name="T30" fmla="*/ 29 w 39"/>
                    <a:gd name="T31" fmla="*/ 13 h 57"/>
                    <a:gd name="T32" fmla="*/ 24 w 39"/>
                    <a:gd name="T33" fmla="*/ 22 h 57"/>
                    <a:gd name="T34" fmla="*/ 19 w 39"/>
                    <a:gd name="T35" fmla="*/ 30 h 57"/>
                    <a:gd name="T36" fmla="*/ 12 w 39"/>
                    <a:gd name="T37" fmla="*/ 40 h 57"/>
                    <a:gd name="T38" fmla="*/ 7 w 39"/>
                    <a:gd name="T39" fmla="*/ 54 h 57"/>
                    <a:gd name="T40" fmla="*/ 7 w 39"/>
                    <a:gd name="T41" fmla="*/ 54 h 57"/>
                    <a:gd name="T42" fmla="*/ 5 w 39"/>
                    <a:gd name="T43" fmla="*/ 54 h 57"/>
                    <a:gd name="T44" fmla="*/ 4 w 39"/>
                    <a:gd name="T45" fmla="*/ 56 h 57"/>
                    <a:gd name="T46" fmla="*/ 2 w 39"/>
                    <a:gd name="T47" fmla="*/ 56 h 57"/>
                    <a:gd name="T48" fmla="*/ 0 w 39"/>
                    <a:gd name="T49" fmla="*/ 57 h 57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w 39"/>
                    <a:gd name="T76" fmla="*/ 0 h 57"/>
                    <a:gd name="T77" fmla="*/ 39 w 39"/>
                    <a:gd name="T78" fmla="*/ 57 h 57"/>
                  </a:gdLst>
                  <a:ahLst/>
                  <a:cxnLst>
                    <a:cxn ang="T50">
                      <a:pos x="T0" y="T1"/>
                    </a:cxn>
                    <a:cxn ang="T51">
                      <a:pos x="T2" y="T3"/>
                    </a:cxn>
                    <a:cxn ang="T52">
                      <a:pos x="T4" y="T5"/>
                    </a:cxn>
                    <a:cxn ang="T53">
                      <a:pos x="T6" y="T7"/>
                    </a:cxn>
                    <a:cxn ang="T54">
                      <a:pos x="T8" y="T9"/>
                    </a:cxn>
                    <a:cxn ang="T55">
                      <a:pos x="T10" y="T11"/>
                    </a:cxn>
                    <a:cxn ang="T56">
                      <a:pos x="T12" y="T13"/>
                    </a:cxn>
                    <a:cxn ang="T57">
                      <a:pos x="T14" y="T15"/>
                    </a:cxn>
                    <a:cxn ang="T58">
                      <a:pos x="T16" y="T17"/>
                    </a:cxn>
                    <a:cxn ang="T59">
                      <a:pos x="T18" y="T19"/>
                    </a:cxn>
                    <a:cxn ang="T60">
                      <a:pos x="T20" y="T21"/>
                    </a:cxn>
                    <a:cxn ang="T61">
                      <a:pos x="T22" y="T23"/>
                    </a:cxn>
                    <a:cxn ang="T62">
                      <a:pos x="T24" y="T25"/>
                    </a:cxn>
                    <a:cxn ang="T63">
                      <a:pos x="T26" y="T27"/>
                    </a:cxn>
                    <a:cxn ang="T64">
                      <a:pos x="T28" y="T29"/>
                    </a:cxn>
                    <a:cxn ang="T65">
                      <a:pos x="T30" y="T31"/>
                    </a:cxn>
                    <a:cxn ang="T66">
                      <a:pos x="T32" y="T33"/>
                    </a:cxn>
                    <a:cxn ang="T67">
                      <a:pos x="T34" y="T35"/>
                    </a:cxn>
                    <a:cxn ang="T68">
                      <a:pos x="T36" y="T37"/>
                    </a:cxn>
                    <a:cxn ang="T69">
                      <a:pos x="T38" y="T39"/>
                    </a:cxn>
                    <a:cxn ang="T70">
                      <a:pos x="T40" y="T41"/>
                    </a:cxn>
                    <a:cxn ang="T71">
                      <a:pos x="T42" y="T43"/>
                    </a:cxn>
                    <a:cxn ang="T72">
                      <a:pos x="T44" y="T45"/>
                    </a:cxn>
                    <a:cxn ang="T73">
                      <a:pos x="T46" y="T47"/>
                    </a:cxn>
                    <a:cxn ang="T74">
                      <a:pos x="T48" y="T49"/>
                    </a:cxn>
                  </a:cxnLst>
                  <a:rect l="T75" t="T76" r="T77" b="T78"/>
                  <a:pathLst>
                    <a:path w="39" h="57">
                      <a:moveTo>
                        <a:pt x="0" y="57"/>
                      </a:moveTo>
                      <a:lnTo>
                        <a:pt x="0" y="57"/>
                      </a:lnTo>
                      <a:lnTo>
                        <a:pt x="2" y="54"/>
                      </a:lnTo>
                      <a:lnTo>
                        <a:pt x="4" y="51"/>
                      </a:lnTo>
                      <a:lnTo>
                        <a:pt x="7" y="44"/>
                      </a:lnTo>
                      <a:lnTo>
                        <a:pt x="10" y="35"/>
                      </a:lnTo>
                      <a:lnTo>
                        <a:pt x="15" y="25"/>
                      </a:lnTo>
                      <a:lnTo>
                        <a:pt x="21" y="15"/>
                      </a:lnTo>
                      <a:lnTo>
                        <a:pt x="27" y="7"/>
                      </a:lnTo>
                      <a:lnTo>
                        <a:pt x="32" y="0"/>
                      </a:lnTo>
                      <a:lnTo>
                        <a:pt x="39" y="1"/>
                      </a:lnTo>
                      <a:lnTo>
                        <a:pt x="36" y="5"/>
                      </a:lnTo>
                      <a:lnTo>
                        <a:pt x="32" y="8"/>
                      </a:lnTo>
                      <a:lnTo>
                        <a:pt x="29" y="13"/>
                      </a:lnTo>
                      <a:lnTo>
                        <a:pt x="24" y="22"/>
                      </a:lnTo>
                      <a:lnTo>
                        <a:pt x="19" y="30"/>
                      </a:lnTo>
                      <a:lnTo>
                        <a:pt x="12" y="40"/>
                      </a:lnTo>
                      <a:lnTo>
                        <a:pt x="7" y="54"/>
                      </a:lnTo>
                      <a:lnTo>
                        <a:pt x="5" y="54"/>
                      </a:lnTo>
                      <a:lnTo>
                        <a:pt x="4" y="56"/>
                      </a:lnTo>
                      <a:lnTo>
                        <a:pt x="2" y="56"/>
                      </a:lnTo>
                      <a:lnTo>
                        <a:pt x="0" y="57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72" name="Freeform 167"/>
                <p:cNvSpPr>
                  <a:spLocks/>
                </p:cNvSpPr>
                <p:nvPr/>
              </p:nvSpPr>
              <p:spPr bwMode="auto">
                <a:xfrm>
                  <a:off x="4905" y="2078"/>
                  <a:ext cx="54" cy="82"/>
                </a:xfrm>
                <a:custGeom>
                  <a:avLst/>
                  <a:gdLst>
                    <a:gd name="T0" fmla="*/ 5 w 54"/>
                    <a:gd name="T1" fmla="*/ 0 h 82"/>
                    <a:gd name="T2" fmla="*/ 5 w 54"/>
                    <a:gd name="T3" fmla="*/ 0 h 82"/>
                    <a:gd name="T4" fmla="*/ 5 w 54"/>
                    <a:gd name="T5" fmla="*/ 2 h 82"/>
                    <a:gd name="T6" fmla="*/ 7 w 54"/>
                    <a:gd name="T7" fmla="*/ 4 h 82"/>
                    <a:gd name="T8" fmla="*/ 7 w 54"/>
                    <a:gd name="T9" fmla="*/ 7 h 82"/>
                    <a:gd name="T10" fmla="*/ 8 w 54"/>
                    <a:gd name="T11" fmla="*/ 10 h 82"/>
                    <a:gd name="T12" fmla="*/ 10 w 54"/>
                    <a:gd name="T13" fmla="*/ 14 h 82"/>
                    <a:gd name="T14" fmla="*/ 13 w 54"/>
                    <a:gd name="T15" fmla="*/ 19 h 82"/>
                    <a:gd name="T16" fmla="*/ 15 w 54"/>
                    <a:gd name="T17" fmla="*/ 22 h 82"/>
                    <a:gd name="T18" fmla="*/ 17 w 54"/>
                    <a:gd name="T19" fmla="*/ 27 h 82"/>
                    <a:gd name="T20" fmla="*/ 20 w 54"/>
                    <a:gd name="T21" fmla="*/ 32 h 82"/>
                    <a:gd name="T22" fmla="*/ 23 w 54"/>
                    <a:gd name="T23" fmla="*/ 38 h 82"/>
                    <a:gd name="T24" fmla="*/ 25 w 54"/>
                    <a:gd name="T25" fmla="*/ 43 h 82"/>
                    <a:gd name="T26" fmla="*/ 29 w 54"/>
                    <a:gd name="T27" fmla="*/ 48 h 82"/>
                    <a:gd name="T28" fmla="*/ 32 w 54"/>
                    <a:gd name="T29" fmla="*/ 51 h 82"/>
                    <a:gd name="T30" fmla="*/ 35 w 54"/>
                    <a:gd name="T31" fmla="*/ 56 h 82"/>
                    <a:gd name="T32" fmla="*/ 39 w 54"/>
                    <a:gd name="T33" fmla="*/ 60 h 82"/>
                    <a:gd name="T34" fmla="*/ 40 w 54"/>
                    <a:gd name="T35" fmla="*/ 63 h 82"/>
                    <a:gd name="T36" fmla="*/ 44 w 54"/>
                    <a:gd name="T37" fmla="*/ 66 h 82"/>
                    <a:gd name="T38" fmla="*/ 47 w 54"/>
                    <a:gd name="T39" fmla="*/ 73 h 82"/>
                    <a:gd name="T40" fmla="*/ 52 w 54"/>
                    <a:gd name="T41" fmla="*/ 78 h 82"/>
                    <a:gd name="T42" fmla="*/ 54 w 54"/>
                    <a:gd name="T43" fmla="*/ 82 h 82"/>
                    <a:gd name="T44" fmla="*/ 52 w 54"/>
                    <a:gd name="T45" fmla="*/ 82 h 82"/>
                    <a:gd name="T46" fmla="*/ 45 w 54"/>
                    <a:gd name="T47" fmla="*/ 76 h 82"/>
                    <a:gd name="T48" fmla="*/ 34 w 54"/>
                    <a:gd name="T49" fmla="*/ 65 h 82"/>
                    <a:gd name="T50" fmla="*/ 34 w 54"/>
                    <a:gd name="T51" fmla="*/ 65 h 82"/>
                    <a:gd name="T52" fmla="*/ 32 w 54"/>
                    <a:gd name="T53" fmla="*/ 63 h 82"/>
                    <a:gd name="T54" fmla="*/ 30 w 54"/>
                    <a:gd name="T55" fmla="*/ 60 h 82"/>
                    <a:gd name="T56" fmla="*/ 27 w 54"/>
                    <a:gd name="T57" fmla="*/ 56 h 82"/>
                    <a:gd name="T58" fmla="*/ 25 w 54"/>
                    <a:gd name="T59" fmla="*/ 53 h 82"/>
                    <a:gd name="T60" fmla="*/ 22 w 54"/>
                    <a:gd name="T61" fmla="*/ 48 h 82"/>
                    <a:gd name="T62" fmla="*/ 18 w 54"/>
                    <a:gd name="T63" fmla="*/ 43 h 82"/>
                    <a:gd name="T64" fmla="*/ 15 w 54"/>
                    <a:gd name="T65" fmla="*/ 38 h 82"/>
                    <a:gd name="T66" fmla="*/ 12 w 54"/>
                    <a:gd name="T67" fmla="*/ 32 h 82"/>
                    <a:gd name="T68" fmla="*/ 10 w 54"/>
                    <a:gd name="T69" fmla="*/ 27 h 82"/>
                    <a:gd name="T70" fmla="*/ 7 w 54"/>
                    <a:gd name="T71" fmla="*/ 22 h 82"/>
                    <a:gd name="T72" fmla="*/ 5 w 54"/>
                    <a:gd name="T73" fmla="*/ 19 h 82"/>
                    <a:gd name="T74" fmla="*/ 1 w 54"/>
                    <a:gd name="T75" fmla="*/ 14 h 82"/>
                    <a:gd name="T76" fmla="*/ 1 w 54"/>
                    <a:gd name="T77" fmla="*/ 10 h 82"/>
                    <a:gd name="T78" fmla="*/ 0 w 54"/>
                    <a:gd name="T79" fmla="*/ 7 h 82"/>
                    <a:gd name="T80" fmla="*/ 0 w 54"/>
                    <a:gd name="T81" fmla="*/ 4 h 82"/>
                    <a:gd name="T82" fmla="*/ 0 w 54"/>
                    <a:gd name="T83" fmla="*/ 2 h 82"/>
                    <a:gd name="T84" fmla="*/ 1 w 54"/>
                    <a:gd name="T85" fmla="*/ 0 h 82"/>
                    <a:gd name="T86" fmla="*/ 3 w 54"/>
                    <a:gd name="T87" fmla="*/ 0 h 82"/>
                    <a:gd name="T88" fmla="*/ 5 w 54"/>
                    <a:gd name="T89" fmla="*/ 0 h 82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w 54"/>
                    <a:gd name="T136" fmla="*/ 0 h 82"/>
                    <a:gd name="T137" fmla="*/ 54 w 54"/>
                    <a:gd name="T138" fmla="*/ 82 h 82"/>
                  </a:gdLst>
                  <a:ahLst/>
                  <a:cxnLst>
                    <a:cxn ang="T90">
                      <a:pos x="T0" y="T1"/>
                    </a:cxn>
                    <a:cxn ang="T91">
                      <a:pos x="T2" y="T3"/>
                    </a:cxn>
                    <a:cxn ang="T92">
                      <a:pos x="T4" y="T5"/>
                    </a:cxn>
                    <a:cxn ang="T93">
                      <a:pos x="T6" y="T7"/>
                    </a:cxn>
                    <a:cxn ang="T94">
                      <a:pos x="T8" y="T9"/>
                    </a:cxn>
                    <a:cxn ang="T95">
                      <a:pos x="T10" y="T11"/>
                    </a:cxn>
                    <a:cxn ang="T96">
                      <a:pos x="T12" y="T13"/>
                    </a:cxn>
                    <a:cxn ang="T97">
                      <a:pos x="T14" y="T15"/>
                    </a:cxn>
                    <a:cxn ang="T98">
                      <a:pos x="T16" y="T17"/>
                    </a:cxn>
                    <a:cxn ang="T99">
                      <a:pos x="T18" y="T19"/>
                    </a:cxn>
                    <a:cxn ang="T100">
                      <a:pos x="T20" y="T21"/>
                    </a:cxn>
                    <a:cxn ang="T101">
                      <a:pos x="T22" y="T23"/>
                    </a:cxn>
                    <a:cxn ang="T102">
                      <a:pos x="T24" y="T25"/>
                    </a:cxn>
                    <a:cxn ang="T103">
                      <a:pos x="T26" y="T27"/>
                    </a:cxn>
                    <a:cxn ang="T104">
                      <a:pos x="T28" y="T29"/>
                    </a:cxn>
                    <a:cxn ang="T105">
                      <a:pos x="T30" y="T31"/>
                    </a:cxn>
                    <a:cxn ang="T106">
                      <a:pos x="T32" y="T33"/>
                    </a:cxn>
                    <a:cxn ang="T107">
                      <a:pos x="T34" y="T35"/>
                    </a:cxn>
                    <a:cxn ang="T108">
                      <a:pos x="T36" y="T37"/>
                    </a:cxn>
                    <a:cxn ang="T109">
                      <a:pos x="T38" y="T39"/>
                    </a:cxn>
                    <a:cxn ang="T110">
                      <a:pos x="T40" y="T41"/>
                    </a:cxn>
                    <a:cxn ang="T111">
                      <a:pos x="T42" y="T43"/>
                    </a:cxn>
                    <a:cxn ang="T112">
                      <a:pos x="T44" y="T45"/>
                    </a:cxn>
                    <a:cxn ang="T113">
                      <a:pos x="T46" y="T47"/>
                    </a:cxn>
                    <a:cxn ang="T114">
                      <a:pos x="T48" y="T49"/>
                    </a:cxn>
                    <a:cxn ang="T115">
                      <a:pos x="T50" y="T51"/>
                    </a:cxn>
                    <a:cxn ang="T116">
                      <a:pos x="T52" y="T53"/>
                    </a:cxn>
                    <a:cxn ang="T117">
                      <a:pos x="T54" y="T55"/>
                    </a:cxn>
                    <a:cxn ang="T118">
                      <a:pos x="T56" y="T57"/>
                    </a:cxn>
                    <a:cxn ang="T119">
                      <a:pos x="T58" y="T59"/>
                    </a:cxn>
                    <a:cxn ang="T120">
                      <a:pos x="T60" y="T61"/>
                    </a:cxn>
                    <a:cxn ang="T121">
                      <a:pos x="T62" y="T63"/>
                    </a:cxn>
                    <a:cxn ang="T122">
                      <a:pos x="T64" y="T65"/>
                    </a:cxn>
                    <a:cxn ang="T123">
                      <a:pos x="T66" y="T67"/>
                    </a:cxn>
                    <a:cxn ang="T124">
                      <a:pos x="T68" y="T69"/>
                    </a:cxn>
                    <a:cxn ang="T125">
                      <a:pos x="T70" y="T71"/>
                    </a:cxn>
                    <a:cxn ang="T126">
                      <a:pos x="T72" y="T73"/>
                    </a:cxn>
                    <a:cxn ang="T127">
                      <a:pos x="T74" y="T75"/>
                    </a:cxn>
                    <a:cxn ang="T128">
                      <a:pos x="T76" y="T77"/>
                    </a:cxn>
                    <a:cxn ang="T129">
                      <a:pos x="T78" y="T79"/>
                    </a:cxn>
                    <a:cxn ang="T130">
                      <a:pos x="T80" y="T81"/>
                    </a:cxn>
                    <a:cxn ang="T131">
                      <a:pos x="T82" y="T83"/>
                    </a:cxn>
                    <a:cxn ang="T132">
                      <a:pos x="T84" y="T85"/>
                    </a:cxn>
                    <a:cxn ang="T133">
                      <a:pos x="T86" y="T87"/>
                    </a:cxn>
                    <a:cxn ang="T134">
                      <a:pos x="T88" y="T89"/>
                    </a:cxn>
                  </a:cxnLst>
                  <a:rect l="T135" t="T136" r="T137" b="T138"/>
                  <a:pathLst>
                    <a:path w="54" h="82">
                      <a:moveTo>
                        <a:pt x="5" y="0"/>
                      </a:moveTo>
                      <a:lnTo>
                        <a:pt x="5" y="0"/>
                      </a:lnTo>
                      <a:lnTo>
                        <a:pt x="5" y="2"/>
                      </a:lnTo>
                      <a:lnTo>
                        <a:pt x="7" y="4"/>
                      </a:lnTo>
                      <a:lnTo>
                        <a:pt x="7" y="7"/>
                      </a:lnTo>
                      <a:lnTo>
                        <a:pt x="8" y="10"/>
                      </a:lnTo>
                      <a:lnTo>
                        <a:pt x="10" y="14"/>
                      </a:lnTo>
                      <a:lnTo>
                        <a:pt x="13" y="19"/>
                      </a:lnTo>
                      <a:lnTo>
                        <a:pt x="15" y="22"/>
                      </a:lnTo>
                      <a:lnTo>
                        <a:pt x="17" y="27"/>
                      </a:lnTo>
                      <a:lnTo>
                        <a:pt x="20" y="32"/>
                      </a:lnTo>
                      <a:lnTo>
                        <a:pt x="23" y="38"/>
                      </a:lnTo>
                      <a:lnTo>
                        <a:pt x="25" y="43"/>
                      </a:lnTo>
                      <a:lnTo>
                        <a:pt x="29" y="48"/>
                      </a:lnTo>
                      <a:lnTo>
                        <a:pt x="32" y="51"/>
                      </a:lnTo>
                      <a:lnTo>
                        <a:pt x="35" y="56"/>
                      </a:lnTo>
                      <a:lnTo>
                        <a:pt x="39" y="60"/>
                      </a:lnTo>
                      <a:lnTo>
                        <a:pt x="40" y="63"/>
                      </a:lnTo>
                      <a:lnTo>
                        <a:pt x="44" y="66"/>
                      </a:lnTo>
                      <a:lnTo>
                        <a:pt x="47" y="73"/>
                      </a:lnTo>
                      <a:lnTo>
                        <a:pt x="52" y="78"/>
                      </a:lnTo>
                      <a:lnTo>
                        <a:pt x="54" y="82"/>
                      </a:lnTo>
                      <a:lnTo>
                        <a:pt x="52" y="82"/>
                      </a:lnTo>
                      <a:lnTo>
                        <a:pt x="45" y="76"/>
                      </a:lnTo>
                      <a:lnTo>
                        <a:pt x="34" y="65"/>
                      </a:lnTo>
                      <a:lnTo>
                        <a:pt x="32" y="63"/>
                      </a:lnTo>
                      <a:lnTo>
                        <a:pt x="30" y="60"/>
                      </a:lnTo>
                      <a:lnTo>
                        <a:pt x="27" y="56"/>
                      </a:lnTo>
                      <a:lnTo>
                        <a:pt x="25" y="53"/>
                      </a:lnTo>
                      <a:lnTo>
                        <a:pt x="22" y="48"/>
                      </a:lnTo>
                      <a:lnTo>
                        <a:pt x="18" y="43"/>
                      </a:lnTo>
                      <a:lnTo>
                        <a:pt x="15" y="38"/>
                      </a:lnTo>
                      <a:lnTo>
                        <a:pt x="12" y="32"/>
                      </a:lnTo>
                      <a:lnTo>
                        <a:pt x="10" y="27"/>
                      </a:lnTo>
                      <a:lnTo>
                        <a:pt x="7" y="22"/>
                      </a:lnTo>
                      <a:lnTo>
                        <a:pt x="5" y="19"/>
                      </a:lnTo>
                      <a:lnTo>
                        <a:pt x="1" y="14"/>
                      </a:lnTo>
                      <a:lnTo>
                        <a:pt x="1" y="10"/>
                      </a:lnTo>
                      <a:lnTo>
                        <a:pt x="0" y="7"/>
                      </a:lnTo>
                      <a:lnTo>
                        <a:pt x="0" y="4"/>
                      </a:lnTo>
                      <a:lnTo>
                        <a:pt x="0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73" name="Freeform 168"/>
                <p:cNvSpPr>
                  <a:spLocks/>
                </p:cNvSpPr>
                <p:nvPr/>
              </p:nvSpPr>
              <p:spPr bwMode="auto">
                <a:xfrm>
                  <a:off x="4905" y="2078"/>
                  <a:ext cx="54" cy="82"/>
                </a:xfrm>
                <a:custGeom>
                  <a:avLst/>
                  <a:gdLst>
                    <a:gd name="T0" fmla="*/ 5 w 54"/>
                    <a:gd name="T1" fmla="*/ 0 h 82"/>
                    <a:gd name="T2" fmla="*/ 5 w 54"/>
                    <a:gd name="T3" fmla="*/ 0 h 82"/>
                    <a:gd name="T4" fmla="*/ 5 w 54"/>
                    <a:gd name="T5" fmla="*/ 0 h 82"/>
                    <a:gd name="T6" fmla="*/ 5 w 54"/>
                    <a:gd name="T7" fmla="*/ 2 h 82"/>
                    <a:gd name="T8" fmla="*/ 7 w 54"/>
                    <a:gd name="T9" fmla="*/ 4 h 82"/>
                    <a:gd name="T10" fmla="*/ 7 w 54"/>
                    <a:gd name="T11" fmla="*/ 7 h 82"/>
                    <a:gd name="T12" fmla="*/ 8 w 54"/>
                    <a:gd name="T13" fmla="*/ 10 h 82"/>
                    <a:gd name="T14" fmla="*/ 10 w 54"/>
                    <a:gd name="T15" fmla="*/ 14 h 82"/>
                    <a:gd name="T16" fmla="*/ 13 w 54"/>
                    <a:gd name="T17" fmla="*/ 19 h 82"/>
                    <a:gd name="T18" fmla="*/ 15 w 54"/>
                    <a:gd name="T19" fmla="*/ 22 h 82"/>
                    <a:gd name="T20" fmla="*/ 17 w 54"/>
                    <a:gd name="T21" fmla="*/ 27 h 82"/>
                    <a:gd name="T22" fmla="*/ 20 w 54"/>
                    <a:gd name="T23" fmla="*/ 32 h 82"/>
                    <a:gd name="T24" fmla="*/ 23 w 54"/>
                    <a:gd name="T25" fmla="*/ 38 h 82"/>
                    <a:gd name="T26" fmla="*/ 25 w 54"/>
                    <a:gd name="T27" fmla="*/ 43 h 82"/>
                    <a:gd name="T28" fmla="*/ 29 w 54"/>
                    <a:gd name="T29" fmla="*/ 48 h 82"/>
                    <a:gd name="T30" fmla="*/ 32 w 54"/>
                    <a:gd name="T31" fmla="*/ 51 h 82"/>
                    <a:gd name="T32" fmla="*/ 35 w 54"/>
                    <a:gd name="T33" fmla="*/ 56 h 82"/>
                    <a:gd name="T34" fmla="*/ 39 w 54"/>
                    <a:gd name="T35" fmla="*/ 60 h 82"/>
                    <a:gd name="T36" fmla="*/ 39 w 54"/>
                    <a:gd name="T37" fmla="*/ 60 h 82"/>
                    <a:gd name="T38" fmla="*/ 40 w 54"/>
                    <a:gd name="T39" fmla="*/ 63 h 82"/>
                    <a:gd name="T40" fmla="*/ 44 w 54"/>
                    <a:gd name="T41" fmla="*/ 66 h 82"/>
                    <a:gd name="T42" fmla="*/ 47 w 54"/>
                    <a:gd name="T43" fmla="*/ 73 h 82"/>
                    <a:gd name="T44" fmla="*/ 52 w 54"/>
                    <a:gd name="T45" fmla="*/ 78 h 82"/>
                    <a:gd name="T46" fmla="*/ 54 w 54"/>
                    <a:gd name="T47" fmla="*/ 82 h 82"/>
                    <a:gd name="T48" fmla="*/ 52 w 54"/>
                    <a:gd name="T49" fmla="*/ 82 h 82"/>
                    <a:gd name="T50" fmla="*/ 45 w 54"/>
                    <a:gd name="T51" fmla="*/ 76 h 82"/>
                    <a:gd name="T52" fmla="*/ 34 w 54"/>
                    <a:gd name="T53" fmla="*/ 65 h 82"/>
                    <a:gd name="T54" fmla="*/ 34 w 54"/>
                    <a:gd name="T55" fmla="*/ 65 h 82"/>
                    <a:gd name="T56" fmla="*/ 34 w 54"/>
                    <a:gd name="T57" fmla="*/ 65 h 82"/>
                    <a:gd name="T58" fmla="*/ 32 w 54"/>
                    <a:gd name="T59" fmla="*/ 63 h 82"/>
                    <a:gd name="T60" fmla="*/ 30 w 54"/>
                    <a:gd name="T61" fmla="*/ 60 h 82"/>
                    <a:gd name="T62" fmla="*/ 27 w 54"/>
                    <a:gd name="T63" fmla="*/ 56 h 82"/>
                    <a:gd name="T64" fmla="*/ 25 w 54"/>
                    <a:gd name="T65" fmla="*/ 53 h 82"/>
                    <a:gd name="T66" fmla="*/ 22 w 54"/>
                    <a:gd name="T67" fmla="*/ 48 h 82"/>
                    <a:gd name="T68" fmla="*/ 18 w 54"/>
                    <a:gd name="T69" fmla="*/ 43 h 82"/>
                    <a:gd name="T70" fmla="*/ 15 w 54"/>
                    <a:gd name="T71" fmla="*/ 38 h 82"/>
                    <a:gd name="T72" fmla="*/ 12 w 54"/>
                    <a:gd name="T73" fmla="*/ 32 h 82"/>
                    <a:gd name="T74" fmla="*/ 10 w 54"/>
                    <a:gd name="T75" fmla="*/ 27 h 82"/>
                    <a:gd name="T76" fmla="*/ 7 w 54"/>
                    <a:gd name="T77" fmla="*/ 22 h 82"/>
                    <a:gd name="T78" fmla="*/ 5 w 54"/>
                    <a:gd name="T79" fmla="*/ 19 h 82"/>
                    <a:gd name="T80" fmla="*/ 1 w 54"/>
                    <a:gd name="T81" fmla="*/ 14 h 82"/>
                    <a:gd name="T82" fmla="*/ 1 w 54"/>
                    <a:gd name="T83" fmla="*/ 10 h 82"/>
                    <a:gd name="T84" fmla="*/ 0 w 54"/>
                    <a:gd name="T85" fmla="*/ 7 h 82"/>
                    <a:gd name="T86" fmla="*/ 0 w 54"/>
                    <a:gd name="T87" fmla="*/ 4 h 82"/>
                    <a:gd name="T88" fmla="*/ 0 w 54"/>
                    <a:gd name="T89" fmla="*/ 4 h 82"/>
                    <a:gd name="T90" fmla="*/ 0 w 54"/>
                    <a:gd name="T91" fmla="*/ 2 h 82"/>
                    <a:gd name="T92" fmla="*/ 1 w 54"/>
                    <a:gd name="T93" fmla="*/ 0 h 82"/>
                    <a:gd name="T94" fmla="*/ 3 w 54"/>
                    <a:gd name="T95" fmla="*/ 0 h 82"/>
                    <a:gd name="T96" fmla="*/ 5 w 54"/>
                    <a:gd name="T97" fmla="*/ 0 h 82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w 54"/>
                    <a:gd name="T148" fmla="*/ 0 h 82"/>
                    <a:gd name="T149" fmla="*/ 54 w 54"/>
                    <a:gd name="T150" fmla="*/ 82 h 82"/>
                  </a:gdLst>
                  <a:ahLst/>
                  <a:cxnLst>
                    <a:cxn ang="T98">
                      <a:pos x="T0" y="T1"/>
                    </a:cxn>
                    <a:cxn ang="T99">
                      <a:pos x="T2" y="T3"/>
                    </a:cxn>
                    <a:cxn ang="T100">
                      <a:pos x="T4" y="T5"/>
                    </a:cxn>
                    <a:cxn ang="T101">
                      <a:pos x="T6" y="T7"/>
                    </a:cxn>
                    <a:cxn ang="T102">
                      <a:pos x="T8" y="T9"/>
                    </a:cxn>
                    <a:cxn ang="T103">
                      <a:pos x="T10" y="T11"/>
                    </a:cxn>
                    <a:cxn ang="T104">
                      <a:pos x="T12" y="T13"/>
                    </a:cxn>
                    <a:cxn ang="T105">
                      <a:pos x="T14" y="T15"/>
                    </a:cxn>
                    <a:cxn ang="T106">
                      <a:pos x="T16" y="T17"/>
                    </a:cxn>
                    <a:cxn ang="T107">
                      <a:pos x="T18" y="T19"/>
                    </a:cxn>
                    <a:cxn ang="T108">
                      <a:pos x="T20" y="T21"/>
                    </a:cxn>
                    <a:cxn ang="T109">
                      <a:pos x="T22" y="T23"/>
                    </a:cxn>
                    <a:cxn ang="T110">
                      <a:pos x="T24" y="T25"/>
                    </a:cxn>
                    <a:cxn ang="T111">
                      <a:pos x="T26" y="T27"/>
                    </a:cxn>
                    <a:cxn ang="T112">
                      <a:pos x="T28" y="T29"/>
                    </a:cxn>
                    <a:cxn ang="T113">
                      <a:pos x="T30" y="T31"/>
                    </a:cxn>
                    <a:cxn ang="T114">
                      <a:pos x="T32" y="T33"/>
                    </a:cxn>
                    <a:cxn ang="T115">
                      <a:pos x="T34" y="T35"/>
                    </a:cxn>
                    <a:cxn ang="T116">
                      <a:pos x="T36" y="T37"/>
                    </a:cxn>
                    <a:cxn ang="T117">
                      <a:pos x="T38" y="T39"/>
                    </a:cxn>
                    <a:cxn ang="T118">
                      <a:pos x="T40" y="T41"/>
                    </a:cxn>
                    <a:cxn ang="T119">
                      <a:pos x="T42" y="T43"/>
                    </a:cxn>
                    <a:cxn ang="T120">
                      <a:pos x="T44" y="T45"/>
                    </a:cxn>
                    <a:cxn ang="T121">
                      <a:pos x="T46" y="T47"/>
                    </a:cxn>
                    <a:cxn ang="T122">
                      <a:pos x="T48" y="T49"/>
                    </a:cxn>
                    <a:cxn ang="T123">
                      <a:pos x="T50" y="T51"/>
                    </a:cxn>
                    <a:cxn ang="T124">
                      <a:pos x="T52" y="T53"/>
                    </a:cxn>
                    <a:cxn ang="T125">
                      <a:pos x="T54" y="T55"/>
                    </a:cxn>
                    <a:cxn ang="T126">
                      <a:pos x="T56" y="T57"/>
                    </a:cxn>
                    <a:cxn ang="T127">
                      <a:pos x="T58" y="T59"/>
                    </a:cxn>
                    <a:cxn ang="T128">
                      <a:pos x="T60" y="T61"/>
                    </a:cxn>
                    <a:cxn ang="T129">
                      <a:pos x="T62" y="T63"/>
                    </a:cxn>
                    <a:cxn ang="T130">
                      <a:pos x="T64" y="T65"/>
                    </a:cxn>
                    <a:cxn ang="T131">
                      <a:pos x="T66" y="T67"/>
                    </a:cxn>
                    <a:cxn ang="T132">
                      <a:pos x="T68" y="T69"/>
                    </a:cxn>
                    <a:cxn ang="T133">
                      <a:pos x="T70" y="T71"/>
                    </a:cxn>
                    <a:cxn ang="T134">
                      <a:pos x="T72" y="T73"/>
                    </a:cxn>
                    <a:cxn ang="T135">
                      <a:pos x="T74" y="T75"/>
                    </a:cxn>
                    <a:cxn ang="T136">
                      <a:pos x="T76" y="T77"/>
                    </a:cxn>
                    <a:cxn ang="T137">
                      <a:pos x="T78" y="T79"/>
                    </a:cxn>
                    <a:cxn ang="T138">
                      <a:pos x="T80" y="T81"/>
                    </a:cxn>
                    <a:cxn ang="T139">
                      <a:pos x="T82" y="T83"/>
                    </a:cxn>
                    <a:cxn ang="T140">
                      <a:pos x="T84" y="T85"/>
                    </a:cxn>
                    <a:cxn ang="T141">
                      <a:pos x="T86" y="T87"/>
                    </a:cxn>
                    <a:cxn ang="T142">
                      <a:pos x="T88" y="T89"/>
                    </a:cxn>
                    <a:cxn ang="T143">
                      <a:pos x="T90" y="T91"/>
                    </a:cxn>
                    <a:cxn ang="T144">
                      <a:pos x="T92" y="T93"/>
                    </a:cxn>
                    <a:cxn ang="T145">
                      <a:pos x="T94" y="T95"/>
                    </a:cxn>
                    <a:cxn ang="T146">
                      <a:pos x="T96" y="T97"/>
                    </a:cxn>
                  </a:cxnLst>
                  <a:rect l="T147" t="T148" r="T149" b="T150"/>
                  <a:pathLst>
                    <a:path w="54" h="82">
                      <a:moveTo>
                        <a:pt x="5" y="0"/>
                      </a:moveTo>
                      <a:lnTo>
                        <a:pt x="5" y="0"/>
                      </a:lnTo>
                      <a:lnTo>
                        <a:pt x="5" y="2"/>
                      </a:lnTo>
                      <a:lnTo>
                        <a:pt x="7" y="4"/>
                      </a:lnTo>
                      <a:lnTo>
                        <a:pt x="7" y="7"/>
                      </a:lnTo>
                      <a:lnTo>
                        <a:pt x="8" y="10"/>
                      </a:lnTo>
                      <a:lnTo>
                        <a:pt x="10" y="14"/>
                      </a:lnTo>
                      <a:lnTo>
                        <a:pt x="13" y="19"/>
                      </a:lnTo>
                      <a:lnTo>
                        <a:pt x="15" y="22"/>
                      </a:lnTo>
                      <a:lnTo>
                        <a:pt x="17" y="27"/>
                      </a:lnTo>
                      <a:lnTo>
                        <a:pt x="20" y="32"/>
                      </a:lnTo>
                      <a:lnTo>
                        <a:pt x="23" y="38"/>
                      </a:lnTo>
                      <a:lnTo>
                        <a:pt x="25" y="43"/>
                      </a:lnTo>
                      <a:lnTo>
                        <a:pt x="29" y="48"/>
                      </a:lnTo>
                      <a:lnTo>
                        <a:pt x="32" y="51"/>
                      </a:lnTo>
                      <a:lnTo>
                        <a:pt x="35" y="56"/>
                      </a:lnTo>
                      <a:lnTo>
                        <a:pt x="39" y="60"/>
                      </a:lnTo>
                      <a:lnTo>
                        <a:pt x="40" y="63"/>
                      </a:lnTo>
                      <a:lnTo>
                        <a:pt x="44" y="66"/>
                      </a:lnTo>
                      <a:lnTo>
                        <a:pt x="47" y="73"/>
                      </a:lnTo>
                      <a:lnTo>
                        <a:pt x="52" y="78"/>
                      </a:lnTo>
                      <a:lnTo>
                        <a:pt x="54" y="82"/>
                      </a:lnTo>
                      <a:lnTo>
                        <a:pt x="52" y="82"/>
                      </a:lnTo>
                      <a:lnTo>
                        <a:pt x="45" y="76"/>
                      </a:lnTo>
                      <a:lnTo>
                        <a:pt x="34" y="65"/>
                      </a:lnTo>
                      <a:lnTo>
                        <a:pt x="32" y="63"/>
                      </a:lnTo>
                      <a:lnTo>
                        <a:pt x="30" y="60"/>
                      </a:lnTo>
                      <a:lnTo>
                        <a:pt x="27" y="56"/>
                      </a:lnTo>
                      <a:lnTo>
                        <a:pt x="25" y="53"/>
                      </a:lnTo>
                      <a:lnTo>
                        <a:pt x="22" y="48"/>
                      </a:lnTo>
                      <a:lnTo>
                        <a:pt x="18" y="43"/>
                      </a:lnTo>
                      <a:lnTo>
                        <a:pt x="15" y="38"/>
                      </a:lnTo>
                      <a:lnTo>
                        <a:pt x="12" y="32"/>
                      </a:lnTo>
                      <a:lnTo>
                        <a:pt x="10" y="27"/>
                      </a:lnTo>
                      <a:lnTo>
                        <a:pt x="7" y="22"/>
                      </a:lnTo>
                      <a:lnTo>
                        <a:pt x="5" y="19"/>
                      </a:lnTo>
                      <a:lnTo>
                        <a:pt x="1" y="14"/>
                      </a:lnTo>
                      <a:lnTo>
                        <a:pt x="1" y="10"/>
                      </a:lnTo>
                      <a:lnTo>
                        <a:pt x="0" y="7"/>
                      </a:lnTo>
                      <a:lnTo>
                        <a:pt x="0" y="4"/>
                      </a:lnTo>
                      <a:lnTo>
                        <a:pt x="0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74" name="Freeform 169"/>
                <p:cNvSpPr>
                  <a:spLocks/>
                </p:cNvSpPr>
                <p:nvPr/>
              </p:nvSpPr>
              <p:spPr bwMode="auto">
                <a:xfrm>
                  <a:off x="4956" y="2165"/>
                  <a:ext cx="20" cy="72"/>
                </a:xfrm>
                <a:custGeom>
                  <a:avLst/>
                  <a:gdLst>
                    <a:gd name="T0" fmla="*/ 8 w 20"/>
                    <a:gd name="T1" fmla="*/ 0 h 72"/>
                    <a:gd name="T2" fmla="*/ 18 w 20"/>
                    <a:gd name="T3" fmla="*/ 18 h 72"/>
                    <a:gd name="T4" fmla="*/ 20 w 20"/>
                    <a:gd name="T5" fmla="*/ 67 h 72"/>
                    <a:gd name="T6" fmla="*/ 3 w 20"/>
                    <a:gd name="T7" fmla="*/ 72 h 72"/>
                    <a:gd name="T8" fmla="*/ 0 w 20"/>
                    <a:gd name="T9" fmla="*/ 71 h 72"/>
                    <a:gd name="T10" fmla="*/ 15 w 20"/>
                    <a:gd name="T11" fmla="*/ 55 h 72"/>
                    <a:gd name="T12" fmla="*/ 13 w 20"/>
                    <a:gd name="T13" fmla="*/ 22 h 72"/>
                    <a:gd name="T14" fmla="*/ 3 w 20"/>
                    <a:gd name="T15" fmla="*/ 3 h 72"/>
                    <a:gd name="T16" fmla="*/ 8 w 20"/>
                    <a:gd name="T17" fmla="*/ 0 h 72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60000 65536"/>
                    <a:gd name="T25" fmla="*/ 0 60000 65536"/>
                    <a:gd name="T26" fmla="*/ 0 60000 65536"/>
                    <a:gd name="T27" fmla="*/ 0 w 20"/>
                    <a:gd name="T28" fmla="*/ 0 h 72"/>
                    <a:gd name="T29" fmla="*/ 20 w 20"/>
                    <a:gd name="T30" fmla="*/ 72 h 72"/>
                  </a:gdLst>
                  <a:ahLst/>
                  <a:cxnLst>
                    <a:cxn ang="T18">
                      <a:pos x="T0" y="T1"/>
                    </a:cxn>
                    <a:cxn ang="T19">
                      <a:pos x="T2" y="T3"/>
                    </a:cxn>
                    <a:cxn ang="T20">
                      <a:pos x="T4" y="T5"/>
                    </a:cxn>
                    <a:cxn ang="T21">
                      <a:pos x="T6" y="T7"/>
                    </a:cxn>
                    <a:cxn ang="T22">
                      <a:pos x="T8" y="T9"/>
                    </a:cxn>
                    <a:cxn ang="T23">
                      <a:pos x="T10" y="T11"/>
                    </a:cxn>
                    <a:cxn ang="T24">
                      <a:pos x="T12" y="T13"/>
                    </a:cxn>
                    <a:cxn ang="T25">
                      <a:pos x="T14" y="T15"/>
                    </a:cxn>
                    <a:cxn ang="T26">
                      <a:pos x="T16" y="T17"/>
                    </a:cxn>
                  </a:cxnLst>
                  <a:rect l="T27" t="T28" r="T29" b="T30"/>
                  <a:pathLst>
                    <a:path w="20" h="72">
                      <a:moveTo>
                        <a:pt x="8" y="0"/>
                      </a:moveTo>
                      <a:lnTo>
                        <a:pt x="18" y="18"/>
                      </a:lnTo>
                      <a:lnTo>
                        <a:pt x="20" y="67"/>
                      </a:lnTo>
                      <a:lnTo>
                        <a:pt x="3" y="72"/>
                      </a:lnTo>
                      <a:lnTo>
                        <a:pt x="0" y="71"/>
                      </a:lnTo>
                      <a:lnTo>
                        <a:pt x="15" y="55"/>
                      </a:lnTo>
                      <a:lnTo>
                        <a:pt x="13" y="22"/>
                      </a:lnTo>
                      <a:lnTo>
                        <a:pt x="3" y="3"/>
                      </a:lnTo>
                      <a:lnTo>
                        <a:pt x="8" y="0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75" name="Freeform 170"/>
                <p:cNvSpPr>
                  <a:spLocks/>
                </p:cNvSpPr>
                <p:nvPr/>
              </p:nvSpPr>
              <p:spPr bwMode="auto">
                <a:xfrm>
                  <a:off x="4956" y="2165"/>
                  <a:ext cx="20" cy="72"/>
                </a:xfrm>
                <a:custGeom>
                  <a:avLst/>
                  <a:gdLst>
                    <a:gd name="T0" fmla="*/ 8 w 20"/>
                    <a:gd name="T1" fmla="*/ 0 h 72"/>
                    <a:gd name="T2" fmla="*/ 18 w 20"/>
                    <a:gd name="T3" fmla="*/ 18 h 72"/>
                    <a:gd name="T4" fmla="*/ 20 w 20"/>
                    <a:gd name="T5" fmla="*/ 67 h 72"/>
                    <a:gd name="T6" fmla="*/ 3 w 20"/>
                    <a:gd name="T7" fmla="*/ 72 h 72"/>
                    <a:gd name="T8" fmla="*/ 0 w 20"/>
                    <a:gd name="T9" fmla="*/ 71 h 72"/>
                    <a:gd name="T10" fmla="*/ 15 w 20"/>
                    <a:gd name="T11" fmla="*/ 55 h 72"/>
                    <a:gd name="T12" fmla="*/ 13 w 20"/>
                    <a:gd name="T13" fmla="*/ 22 h 72"/>
                    <a:gd name="T14" fmla="*/ 3 w 20"/>
                    <a:gd name="T15" fmla="*/ 3 h 72"/>
                    <a:gd name="T16" fmla="*/ 8 w 20"/>
                    <a:gd name="T17" fmla="*/ 0 h 72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60000 65536"/>
                    <a:gd name="T25" fmla="*/ 0 60000 65536"/>
                    <a:gd name="T26" fmla="*/ 0 60000 65536"/>
                    <a:gd name="T27" fmla="*/ 0 w 20"/>
                    <a:gd name="T28" fmla="*/ 0 h 72"/>
                    <a:gd name="T29" fmla="*/ 20 w 20"/>
                    <a:gd name="T30" fmla="*/ 72 h 72"/>
                  </a:gdLst>
                  <a:ahLst/>
                  <a:cxnLst>
                    <a:cxn ang="T18">
                      <a:pos x="T0" y="T1"/>
                    </a:cxn>
                    <a:cxn ang="T19">
                      <a:pos x="T2" y="T3"/>
                    </a:cxn>
                    <a:cxn ang="T20">
                      <a:pos x="T4" y="T5"/>
                    </a:cxn>
                    <a:cxn ang="T21">
                      <a:pos x="T6" y="T7"/>
                    </a:cxn>
                    <a:cxn ang="T22">
                      <a:pos x="T8" y="T9"/>
                    </a:cxn>
                    <a:cxn ang="T23">
                      <a:pos x="T10" y="T11"/>
                    </a:cxn>
                    <a:cxn ang="T24">
                      <a:pos x="T12" y="T13"/>
                    </a:cxn>
                    <a:cxn ang="T25">
                      <a:pos x="T14" y="T15"/>
                    </a:cxn>
                    <a:cxn ang="T26">
                      <a:pos x="T16" y="T17"/>
                    </a:cxn>
                  </a:cxnLst>
                  <a:rect l="T27" t="T28" r="T29" b="T30"/>
                  <a:pathLst>
                    <a:path w="20" h="72">
                      <a:moveTo>
                        <a:pt x="8" y="0"/>
                      </a:moveTo>
                      <a:lnTo>
                        <a:pt x="18" y="18"/>
                      </a:lnTo>
                      <a:lnTo>
                        <a:pt x="20" y="67"/>
                      </a:lnTo>
                      <a:lnTo>
                        <a:pt x="3" y="72"/>
                      </a:lnTo>
                      <a:lnTo>
                        <a:pt x="0" y="71"/>
                      </a:lnTo>
                      <a:lnTo>
                        <a:pt x="15" y="55"/>
                      </a:lnTo>
                      <a:lnTo>
                        <a:pt x="13" y="22"/>
                      </a:lnTo>
                      <a:lnTo>
                        <a:pt x="3" y="3"/>
                      </a:lnTo>
                      <a:lnTo>
                        <a:pt x="8" y="0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247" name="Freeform 171"/>
              <p:cNvSpPr>
                <a:spLocks/>
              </p:cNvSpPr>
              <p:nvPr/>
            </p:nvSpPr>
            <p:spPr bwMode="auto">
              <a:xfrm>
                <a:off x="420" y="850"/>
                <a:ext cx="638" cy="473"/>
              </a:xfrm>
              <a:custGeom>
                <a:avLst/>
                <a:gdLst>
                  <a:gd name="T0" fmla="*/ 18 w 656"/>
                  <a:gd name="T1" fmla="*/ 20 h 487"/>
                  <a:gd name="T2" fmla="*/ 44 w 656"/>
                  <a:gd name="T3" fmla="*/ 44 h 487"/>
                  <a:gd name="T4" fmla="*/ 65 w 656"/>
                  <a:gd name="T5" fmla="*/ 51 h 487"/>
                  <a:gd name="T6" fmla="*/ 79 w 656"/>
                  <a:gd name="T7" fmla="*/ 58 h 487"/>
                  <a:gd name="T8" fmla="*/ 109 w 656"/>
                  <a:gd name="T9" fmla="*/ 70 h 487"/>
                  <a:gd name="T10" fmla="*/ 117 w 656"/>
                  <a:gd name="T11" fmla="*/ 81 h 487"/>
                  <a:gd name="T12" fmla="*/ 112 w 656"/>
                  <a:gd name="T13" fmla="*/ 94 h 487"/>
                  <a:gd name="T14" fmla="*/ 109 w 656"/>
                  <a:gd name="T15" fmla="*/ 94 h 487"/>
                  <a:gd name="T16" fmla="*/ 85 w 656"/>
                  <a:gd name="T17" fmla="*/ 127 h 487"/>
                  <a:gd name="T18" fmla="*/ 98 w 656"/>
                  <a:gd name="T19" fmla="*/ 108 h 487"/>
                  <a:gd name="T20" fmla="*/ 112 w 656"/>
                  <a:gd name="T21" fmla="*/ 112 h 487"/>
                  <a:gd name="T22" fmla="*/ 101 w 656"/>
                  <a:gd name="T23" fmla="*/ 144 h 487"/>
                  <a:gd name="T24" fmla="*/ 101 w 656"/>
                  <a:gd name="T25" fmla="*/ 137 h 487"/>
                  <a:gd name="T26" fmla="*/ 93 w 656"/>
                  <a:gd name="T27" fmla="*/ 139 h 487"/>
                  <a:gd name="T28" fmla="*/ 91 w 656"/>
                  <a:gd name="T29" fmla="*/ 130 h 487"/>
                  <a:gd name="T30" fmla="*/ 77 w 656"/>
                  <a:gd name="T31" fmla="*/ 145 h 487"/>
                  <a:gd name="T32" fmla="*/ 89 w 656"/>
                  <a:gd name="T33" fmla="*/ 148 h 487"/>
                  <a:gd name="T34" fmla="*/ 97 w 656"/>
                  <a:gd name="T35" fmla="*/ 152 h 487"/>
                  <a:gd name="T36" fmla="*/ 114 w 656"/>
                  <a:gd name="T37" fmla="*/ 144 h 487"/>
                  <a:gd name="T38" fmla="*/ 144 w 656"/>
                  <a:gd name="T39" fmla="*/ 84 h 487"/>
                  <a:gd name="T40" fmla="*/ 129 w 656"/>
                  <a:gd name="T41" fmla="*/ 68 h 487"/>
                  <a:gd name="T42" fmla="*/ 133 w 656"/>
                  <a:gd name="T43" fmla="*/ 39 h 487"/>
                  <a:gd name="T44" fmla="*/ 144 w 656"/>
                  <a:gd name="T45" fmla="*/ 25 h 487"/>
                  <a:gd name="T46" fmla="*/ 141 w 656"/>
                  <a:gd name="T47" fmla="*/ 3 h 487"/>
                  <a:gd name="T48" fmla="*/ 181 w 656"/>
                  <a:gd name="T49" fmla="*/ 17 h 487"/>
                  <a:gd name="T50" fmla="*/ 252 w 656"/>
                  <a:gd name="T51" fmla="*/ 37 h 487"/>
                  <a:gd name="T52" fmla="*/ 342 w 656"/>
                  <a:gd name="T53" fmla="*/ 57 h 487"/>
                  <a:gd name="T54" fmla="*/ 443 w 656"/>
                  <a:gd name="T55" fmla="*/ 79 h 487"/>
                  <a:gd name="T56" fmla="*/ 440 w 656"/>
                  <a:gd name="T57" fmla="*/ 105 h 487"/>
                  <a:gd name="T58" fmla="*/ 427 w 656"/>
                  <a:gd name="T59" fmla="*/ 160 h 487"/>
                  <a:gd name="T60" fmla="*/ 412 w 656"/>
                  <a:gd name="T61" fmla="*/ 225 h 487"/>
                  <a:gd name="T62" fmla="*/ 403 w 656"/>
                  <a:gd name="T63" fmla="*/ 271 h 487"/>
                  <a:gd name="T64" fmla="*/ 400 w 656"/>
                  <a:gd name="T65" fmla="*/ 307 h 487"/>
                  <a:gd name="T66" fmla="*/ 281 w 656"/>
                  <a:gd name="T67" fmla="*/ 296 h 487"/>
                  <a:gd name="T68" fmla="*/ 260 w 656"/>
                  <a:gd name="T69" fmla="*/ 298 h 487"/>
                  <a:gd name="T70" fmla="*/ 241 w 656"/>
                  <a:gd name="T71" fmla="*/ 292 h 487"/>
                  <a:gd name="T72" fmla="*/ 219 w 656"/>
                  <a:gd name="T73" fmla="*/ 296 h 487"/>
                  <a:gd name="T74" fmla="*/ 185 w 656"/>
                  <a:gd name="T75" fmla="*/ 296 h 487"/>
                  <a:gd name="T76" fmla="*/ 165 w 656"/>
                  <a:gd name="T77" fmla="*/ 294 h 487"/>
                  <a:gd name="T78" fmla="*/ 142 w 656"/>
                  <a:gd name="T79" fmla="*/ 289 h 487"/>
                  <a:gd name="T80" fmla="*/ 114 w 656"/>
                  <a:gd name="T81" fmla="*/ 278 h 487"/>
                  <a:gd name="T82" fmla="*/ 91 w 656"/>
                  <a:gd name="T83" fmla="*/ 281 h 487"/>
                  <a:gd name="T84" fmla="*/ 71 w 656"/>
                  <a:gd name="T85" fmla="*/ 276 h 487"/>
                  <a:gd name="T86" fmla="*/ 61 w 656"/>
                  <a:gd name="T87" fmla="*/ 269 h 487"/>
                  <a:gd name="T88" fmla="*/ 60 w 656"/>
                  <a:gd name="T89" fmla="*/ 252 h 487"/>
                  <a:gd name="T90" fmla="*/ 55 w 656"/>
                  <a:gd name="T91" fmla="*/ 227 h 487"/>
                  <a:gd name="T92" fmla="*/ 43 w 656"/>
                  <a:gd name="T93" fmla="*/ 219 h 487"/>
                  <a:gd name="T94" fmla="*/ 40 w 656"/>
                  <a:gd name="T95" fmla="*/ 214 h 487"/>
                  <a:gd name="T96" fmla="*/ 25 w 656"/>
                  <a:gd name="T97" fmla="*/ 203 h 487"/>
                  <a:gd name="T98" fmla="*/ 11 w 656"/>
                  <a:gd name="T99" fmla="*/ 200 h 487"/>
                  <a:gd name="T100" fmla="*/ 0 w 656"/>
                  <a:gd name="T101" fmla="*/ 195 h 487"/>
                  <a:gd name="T102" fmla="*/ 5 w 656"/>
                  <a:gd name="T103" fmla="*/ 180 h 487"/>
                  <a:gd name="T104" fmla="*/ 15 w 656"/>
                  <a:gd name="T105" fmla="*/ 171 h 487"/>
                  <a:gd name="T106" fmla="*/ 11 w 656"/>
                  <a:gd name="T107" fmla="*/ 184 h 487"/>
                  <a:gd name="T108" fmla="*/ 15 w 656"/>
                  <a:gd name="T109" fmla="*/ 188 h 487"/>
                  <a:gd name="T110" fmla="*/ 18 w 656"/>
                  <a:gd name="T111" fmla="*/ 166 h 487"/>
                  <a:gd name="T112" fmla="*/ 18 w 656"/>
                  <a:gd name="T113" fmla="*/ 148 h 487"/>
                  <a:gd name="T114" fmla="*/ 18 w 656"/>
                  <a:gd name="T115" fmla="*/ 142 h 487"/>
                  <a:gd name="T116" fmla="*/ 18 w 656"/>
                  <a:gd name="T117" fmla="*/ 118 h 487"/>
                  <a:gd name="T118" fmla="*/ 18 w 656"/>
                  <a:gd name="T119" fmla="*/ 89 h 487"/>
                  <a:gd name="T120" fmla="*/ 17 w 656"/>
                  <a:gd name="T121" fmla="*/ 64 h 487"/>
                  <a:gd name="T122" fmla="*/ 15 w 656"/>
                  <a:gd name="T123" fmla="*/ 38 h 487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w 656"/>
                  <a:gd name="T187" fmla="*/ 0 h 487"/>
                  <a:gd name="T188" fmla="*/ 656 w 656"/>
                  <a:gd name="T189" fmla="*/ 487 h 487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T186" t="T187" r="T188" b="T189"/>
                <a:pathLst>
                  <a:path w="656" h="487">
                    <a:moveTo>
                      <a:pt x="22" y="41"/>
                    </a:moveTo>
                    <a:lnTo>
                      <a:pt x="23" y="36"/>
                    </a:lnTo>
                    <a:lnTo>
                      <a:pt x="22" y="27"/>
                    </a:lnTo>
                    <a:lnTo>
                      <a:pt x="22" y="29"/>
                    </a:lnTo>
                    <a:lnTo>
                      <a:pt x="23" y="29"/>
                    </a:lnTo>
                    <a:lnTo>
                      <a:pt x="25" y="32"/>
                    </a:lnTo>
                    <a:lnTo>
                      <a:pt x="28" y="34"/>
                    </a:lnTo>
                    <a:lnTo>
                      <a:pt x="32" y="39"/>
                    </a:lnTo>
                    <a:lnTo>
                      <a:pt x="37" y="42"/>
                    </a:lnTo>
                    <a:lnTo>
                      <a:pt x="40" y="46"/>
                    </a:lnTo>
                    <a:lnTo>
                      <a:pt x="45" y="51"/>
                    </a:lnTo>
                    <a:lnTo>
                      <a:pt x="50" y="56"/>
                    </a:lnTo>
                    <a:lnTo>
                      <a:pt x="57" y="59"/>
                    </a:lnTo>
                    <a:lnTo>
                      <a:pt x="62" y="64"/>
                    </a:lnTo>
                    <a:lnTo>
                      <a:pt x="67" y="68"/>
                    </a:lnTo>
                    <a:lnTo>
                      <a:pt x="74" y="71"/>
                    </a:lnTo>
                    <a:lnTo>
                      <a:pt x="79" y="74"/>
                    </a:lnTo>
                    <a:lnTo>
                      <a:pt x="86" y="76"/>
                    </a:lnTo>
                    <a:lnTo>
                      <a:pt x="91" y="78"/>
                    </a:lnTo>
                    <a:lnTo>
                      <a:pt x="94" y="78"/>
                    </a:lnTo>
                    <a:lnTo>
                      <a:pt x="96" y="80"/>
                    </a:lnTo>
                    <a:lnTo>
                      <a:pt x="98" y="80"/>
                    </a:lnTo>
                    <a:lnTo>
                      <a:pt x="101" y="80"/>
                    </a:lnTo>
                    <a:lnTo>
                      <a:pt x="103" y="81"/>
                    </a:lnTo>
                    <a:lnTo>
                      <a:pt x="105" y="81"/>
                    </a:lnTo>
                    <a:lnTo>
                      <a:pt x="115" y="86"/>
                    </a:lnTo>
                    <a:lnTo>
                      <a:pt x="123" y="95"/>
                    </a:lnTo>
                    <a:lnTo>
                      <a:pt x="142" y="95"/>
                    </a:lnTo>
                    <a:lnTo>
                      <a:pt x="143" y="105"/>
                    </a:lnTo>
                    <a:lnTo>
                      <a:pt x="154" y="105"/>
                    </a:lnTo>
                    <a:lnTo>
                      <a:pt x="154" y="117"/>
                    </a:lnTo>
                    <a:lnTo>
                      <a:pt x="160" y="117"/>
                    </a:lnTo>
                    <a:lnTo>
                      <a:pt x="159" y="105"/>
                    </a:lnTo>
                    <a:lnTo>
                      <a:pt x="162" y="103"/>
                    </a:lnTo>
                    <a:lnTo>
                      <a:pt x="172" y="103"/>
                    </a:lnTo>
                    <a:lnTo>
                      <a:pt x="167" y="113"/>
                    </a:lnTo>
                    <a:lnTo>
                      <a:pt x="169" y="115"/>
                    </a:lnTo>
                    <a:lnTo>
                      <a:pt x="169" y="117"/>
                    </a:lnTo>
                    <a:lnTo>
                      <a:pt x="171" y="118"/>
                    </a:lnTo>
                    <a:lnTo>
                      <a:pt x="172" y="122"/>
                    </a:lnTo>
                    <a:lnTo>
                      <a:pt x="174" y="125"/>
                    </a:lnTo>
                    <a:lnTo>
                      <a:pt x="174" y="130"/>
                    </a:lnTo>
                    <a:lnTo>
                      <a:pt x="172" y="134"/>
                    </a:lnTo>
                    <a:lnTo>
                      <a:pt x="171" y="135"/>
                    </a:lnTo>
                    <a:lnTo>
                      <a:pt x="169" y="137"/>
                    </a:lnTo>
                    <a:lnTo>
                      <a:pt x="167" y="139"/>
                    </a:lnTo>
                    <a:lnTo>
                      <a:pt x="164" y="142"/>
                    </a:lnTo>
                    <a:lnTo>
                      <a:pt x="160" y="146"/>
                    </a:lnTo>
                    <a:lnTo>
                      <a:pt x="159" y="149"/>
                    </a:lnTo>
                    <a:lnTo>
                      <a:pt x="155" y="152"/>
                    </a:lnTo>
                    <a:lnTo>
                      <a:pt x="154" y="154"/>
                    </a:lnTo>
                    <a:lnTo>
                      <a:pt x="154" y="156"/>
                    </a:lnTo>
                    <a:lnTo>
                      <a:pt x="149" y="151"/>
                    </a:lnTo>
                    <a:lnTo>
                      <a:pt x="159" y="142"/>
                    </a:lnTo>
                    <a:lnTo>
                      <a:pt x="157" y="137"/>
                    </a:lnTo>
                    <a:lnTo>
                      <a:pt x="130" y="169"/>
                    </a:lnTo>
                    <a:lnTo>
                      <a:pt x="113" y="179"/>
                    </a:lnTo>
                    <a:lnTo>
                      <a:pt x="113" y="191"/>
                    </a:lnTo>
                    <a:lnTo>
                      <a:pt x="121" y="193"/>
                    </a:lnTo>
                    <a:lnTo>
                      <a:pt x="123" y="191"/>
                    </a:lnTo>
                    <a:lnTo>
                      <a:pt x="125" y="190"/>
                    </a:lnTo>
                    <a:lnTo>
                      <a:pt x="127" y="186"/>
                    </a:lnTo>
                    <a:lnTo>
                      <a:pt x="127" y="188"/>
                    </a:lnTo>
                    <a:lnTo>
                      <a:pt x="123" y="186"/>
                    </a:lnTo>
                    <a:lnTo>
                      <a:pt x="121" y="183"/>
                    </a:lnTo>
                    <a:lnTo>
                      <a:pt x="120" y="183"/>
                    </a:lnTo>
                    <a:lnTo>
                      <a:pt x="145" y="162"/>
                    </a:lnTo>
                    <a:lnTo>
                      <a:pt x="152" y="162"/>
                    </a:lnTo>
                    <a:lnTo>
                      <a:pt x="179" y="135"/>
                    </a:lnTo>
                    <a:lnTo>
                      <a:pt x="182" y="144"/>
                    </a:lnTo>
                    <a:lnTo>
                      <a:pt x="181" y="154"/>
                    </a:lnTo>
                    <a:lnTo>
                      <a:pt x="172" y="161"/>
                    </a:lnTo>
                    <a:lnTo>
                      <a:pt x="169" y="159"/>
                    </a:lnTo>
                    <a:lnTo>
                      <a:pt x="165" y="168"/>
                    </a:lnTo>
                    <a:lnTo>
                      <a:pt x="162" y="178"/>
                    </a:lnTo>
                    <a:lnTo>
                      <a:pt x="165" y="179"/>
                    </a:lnTo>
                    <a:lnTo>
                      <a:pt x="157" y="210"/>
                    </a:lnTo>
                    <a:lnTo>
                      <a:pt x="155" y="210"/>
                    </a:lnTo>
                    <a:lnTo>
                      <a:pt x="154" y="212"/>
                    </a:lnTo>
                    <a:lnTo>
                      <a:pt x="150" y="215"/>
                    </a:lnTo>
                    <a:lnTo>
                      <a:pt x="149" y="217"/>
                    </a:lnTo>
                    <a:lnTo>
                      <a:pt x="147" y="217"/>
                    </a:lnTo>
                    <a:lnTo>
                      <a:pt x="147" y="215"/>
                    </a:lnTo>
                    <a:lnTo>
                      <a:pt x="149" y="212"/>
                    </a:lnTo>
                    <a:lnTo>
                      <a:pt x="149" y="210"/>
                    </a:lnTo>
                    <a:lnTo>
                      <a:pt x="149" y="208"/>
                    </a:lnTo>
                    <a:lnTo>
                      <a:pt x="149" y="206"/>
                    </a:lnTo>
                    <a:lnTo>
                      <a:pt x="149" y="205"/>
                    </a:lnTo>
                    <a:lnTo>
                      <a:pt x="157" y="195"/>
                    </a:lnTo>
                    <a:lnTo>
                      <a:pt x="143" y="206"/>
                    </a:lnTo>
                    <a:lnTo>
                      <a:pt x="138" y="215"/>
                    </a:lnTo>
                    <a:lnTo>
                      <a:pt x="137" y="212"/>
                    </a:lnTo>
                    <a:lnTo>
                      <a:pt x="137" y="210"/>
                    </a:lnTo>
                    <a:lnTo>
                      <a:pt x="138" y="208"/>
                    </a:lnTo>
                    <a:lnTo>
                      <a:pt x="138" y="205"/>
                    </a:lnTo>
                    <a:lnTo>
                      <a:pt x="140" y="201"/>
                    </a:lnTo>
                    <a:lnTo>
                      <a:pt x="142" y="200"/>
                    </a:lnTo>
                    <a:lnTo>
                      <a:pt x="142" y="196"/>
                    </a:lnTo>
                    <a:lnTo>
                      <a:pt x="140" y="195"/>
                    </a:lnTo>
                    <a:lnTo>
                      <a:pt x="138" y="193"/>
                    </a:lnTo>
                    <a:lnTo>
                      <a:pt x="135" y="195"/>
                    </a:lnTo>
                    <a:lnTo>
                      <a:pt x="130" y="196"/>
                    </a:lnTo>
                    <a:lnTo>
                      <a:pt x="125" y="201"/>
                    </a:lnTo>
                    <a:lnTo>
                      <a:pt x="120" y="205"/>
                    </a:lnTo>
                    <a:lnTo>
                      <a:pt x="115" y="210"/>
                    </a:lnTo>
                    <a:lnTo>
                      <a:pt x="111" y="215"/>
                    </a:lnTo>
                    <a:lnTo>
                      <a:pt x="111" y="217"/>
                    </a:lnTo>
                    <a:lnTo>
                      <a:pt x="113" y="218"/>
                    </a:lnTo>
                    <a:lnTo>
                      <a:pt x="120" y="220"/>
                    </a:lnTo>
                    <a:lnTo>
                      <a:pt x="123" y="220"/>
                    </a:lnTo>
                    <a:lnTo>
                      <a:pt x="127" y="222"/>
                    </a:lnTo>
                    <a:lnTo>
                      <a:pt x="130" y="222"/>
                    </a:lnTo>
                    <a:lnTo>
                      <a:pt x="132" y="222"/>
                    </a:lnTo>
                    <a:lnTo>
                      <a:pt x="132" y="225"/>
                    </a:lnTo>
                    <a:lnTo>
                      <a:pt x="133" y="227"/>
                    </a:lnTo>
                    <a:lnTo>
                      <a:pt x="138" y="230"/>
                    </a:lnTo>
                    <a:lnTo>
                      <a:pt x="140" y="230"/>
                    </a:lnTo>
                    <a:lnTo>
                      <a:pt x="143" y="228"/>
                    </a:lnTo>
                    <a:lnTo>
                      <a:pt x="149" y="225"/>
                    </a:lnTo>
                    <a:lnTo>
                      <a:pt x="152" y="223"/>
                    </a:lnTo>
                    <a:lnTo>
                      <a:pt x="155" y="220"/>
                    </a:lnTo>
                    <a:lnTo>
                      <a:pt x="159" y="217"/>
                    </a:lnTo>
                    <a:lnTo>
                      <a:pt x="162" y="215"/>
                    </a:lnTo>
                    <a:lnTo>
                      <a:pt x="162" y="213"/>
                    </a:lnTo>
                    <a:lnTo>
                      <a:pt x="167" y="215"/>
                    </a:lnTo>
                    <a:lnTo>
                      <a:pt x="176" y="208"/>
                    </a:lnTo>
                    <a:lnTo>
                      <a:pt x="181" y="206"/>
                    </a:lnTo>
                    <a:lnTo>
                      <a:pt x="179" y="183"/>
                    </a:lnTo>
                    <a:lnTo>
                      <a:pt x="186" y="178"/>
                    </a:lnTo>
                    <a:lnTo>
                      <a:pt x="181" y="171"/>
                    </a:lnTo>
                    <a:lnTo>
                      <a:pt x="191" y="151"/>
                    </a:lnTo>
                    <a:lnTo>
                      <a:pt x="211" y="127"/>
                    </a:lnTo>
                    <a:lnTo>
                      <a:pt x="203" y="103"/>
                    </a:lnTo>
                    <a:lnTo>
                      <a:pt x="198" y="103"/>
                    </a:lnTo>
                    <a:lnTo>
                      <a:pt x="196" y="112"/>
                    </a:lnTo>
                    <a:lnTo>
                      <a:pt x="201" y="117"/>
                    </a:lnTo>
                    <a:lnTo>
                      <a:pt x="199" y="122"/>
                    </a:lnTo>
                    <a:lnTo>
                      <a:pt x="189" y="110"/>
                    </a:lnTo>
                    <a:lnTo>
                      <a:pt x="191" y="102"/>
                    </a:lnTo>
                    <a:lnTo>
                      <a:pt x="196" y="96"/>
                    </a:lnTo>
                    <a:lnTo>
                      <a:pt x="206" y="96"/>
                    </a:lnTo>
                    <a:lnTo>
                      <a:pt x="199" y="83"/>
                    </a:lnTo>
                    <a:lnTo>
                      <a:pt x="194" y="73"/>
                    </a:lnTo>
                    <a:lnTo>
                      <a:pt x="189" y="68"/>
                    </a:lnTo>
                    <a:lnTo>
                      <a:pt x="193" y="63"/>
                    </a:lnTo>
                    <a:lnTo>
                      <a:pt x="196" y="54"/>
                    </a:lnTo>
                    <a:lnTo>
                      <a:pt x="199" y="59"/>
                    </a:lnTo>
                    <a:lnTo>
                      <a:pt x="199" y="71"/>
                    </a:lnTo>
                    <a:lnTo>
                      <a:pt x="206" y="66"/>
                    </a:lnTo>
                    <a:lnTo>
                      <a:pt x="204" y="64"/>
                    </a:lnTo>
                    <a:lnTo>
                      <a:pt x="215" y="56"/>
                    </a:lnTo>
                    <a:lnTo>
                      <a:pt x="208" y="47"/>
                    </a:lnTo>
                    <a:lnTo>
                      <a:pt x="211" y="39"/>
                    </a:lnTo>
                    <a:lnTo>
                      <a:pt x="206" y="32"/>
                    </a:lnTo>
                    <a:lnTo>
                      <a:pt x="198" y="32"/>
                    </a:lnTo>
                    <a:lnTo>
                      <a:pt x="198" y="0"/>
                    </a:lnTo>
                    <a:lnTo>
                      <a:pt x="199" y="0"/>
                    </a:lnTo>
                    <a:lnTo>
                      <a:pt x="203" y="2"/>
                    </a:lnTo>
                    <a:lnTo>
                      <a:pt x="208" y="3"/>
                    </a:lnTo>
                    <a:lnTo>
                      <a:pt x="213" y="5"/>
                    </a:lnTo>
                    <a:lnTo>
                      <a:pt x="220" y="7"/>
                    </a:lnTo>
                    <a:lnTo>
                      <a:pt x="226" y="8"/>
                    </a:lnTo>
                    <a:lnTo>
                      <a:pt x="235" y="12"/>
                    </a:lnTo>
                    <a:lnTo>
                      <a:pt x="245" y="15"/>
                    </a:lnTo>
                    <a:lnTo>
                      <a:pt x="255" y="17"/>
                    </a:lnTo>
                    <a:lnTo>
                      <a:pt x="267" y="22"/>
                    </a:lnTo>
                    <a:lnTo>
                      <a:pt x="281" y="25"/>
                    </a:lnTo>
                    <a:lnTo>
                      <a:pt x="294" y="29"/>
                    </a:lnTo>
                    <a:lnTo>
                      <a:pt x="308" y="32"/>
                    </a:lnTo>
                    <a:lnTo>
                      <a:pt x="323" y="37"/>
                    </a:lnTo>
                    <a:lnTo>
                      <a:pt x="338" y="41"/>
                    </a:lnTo>
                    <a:lnTo>
                      <a:pt x="355" y="46"/>
                    </a:lnTo>
                    <a:lnTo>
                      <a:pt x="372" y="51"/>
                    </a:lnTo>
                    <a:lnTo>
                      <a:pt x="389" y="54"/>
                    </a:lnTo>
                    <a:lnTo>
                      <a:pt x="407" y="59"/>
                    </a:lnTo>
                    <a:lnTo>
                      <a:pt x="426" y="64"/>
                    </a:lnTo>
                    <a:lnTo>
                      <a:pt x="445" y="69"/>
                    </a:lnTo>
                    <a:lnTo>
                      <a:pt x="465" y="74"/>
                    </a:lnTo>
                    <a:lnTo>
                      <a:pt x="485" y="80"/>
                    </a:lnTo>
                    <a:lnTo>
                      <a:pt x="506" y="85"/>
                    </a:lnTo>
                    <a:lnTo>
                      <a:pt x="526" y="90"/>
                    </a:lnTo>
                    <a:lnTo>
                      <a:pt x="548" y="95"/>
                    </a:lnTo>
                    <a:lnTo>
                      <a:pt x="568" y="100"/>
                    </a:lnTo>
                    <a:lnTo>
                      <a:pt x="590" y="105"/>
                    </a:lnTo>
                    <a:lnTo>
                      <a:pt x="612" y="108"/>
                    </a:lnTo>
                    <a:lnTo>
                      <a:pt x="634" y="113"/>
                    </a:lnTo>
                    <a:lnTo>
                      <a:pt x="656" y="118"/>
                    </a:lnTo>
                    <a:lnTo>
                      <a:pt x="656" y="122"/>
                    </a:lnTo>
                    <a:lnTo>
                      <a:pt x="656" y="125"/>
                    </a:lnTo>
                    <a:lnTo>
                      <a:pt x="655" y="130"/>
                    </a:lnTo>
                    <a:lnTo>
                      <a:pt x="653" y="137"/>
                    </a:lnTo>
                    <a:lnTo>
                      <a:pt x="651" y="146"/>
                    </a:lnTo>
                    <a:lnTo>
                      <a:pt x="649" y="156"/>
                    </a:lnTo>
                    <a:lnTo>
                      <a:pt x="646" y="166"/>
                    </a:lnTo>
                    <a:lnTo>
                      <a:pt x="644" y="176"/>
                    </a:lnTo>
                    <a:lnTo>
                      <a:pt x="641" y="188"/>
                    </a:lnTo>
                    <a:lnTo>
                      <a:pt x="639" y="200"/>
                    </a:lnTo>
                    <a:lnTo>
                      <a:pt x="636" y="213"/>
                    </a:lnTo>
                    <a:lnTo>
                      <a:pt x="633" y="227"/>
                    </a:lnTo>
                    <a:lnTo>
                      <a:pt x="629" y="240"/>
                    </a:lnTo>
                    <a:lnTo>
                      <a:pt x="627" y="256"/>
                    </a:lnTo>
                    <a:lnTo>
                      <a:pt x="624" y="269"/>
                    </a:lnTo>
                    <a:lnTo>
                      <a:pt x="621" y="284"/>
                    </a:lnTo>
                    <a:lnTo>
                      <a:pt x="617" y="298"/>
                    </a:lnTo>
                    <a:lnTo>
                      <a:pt x="614" y="311"/>
                    </a:lnTo>
                    <a:lnTo>
                      <a:pt x="612" y="325"/>
                    </a:lnTo>
                    <a:lnTo>
                      <a:pt x="609" y="338"/>
                    </a:lnTo>
                    <a:lnTo>
                      <a:pt x="605" y="350"/>
                    </a:lnTo>
                    <a:lnTo>
                      <a:pt x="604" y="362"/>
                    </a:lnTo>
                    <a:lnTo>
                      <a:pt x="600" y="374"/>
                    </a:lnTo>
                    <a:lnTo>
                      <a:pt x="599" y="384"/>
                    </a:lnTo>
                    <a:lnTo>
                      <a:pt x="597" y="393"/>
                    </a:lnTo>
                    <a:lnTo>
                      <a:pt x="595" y="401"/>
                    </a:lnTo>
                    <a:lnTo>
                      <a:pt x="594" y="408"/>
                    </a:lnTo>
                    <a:lnTo>
                      <a:pt x="592" y="415"/>
                    </a:lnTo>
                    <a:lnTo>
                      <a:pt x="590" y="418"/>
                    </a:lnTo>
                    <a:lnTo>
                      <a:pt x="590" y="420"/>
                    </a:lnTo>
                    <a:lnTo>
                      <a:pt x="590" y="421"/>
                    </a:lnTo>
                    <a:lnTo>
                      <a:pt x="585" y="438"/>
                    </a:lnTo>
                    <a:lnTo>
                      <a:pt x="590" y="450"/>
                    </a:lnTo>
                    <a:lnTo>
                      <a:pt x="590" y="462"/>
                    </a:lnTo>
                    <a:lnTo>
                      <a:pt x="587" y="476"/>
                    </a:lnTo>
                    <a:lnTo>
                      <a:pt x="589" y="487"/>
                    </a:lnTo>
                    <a:lnTo>
                      <a:pt x="421" y="445"/>
                    </a:lnTo>
                    <a:lnTo>
                      <a:pt x="419" y="445"/>
                    </a:lnTo>
                    <a:lnTo>
                      <a:pt x="418" y="445"/>
                    </a:lnTo>
                    <a:lnTo>
                      <a:pt x="414" y="445"/>
                    </a:lnTo>
                    <a:lnTo>
                      <a:pt x="411" y="445"/>
                    </a:lnTo>
                    <a:lnTo>
                      <a:pt x="407" y="447"/>
                    </a:lnTo>
                    <a:lnTo>
                      <a:pt x="402" y="447"/>
                    </a:lnTo>
                    <a:lnTo>
                      <a:pt x="399" y="447"/>
                    </a:lnTo>
                    <a:lnTo>
                      <a:pt x="394" y="447"/>
                    </a:lnTo>
                    <a:lnTo>
                      <a:pt x="389" y="447"/>
                    </a:lnTo>
                    <a:lnTo>
                      <a:pt x="384" y="447"/>
                    </a:lnTo>
                    <a:lnTo>
                      <a:pt x="379" y="445"/>
                    </a:lnTo>
                    <a:lnTo>
                      <a:pt x="374" y="445"/>
                    </a:lnTo>
                    <a:lnTo>
                      <a:pt x="369" y="443"/>
                    </a:lnTo>
                    <a:lnTo>
                      <a:pt x="363" y="442"/>
                    </a:lnTo>
                    <a:lnTo>
                      <a:pt x="358" y="440"/>
                    </a:lnTo>
                    <a:lnTo>
                      <a:pt x="357" y="440"/>
                    </a:lnTo>
                    <a:lnTo>
                      <a:pt x="355" y="440"/>
                    </a:lnTo>
                    <a:lnTo>
                      <a:pt x="353" y="440"/>
                    </a:lnTo>
                    <a:lnTo>
                      <a:pt x="352" y="442"/>
                    </a:lnTo>
                    <a:lnTo>
                      <a:pt x="348" y="443"/>
                    </a:lnTo>
                    <a:lnTo>
                      <a:pt x="347" y="445"/>
                    </a:lnTo>
                    <a:lnTo>
                      <a:pt x="345" y="445"/>
                    </a:lnTo>
                    <a:lnTo>
                      <a:pt x="323" y="445"/>
                    </a:lnTo>
                    <a:lnTo>
                      <a:pt x="321" y="445"/>
                    </a:lnTo>
                    <a:lnTo>
                      <a:pt x="316" y="445"/>
                    </a:lnTo>
                    <a:lnTo>
                      <a:pt x="308" y="447"/>
                    </a:lnTo>
                    <a:lnTo>
                      <a:pt x="297" y="448"/>
                    </a:lnTo>
                    <a:lnTo>
                      <a:pt x="289" y="448"/>
                    </a:lnTo>
                    <a:lnTo>
                      <a:pt x="279" y="448"/>
                    </a:lnTo>
                    <a:lnTo>
                      <a:pt x="272" y="445"/>
                    </a:lnTo>
                    <a:lnTo>
                      <a:pt x="265" y="442"/>
                    </a:lnTo>
                    <a:lnTo>
                      <a:pt x="262" y="442"/>
                    </a:lnTo>
                    <a:lnTo>
                      <a:pt x="259" y="442"/>
                    </a:lnTo>
                    <a:lnTo>
                      <a:pt x="253" y="442"/>
                    </a:lnTo>
                    <a:lnTo>
                      <a:pt x="248" y="442"/>
                    </a:lnTo>
                    <a:lnTo>
                      <a:pt x="245" y="443"/>
                    </a:lnTo>
                    <a:lnTo>
                      <a:pt x="242" y="443"/>
                    </a:lnTo>
                    <a:lnTo>
                      <a:pt x="233" y="442"/>
                    </a:lnTo>
                    <a:lnTo>
                      <a:pt x="220" y="445"/>
                    </a:lnTo>
                    <a:lnTo>
                      <a:pt x="220" y="443"/>
                    </a:lnTo>
                    <a:lnTo>
                      <a:pt x="215" y="440"/>
                    </a:lnTo>
                    <a:lnTo>
                      <a:pt x="209" y="435"/>
                    </a:lnTo>
                    <a:lnTo>
                      <a:pt x="201" y="430"/>
                    </a:lnTo>
                    <a:lnTo>
                      <a:pt x="194" y="425"/>
                    </a:lnTo>
                    <a:lnTo>
                      <a:pt x="186" y="421"/>
                    </a:lnTo>
                    <a:lnTo>
                      <a:pt x="177" y="418"/>
                    </a:lnTo>
                    <a:lnTo>
                      <a:pt x="171" y="418"/>
                    </a:lnTo>
                    <a:lnTo>
                      <a:pt x="169" y="418"/>
                    </a:lnTo>
                    <a:lnTo>
                      <a:pt x="167" y="418"/>
                    </a:lnTo>
                    <a:lnTo>
                      <a:pt x="164" y="420"/>
                    </a:lnTo>
                    <a:lnTo>
                      <a:pt x="160" y="420"/>
                    </a:lnTo>
                    <a:lnTo>
                      <a:pt x="157" y="421"/>
                    </a:lnTo>
                    <a:lnTo>
                      <a:pt x="152" y="421"/>
                    </a:lnTo>
                    <a:lnTo>
                      <a:pt x="145" y="423"/>
                    </a:lnTo>
                    <a:lnTo>
                      <a:pt x="140" y="423"/>
                    </a:lnTo>
                    <a:lnTo>
                      <a:pt x="135" y="423"/>
                    </a:lnTo>
                    <a:lnTo>
                      <a:pt x="128" y="423"/>
                    </a:lnTo>
                    <a:lnTo>
                      <a:pt x="123" y="423"/>
                    </a:lnTo>
                    <a:lnTo>
                      <a:pt x="118" y="423"/>
                    </a:lnTo>
                    <a:lnTo>
                      <a:pt x="113" y="421"/>
                    </a:lnTo>
                    <a:lnTo>
                      <a:pt x="108" y="420"/>
                    </a:lnTo>
                    <a:lnTo>
                      <a:pt x="105" y="418"/>
                    </a:lnTo>
                    <a:lnTo>
                      <a:pt x="103" y="415"/>
                    </a:lnTo>
                    <a:lnTo>
                      <a:pt x="101" y="413"/>
                    </a:lnTo>
                    <a:lnTo>
                      <a:pt x="99" y="413"/>
                    </a:lnTo>
                    <a:lnTo>
                      <a:pt x="98" y="411"/>
                    </a:lnTo>
                    <a:lnTo>
                      <a:pt x="94" y="408"/>
                    </a:lnTo>
                    <a:lnTo>
                      <a:pt x="93" y="406"/>
                    </a:lnTo>
                    <a:lnTo>
                      <a:pt x="91" y="404"/>
                    </a:lnTo>
                    <a:lnTo>
                      <a:pt x="89" y="404"/>
                    </a:lnTo>
                    <a:lnTo>
                      <a:pt x="84" y="393"/>
                    </a:lnTo>
                    <a:lnTo>
                      <a:pt x="84" y="391"/>
                    </a:lnTo>
                    <a:lnTo>
                      <a:pt x="86" y="388"/>
                    </a:lnTo>
                    <a:lnTo>
                      <a:pt x="86" y="384"/>
                    </a:lnTo>
                    <a:lnTo>
                      <a:pt x="88" y="379"/>
                    </a:lnTo>
                    <a:lnTo>
                      <a:pt x="88" y="374"/>
                    </a:lnTo>
                    <a:lnTo>
                      <a:pt x="88" y="369"/>
                    </a:lnTo>
                    <a:lnTo>
                      <a:pt x="88" y="364"/>
                    </a:lnTo>
                    <a:lnTo>
                      <a:pt x="88" y="357"/>
                    </a:lnTo>
                    <a:lnTo>
                      <a:pt x="86" y="352"/>
                    </a:lnTo>
                    <a:lnTo>
                      <a:pt x="86" y="347"/>
                    </a:lnTo>
                    <a:lnTo>
                      <a:pt x="83" y="342"/>
                    </a:lnTo>
                    <a:lnTo>
                      <a:pt x="79" y="337"/>
                    </a:lnTo>
                    <a:lnTo>
                      <a:pt x="76" y="333"/>
                    </a:lnTo>
                    <a:lnTo>
                      <a:pt x="71" y="330"/>
                    </a:lnTo>
                    <a:lnTo>
                      <a:pt x="64" y="328"/>
                    </a:lnTo>
                    <a:lnTo>
                      <a:pt x="62" y="328"/>
                    </a:lnTo>
                    <a:lnTo>
                      <a:pt x="61" y="328"/>
                    </a:lnTo>
                    <a:lnTo>
                      <a:pt x="57" y="327"/>
                    </a:lnTo>
                    <a:lnTo>
                      <a:pt x="55" y="327"/>
                    </a:lnTo>
                    <a:lnTo>
                      <a:pt x="54" y="327"/>
                    </a:lnTo>
                    <a:lnTo>
                      <a:pt x="52" y="327"/>
                    </a:lnTo>
                    <a:lnTo>
                      <a:pt x="52" y="325"/>
                    </a:lnTo>
                    <a:lnTo>
                      <a:pt x="54" y="323"/>
                    </a:lnTo>
                    <a:lnTo>
                      <a:pt x="54" y="322"/>
                    </a:lnTo>
                    <a:lnTo>
                      <a:pt x="52" y="318"/>
                    </a:lnTo>
                    <a:lnTo>
                      <a:pt x="52" y="315"/>
                    </a:lnTo>
                    <a:lnTo>
                      <a:pt x="49" y="311"/>
                    </a:lnTo>
                    <a:lnTo>
                      <a:pt x="45" y="310"/>
                    </a:lnTo>
                    <a:lnTo>
                      <a:pt x="40" y="308"/>
                    </a:lnTo>
                    <a:lnTo>
                      <a:pt x="39" y="306"/>
                    </a:lnTo>
                    <a:lnTo>
                      <a:pt x="37" y="305"/>
                    </a:lnTo>
                    <a:lnTo>
                      <a:pt x="33" y="303"/>
                    </a:lnTo>
                    <a:lnTo>
                      <a:pt x="32" y="301"/>
                    </a:lnTo>
                    <a:lnTo>
                      <a:pt x="23" y="303"/>
                    </a:lnTo>
                    <a:lnTo>
                      <a:pt x="22" y="300"/>
                    </a:lnTo>
                    <a:lnTo>
                      <a:pt x="18" y="303"/>
                    </a:lnTo>
                    <a:lnTo>
                      <a:pt x="11" y="300"/>
                    </a:lnTo>
                    <a:lnTo>
                      <a:pt x="6" y="291"/>
                    </a:lnTo>
                    <a:lnTo>
                      <a:pt x="6" y="293"/>
                    </a:lnTo>
                    <a:lnTo>
                      <a:pt x="3" y="293"/>
                    </a:lnTo>
                    <a:lnTo>
                      <a:pt x="0" y="294"/>
                    </a:lnTo>
                    <a:lnTo>
                      <a:pt x="0" y="293"/>
                    </a:lnTo>
                    <a:lnTo>
                      <a:pt x="0" y="291"/>
                    </a:lnTo>
                    <a:lnTo>
                      <a:pt x="0" y="289"/>
                    </a:lnTo>
                    <a:lnTo>
                      <a:pt x="1" y="288"/>
                    </a:lnTo>
                    <a:lnTo>
                      <a:pt x="1" y="284"/>
                    </a:lnTo>
                    <a:lnTo>
                      <a:pt x="3" y="281"/>
                    </a:lnTo>
                    <a:lnTo>
                      <a:pt x="3" y="278"/>
                    </a:lnTo>
                    <a:lnTo>
                      <a:pt x="5" y="271"/>
                    </a:lnTo>
                    <a:lnTo>
                      <a:pt x="6" y="266"/>
                    </a:lnTo>
                    <a:lnTo>
                      <a:pt x="8" y="261"/>
                    </a:lnTo>
                    <a:lnTo>
                      <a:pt x="10" y="256"/>
                    </a:lnTo>
                    <a:lnTo>
                      <a:pt x="11" y="252"/>
                    </a:lnTo>
                    <a:lnTo>
                      <a:pt x="15" y="252"/>
                    </a:lnTo>
                    <a:lnTo>
                      <a:pt x="15" y="256"/>
                    </a:lnTo>
                    <a:lnTo>
                      <a:pt x="15" y="257"/>
                    </a:lnTo>
                    <a:lnTo>
                      <a:pt x="13" y="261"/>
                    </a:lnTo>
                    <a:lnTo>
                      <a:pt x="13" y="264"/>
                    </a:lnTo>
                    <a:lnTo>
                      <a:pt x="11" y="267"/>
                    </a:lnTo>
                    <a:lnTo>
                      <a:pt x="11" y="271"/>
                    </a:lnTo>
                    <a:lnTo>
                      <a:pt x="11" y="276"/>
                    </a:lnTo>
                    <a:lnTo>
                      <a:pt x="10" y="279"/>
                    </a:lnTo>
                    <a:lnTo>
                      <a:pt x="8" y="281"/>
                    </a:lnTo>
                    <a:lnTo>
                      <a:pt x="8" y="284"/>
                    </a:lnTo>
                    <a:lnTo>
                      <a:pt x="10" y="284"/>
                    </a:lnTo>
                    <a:lnTo>
                      <a:pt x="13" y="284"/>
                    </a:lnTo>
                    <a:lnTo>
                      <a:pt x="15" y="283"/>
                    </a:lnTo>
                    <a:lnTo>
                      <a:pt x="17" y="283"/>
                    </a:lnTo>
                    <a:lnTo>
                      <a:pt x="17" y="278"/>
                    </a:lnTo>
                    <a:lnTo>
                      <a:pt x="22" y="271"/>
                    </a:lnTo>
                    <a:lnTo>
                      <a:pt x="25" y="266"/>
                    </a:lnTo>
                    <a:lnTo>
                      <a:pt x="25" y="254"/>
                    </a:lnTo>
                    <a:lnTo>
                      <a:pt x="27" y="250"/>
                    </a:lnTo>
                    <a:lnTo>
                      <a:pt x="33" y="249"/>
                    </a:lnTo>
                    <a:lnTo>
                      <a:pt x="30" y="240"/>
                    </a:lnTo>
                    <a:lnTo>
                      <a:pt x="25" y="244"/>
                    </a:lnTo>
                    <a:lnTo>
                      <a:pt x="15" y="244"/>
                    </a:lnTo>
                    <a:lnTo>
                      <a:pt x="17" y="218"/>
                    </a:lnTo>
                    <a:lnTo>
                      <a:pt x="18" y="218"/>
                    </a:lnTo>
                    <a:lnTo>
                      <a:pt x="20" y="223"/>
                    </a:lnTo>
                    <a:lnTo>
                      <a:pt x="27" y="220"/>
                    </a:lnTo>
                    <a:lnTo>
                      <a:pt x="42" y="222"/>
                    </a:lnTo>
                    <a:lnTo>
                      <a:pt x="42" y="217"/>
                    </a:lnTo>
                    <a:lnTo>
                      <a:pt x="30" y="212"/>
                    </a:lnTo>
                    <a:lnTo>
                      <a:pt x="30" y="205"/>
                    </a:lnTo>
                    <a:lnTo>
                      <a:pt x="22" y="203"/>
                    </a:lnTo>
                    <a:lnTo>
                      <a:pt x="18" y="213"/>
                    </a:lnTo>
                    <a:lnTo>
                      <a:pt x="17" y="212"/>
                    </a:lnTo>
                    <a:lnTo>
                      <a:pt x="17" y="200"/>
                    </a:lnTo>
                    <a:lnTo>
                      <a:pt x="18" y="198"/>
                    </a:lnTo>
                    <a:lnTo>
                      <a:pt x="18" y="195"/>
                    </a:lnTo>
                    <a:lnTo>
                      <a:pt x="20" y="190"/>
                    </a:lnTo>
                    <a:lnTo>
                      <a:pt x="20" y="184"/>
                    </a:lnTo>
                    <a:lnTo>
                      <a:pt x="22" y="179"/>
                    </a:lnTo>
                    <a:lnTo>
                      <a:pt x="22" y="173"/>
                    </a:lnTo>
                    <a:lnTo>
                      <a:pt x="22" y="168"/>
                    </a:lnTo>
                    <a:lnTo>
                      <a:pt x="20" y="164"/>
                    </a:lnTo>
                    <a:lnTo>
                      <a:pt x="20" y="161"/>
                    </a:lnTo>
                    <a:lnTo>
                      <a:pt x="20" y="154"/>
                    </a:lnTo>
                    <a:lnTo>
                      <a:pt x="20" y="146"/>
                    </a:lnTo>
                    <a:lnTo>
                      <a:pt x="20" y="135"/>
                    </a:lnTo>
                    <a:lnTo>
                      <a:pt x="22" y="125"/>
                    </a:lnTo>
                    <a:lnTo>
                      <a:pt x="22" y="115"/>
                    </a:lnTo>
                    <a:lnTo>
                      <a:pt x="22" y="108"/>
                    </a:lnTo>
                    <a:lnTo>
                      <a:pt x="22" y="107"/>
                    </a:lnTo>
                    <a:lnTo>
                      <a:pt x="22" y="105"/>
                    </a:lnTo>
                    <a:lnTo>
                      <a:pt x="20" y="102"/>
                    </a:lnTo>
                    <a:lnTo>
                      <a:pt x="17" y="96"/>
                    </a:lnTo>
                    <a:lnTo>
                      <a:pt x="13" y="91"/>
                    </a:lnTo>
                    <a:lnTo>
                      <a:pt x="11" y="83"/>
                    </a:lnTo>
                    <a:lnTo>
                      <a:pt x="10" y="74"/>
                    </a:lnTo>
                    <a:lnTo>
                      <a:pt x="11" y="64"/>
                    </a:lnTo>
                    <a:lnTo>
                      <a:pt x="15" y="54"/>
                    </a:lnTo>
                    <a:lnTo>
                      <a:pt x="15" y="52"/>
                    </a:lnTo>
                    <a:lnTo>
                      <a:pt x="17" y="51"/>
                    </a:lnTo>
                    <a:lnTo>
                      <a:pt x="18" y="47"/>
                    </a:lnTo>
                    <a:lnTo>
                      <a:pt x="20" y="46"/>
                    </a:lnTo>
                    <a:lnTo>
                      <a:pt x="20" y="42"/>
                    </a:lnTo>
                    <a:lnTo>
                      <a:pt x="22" y="42"/>
                    </a:lnTo>
                    <a:lnTo>
                      <a:pt x="22" y="41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48" name="Freeform 172"/>
              <p:cNvSpPr>
                <a:spLocks/>
              </p:cNvSpPr>
              <p:nvPr/>
            </p:nvSpPr>
            <p:spPr bwMode="auto">
              <a:xfrm>
                <a:off x="2993" y="1379"/>
                <a:ext cx="508" cy="539"/>
              </a:xfrm>
              <a:custGeom>
                <a:avLst/>
                <a:gdLst>
                  <a:gd name="T0" fmla="*/ 144 w 522"/>
                  <a:gd name="T1" fmla="*/ 355 h 555"/>
                  <a:gd name="T2" fmla="*/ 124 w 522"/>
                  <a:gd name="T3" fmla="*/ 351 h 555"/>
                  <a:gd name="T4" fmla="*/ 121 w 522"/>
                  <a:gd name="T5" fmla="*/ 340 h 555"/>
                  <a:gd name="T6" fmla="*/ 115 w 522"/>
                  <a:gd name="T7" fmla="*/ 323 h 555"/>
                  <a:gd name="T8" fmla="*/ 118 w 522"/>
                  <a:gd name="T9" fmla="*/ 302 h 555"/>
                  <a:gd name="T10" fmla="*/ 109 w 522"/>
                  <a:gd name="T11" fmla="*/ 286 h 555"/>
                  <a:gd name="T12" fmla="*/ 103 w 522"/>
                  <a:gd name="T13" fmla="*/ 256 h 555"/>
                  <a:gd name="T14" fmla="*/ 72 w 522"/>
                  <a:gd name="T15" fmla="*/ 232 h 555"/>
                  <a:gd name="T16" fmla="*/ 42 w 522"/>
                  <a:gd name="T17" fmla="*/ 202 h 555"/>
                  <a:gd name="T18" fmla="*/ 37 w 522"/>
                  <a:gd name="T19" fmla="*/ 201 h 555"/>
                  <a:gd name="T20" fmla="*/ 18 w 522"/>
                  <a:gd name="T21" fmla="*/ 195 h 555"/>
                  <a:gd name="T22" fmla="*/ 18 w 522"/>
                  <a:gd name="T23" fmla="*/ 174 h 555"/>
                  <a:gd name="T24" fmla="*/ 12 w 522"/>
                  <a:gd name="T25" fmla="*/ 159 h 555"/>
                  <a:gd name="T26" fmla="*/ 18 w 522"/>
                  <a:gd name="T27" fmla="*/ 132 h 555"/>
                  <a:gd name="T28" fmla="*/ 2 w 522"/>
                  <a:gd name="T29" fmla="*/ 106 h 555"/>
                  <a:gd name="T30" fmla="*/ 7 w 522"/>
                  <a:gd name="T31" fmla="*/ 102 h 555"/>
                  <a:gd name="T32" fmla="*/ 24 w 522"/>
                  <a:gd name="T33" fmla="*/ 81 h 555"/>
                  <a:gd name="T34" fmla="*/ 34 w 522"/>
                  <a:gd name="T35" fmla="*/ 30 h 555"/>
                  <a:gd name="T36" fmla="*/ 45 w 522"/>
                  <a:gd name="T37" fmla="*/ 17 h 555"/>
                  <a:gd name="T38" fmla="*/ 55 w 522"/>
                  <a:gd name="T39" fmla="*/ 23 h 555"/>
                  <a:gd name="T40" fmla="*/ 73 w 522"/>
                  <a:gd name="T41" fmla="*/ 17 h 555"/>
                  <a:gd name="T42" fmla="*/ 87 w 522"/>
                  <a:gd name="T43" fmla="*/ 17 h 555"/>
                  <a:gd name="T44" fmla="*/ 96 w 522"/>
                  <a:gd name="T45" fmla="*/ 13 h 555"/>
                  <a:gd name="T46" fmla="*/ 112 w 522"/>
                  <a:gd name="T47" fmla="*/ 7 h 555"/>
                  <a:gd name="T48" fmla="*/ 124 w 522"/>
                  <a:gd name="T49" fmla="*/ 7 h 555"/>
                  <a:gd name="T50" fmla="*/ 118 w 522"/>
                  <a:gd name="T51" fmla="*/ 25 h 555"/>
                  <a:gd name="T52" fmla="*/ 121 w 522"/>
                  <a:gd name="T53" fmla="*/ 28 h 555"/>
                  <a:gd name="T54" fmla="*/ 129 w 522"/>
                  <a:gd name="T55" fmla="*/ 20 h 555"/>
                  <a:gd name="T56" fmla="*/ 149 w 522"/>
                  <a:gd name="T57" fmla="*/ 32 h 555"/>
                  <a:gd name="T58" fmla="*/ 163 w 522"/>
                  <a:gd name="T59" fmla="*/ 46 h 555"/>
                  <a:gd name="T60" fmla="*/ 170 w 522"/>
                  <a:gd name="T61" fmla="*/ 50 h 555"/>
                  <a:gd name="T62" fmla="*/ 184 w 522"/>
                  <a:gd name="T63" fmla="*/ 51 h 555"/>
                  <a:gd name="T64" fmla="*/ 217 w 522"/>
                  <a:gd name="T65" fmla="*/ 59 h 555"/>
                  <a:gd name="T66" fmla="*/ 243 w 522"/>
                  <a:gd name="T67" fmla="*/ 69 h 555"/>
                  <a:gd name="T68" fmla="*/ 278 w 522"/>
                  <a:gd name="T69" fmla="*/ 74 h 555"/>
                  <a:gd name="T70" fmla="*/ 292 w 522"/>
                  <a:gd name="T71" fmla="*/ 84 h 555"/>
                  <a:gd name="T72" fmla="*/ 303 w 522"/>
                  <a:gd name="T73" fmla="*/ 108 h 555"/>
                  <a:gd name="T74" fmla="*/ 300 w 522"/>
                  <a:gd name="T75" fmla="*/ 121 h 555"/>
                  <a:gd name="T76" fmla="*/ 312 w 522"/>
                  <a:gd name="T77" fmla="*/ 131 h 555"/>
                  <a:gd name="T78" fmla="*/ 320 w 522"/>
                  <a:gd name="T79" fmla="*/ 142 h 555"/>
                  <a:gd name="T80" fmla="*/ 307 w 522"/>
                  <a:gd name="T81" fmla="*/ 163 h 555"/>
                  <a:gd name="T82" fmla="*/ 299 w 522"/>
                  <a:gd name="T83" fmla="*/ 182 h 555"/>
                  <a:gd name="T84" fmla="*/ 308 w 522"/>
                  <a:gd name="T85" fmla="*/ 184 h 555"/>
                  <a:gd name="T86" fmla="*/ 318 w 522"/>
                  <a:gd name="T87" fmla="*/ 168 h 555"/>
                  <a:gd name="T88" fmla="*/ 336 w 522"/>
                  <a:gd name="T89" fmla="*/ 155 h 555"/>
                  <a:gd name="T90" fmla="*/ 337 w 522"/>
                  <a:gd name="T91" fmla="*/ 139 h 555"/>
                  <a:gd name="T92" fmla="*/ 349 w 522"/>
                  <a:gd name="T93" fmla="*/ 124 h 555"/>
                  <a:gd name="T94" fmla="*/ 354 w 522"/>
                  <a:gd name="T95" fmla="*/ 128 h 555"/>
                  <a:gd name="T96" fmla="*/ 346 w 522"/>
                  <a:gd name="T97" fmla="*/ 148 h 555"/>
                  <a:gd name="T98" fmla="*/ 345 w 522"/>
                  <a:gd name="T99" fmla="*/ 159 h 555"/>
                  <a:gd name="T100" fmla="*/ 336 w 522"/>
                  <a:gd name="T101" fmla="*/ 174 h 555"/>
                  <a:gd name="T102" fmla="*/ 333 w 522"/>
                  <a:gd name="T103" fmla="*/ 207 h 555"/>
                  <a:gd name="T104" fmla="*/ 328 w 522"/>
                  <a:gd name="T105" fmla="*/ 219 h 555"/>
                  <a:gd name="T106" fmla="*/ 323 w 522"/>
                  <a:gd name="T107" fmla="*/ 236 h 555"/>
                  <a:gd name="T108" fmla="*/ 326 w 522"/>
                  <a:gd name="T109" fmla="*/ 260 h 555"/>
                  <a:gd name="T110" fmla="*/ 318 w 522"/>
                  <a:gd name="T111" fmla="*/ 276 h 555"/>
                  <a:gd name="T112" fmla="*/ 318 w 522"/>
                  <a:gd name="T113" fmla="*/ 306 h 555"/>
                  <a:gd name="T114" fmla="*/ 324 w 522"/>
                  <a:gd name="T115" fmla="*/ 325 h 555"/>
                  <a:gd name="T116" fmla="*/ 327 w 522"/>
                  <a:gd name="T117" fmla="*/ 335 h 555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522"/>
                  <a:gd name="T178" fmla="*/ 0 h 555"/>
                  <a:gd name="T179" fmla="*/ 522 w 522"/>
                  <a:gd name="T180" fmla="*/ 555 h 555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522" h="555">
                    <a:moveTo>
                      <a:pt x="220" y="555"/>
                    </a:moveTo>
                    <a:lnTo>
                      <a:pt x="219" y="550"/>
                    </a:lnTo>
                    <a:lnTo>
                      <a:pt x="217" y="545"/>
                    </a:lnTo>
                    <a:lnTo>
                      <a:pt x="215" y="541"/>
                    </a:lnTo>
                    <a:lnTo>
                      <a:pt x="212" y="538"/>
                    </a:lnTo>
                    <a:lnTo>
                      <a:pt x="210" y="536"/>
                    </a:lnTo>
                    <a:lnTo>
                      <a:pt x="207" y="536"/>
                    </a:lnTo>
                    <a:lnTo>
                      <a:pt x="205" y="535"/>
                    </a:lnTo>
                    <a:lnTo>
                      <a:pt x="181" y="528"/>
                    </a:lnTo>
                    <a:lnTo>
                      <a:pt x="181" y="526"/>
                    </a:lnTo>
                    <a:lnTo>
                      <a:pt x="181" y="525"/>
                    </a:lnTo>
                    <a:lnTo>
                      <a:pt x="181" y="521"/>
                    </a:lnTo>
                    <a:lnTo>
                      <a:pt x="181" y="519"/>
                    </a:lnTo>
                    <a:lnTo>
                      <a:pt x="180" y="514"/>
                    </a:lnTo>
                    <a:lnTo>
                      <a:pt x="176" y="511"/>
                    </a:lnTo>
                    <a:lnTo>
                      <a:pt x="175" y="506"/>
                    </a:lnTo>
                    <a:lnTo>
                      <a:pt x="171" y="503"/>
                    </a:lnTo>
                    <a:lnTo>
                      <a:pt x="170" y="499"/>
                    </a:lnTo>
                    <a:lnTo>
                      <a:pt x="168" y="494"/>
                    </a:lnTo>
                    <a:lnTo>
                      <a:pt x="168" y="491"/>
                    </a:lnTo>
                    <a:lnTo>
                      <a:pt x="166" y="486"/>
                    </a:lnTo>
                    <a:lnTo>
                      <a:pt x="168" y="482"/>
                    </a:lnTo>
                    <a:lnTo>
                      <a:pt x="170" y="477"/>
                    </a:lnTo>
                    <a:lnTo>
                      <a:pt x="173" y="469"/>
                    </a:lnTo>
                    <a:lnTo>
                      <a:pt x="175" y="464"/>
                    </a:lnTo>
                    <a:lnTo>
                      <a:pt x="175" y="459"/>
                    </a:lnTo>
                    <a:lnTo>
                      <a:pt x="173" y="455"/>
                    </a:lnTo>
                    <a:lnTo>
                      <a:pt x="171" y="453"/>
                    </a:lnTo>
                    <a:lnTo>
                      <a:pt x="170" y="453"/>
                    </a:lnTo>
                    <a:lnTo>
                      <a:pt x="170" y="452"/>
                    </a:lnTo>
                    <a:lnTo>
                      <a:pt x="168" y="452"/>
                    </a:lnTo>
                    <a:lnTo>
                      <a:pt x="159" y="431"/>
                    </a:lnTo>
                    <a:lnTo>
                      <a:pt x="159" y="430"/>
                    </a:lnTo>
                    <a:lnTo>
                      <a:pt x="161" y="428"/>
                    </a:lnTo>
                    <a:lnTo>
                      <a:pt x="161" y="421"/>
                    </a:lnTo>
                    <a:lnTo>
                      <a:pt x="158" y="413"/>
                    </a:lnTo>
                    <a:lnTo>
                      <a:pt x="156" y="403"/>
                    </a:lnTo>
                    <a:lnTo>
                      <a:pt x="153" y="394"/>
                    </a:lnTo>
                    <a:lnTo>
                      <a:pt x="151" y="386"/>
                    </a:lnTo>
                    <a:lnTo>
                      <a:pt x="148" y="379"/>
                    </a:lnTo>
                    <a:lnTo>
                      <a:pt x="146" y="377"/>
                    </a:lnTo>
                    <a:lnTo>
                      <a:pt x="132" y="372"/>
                    </a:lnTo>
                    <a:lnTo>
                      <a:pt x="120" y="365"/>
                    </a:lnTo>
                    <a:lnTo>
                      <a:pt x="112" y="357"/>
                    </a:lnTo>
                    <a:lnTo>
                      <a:pt x="104" y="349"/>
                    </a:lnTo>
                    <a:lnTo>
                      <a:pt x="98" y="340"/>
                    </a:lnTo>
                    <a:lnTo>
                      <a:pt x="93" y="332"/>
                    </a:lnTo>
                    <a:lnTo>
                      <a:pt x="90" y="328"/>
                    </a:lnTo>
                    <a:lnTo>
                      <a:pt x="90" y="325"/>
                    </a:lnTo>
                    <a:lnTo>
                      <a:pt x="60" y="313"/>
                    </a:lnTo>
                    <a:lnTo>
                      <a:pt x="58" y="305"/>
                    </a:lnTo>
                    <a:lnTo>
                      <a:pt x="56" y="305"/>
                    </a:lnTo>
                    <a:lnTo>
                      <a:pt x="56" y="303"/>
                    </a:lnTo>
                    <a:lnTo>
                      <a:pt x="54" y="303"/>
                    </a:lnTo>
                    <a:lnTo>
                      <a:pt x="51" y="303"/>
                    </a:lnTo>
                    <a:lnTo>
                      <a:pt x="49" y="303"/>
                    </a:lnTo>
                    <a:lnTo>
                      <a:pt x="46" y="305"/>
                    </a:lnTo>
                    <a:lnTo>
                      <a:pt x="43" y="303"/>
                    </a:lnTo>
                    <a:lnTo>
                      <a:pt x="38" y="301"/>
                    </a:lnTo>
                    <a:lnTo>
                      <a:pt x="31" y="299"/>
                    </a:lnTo>
                    <a:lnTo>
                      <a:pt x="26" y="294"/>
                    </a:lnTo>
                    <a:lnTo>
                      <a:pt x="21" y="289"/>
                    </a:lnTo>
                    <a:lnTo>
                      <a:pt x="17" y="286"/>
                    </a:lnTo>
                    <a:lnTo>
                      <a:pt x="16" y="281"/>
                    </a:lnTo>
                    <a:lnTo>
                      <a:pt x="16" y="276"/>
                    </a:lnTo>
                    <a:lnTo>
                      <a:pt x="19" y="267"/>
                    </a:lnTo>
                    <a:lnTo>
                      <a:pt x="21" y="262"/>
                    </a:lnTo>
                    <a:lnTo>
                      <a:pt x="21" y="257"/>
                    </a:lnTo>
                    <a:lnTo>
                      <a:pt x="21" y="254"/>
                    </a:lnTo>
                    <a:lnTo>
                      <a:pt x="19" y="250"/>
                    </a:lnTo>
                    <a:lnTo>
                      <a:pt x="17" y="247"/>
                    </a:lnTo>
                    <a:lnTo>
                      <a:pt x="16" y="244"/>
                    </a:lnTo>
                    <a:lnTo>
                      <a:pt x="12" y="240"/>
                    </a:lnTo>
                    <a:lnTo>
                      <a:pt x="12" y="235"/>
                    </a:lnTo>
                    <a:lnTo>
                      <a:pt x="12" y="227"/>
                    </a:lnTo>
                    <a:lnTo>
                      <a:pt x="12" y="220"/>
                    </a:lnTo>
                    <a:lnTo>
                      <a:pt x="16" y="211"/>
                    </a:lnTo>
                    <a:lnTo>
                      <a:pt x="17" y="205"/>
                    </a:lnTo>
                    <a:lnTo>
                      <a:pt x="21" y="198"/>
                    </a:lnTo>
                    <a:lnTo>
                      <a:pt x="21" y="193"/>
                    </a:lnTo>
                    <a:lnTo>
                      <a:pt x="22" y="193"/>
                    </a:lnTo>
                    <a:lnTo>
                      <a:pt x="14" y="179"/>
                    </a:lnTo>
                    <a:lnTo>
                      <a:pt x="0" y="179"/>
                    </a:lnTo>
                    <a:lnTo>
                      <a:pt x="0" y="159"/>
                    </a:lnTo>
                    <a:lnTo>
                      <a:pt x="2" y="159"/>
                    </a:lnTo>
                    <a:lnTo>
                      <a:pt x="4" y="157"/>
                    </a:lnTo>
                    <a:lnTo>
                      <a:pt x="5" y="157"/>
                    </a:lnTo>
                    <a:lnTo>
                      <a:pt x="7" y="154"/>
                    </a:lnTo>
                    <a:lnTo>
                      <a:pt x="7" y="152"/>
                    </a:lnTo>
                    <a:lnTo>
                      <a:pt x="9" y="149"/>
                    </a:lnTo>
                    <a:lnTo>
                      <a:pt x="10" y="144"/>
                    </a:lnTo>
                    <a:lnTo>
                      <a:pt x="17" y="139"/>
                    </a:lnTo>
                    <a:lnTo>
                      <a:pt x="22" y="134"/>
                    </a:lnTo>
                    <a:lnTo>
                      <a:pt x="31" y="127"/>
                    </a:lnTo>
                    <a:lnTo>
                      <a:pt x="38" y="122"/>
                    </a:lnTo>
                    <a:lnTo>
                      <a:pt x="44" y="118"/>
                    </a:lnTo>
                    <a:lnTo>
                      <a:pt x="48" y="115"/>
                    </a:lnTo>
                    <a:lnTo>
                      <a:pt x="51" y="115"/>
                    </a:lnTo>
                    <a:lnTo>
                      <a:pt x="49" y="44"/>
                    </a:lnTo>
                    <a:lnTo>
                      <a:pt x="48" y="44"/>
                    </a:lnTo>
                    <a:lnTo>
                      <a:pt x="48" y="42"/>
                    </a:lnTo>
                    <a:lnTo>
                      <a:pt x="49" y="41"/>
                    </a:lnTo>
                    <a:lnTo>
                      <a:pt x="51" y="37"/>
                    </a:lnTo>
                    <a:lnTo>
                      <a:pt x="56" y="34"/>
                    </a:lnTo>
                    <a:lnTo>
                      <a:pt x="63" y="29"/>
                    </a:lnTo>
                    <a:lnTo>
                      <a:pt x="65" y="27"/>
                    </a:lnTo>
                    <a:lnTo>
                      <a:pt x="68" y="30"/>
                    </a:lnTo>
                    <a:lnTo>
                      <a:pt x="73" y="32"/>
                    </a:lnTo>
                    <a:lnTo>
                      <a:pt x="78" y="35"/>
                    </a:lnTo>
                    <a:lnTo>
                      <a:pt x="83" y="37"/>
                    </a:lnTo>
                    <a:lnTo>
                      <a:pt x="90" y="39"/>
                    </a:lnTo>
                    <a:lnTo>
                      <a:pt x="97" y="37"/>
                    </a:lnTo>
                    <a:lnTo>
                      <a:pt x="102" y="34"/>
                    </a:lnTo>
                    <a:lnTo>
                      <a:pt x="102" y="32"/>
                    </a:lnTo>
                    <a:lnTo>
                      <a:pt x="104" y="30"/>
                    </a:lnTo>
                    <a:lnTo>
                      <a:pt x="105" y="30"/>
                    </a:lnTo>
                    <a:lnTo>
                      <a:pt x="109" y="27"/>
                    </a:lnTo>
                    <a:lnTo>
                      <a:pt x="112" y="27"/>
                    </a:lnTo>
                    <a:lnTo>
                      <a:pt x="115" y="25"/>
                    </a:lnTo>
                    <a:lnTo>
                      <a:pt x="119" y="25"/>
                    </a:lnTo>
                    <a:lnTo>
                      <a:pt x="124" y="25"/>
                    </a:lnTo>
                    <a:lnTo>
                      <a:pt x="126" y="25"/>
                    </a:lnTo>
                    <a:lnTo>
                      <a:pt x="127" y="24"/>
                    </a:lnTo>
                    <a:lnTo>
                      <a:pt x="129" y="22"/>
                    </a:lnTo>
                    <a:lnTo>
                      <a:pt x="131" y="20"/>
                    </a:lnTo>
                    <a:lnTo>
                      <a:pt x="132" y="19"/>
                    </a:lnTo>
                    <a:lnTo>
                      <a:pt x="136" y="17"/>
                    </a:lnTo>
                    <a:lnTo>
                      <a:pt x="141" y="13"/>
                    </a:lnTo>
                    <a:lnTo>
                      <a:pt x="148" y="12"/>
                    </a:lnTo>
                    <a:lnTo>
                      <a:pt x="154" y="10"/>
                    </a:lnTo>
                    <a:lnTo>
                      <a:pt x="158" y="8"/>
                    </a:lnTo>
                    <a:lnTo>
                      <a:pt x="161" y="8"/>
                    </a:lnTo>
                    <a:lnTo>
                      <a:pt x="163" y="7"/>
                    </a:lnTo>
                    <a:lnTo>
                      <a:pt x="164" y="5"/>
                    </a:lnTo>
                    <a:lnTo>
                      <a:pt x="168" y="3"/>
                    </a:lnTo>
                    <a:lnTo>
                      <a:pt x="173" y="0"/>
                    </a:lnTo>
                    <a:lnTo>
                      <a:pt x="176" y="0"/>
                    </a:lnTo>
                    <a:lnTo>
                      <a:pt x="180" y="3"/>
                    </a:lnTo>
                    <a:lnTo>
                      <a:pt x="181" y="7"/>
                    </a:lnTo>
                    <a:lnTo>
                      <a:pt x="183" y="8"/>
                    </a:lnTo>
                    <a:lnTo>
                      <a:pt x="176" y="20"/>
                    </a:lnTo>
                    <a:lnTo>
                      <a:pt x="175" y="29"/>
                    </a:lnTo>
                    <a:lnTo>
                      <a:pt x="173" y="37"/>
                    </a:lnTo>
                    <a:lnTo>
                      <a:pt x="173" y="39"/>
                    </a:lnTo>
                    <a:lnTo>
                      <a:pt x="171" y="41"/>
                    </a:lnTo>
                    <a:lnTo>
                      <a:pt x="171" y="44"/>
                    </a:lnTo>
                    <a:lnTo>
                      <a:pt x="171" y="46"/>
                    </a:lnTo>
                    <a:lnTo>
                      <a:pt x="175" y="44"/>
                    </a:lnTo>
                    <a:lnTo>
                      <a:pt x="178" y="42"/>
                    </a:lnTo>
                    <a:lnTo>
                      <a:pt x="180" y="41"/>
                    </a:lnTo>
                    <a:lnTo>
                      <a:pt x="181" y="39"/>
                    </a:lnTo>
                    <a:lnTo>
                      <a:pt x="185" y="39"/>
                    </a:lnTo>
                    <a:lnTo>
                      <a:pt x="186" y="37"/>
                    </a:lnTo>
                    <a:lnTo>
                      <a:pt x="188" y="35"/>
                    </a:lnTo>
                    <a:lnTo>
                      <a:pt x="190" y="34"/>
                    </a:lnTo>
                    <a:lnTo>
                      <a:pt x="192" y="34"/>
                    </a:lnTo>
                    <a:lnTo>
                      <a:pt x="210" y="46"/>
                    </a:lnTo>
                    <a:lnTo>
                      <a:pt x="212" y="46"/>
                    </a:lnTo>
                    <a:lnTo>
                      <a:pt x="214" y="46"/>
                    </a:lnTo>
                    <a:lnTo>
                      <a:pt x="217" y="46"/>
                    </a:lnTo>
                    <a:lnTo>
                      <a:pt x="220" y="46"/>
                    </a:lnTo>
                    <a:lnTo>
                      <a:pt x="225" y="47"/>
                    </a:lnTo>
                    <a:lnTo>
                      <a:pt x="229" y="52"/>
                    </a:lnTo>
                    <a:lnTo>
                      <a:pt x="234" y="57"/>
                    </a:lnTo>
                    <a:lnTo>
                      <a:pt x="237" y="66"/>
                    </a:lnTo>
                    <a:lnTo>
                      <a:pt x="239" y="68"/>
                    </a:lnTo>
                    <a:lnTo>
                      <a:pt x="239" y="69"/>
                    </a:lnTo>
                    <a:lnTo>
                      <a:pt x="242" y="71"/>
                    </a:lnTo>
                    <a:lnTo>
                      <a:pt x="244" y="73"/>
                    </a:lnTo>
                    <a:lnTo>
                      <a:pt x="246" y="74"/>
                    </a:lnTo>
                    <a:lnTo>
                      <a:pt x="247" y="76"/>
                    </a:lnTo>
                    <a:lnTo>
                      <a:pt x="249" y="76"/>
                    </a:lnTo>
                    <a:lnTo>
                      <a:pt x="249" y="78"/>
                    </a:lnTo>
                    <a:lnTo>
                      <a:pt x="252" y="78"/>
                    </a:lnTo>
                    <a:lnTo>
                      <a:pt x="256" y="78"/>
                    </a:lnTo>
                    <a:lnTo>
                      <a:pt x="261" y="78"/>
                    </a:lnTo>
                    <a:lnTo>
                      <a:pt x="268" y="79"/>
                    </a:lnTo>
                    <a:lnTo>
                      <a:pt x="274" y="79"/>
                    </a:lnTo>
                    <a:lnTo>
                      <a:pt x="283" y="81"/>
                    </a:lnTo>
                    <a:lnTo>
                      <a:pt x="291" y="83"/>
                    </a:lnTo>
                    <a:lnTo>
                      <a:pt x="300" y="85"/>
                    </a:lnTo>
                    <a:lnTo>
                      <a:pt x="308" y="86"/>
                    </a:lnTo>
                    <a:lnTo>
                      <a:pt x="317" y="88"/>
                    </a:lnTo>
                    <a:lnTo>
                      <a:pt x="325" y="91"/>
                    </a:lnTo>
                    <a:lnTo>
                      <a:pt x="334" y="93"/>
                    </a:lnTo>
                    <a:lnTo>
                      <a:pt x="340" y="96"/>
                    </a:lnTo>
                    <a:lnTo>
                      <a:pt x="347" y="100"/>
                    </a:lnTo>
                    <a:lnTo>
                      <a:pt x="354" y="103"/>
                    </a:lnTo>
                    <a:lnTo>
                      <a:pt x="356" y="103"/>
                    </a:lnTo>
                    <a:lnTo>
                      <a:pt x="362" y="105"/>
                    </a:lnTo>
                    <a:lnTo>
                      <a:pt x="373" y="107"/>
                    </a:lnTo>
                    <a:lnTo>
                      <a:pt x="383" y="107"/>
                    </a:lnTo>
                    <a:lnTo>
                      <a:pt x="393" y="108"/>
                    </a:lnTo>
                    <a:lnTo>
                      <a:pt x="401" y="110"/>
                    </a:lnTo>
                    <a:lnTo>
                      <a:pt x="408" y="110"/>
                    </a:lnTo>
                    <a:lnTo>
                      <a:pt x="412" y="110"/>
                    </a:lnTo>
                    <a:lnTo>
                      <a:pt x="415" y="115"/>
                    </a:lnTo>
                    <a:lnTo>
                      <a:pt x="418" y="127"/>
                    </a:lnTo>
                    <a:lnTo>
                      <a:pt x="420" y="127"/>
                    </a:lnTo>
                    <a:lnTo>
                      <a:pt x="422" y="127"/>
                    </a:lnTo>
                    <a:lnTo>
                      <a:pt x="427" y="127"/>
                    </a:lnTo>
                    <a:lnTo>
                      <a:pt x="430" y="129"/>
                    </a:lnTo>
                    <a:lnTo>
                      <a:pt x="435" y="132"/>
                    </a:lnTo>
                    <a:lnTo>
                      <a:pt x="439" y="139"/>
                    </a:lnTo>
                    <a:lnTo>
                      <a:pt x="442" y="147"/>
                    </a:lnTo>
                    <a:lnTo>
                      <a:pt x="444" y="159"/>
                    </a:lnTo>
                    <a:lnTo>
                      <a:pt x="444" y="161"/>
                    </a:lnTo>
                    <a:lnTo>
                      <a:pt x="442" y="164"/>
                    </a:lnTo>
                    <a:lnTo>
                      <a:pt x="442" y="167"/>
                    </a:lnTo>
                    <a:lnTo>
                      <a:pt x="442" y="173"/>
                    </a:lnTo>
                    <a:lnTo>
                      <a:pt x="440" y="176"/>
                    </a:lnTo>
                    <a:lnTo>
                      <a:pt x="440" y="179"/>
                    </a:lnTo>
                    <a:lnTo>
                      <a:pt x="439" y="183"/>
                    </a:lnTo>
                    <a:lnTo>
                      <a:pt x="461" y="183"/>
                    </a:lnTo>
                    <a:lnTo>
                      <a:pt x="461" y="184"/>
                    </a:lnTo>
                    <a:lnTo>
                      <a:pt x="459" y="188"/>
                    </a:lnTo>
                    <a:lnTo>
                      <a:pt x="459" y="191"/>
                    </a:lnTo>
                    <a:lnTo>
                      <a:pt x="457" y="196"/>
                    </a:lnTo>
                    <a:lnTo>
                      <a:pt x="459" y="201"/>
                    </a:lnTo>
                    <a:lnTo>
                      <a:pt x="461" y="205"/>
                    </a:lnTo>
                    <a:lnTo>
                      <a:pt x="464" y="208"/>
                    </a:lnTo>
                    <a:lnTo>
                      <a:pt x="469" y="210"/>
                    </a:lnTo>
                    <a:lnTo>
                      <a:pt x="469" y="211"/>
                    </a:lnTo>
                    <a:lnTo>
                      <a:pt x="469" y="213"/>
                    </a:lnTo>
                    <a:lnTo>
                      <a:pt x="471" y="217"/>
                    </a:lnTo>
                    <a:lnTo>
                      <a:pt x="471" y="218"/>
                    </a:lnTo>
                    <a:lnTo>
                      <a:pt x="457" y="228"/>
                    </a:lnTo>
                    <a:lnTo>
                      <a:pt x="450" y="239"/>
                    </a:lnTo>
                    <a:lnTo>
                      <a:pt x="449" y="244"/>
                    </a:lnTo>
                    <a:lnTo>
                      <a:pt x="449" y="245"/>
                    </a:lnTo>
                    <a:lnTo>
                      <a:pt x="447" y="247"/>
                    </a:lnTo>
                    <a:lnTo>
                      <a:pt x="444" y="250"/>
                    </a:lnTo>
                    <a:lnTo>
                      <a:pt x="442" y="255"/>
                    </a:lnTo>
                    <a:lnTo>
                      <a:pt x="439" y="261"/>
                    </a:lnTo>
                    <a:lnTo>
                      <a:pt x="437" y="267"/>
                    </a:lnTo>
                    <a:lnTo>
                      <a:pt x="437" y="274"/>
                    </a:lnTo>
                    <a:lnTo>
                      <a:pt x="439" y="283"/>
                    </a:lnTo>
                    <a:lnTo>
                      <a:pt x="440" y="284"/>
                    </a:lnTo>
                    <a:lnTo>
                      <a:pt x="442" y="284"/>
                    </a:lnTo>
                    <a:lnTo>
                      <a:pt x="444" y="283"/>
                    </a:lnTo>
                    <a:lnTo>
                      <a:pt x="447" y="279"/>
                    </a:lnTo>
                    <a:lnTo>
                      <a:pt x="450" y="276"/>
                    </a:lnTo>
                    <a:lnTo>
                      <a:pt x="454" y="271"/>
                    </a:lnTo>
                    <a:lnTo>
                      <a:pt x="459" y="266"/>
                    </a:lnTo>
                    <a:lnTo>
                      <a:pt x="462" y="261"/>
                    </a:lnTo>
                    <a:lnTo>
                      <a:pt x="464" y="259"/>
                    </a:lnTo>
                    <a:lnTo>
                      <a:pt x="464" y="255"/>
                    </a:lnTo>
                    <a:lnTo>
                      <a:pt x="464" y="252"/>
                    </a:lnTo>
                    <a:lnTo>
                      <a:pt x="466" y="247"/>
                    </a:lnTo>
                    <a:lnTo>
                      <a:pt x="469" y="244"/>
                    </a:lnTo>
                    <a:lnTo>
                      <a:pt x="474" y="240"/>
                    </a:lnTo>
                    <a:lnTo>
                      <a:pt x="481" y="237"/>
                    </a:lnTo>
                    <a:lnTo>
                      <a:pt x="491" y="235"/>
                    </a:lnTo>
                    <a:lnTo>
                      <a:pt x="491" y="232"/>
                    </a:lnTo>
                    <a:lnTo>
                      <a:pt x="491" y="228"/>
                    </a:lnTo>
                    <a:lnTo>
                      <a:pt x="491" y="223"/>
                    </a:lnTo>
                    <a:lnTo>
                      <a:pt x="491" y="217"/>
                    </a:lnTo>
                    <a:lnTo>
                      <a:pt x="494" y="208"/>
                    </a:lnTo>
                    <a:lnTo>
                      <a:pt x="500" y="198"/>
                    </a:lnTo>
                    <a:lnTo>
                      <a:pt x="501" y="198"/>
                    </a:lnTo>
                    <a:lnTo>
                      <a:pt x="503" y="196"/>
                    </a:lnTo>
                    <a:lnTo>
                      <a:pt x="506" y="193"/>
                    </a:lnTo>
                    <a:lnTo>
                      <a:pt x="508" y="189"/>
                    </a:lnTo>
                    <a:lnTo>
                      <a:pt x="511" y="186"/>
                    </a:lnTo>
                    <a:lnTo>
                      <a:pt x="513" y="183"/>
                    </a:lnTo>
                    <a:lnTo>
                      <a:pt x="515" y="181"/>
                    </a:lnTo>
                    <a:lnTo>
                      <a:pt x="516" y="181"/>
                    </a:lnTo>
                    <a:lnTo>
                      <a:pt x="522" y="181"/>
                    </a:lnTo>
                    <a:lnTo>
                      <a:pt x="522" y="191"/>
                    </a:lnTo>
                    <a:lnTo>
                      <a:pt x="518" y="193"/>
                    </a:lnTo>
                    <a:lnTo>
                      <a:pt x="518" y="206"/>
                    </a:lnTo>
                    <a:lnTo>
                      <a:pt x="516" y="206"/>
                    </a:lnTo>
                    <a:lnTo>
                      <a:pt x="515" y="210"/>
                    </a:lnTo>
                    <a:lnTo>
                      <a:pt x="513" y="213"/>
                    </a:lnTo>
                    <a:lnTo>
                      <a:pt x="510" y="217"/>
                    </a:lnTo>
                    <a:lnTo>
                      <a:pt x="508" y="222"/>
                    </a:lnTo>
                    <a:lnTo>
                      <a:pt x="506" y="227"/>
                    </a:lnTo>
                    <a:lnTo>
                      <a:pt x="506" y="232"/>
                    </a:lnTo>
                    <a:lnTo>
                      <a:pt x="508" y="235"/>
                    </a:lnTo>
                    <a:lnTo>
                      <a:pt x="506" y="235"/>
                    </a:lnTo>
                    <a:lnTo>
                      <a:pt x="506" y="237"/>
                    </a:lnTo>
                    <a:lnTo>
                      <a:pt x="505" y="239"/>
                    </a:lnTo>
                    <a:lnTo>
                      <a:pt x="503" y="240"/>
                    </a:lnTo>
                    <a:lnTo>
                      <a:pt x="501" y="244"/>
                    </a:lnTo>
                    <a:lnTo>
                      <a:pt x="500" y="247"/>
                    </a:lnTo>
                    <a:lnTo>
                      <a:pt x="498" y="252"/>
                    </a:lnTo>
                    <a:lnTo>
                      <a:pt x="494" y="257"/>
                    </a:lnTo>
                    <a:lnTo>
                      <a:pt x="493" y="262"/>
                    </a:lnTo>
                    <a:lnTo>
                      <a:pt x="491" y="269"/>
                    </a:lnTo>
                    <a:lnTo>
                      <a:pt x="489" y="276"/>
                    </a:lnTo>
                    <a:lnTo>
                      <a:pt x="488" y="284"/>
                    </a:lnTo>
                    <a:lnTo>
                      <a:pt x="486" y="293"/>
                    </a:lnTo>
                    <a:lnTo>
                      <a:pt x="486" y="303"/>
                    </a:lnTo>
                    <a:lnTo>
                      <a:pt x="486" y="311"/>
                    </a:lnTo>
                    <a:lnTo>
                      <a:pt x="486" y="323"/>
                    </a:lnTo>
                    <a:lnTo>
                      <a:pt x="486" y="325"/>
                    </a:lnTo>
                    <a:lnTo>
                      <a:pt x="484" y="325"/>
                    </a:lnTo>
                    <a:lnTo>
                      <a:pt x="483" y="328"/>
                    </a:lnTo>
                    <a:lnTo>
                      <a:pt x="481" y="330"/>
                    </a:lnTo>
                    <a:lnTo>
                      <a:pt x="479" y="333"/>
                    </a:lnTo>
                    <a:lnTo>
                      <a:pt x="478" y="337"/>
                    </a:lnTo>
                    <a:lnTo>
                      <a:pt x="476" y="340"/>
                    </a:lnTo>
                    <a:lnTo>
                      <a:pt x="474" y="345"/>
                    </a:lnTo>
                    <a:lnTo>
                      <a:pt x="472" y="349"/>
                    </a:lnTo>
                    <a:lnTo>
                      <a:pt x="472" y="355"/>
                    </a:lnTo>
                    <a:lnTo>
                      <a:pt x="471" y="360"/>
                    </a:lnTo>
                    <a:lnTo>
                      <a:pt x="471" y="367"/>
                    </a:lnTo>
                    <a:lnTo>
                      <a:pt x="472" y="374"/>
                    </a:lnTo>
                    <a:lnTo>
                      <a:pt x="474" y="381"/>
                    </a:lnTo>
                    <a:lnTo>
                      <a:pt x="476" y="389"/>
                    </a:lnTo>
                    <a:lnTo>
                      <a:pt x="476" y="391"/>
                    </a:lnTo>
                    <a:lnTo>
                      <a:pt x="474" y="393"/>
                    </a:lnTo>
                    <a:lnTo>
                      <a:pt x="474" y="396"/>
                    </a:lnTo>
                    <a:lnTo>
                      <a:pt x="472" y="399"/>
                    </a:lnTo>
                    <a:lnTo>
                      <a:pt x="471" y="404"/>
                    </a:lnTo>
                    <a:lnTo>
                      <a:pt x="469" y="409"/>
                    </a:lnTo>
                    <a:lnTo>
                      <a:pt x="467" y="415"/>
                    </a:lnTo>
                    <a:lnTo>
                      <a:pt x="466" y="421"/>
                    </a:lnTo>
                    <a:lnTo>
                      <a:pt x="464" y="428"/>
                    </a:lnTo>
                    <a:lnTo>
                      <a:pt x="464" y="437"/>
                    </a:lnTo>
                    <a:lnTo>
                      <a:pt x="462" y="443"/>
                    </a:lnTo>
                    <a:lnTo>
                      <a:pt x="462" y="452"/>
                    </a:lnTo>
                    <a:lnTo>
                      <a:pt x="464" y="460"/>
                    </a:lnTo>
                    <a:lnTo>
                      <a:pt x="466" y="469"/>
                    </a:lnTo>
                    <a:lnTo>
                      <a:pt x="467" y="477"/>
                    </a:lnTo>
                    <a:lnTo>
                      <a:pt x="471" y="484"/>
                    </a:lnTo>
                    <a:lnTo>
                      <a:pt x="472" y="486"/>
                    </a:lnTo>
                    <a:lnTo>
                      <a:pt x="472" y="487"/>
                    </a:lnTo>
                    <a:lnTo>
                      <a:pt x="474" y="491"/>
                    </a:lnTo>
                    <a:lnTo>
                      <a:pt x="476" y="492"/>
                    </a:lnTo>
                    <a:lnTo>
                      <a:pt x="478" y="496"/>
                    </a:lnTo>
                    <a:lnTo>
                      <a:pt x="478" y="497"/>
                    </a:lnTo>
                    <a:lnTo>
                      <a:pt x="479" y="499"/>
                    </a:lnTo>
                    <a:lnTo>
                      <a:pt x="479" y="506"/>
                    </a:lnTo>
                    <a:lnTo>
                      <a:pt x="478" y="525"/>
                    </a:lnTo>
                    <a:lnTo>
                      <a:pt x="479" y="536"/>
                    </a:lnTo>
                    <a:lnTo>
                      <a:pt x="220" y="55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249" name="Group 173"/>
              <p:cNvGrpSpPr>
                <a:grpSpLocks/>
              </p:cNvGrpSpPr>
              <p:nvPr/>
            </p:nvGrpSpPr>
            <p:grpSpPr bwMode="auto">
              <a:xfrm>
                <a:off x="4170" y="1392"/>
                <a:ext cx="723" cy="540"/>
                <a:chOff x="4407" y="988"/>
                <a:chExt cx="743" cy="556"/>
              </a:xfrm>
            </p:grpSpPr>
            <p:sp>
              <p:nvSpPr>
                <p:cNvPr id="266" name="Freeform 174"/>
                <p:cNvSpPr>
                  <a:spLocks/>
                </p:cNvSpPr>
                <p:nvPr/>
              </p:nvSpPr>
              <p:spPr bwMode="auto">
                <a:xfrm>
                  <a:off x="4972" y="1435"/>
                  <a:ext cx="178" cy="109"/>
                </a:xfrm>
                <a:custGeom>
                  <a:avLst/>
                  <a:gdLst>
                    <a:gd name="T0" fmla="*/ 2 w 178"/>
                    <a:gd name="T1" fmla="*/ 109 h 109"/>
                    <a:gd name="T2" fmla="*/ 0 w 178"/>
                    <a:gd name="T3" fmla="*/ 107 h 109"/>
                    <a:gd name="T4" fmla="*/ 0 w 178"/>
                    <a:gd name="T5" fmla="*/ 102 h 109"/>
                    <a:gd name="T6" fmla="*/ 0 w 178"/>
                    <a:gd name="T7" fmla="*/ 95 h 109"/>
                    <a:gd name="T8" fmla="*/ 4 w 178"/>
                    <a:gd name="T9" fmla="*/ 88 h 109"/>
                    <a:gd name="T10" fmla="*/ 9 w 178"/>
                    <a:gd name="T11" fmla="*/ 81 h 109"/>
                    <a:gd name="T12" fmla="*/ 12 w 178"/>
                    <a:gd name="T13" fmla="*/ 80 h 109"/>
                    <a:gd name="T14" fmla="*/ 21 w 178"/>
                    <a:gd name="T15" fmla="*/ 73 h 109"/>
                    <a:gd name="T16" fmla="*/ 24 w 178"/>
                    <a:gd name="T17" fmla="*/ 65 h 109"/>
                    <a:gd name="T18" fmla="*/ 26 w 178"/>
                    <a:gd name="T19" fmla="*/ 61 h 109"/>
                    <a:gd name="T20" fmla="*/ 28 w 178"/>
                    <a:gd name="T21" fmla="*/ 59 h 109"/>
                    <a:gd name="T22" fmla="*/ 38 w 178"/>
                    <a:gd name="T23" fmla="*/ 56 h 109"/>
                    <a:gd name="T24" fmla="*/ 41 w 178"/>
                    <a:gd name="T25" fmla="*/ 53 h 109"/>
                    <a:gd name="T26" fmla="*/ 63 w 178"/>
                    <a:gd name="T27" fmla="*/ 53 h 109"/>
                    <a:gd name="T28" fmla="*/ 65 w 178"/>
                    <a:gd name="T29" fmla="*/ 49 h 109"/>
                    <a:gd name="T30" fmla="*/ 68 w 178"/>
                    <a:gd name="T31" fmla="*/ 43 h 109"/>
                    <a:gd name="T32" fmla="*/ 77 w 178"/>
                    <a:gd name="T33" fmla="*/ 39 h 109"/>
                    <a:gd name="T34" fmla="*/ 83 w 178"/>
                    <a:gd name="T35" fmla="*/ 37 h 109"/>
                    <a:gd name="T36" fmla="*/ 105 w 178"/>
                    <a:gd name="T37" fmla="*/ 31 h 109"/>
                    <a:gd name="T38" fmla="*/ 116 w 178"/>
                    <a:gd name="T39" fmla="*/ 24 h 109"/>
                    <a:gd name="T40" fmla="*/ 132 w 178"/>
                    <a:gd name="T41" fmla="*/ 4 h 109"/>
                    <a:gd name="T42" fmla="*/ 138 w 178"/>
                    <a:gd name="T43" fmla="*/ 2 h 109"/>
                    <a:gd name="T44" fmla="*/ 131 w 178"/>
                    <a:gd name="T45" fmla="*/ 14 h 109"/>
                    <a:gd name="T46" fmla="*/ 127 w 178"/>
                    <a:gd name="T47" fmla="*/ 19 h 109"/>
                    <a:gd name="T48" fmla="*/ 122 w 178"/>
                    <a:gd name="T49" fmla="*/ 26 h 109"/>
                    <a:gd name="T50" fmla="*/ 116 w 178"/>
                    <a:gd name="T51" fmla="*/ 34 h 109"/>
                    <a:gd name="T52" fmla="*/ 116 w 178"/>
                    <a:gd name="T53" fmla="*/ 37 h 109"/>
                    <a:gd name="T54" fmla="*/ 122 w 178"/>
                    <a:gd name="T55" fmla="*/ 36 h 109"/>
                    <a:gd name="T56" fmla="*/ 122 w 178"/>
                    <a:gd name="T57" fmla="*/ 39 h 109"/>
                    <a:gd name="T58" fmla="*/ 122 w 178"/>
                    <a:gd name="T59" fmla="*/ 43 h 109"/>
                    <a:gd name="T60" fmla="*/ 122 w 178"/>
                    <a:gd name="T61" fmla="*/ 48 h 109"/>
                    <a:gd name="T62" fmla="*/ 129 w 178"/>
                    <a:gd name="T63" fmla="*/ 43 h 109"/>
                    <a:gd name="T64" fmla="*/ 129 w 178"/>
                    <a:gd name="T65" fmla="*/ 34 h 109"/>
                    <a:gd name="T66" fmla="*/ 136 w 178"/>
                    <a:gd name="T67" fmla="*/ 22 h 109"/>
                    <a:gd name="T68" fmla="*/ 148 w 178"/>
                    <a:gd name="T69" fmla="*/ 14 h 109"/>
                    <a:gd name="T70" fmla="*/ 160 w 178"/>
                    <a:gd name="T71" fmla="*/ 14 h 109"/>
                    <a:gd name="T72" fmla="*/ 165 w 178"/>
                    <a:gd name="T73" fmla="*/ 9 h 109"/>
                    <a:gd name="T74" fmla="*/ 175 w 178"/>
                    <a:gd name="T75" fmla="*/ 0 h 109"/>
                    <a:gd name="T76" fmla="*/ 178 w 178"/>
                    <a:gd name="T77" fmla="*/ 4 h 109"/>
                    <a:gd name="T78" fmla="*/ 175 w 178"/>
                    <a:gd name="T79" fmla="*/ 9 h 109"/>
                    <a:gd name="T80" fmla="*/ 160 w 178"/>
                    <a:gd name="T81" fmla="*/ 22 h 109"/>
                    <a:gd name="T82" fmla="*/ 143 w 178"/>
                    <a:gd name="T83" fmla="*/ 36 h 109"/>
                    <a:gd name="T84" fmla="*/ 127 w 178"/>
                    <a:gd name="T85" fmla="*/ 48 h 109"/>
                    <a:gd name="T86" fmla="*/ 116 w 178"/>
                    <a:gd name="T87" fmla="*/ 58 h 109"/>
                    <a:gd name="T88" fmla="*/ 109 w 178"/>
                    <a:gd name="T89" fmla="*/ 63 h 109"/>
                    <a:gd name="T90" fmla="*/ 88 w 178"/>
                    <a:gd name="T91" fmla="*/ 76 h 109"/>
                    <a:gd name="T92" fmla="*/ 85 w 178"/>
                    <a:gd name="T93" fmla="*/ 76 h 109"/>
                    <a:gd name="T94" fmla="*/ 90 w 178"/>
                    <a:gd name="T95" fmla="*/ 70 h 109"/>
                    <a:gd name="T96" fmla="*/ 97 w 178"/>
                    <a:gd name="T97" fmla="*/ 58 h 109"/>
                    <a:gd name="T98" fmla="*/ 80 w 178"/>
                    <a:gd name="T99" fmla="*/ 68 h 109"/>
                    <a:gd name="T100" fmla="*/ 61 w 178"/>
                    <a:gd name="T101" fmla="*/ 76 h 109"/>
                    <a:gd name="T102" fmla="*/ 55 w 178"/>
                    <a:gd name="T103" fmla="*/ 81 h 109"/>
                    <a:gd name="T104" fmla="*/ 44 w 178"/>
                    <a:gd name="T105" fmla="*/ 90 h 109"/>
                    <a:gd name="T106" fmla="*/ 29 w 178"/>
                    <a:gd name="T107" fmla="*/ 100 h 109"/>
                    <a:gd name="T108" fmla="*/ 14 w 178"/>
                    <a:gd name="T109" fmla="*/ 109 h 109"/>
                    <a:gd name="T110" fmla="*/ 14 w 178"/>
                    <a:gd name="T111" fmla="*/ 105 h 109"/>
                    <a:gd name="T112" fmla="*/ 17 w 178"/>
                    <a:gd name="T113" fmla="*/ 102 h 109"/>
                    <a:gd name="T114" fmla="*/ 19 w 178"/>
                    <a:gd name="T115" fmla="*/ 95 h 109"/>
                    <a:gd name="T116" fmla="*/ 7 w 178"/>
                    <a:gd name="T117" fmla="*/ 105 h 109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w 178"/>
                    <a:gd name="T178" fmla="*/ 0 h 109"/>
                    <a:gd name="T179" fmla="*/ 178 w 178"/>
                    <a:gd name="T180" fmla="*/ 109 h 109"/>
                  </a:gdLst>
                  <a:ahLst/>
                  <a:cxnLst>
                    <a:cxn ang="T118">
                      <a:pos x="T0" y="T1"/>
                    </a:cxn>
                    <a:cxn ang="T119">
                      <a:pos x="T2" y="T3"/>
                    </a:cxn>
                    <a:cxn ang="T120">
                      <a:pos x="T4" y="T5"/>
                    </a:cxn>
                    <a:cxn ang="T121">
                      <a:pos x="T6" y="T7"/>
                    </a:cxn>
                    <a:cxn ang="T122">
                      <a:pos x="T8" y="T9"/>
                    </a:cxn>
                    <a:cxn ang="T123">
                      <a:pos x="T10" y="T11"/>
                    </a:cxn>
                    <a:cxn ang="T124">
                      <a:pos x="T12" y="T13"/>
                    </a:cxn>
                    <a:cxn ang="T125">
                      <a:pos x="T14" y="T15"/>
                    </a:cxn>
                    <a:cxn ang="T126">
                      <a:pos x="T16" y="T17"/>
                    </a:cxn>
                    <a:cxn ang="T127">
                      <a:pos x="T18" y="T19"/>
                    </a:cxn>
                    <a:cxn ang="T128">
                      <a:pos x="T20" y="T21"/>
                    </a:cxn>
                    <a:cxn ang="T129">
                      <a:pos x="T22" y="T23"/>
                    </a:cxn>
                    <a:cxn ang="T130">
                      <a:pos x="T24" y="T25"/>
                    </a:cxn>
                    <a:cxn ang="T131">
                      <a:pos x="T26" y="T27"/>
                    </a:cxn>
                    <a:cxn ang="T132">
                      <a:pos x="T28" y="T29"/>
                    </a:cxn>
                    <a:cxn ang="T133">
                      <a:pos x="T30" y="T31"/>
                    </a:cxn>
                    <a:cxn ang="T134">
                      <a:pos x="T32" y="T33"/>
                    </a:cxn>
                    <a:cxn ang="T135">
                      <a:pos x="T34" y="T35"/>
                    </a:cxn>
                    <a:cxn ang="T136">
                      <a:pos x="T36" y="T37"/>
                    </a:cxn>
                    <a:cxn ang="T137">
                      <a:pos x="T38" y="T39"/>
                    </a:cxn>
                    <a:cxn ang="T138">
                      <a:pos x="T40" y="T41"/>
                    </a:cxn>
                    <a:cxn ang="T139">
                      <a:pos x="T42" y="T43"/>
                    </a:cxn>
                    <a:cxn ang="T140">
                      <a:pos x="T44" y="T45"/>
                    </a:cxn>
                    <a:cxn ang="T141">
                      <a:pos x="T46" y="T47"/>
                    </a:cxn>
                    <a:cxn ang="T142">
                      <a:pos x="T48" y="T49"/>
                    </a:cxn>
                    <a:cxn ang="T143">
                      <a:pos x="T50" y="T51"/>
                    </a:cxn>
                    <a:cxn ang="T144">
                      <a:pos x="T52" y="T53"/>
                    </a:cxn>
                    <a:cxn ang="T145">
                      <a:pos x="T54" y="T55"/>
                    </a:cxn>
                    <a:cxn ang="T146">
                      <a:pos x="T56" y="T57"/>
                    </a:cxn>
                    <a:cxn ang="T147">
                      <a:pos x="T58" y="T59"/>
                    </a:cxn>
                    <a:cxn ang="T148">
                      <a:pos x="T60" y="T61"/>
                    </a:cxn>
                    <a:cxn ang="T149">
                      <a:pos x="T62" y="T63"/>
                    </a:cxn>
                    <a:cxn ang="T150">
                      <a:pos x="T64" y="T65"/>
                    </a:cxn>
                    <a:cxn ang="T151">
                      <a:pos x="T66" y="T67"/>
                    </a:cxn>
                    <a:cxn ang="T152">
                      <a:pos x="T68" y="T69"/>
                    </a:cxn>
                    <a:cxn ang="T153">
                      <a:pos x="T70" y="T71"/>
                    </a:cxn>
                    <a:cxn ang="T154">
                      <a:pos x="T72" y="T73"/>
                    </a:cxn>
                    <a:cxn ang="T155">
                      <a:pos x="T74" y="T75"/>
                    </a:cxn>
                    <a:cxn ang="T156">
                      <a:pos x="T76" y="T77"/>
                    </a:cxn>
                    <a:cxn ang="T157">
                      <a:pos x="T78" y="T79"/>
                    </a:cxn>
                    <a:cxn ang="T158">
                      <a:pos x="T80" y="T81"/>
                    </a:cxn>
                    <a:cxn ang="T159">
                      <a:pos x="T82" y="T83"/>
                    </a:cxn>
                    <a:cxn ang="T160">
                      <a:pos x="T84" y="T85"/>
                    </a:cxn>
                    <a:cxn ang="T161">
                      <a:pos x="T86" y="T87"/>
                    </a:cxn>
                    <a:cxn ang="T162">
                      <a:pos x="T88" y="T89"/>
                    </a:cxn>
                    <a:cxn ang="T163">
                      <a:pos x="T90" y="T91"/>
                    </a:cxn>
                    <a:cxn ang="T164">
                      <a:pos x="T92" y="T93"/>
                    </a:cxn>
                    <a:cxn ang="T165">
                      <a:pos x="T94" y="T95"/>
                    </a:cxn>
                    <a:cxn ang="T166">
                      <a:pos x="T96" y="T97"/>
                    </a:cxn>
                    <a:cxn ang="T167">
                      <a:pos x="T98" y="T99"/>
                    </a:cxn>
                    <a:cxn ang="T168">
                      <a:pos x="T100" y="T101"/>
                    </a:cxn>
                    <a:cxn ang="T169">
                      <a:pos x="T102" y="T103"/>
                    </a:cxn>
                    <a:cxn ang="T170">
                      <a:pos x="T104" y="T105"/>
                    </a:cxn>
                    <a:cxn ang="T171">
                      <a:pos x="T106" y="T107"/>
                    </a:cxn>
                    <a:cxn ang="T172">
                      <a:pos x="T108" y="T109"/>
                    </a:cxn>
                    <a:cxn ang="T173">
                      <a:pos x="T110" y="T111"/>
                    </a:cxn>
                    <a:cxn ang="T174">
                      <a:pos x="T112" y="T113"/>
                    </a:cxn>
                    <a:cxn ang="T175">
                      <a:pos x="T114" y="T115"/>
                    </a:cxn>
                    <a:cxn ang="T176">
                      <a:pos x="T116" y="T117"/>
                    </a:cxn>
                  </a:cxnLst>
                  <a:rect l="T177" t="T178" r="T179" b="T180"/>
                  <a:pathLst>
                    <a:path w="178" h="109">
                      <a:moveTo>
                        <a:pt x="7" y="105"/>
                      </a:moveTo>
                      <a:lnTo>
                        <a:pt x="4" y="107"/>
                      </a:lnTo>
                      <a:lnTo>
                        <a:pt x="2" y="109"/>
                      </a:lnTo>
                      <a:lnTo>
                        <a:pt x="0" y="107"/>
                      </a:lnTo>
                      <a:lnTo>
                        <a:pt x="0" y="105"/>
                      </a:lnTo>
                      <a:lnTo>
                        <a:pt x="0" y="103"/>
                      </a:lnTo>
                      <a:lnTo>
                        <a:pt x="0" y="102"/>
                      </a:lnTo>
                      <a:lnTo>
                        <a:pt x="0" y="98"/>
                      </a:lnTo>
                      <a:lnTo>
                        <a:pt x="0" y="97"/>
                      </a:lnTo>
                      <a:lnTo>
                        <a:pt x="0" y="95"/>
                      </a:lnTo>
                      <a:lnTo>
                        <a:pt x="2" y="92"/>
                      </a:lnTo>
                      <a:lnTo>
                        <a:pt x="4" y="88"/>
                      </a:lnTo>
                      <a:lnTo>
                        <a:pt x="6" y="85"/>
                      </a:lnTo>
                      <a:lnTo>
                        <a:pt x="7" y="83"/>
                      </a:lnTo>
                      <a:lnTo>
                        <a:pt x="9" y="81"/>
                      </a:lnTo>
                      <a:lnTo>
                        <a:pt x="11" y="80"/>
                      </a:lnTo>
                      <a:lnTo>
                        <a:pt x="12" y="80"/>
                      </a:lnTo>
                      <a:lnTo>
                        <a:pt x="16" y="78"/>
                      </a:lnTo>
                      <a:lnTo>
                        <a:pt x="19" y="76"/>
                      </a:lnTo>
                      <a:lnTo>
                        <a:pt x="21" y="73"/>
                      </a:lnTo>
                      <a:lnTo>
                        <a:pt x="22" y="70"/>
                      </a:lnTo>
                      <a:lnTo>
                        <a:pt x="22" y="68"/>
                      </a:lnTo>
                      <a:lnTo>
                        <a:pt x="24" y="65"/>
                      </a:lnTo>
                      <a:lnTo>
                        <a:pt x="24" y="61"/>
                      </a:lnTo>
                      <a:lnTo>
                        <a:pt x="26" y="61"/>
                      </a:lnTo>
                      <a:lnTo>
                        <a:pt x="26" y="59"/>
                      </a:lnTo>
                      <a:lnTo>
                        <a:pt x="28" y="59"/>
                      </a:lnTo>
                      <a:lnTo>
                        <a:pt x="31" y="58"/>
                      </a:lnTo>
                      <a:lnTo>
                        <a:pt x="34" y="58"/>
                      </a:lnTo>
                      <a:lnTo>
                        <a:pt x="38" y="56"/>
                      </a:lnTo>
                      <a:lnTo>
                        <a:pt x="39" y="54"/>
                      </a:lnTo>
                      <a:lnTo>
                        <a:pt x="41" y="53"/>
                      </a:lnTo>
                      <a:lnTo>
                        <a:pt x="43" y="51"/>
                      </a:lnTo>
                      <a:lnTo>
                        <a:pt x="63" y="53"/>
                      </a:lnTo>
                      <a:lnTo>
                        <a:pt x="63" y="51"/>
                      </a:lnTo>
                      <a:lnTo>
                        <a:pt x="65" y="49"/>
                      </a:lnTo>
                      <a:lnTo>
                        <a:pt x="65" y="48"/>
                      </a:lnTo>
                      <a:lnTo>
                        <a:pt x="66" y="46"/>
                      </a:lnTo>
                      <a:lnTo>
                        <a:pt x="68" y="43"/>
                      </a:lnTo>
                      <a:lnTo>
                        <a:pt x="70" y="41"/>
                      </a:lnTo>
                      <a:lnTo>
                        <a:pt x="73" y="39"/>
                      </a:lnTo>
                      <a:lnTo>
                        <a:pt x="77" y="39"/>
                      </a:lnTo>
                      <a:lnTo>
                        <a:pt x="80" y="39"/>
                      </a:lnTo>
                      <a:lnTo>
                        <a:pt x="82" y="37"/>
                      </a:lnTo>
                      <a:lnTo>
                        <a:pt x="83" y="37"/>
                      </a:lnTo>
                      <a:lnTo>
                        <a:pt x="94" y="36"/>
                      </a:lnTo>
                      <a:lnTo>
                        <a:pt x="100" y="34"/>
                      </a:lnTo>
                      <a:lnTo>
                        <a:pt x="105" y="31"/>
                      </a:lnTo>
                      <a:lnTo>
                        <a:pt x="109" y="29"/>
                      </a:lnTo>
                      <a:lnTo>
                        <a:pt x="112" y="27"/>
                      </a:lnTo>
                      <a:lnTo>
                        <a:pt x="116" y="24"/>
                      </a:lnTo>
                      <a:lnTo>
                        <a:pt x="119" y="19"/>
                      </a:lnTo>
                      <a:lnTo>
                        <a:pt x="124" y="12"/>
                      </a:lnTo>
                      <a:lnTo>
                        <a:pt x="132" y="4"/>
                      </a:lnTo>
                      <a:lnTo>
                        <a:pt x="138" y="0"/>
                      </a:lnTo>
                      <a:lnTo>
                        <a:pt x="138" y="2"/>
                      </a:lnTo>
                      <a:lnTo>
                        <a:pt x="136" y="7"/>
                      </a:lnTo>
                      <a:lnTo>
                        <a:pt x="132" y="10"/>
                      </a:lnTo>
                      <a:lnTo>
                        <a:pt x="131" y="14"/>
                      </a:lnTo>
                      <a:lnTo>
                        <a:pt x="129" y="15"/>
                      </a:lnTo>
                      <a:lnTo>
                        <a:pt x="129" y="17"/>
                      </a:lnTo>
                      <a:lnTo>
                        <a:pt x="127" y="19"/>
                      </a:lnTo>
                      <a:lnTo>
                        <a:pt x="127" y="21"/>
                      </a:lnTo>
                      <a:lnTo>
                        <a:pt x="126" y="21"/>
                      </a:lnTo>
                      <a:lnTo>
                        <a:pt x="122" y="26"/>
                      </a:lnTo>
                      <a:lnTo>
                        <a:pt x="119" y="29"/>
                      </a:lnTo>
                      <a:lnTo>
                        <a:pt x="117" y="32"/>
                      </a:lnTo>
                      <a:lnTo>
                        <a:pt x="116" y="34"/>
                      </a:lnTo>
                      <a:lnTo>
                        <a:pt x="116" y="36"/>
                      </a:lnTo>
                      <a:lnTo>
                        <a:pt x="116" y="37"/>
                      </a:lnTo>
                      <a:lnTo>
                        <a:pt x="119" y="36"/>
                      </a:lnTo>
                      <a:lnTo>
                        <a:pt x="122" y="36"/>
                      </a:lnTo>
                      <a:lnTo>
                        <a:pt x="124" y="37"/>
                      </a:lnTo>
                      <a:lnTo>
                        <a:pt x="122" y="39"/>
                      </a:lnTo>
                      <a:lnTo>
                        <a:pt x="122" y="41"/>
                      </a:lnTo>
                      <a:lnTo>
                        <a:pt x="122" y="43"/>
                      </a:lnTo>
                      <a:lnTo>
                        <a:pt x="121" y="48"/>
                      </a:lnTo>
                      <a:lnTo>
                        <a:pt x="122" y="48"/>
                      </a:lnTo>
                      <a:lnTo>
                        <a:pt x="124" y="46"/>
                      </a:lnTo>
                      <a:lnTo>
                        <a:pt x="126" y="46"/>
                      </a:lnTo>
                      <a:lnTo>
                        <a:pt x="129" y="43"/>
                      </a:lnTo>
                      <a:lnTo>
                        <a:pt x="132" y="41"/>
                      </a:lnTo>
                      <a:lnTo>
                        <a:pt x="132" y="39"/>
                      </a:lnTo>
                      <a:lnTo>
                        <a:pt x="129" y="34"/>
                      </a:lnTo>
                      <a:lnTo>
                        <a:pt x="129" y="31"/>
                      </a:lnTo>
                      <a:lnTo>
                        <a:pt x="131" y="26"/>
                      </a:lnTo>
                      <a:lnTo>
                        <a:pt x="136" y="22"/>
                      </a:lnTo>
                      <a:lnTo>
                        <a:pt x="139" y="19"/>
                      </a:lnTo>
                      <a:lnTo>
                        <a:pt x="144" y="15"/>
                      </a:lnTo>
                      <a:lnTo>
                        <a:pt x="148" y="14"/>
                      </a:lnTo>
                      <a:lnTo>
                        <a:pt x="149" y="12"/>
                      </a:lnTo>
                      <a:lnTo>
                        <a:pt x="154" y="12"/>
                      </a:lnTo>
                      <a:lnTo>
                        <a:pt x="160" y="14"/>
                      </a:lnTo>
                      <a:lnTo>
                        <a:pt x="161" y="14"/>
                      </a:lnTo>
                      <a:lnTo>
                        <a:pt x="163" y="12"/>
                      </a:lnTo>
                      <a:lnTo>
                        <a:pt x="165" y="9"/>
                      </a:lnTo>
                      <a:lnTo>
                        <a:pt x="166" y="9"/>
                      </a:lnTo>
                      <a:lnTo>
                        <a:pt x="171" y="4"/>
                      </a:lnTo>
                      <a:lnTo>
                        <a:pt x="175" y="0"/>
                      </a:lnTo>
                      <a:lnTo>
                        <a:pt x="176" y="0"/>
                      </a:lnTo>
                      <a:lnTo>
                        <a:pt x="178" y="2"/>
                      </a:lnTo>
                      <a:lnTo>
                        <a:pt x="178" y="4"/>
                      </a:lnTo>
                      <a:lnTo>
                        <a:pt x="176" y="7"/>
                      </a:lnTo>
                      <a:lnTo>
                        <a:pt x="175" y="9"/>
                      </a:lnTo>
                      <a:lnTo>
                        <a:pt x="170" y="14"/>
                      </a:lnTo>
                      <a:lnTo>
                        <a:pt x="165" y="17"/>
                      </a:lnTo>
                      <a:lnTo>
                        <a:pt x="160" y="22"/>
                      </a:lnTo>
                      <a:lnTo>
                        <a:pt x="154" y="27"/>
                      </a:lnTo>
                      <a:lnTo>
                        <a:pt x="148" y="31"/>
                      </a:lnTo>
                      <a:lnTo>
                        <a:pt x="143" y="36"/>
                      </a:lnTo>
                      <a:lnTo>
                        <a:pt x="138" y="39"/>
                      </a:lnTo>
                      <a:lnTo>
                        <a:pt x="132" y="44"/>
                      </a:lnTo>
                      <a:lnTo>
                        <a:pt x="127" y="48"/>
                      </a:lnTo>
                      <a:lnTo>
                        <a:pt x="122" y="51"/>
                      </a:lnTo>
                      <a:lnTo>
                        <a:pt x="119" y="54"/>
                      </a:lnTo>
                      <a:lnTo>
                        <a:pt x="116" y="58"/>
                      </a:lnTo>
                      <a:lnTo>
                        <a:pt x="112" y="59"/>
                      </a:lnTo>
                      <a:lnTo>
                        <a:pt x="110" y="61"/>
                      </a:lnTo>
                      <a:lnTo>
                        <a:pt x="109" y="63"/>
                      </a:lnTo>
                      <a:lnTo>
                        <a:pt x="97" y="71"/>
                      </a:lnTo>
                      <a:lnTo>
                        <a:pt x="88" y="76"/>
                      </a:lnTo>
                      <a:lnTo>
                        <a:pt x="85" y="78"/>
                      </a:lnTo>
                      <a:lnTo>
                        <a:pt x="85" y="76"/>
                      </a:lnTo>
                      <a:lnTo>
                        <a:pt x="87" y="73"/>
                      </a:lnTo>
                      <a:lnTo>
                        <a:pt x="88" y="71"/>
                      </a:lnTo>
                      <a:lnTo>
                        <a:pt x="90" y="70"/>
                      </a:lnTo>
                      <a:lnTo>
                        <a:pt x="97" y="61"/>
                      </a:lnTo>
                      <a:lnTo>
                        <a:pt x="100" y="58"/>
                      </a:lnTo>
                      <a:lnTo>
                        <a:pt x="97" y="58"/>
                      </a:lnTo>
                      <a:lnTo>
                        <a:pt x="94" y="59"/>
                      </a:lnTo>
                      <a:lnTo>
                        <a:pt x="87" y="65"/>
                      </a:lnTo>
                      <a:lnTo>
                        <a:pt x="80" y="68"/>
                      </a:lnTo>
                      <a:lnTo>
                        <a:pt x="75" y="71"/>
                      </a:lnTo>
                      <a:lnTo>
                        <a:pt x="73" y="73"/>
                      </a:lnTo>
                      <a:lnTo>
                        <a:pt x="61" y="76"/>
                      </a:lnTo>
                      <a:lnTo>
                        <a:pt x="61" y="78"/>
                      </a:lnTo>
                      <a:lnTo>
                        <a:pt x="58" y="80"/>
                      </a:lnTo>
                      <a:lnTo>
                        <a:pt x="55" y="81"/>
                      </a:lnTo>
                      <a:lnTo>
                        <a:pt x="51" y="85"/>
                      </a:lnTo>
                      <a:lnTo>
                        <a:pt x="48" y="87"/>
                      </a:lnTo>
                      <a:lnTo>
                        <a:pt x="44" y="90"/>
                      </a:lnTo>
                      <a:lnTo>
                        <a:pt x="41" y="92"/>
                      </a:lnTo>
                      <a:lnTo>
                        <a:pt x="39" y="92"/>
                      </a:lnTo>
                      <a:lnTo>
                        <a:pt x="29" y="100"/>
                      </a:lnTo>
                      <a:lnTo>
                        <a:pt x="21" y="105"/>
                      </a:lnTo>
                      <a:lnTo>
                        <a:pt x="16" y="109"/>
                      </a:lnTo>
                      <a:lnTo>
                        <a:pt x="14" y="109"/>
                      </a:lnTo>
                      <a:lnTo>
                        <a:pt x="12" y="109"/>
                      </a:lnTo>
                      <a:lnTo>
                        <a:pt x="12" y="107"/>
                      </a:lnTo>
                      <a:lnTo>
                        <a:pt x="14" y="105"/>
                      </a:lnTo>
                      <a:lnTo>
                        <a:pt x="16" y="103"/>
                      </a:lnTo>
                      <a:lnTo>
                        <a:pt x="17" y="102"/>
                      </a:lnTo>
                      <a:lnTo>
                        <a:pt x="19" y="98"/>
                      </a:lnTo>
                      <a:lnTo>
                        <a:pt x="19" y="97"/>
                      </a:lnTo>
                      <a:lnTo>
                        <a:pt x="19" y="95"/>
                      </a:lnTo>
                      <a:lnTo>
                        <a:pt x="16" y="97"/>
                      </a:lnTo>
                      <a:lnTo>
                        <a:pt x="12" y="98"/>
                      </a:lnTo>
                      <a:lnTo>
                        <a:pt x="7" y="105"/>
                      </a:lnTo>
                      <a:close/>
                    </a:path>
                  </a:pathLst>
                </a:custGeom>
                <a:solidFill>
                  <a:srgbClr val="8B3102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67" name="Freeform 175"/>
                <p:cNvSpPr>
                  <a:spLocks/>
                </p:cNvSpPr>
                <p:nvPr/>
              </p:nvSpPr>
              <p:spPr bwMode="auto">
                <a:xfrm>
                  <a:off x="4407" y="988"/>
                  <a:ext cx="591" cy="534"/>
                </a:xfrm>
                <a:custGeom>
                  <a:avLst/>
                  <a:gdLst>
                    <a:gd name="T0" fmla="*/ 17 w 591"/>
                    <a:gd name="T1" fmla="*/ 486 h 534"/>
                    <a:gd name="T2" fmla="*/ 54 w 591"/>
                    <a:gd name="T3" fmla="*/ 478 h 534"/>
                    <a:gd name="T4" fmla="*/ 112 w 591"/>
                    <a:gd name="T5" fmla="*/ 468 h 534"/>
                    <a:gd name="T6" fmla="*/ 181 w 591"/>
                    <a:gd name="T7" fmla="*/ 454 h 534"/>
                    <a:gd name="T8" fmla="*/ 252 w 591"/>
                    <a:gd name="T9" fmla="*/ 440 h 534"/>
                    <a:gd name="T10" fmla="*/ 317 w 591"/>
                    <a:gd name="T11" fmla="*/ 427 h 534"/>
                    <a:gd name="T12" fmla="*/ 366 w 591"/>
                    <a:gd name="T13" fmla="*/ 417 h 534"/>
                    <a:gd name="T14" fmla="*/ 391 w 591"/>
                    <a:gd name="T15" fmla="*/ 412 h 534"/>
                    <a:gd name="T16" fmla="*/ 410 w 591"/>
                    <a:gd name="T17" fmla="*/ 413 h 534"/>
                    <a:gd name="T18" fmla="*/ 418 w 591"/>
                    <a:gd name="T19" fmla="*/ 425 h 534"/>
                    <a:gd name="T20" fmla="*/ 433 w 591"/>
                    <a:gd name="T21" fmla="*/ 432 h 534"/>
                    <a:gd name="T22" fmla="*/ 437 w 591"/>
                    <a:gd name="T23" fmla="*/ 442 h 534"/>
                    <a:gd name="T24" fmla="*/ 449 w 591"/>
                    <a:gd name="T25" fmla="*/ 459 h 534"/>
                    <a:gd name="T26" fmla="*/ 459 w 591"/>
                    <a:gd name="T27" fmla="*/ 468 h 534"/>
                    <a:gd name="T28" fmla="*/ 564 w 591"/>
                    <a:gd name="T29" fmla="*/ 534 h 534"/>
                    <a:gd name="T30" fmla="*/ 591 w 591"/>
                    <a:gd name="T31" fmla="*/ 468 h 534"/>
                    <a:gd name="T32" fmla="*/ 567 w 591"/>
                    <a:gd name="T33" fmla="*/ 278 h 534"/>
                    <a:gd name="T34" fmla="*/ 564 w 591"/>
                    <a:gd name="T35" fmla="*/ 263 h 534"/>
                    <a:gd name="T36" fmla="*/ 557 w 591"/>
                    <a:gd name="T37" fmla="*/ 232 h 534"/>
                    <a:gd name="T38" fmla="*/ 552 w 591"/>
                    <a:gd name="T39" fmla="*/ 202 h 534"/>
                    <a:gd name="T40" fmla="*/ 547 w 591"/>
                    <a:gd name="T41" fmla="*/ 185 h 534"/>
                    <a:gd name="T42" fmla="*/ 537 w 591"/>
                    <a:gd name="T43" fmla="*/ 170 h 534"/>
                    <a:gd name="T44" fmla="*/ 532 w 591"/>
                    <a:gd name="T45" fmla="*/ 176 h 534"/>
                    <a:gd name="T46" fmla="*/ 510 w 591"/>
                    <a:gd name="T47" fmla="*/ 73 h 534"/>
                    <a:gd name="T48" fmla="*/ 484 w 591"/>
                    <a:gd name="T49" fmla="*/ 4 h 534"/>
                    <a:gd name="T50" fmla="*/ 452 w 591"/>
                    <a:gd name="T51" fmla="*/ 12 h 534"/>
                    <a:gd name="T52" fmla="*/ 413 w 591"/>
                    <a:gd name="T53" fmla="*/ 21 h 534"/>
                    <a:gd name="T54" fmla="*/ 389 w 591"/>
                    <a:gd name="T55" fmla="*/ 28 h 534"/>
                    <a:gd name="T56" fmla="*/ 364 w 591"/>
                    <a:gd name="T57" fmla="*/ 38 h 534"/>
                    <a:gd name="T58" fmla="*/ 335 w 591"/>
                    <a:gd name="T59" fmla="*/ 66 h 534"/>
                    <a:gd name="T60" fmla="*/ 313 w 591"/>
                    <a:gd name="T61" fmla="*/ 99 h 534"/>
                    <a:gd name="T62" fmla="*/ 305 w 591"/>
                    <a:gd name="T63" fmla="*/ 117 h 534"/>
                    <a:gd name="T64" fmla="*/ 261 w 591"/>
                    <a:gd name="T65" fmla="*/ 173 h 534"/>
                    <a:gd name="T66" fmla="*/ 278 w 591"/>
                    <a:gd name="T67" fmla="*/ 198 h 534"/>
                    <a:gd name="T68" fmla="*/ 278 w 591"/>
                    <a:gd name="T69" fmla="*/ 209 h 534"/>
                    <a:gd name="T70" fmla="*/ 285 w 591"/>
                    <a:gd name="T71" fmla="*/ 231 h 534"/>
                    <a:gd name="T72" fmla="*/ 276 w 591"/>
                    <a:gd name="T73" fmla="*/ 241 h 534"/>
                    <a:gd name="T74" fmla="*/ 252 w 591"/>
                    <a:gd name="T75" fmla="*/ 263 h 534"/>
                    <a:gd name="T76" fmla="*/ 244 w 591"/>
                    <a:gd name="T77" fmla="*/ 275 h 534"/>
                    <a:gd name="T78" fmla="*/ 230 w 591"/>
                    <a:gd name="T79" fmla="*/ 283 h 534"/>
                    <a:gd name="T80" fmla="*/ 215 w 591"/>
                    <a:gd name="T81" fmla="*/ 285 h 534"/>
                    <a:gd name="T82" fmla="*/ 191 w 591"/>
                    <a:gd name="T83" fmla="*/ 292 h 534"/>
                    <a:gd name="T84" fmla="*/ 181 w 591"/>
                    <a:gd name="T85" fmla="*/ 298 h 534"/>
                    <a:gd name="T86" fmla="*/ 158 w 591"/>
                    <a:gd name="T87" fmla="*/ 293 h 534"/>
                    <a:gd name="T88" fmla="*/ 109 w 591"/>
                    <a:gd name="T89" fmla="*/ 297 h 534"/>
                    <a:gd name="T90" fmla="*/ 70 w 591"/>
                    <a:gd name="T91" fmla="*/ 307 h 534"/>
                    <a:gd name="T92" fmla="*/ 51 w 591"/>
                    <a:gd name="T93" fmla="*/ 319 h 534"/>
                    <a:gd name="T94" fmla="*/ 44 w 591"/>
                    <a:gd name="T95" fmla="*/ 327 h 534"/>
                    <a:gd name="T96" fmla="*/ 49 w 591"/>
                    <a:gd name="T97" fmla="*/ 342 h 534"/>
                    <a:gd name="T98" fmla="*/ 59 w 591"/>
                    <a:gd name="T99" fmla="*/ 354 h 534"/>
                    <a:gd name="T100" fmla="*/ 66 w 591"/>
                    <a:gd name="T101" fmla="*/ 363 h 534"/>
                    <a:gd name="T102" fmla="*/ 66 w 591"/>
                    <a:gd name="T103" fmla="*/ 380 h 534"/>
                    <a:gd name="T104" fmla="*/ 59 w 591"/>
                    <a:gd name="T105" fmla="*/ 388 h 534"/>
                    <a:gd name="T106" fmla="*/ 31 w 591"/>
                    <a:gd name="T107" fmla="*/ 427 h 534"/>
                    <a:gd name="T108" fmla="*/ 31 w 591"/>
                    <a:gd name="T109" fmla="*/ 425 h 534"/>
                    <a:gd name="T110" fmla="*/ 9 w 591"/>
                    <a:gd name="T111" fmla="*/ 451 h 534"/>
                    <a:gd name="T112" fmla="*/ 0 w 591"/>
                    <a:gd name="T113" fmla="*/ 456 h 534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w 591"/>
                    <a:gd name="T172" fmla="*/ 0 h 534"/>
                    <a:gd name="T173" fmla="*/ 591 w 591"/>
                    <a:gd name="T174" fmla="*/ 534 h 534"/>
                  </a:gdLst>
                  <a:ahLst/>
                  <a:cxnLst>
                    <a:cxn ang="T114">
                      <a:pos x="T0" y="T1"/>
                    </a:cxn>
                    <a:cxn ang="T115">
                      <a:pos x="T2" y="T3"/>
                    </a:cxn>
                    <a:cxn ang="T116">
                      <a:pos x="T4" y="T5"/>
                    </a:cxn>
                    <a:cxn ang="T117">
                      <a:pos x="T6" y="T7"/>
                    </a:cxn>
                    <a:cxn ang="T118">
                      <a:pos x="T8" y="T9"/>
                    </a:cxn>
                    <a:cxn ang="T119">
                      <a:pos x="T10" y="T11"/>
                    </a:cxn>
                    <a:cxn ang="T120">
                      <a:pos x="T12" y="T13"/>
                    </a:cxn>
                    <a:cxn ang="T121">
                      <a:pos x="T14" y="T15"/>
                    </a:cxn>
                    <a:cxn ang="T122">
                      <a:pos x="T16" y="T17"/>
                    </a:cxn>
                    <a:cxn ang="T123">
                      <a:pos x="T18" y="T19"/>
                    </a:cxn>
                    <a:cxn ang="T124">
                      <a:pos x="T20" y="T21"/>
                    </a:cxn>
                    <a:cxn ang="T125">
                      <a:pos x="T22" y="T23"/>
                    </a:cxn>
                    <a:cxn ang="T126">
                      <a:pos x="T24" y="T25"/>
                    </a:cxn>
                    <a:cxn ang="T127">
                      <a:pos x="T26" y="T27"/>
                    </a:cxn>
                    <a:cxn ang="T128">
                      <a:pos x="T28" y="T29"/>
                    </a:cxn>
                    <a:cxn ang="T129">
                      <a:pos x="T30" y="T31"/>
                    </a:cxn>
                    <a:cxn ang="T130">
                      <a:pos x="T32" y="T33"/>
                    </a:cxn>
                    <a:cxn ang="T131">
                      <a:pos x="T34" y="T35"/>
                    </a:cxn>
                    <a:cxn ang="T132">
                      <a:pos x="T36" y="T37"/>
                    </a:cxn>
                    <a:cxn ang="T133">
                      <a:pos x="T38" y="T39"/>
                    </a:cxn>
                    <a:cxn ang="T134">
                      <a:pos x="T40" y="T41"/>
                    </a:cxn>
                    <a:cxn ang="T135">
                      <a:pos x="T42" y="T43"/>
                    </a:cxn>
                    <a:cxn ang="T136">
                      <a:pos x="T44" y="T45"/>
                    </a:cxn>
                    <a:cxn ang="T137">
                      <a:pos x="T46" y="T47"/>
                    </a:cxn>
                    <a:cxn ang="T138">
                      <a:pos x="T48" y="T49"/>
                    </a:cxn>
                    <a:cxn ang="T139">
                      <a:pos x="T50" y="T51"/>
                    </a:cxn>
                    <a:cxn ang="T140">
                      <a:pos x="T52" y="T53"/>
                    </a:cxn>
                    <a:cxn ang="T141">
                      <a:pos x="T54" y="T55"/>
                    </a:cxn>
                    <a:cxn ang="T142">
                      <a:pos x="T56" y="T57"/>
                    </a:cxn>
                    <a:cxn ang="T143">
                      <a:pos x="T58" y="T59"/>
                    </a:cxn>
                    <a:cxn ang="T144">
                      <a:pos x="T60" y="T61"/>
                    </a:cxn>
                    <a:cxn ang="T145">
                      <a:pos x="T62" y="T63"/>
                    </a:cxn>
                    <a:cxn ang="T146">
                      <a:pos x="T64" y="T65"/>
                    </a:cxn>
                    <a:cxn ang="T147">
                      <a:pos x="T66" y="T67"/>
                    </a:cxn>
                    <a:cxn ang="T148">
                      <a:pos x="T68" y="T69"/>
                    </a:cxn>
                    <a:cxn ang="T149">
                      <a:pos x="T70" y="T71"/>
                    </a:cxn>
                    <a:cxn ang="T150">
                      <a:pos x="T72" y="T73"/>
                    </a:cxn>
                    <a:cxn ang="T151">
                      <a:pos x="T74" y="T75"/>
                    </a:cxn>
                    <a:cxn ang="T152">
                      <a:pos x="T76" y="T77"/>
                    </a:cxn>
                    <a:cxn ang="T153">
                      <a:pos x="T78" y="T79"/>
                    </a:cxn>
                    <a:cxn ang="T154">
                      <a:pos x="T80" y="T81"/>
                    </a:cxn>
                    <a:cxn ang="T155">
                      <a:pos x="T82" y="T83"/>
                    </a:cxn>
                    <a:cxn ang="T156">
                      <a:pos x="T84" y="T85"/>
                    </a:cxn>
                    <a:cxn ang="T157">
                      <a:pos x="T86" y="T87"/>
                    </a:cxn>
                    <a:cxn ang="T158">
                      <a:pos x="T88" y="T89"/>
                    </a:cxn>
                    <a:cxn ang="T159">
                      <a:pos x="T90" y="T91"/>
                    </a:cxn>
                    <a:cxn ang="T160">
                      <a:pos x="T92" y="T93"/>
                    </a:cxn>
                    <a:cxn ang="T161">
                      <a:pos x="T94" y="T95"/>
                    </a:cxn>
                    <a:cxn ang="T162">
                      <a:pos x="T96" y="T97"/>
                    </a:cxn>
                    <a:cxn ang="T163">
                      <a:pos x="T98" y="T99"/>
                    </a:cxn>
                    <a:cxn ang="T164">
                      <a:pos x="T100" y="T101"/>
                    </a:cxn>
                    <a:cxn ang="T165">
                      <a:pos x="T102" y="T103"/>
                    </a:cxn>
                    <a:cxn ang="T166">
                      <a:pos x="T104" y="T105"/>
                    </a:cxn>
                    <a:cxn ang="T167">
                      <a:pos x="T106" y="T107"/>
                    </a:cxn>
                    <a:cxn ang="T168">
                      <a:pos x="T108" y="T109"/>
                    </a:cxn>
                    <a:cxn ang="T169">
                      <a:pos x="T110" y="T111"/>
                    </a:cxn>
                    <a:cxn ang="T170">
                      <a:pos x="T112" y="T113"/>
                    </a:cxn>
                  </a:cxnLst>
                  <a:rect l="T171" t="T172" r="T173" b="T174"/>
                  <a:pathLst>
                    <a:path w="591" h="534">
                      <a:moveTo>
                        <a:pt x="9" y="488"/>
                      </a:moveTo>
                      <a:lnTo>
                        <a:pt x="9" y="486"/>
                      </a:lnTo>
                      <a:lnTo>
                        <a:pt x="12" y="486"/>
                      </a:lnTo>
                      <a:lnTo>
                        <a:pt x="17" y="486"/>
                      </a:lnTo>
                      <a:lnTo>
                        <a:pt x="24" y="484"/>
                      </a:lnTo>
                      <a:lnTo>
                        <a:pt x="32" y="483"/>
                      </a:lnTo>
                      <a:lnTo>
                        <a:pt x="43" y="481"/>
                      </a:lnTo>
                      <a:lnTo>
                        <a:pt x="54" y="478"/>
                      </a:lnTo>
                      <a:lnTo>
                        <a:pt x="68" y="476"/>
                      </a:lnTo>
                      <a:lnTo>
                        <a:pt x="81" y="473"/>
                      </a:lnTo>
                      <a:lnTo>
                        <a:pt x="97" y="471"/>
                      </a:lnTo>
                      <a:lnTo>
                        <a:pt x="112" y="468"/>
                      </a:lnTo>
                      <a:lnTo>
                        <a:pt x="129" y="464"/>
                      </a:lnTo>
                      <a:lnTo>
                        <a:pt x="146" y="461"/>
                      </a:lnTo>
                      <a:lnTo>
                        <a:pt x="164" y="457"/>
                      </a:lnTo>
                      <a:lnTo>
                        <a:pt x="181" y="454"/>
                      </a:lnTo>
                      <a:lnTo>
                        <a:pt x="200" y="451"/>
                      </a:lnTo>
                      <a:lnTo>
                        <a:pt x="217" y="447"/>
                      </a:lnTo>
                      <a:lnTo>
                        <a:pt x="235" y="444"/>
                      </a:lnTo>
                      <a:lnTo>
                        <a:pt x="252" y="440"/>
                      </a:lnTo>
                      <a:lnTo>
                        <a:pt x="269" y="437"/>
                      </a:lnTo>
                      <a:lnTo>
                        <a:pt x="286" y="434"/>
                      </a:lnTo>
                      <a:lnTo>
                        <a:pt x="301" y="430"/>
                      </a:lnTo>
                      <a:lnTo>
                        <a:pt x="317" y="427"/>
                      </a:lnTo>
                      <a:lnTo>
                        <a:pt x="332" y="424"/>
                      </a:lnTo>
                      <a:lnTo>
                        <a:pt x="344" y="422"/>
                      </a:lnTo>
                      <a:lnTo>
                        <a:pt x="356" y="420"/>
                      </a:lnTo>
                      <a:lnTo>
                        <a:pt x="366" y="417"/>
                      </a:lnTo>
                      <a:lnTo>
                        <a:pt x="376" y="415"/>
                      </a:lnTo>
                      <a:lnTo>
                        <a:pt x="383" y="415"/>
                      </a:lnTo>
                      <a:lnTo>
                        <a:pt x="388" y="413"/>
                      </a:lnTo>
                      <a:lnTo>
                        <a:pt x="391" y="412"/>
                      </a:lnTo>
                      <a:lnTo>
                        <a:pt x="393" y="412"/>
                      </a:lnTo>
                      <a:lnTo>
                        <a:pt x="400" y="412"/>
                      </a:lnTo>
                      <a:lnTo>
                        <a:pt x="405" y="412"/>
                      </a:lnTo>
                      <a:lnTo>
                        <a:pt x="410" y="413"/>
                      </a:lnTo>
                      <a:lnTo>
                        <a:pt x="413" y="417"/>
                      </a:lnTo>
                      <a:lnTo>
                        <a:pt x="415" y="420"/>
                      </a:lnTo>
                      <a:lnTo>
                        <a:pt x="417" y="424"/>
                      </a:lnTo>
                      <a:lnTo>
                        <a:pt x="418" y="425"/>
                      </a:lnTo>
                      <a:lnTo>
                        <a:pt x="420" y="427"/>
                      </a:lnTo>
                      <a:lnTo>
                        <a:pt x="427" y="427"/>
                      </a:lnTo>
                      <a:lnTo>
                        <a:pt x="430" y="429"/>
                      </a:lnTo>
                      <a:lnTo>
                        <a:pt x="433" y="432"/>
                      </a:lnTo>
                      <a:lnTo>
                        <a:pt x="435" y="434"/>
                      </a:lnTo>
                      <a:lnTo>
                        <a:pt x="437" y="437"/>
                      </a:lnTo>
                      <a:lnTo>
                        <a:pt x="437" y="440"/>
                      </a:lnTo>
                      <a:lnTo>
                        <a:pt x="437" y="442"/>
                      </a:lnTo>
                      <a:lnTo>
                        <a:pt x="439" y="444"/>
                      </a:lnTo>
                      <a:lnTo>
                        <a:pt x="442" y="451"/>
                      </a:lnTo>
                      <a:lnTo>
                        <a:pt x="445" y="456"/>
                      </a:lnTo>
                      <a:lnTo>
                        <a:pt x="449" y="459"/>
                      </a:lnTo>
                      <a:lnTo>
                        <a:pt x="452" y="462"/>
                      </a:lnTo>
                      <a:lnTo>
                        <a:pt x="454" y="466"/>
                      </a:lnTo>
                      <a:lnTo>
                        <a:pt x="457" y="468"/>
                      </a:lnTo>
                      <a:lnTo>
                        <a:pt x="459" y="468"/>
                      </a:lnTo>
                      <a:lnTo>
                        <a:pt x="477" y="474"/>
                      </a:lnTo>
                      <a:lnTo>
                        <a:pt x="562" y="501"/>
                      </a:lnTo>
                      <a:lnTo>
                        <a:pt x="564" y="534"/>
                      </a:lnTo>
                      <a:lnTo>
                        <a:pt x="574" y="520"/>
                      </a:lnTo>
                      <a:lnTo>
                        <a:pt x="584" y="496"/>
                      </a:lnTo>
                      <a:lnTo>
                        <a:pt x="577" y="484"/>
                      </a:lnTo>
                      <a:lnTo>
                        <a:pt x="591" y="468"/>
                      </a:lnTo>
                      <a:lnTo>
                        <a:pt x="584" y="459"/>
                      </a:lnTo>
                      <a:lnTo>
                        <a:pt x="571" y="364"/>
                      </a:lnTo>
                      <a:lnTo>
                        <a:pt x="565" y="364"/>
                      </a:lnTo>
                      <a:lnTo>
                        <a:pt x="567" y="278"/>
                      </a:lnTo>
                      <a:lnTo>
                        <a:pt x="567" y="276"/>
                      </a:lnTo>
                      <a:lnTo>
                        <a:pt x="567" y="275"/>
                      </a:lnTo>
                      <a:lnTo>
                        <a:pt x="565" y="270"/>
                      </a:lnTo>
                      <a:lnTo>
                        <a:pt x="564" y="263"/>
                      </a:lnTo>
                      <a:lnTo>
                        <a:pt x="562" y="256"/>
                      </a:lnTo>
                      <a:lnTo>
                        <a:pt x="562" y="249"/>
                      </a:lnTo>
                      <a:lnTo>
                        <a:pt x="560" y="241"/>
                      </a:lnTo>
                      <a:lnTo>
                        <a:pt x="557" y="232"/>
                      </a:lnTo>
                      <a:lnTo>
                        <a:pt x="555" y="224"/>
                      </a:lnTo>
                      <a:lnTo>
                        <a:pt x="554" y="215"/>
                      </a:lnTo>
                      <a:lnTo>
                        <a:pt x="552" y="209"/>
                      </a:lnTo>
                      <a:lnTo>
                        <a:pt x="552" y="202"/>
                      </a:lnTo>
                      <a:lnTo>
                        <a:pt x="550" y="195"/>
                      </a:lnTo>
                      <a:lnTo>
                        <a:pt x="549" y="190"/>
                      </a:lnTo>
                      <a:lnTo>
                        <a:pt x="549" y="187"/>
                      </a:lnTo>
                      <a:lnTo>
                        <a:pt x="547" y="185"/>
                      </a:lnTo>
                      <a:lnTo>
                        <a:pt x="543" y="176"/>
                      </a:lnTo>
                      <a:lnTo>
                        <a:pt x="540" y="171"/>
                      </a:lnTo>
                      <a:lnTo>
                        <a:pt x="538" y="170"/>
                      </a:lnTo>
                      <a:lnTo>
                        <a:pt x="537" y="170"/>
                      </a:lnTo>
                      <a:lnTo>
                        <a:pt x="535" y="171"/>
                      </a:lnTo>
                      <a:lnTo>
                        <a:pt x="533" y="175"/>
                      </a:lnTo>
                      <a:lnTo>
                        <a:pt x="532" y="176"/>
                      </a:lnTo>
                      <a:lnTo>
                        <a:pt x="528" y="173"/>
                      </a:lnTo>
                      <a:lnTo>
                        <a:pt x="520" y="124"/>
                      </a:lnTo>
                      <a:lnTo>
                        <a:pt x="516" y="88"/>
                      </a:lnTo>
                      <a:lnTo>
                        <a:pt x="510" y="73"/>
                      </a:lnTo>
                      <a:lnTo>
                        <a:pt x="494" y="0"/>
                      </a:lnTo>
                      <a:lnTo>
                        <a:pt x="493" y="2"/>
                      </a:lnTo>
                      <a:lnTo>
                        <a:pt x="489" y="2"/>
                      </a:lnTo>
                      <a:lnTo>
                        <a:pt x="484" y="4"/>
                      </a:lnTo>
                      <a:lnTo>
                        <a:pt x="477" y="6"/>
                      </a:lnTo>
                      <a:lnTo>
                        <a:pt x="471" y="7"/>
                      </a:lnTo>
                      <a:lnTo>
                        <a:pt x="461" y="9"/>
                      </a:lnTo>
                      <a:lnTo>
                        <a:pt x="452" y="12"/>
                      </a:lnTo>
                      <a:lnTo>
                        <a:pt x="442" y="14"/>
                      </a:lnTo>
                      <a:lnTo>
                        <a:pt x="432" y="17"/>
                      </a:lnTo>
                      <a:lnTo>
                        <a:pt x="423" y="19"/>
                      </a:lnTo>
                      <a:lnTo>
                        <a:pt x="413" y="21"/>
                      </a:lnTo>
                      <a:lnTo>
                        <a:pt x="406" y="22"/>
                      </a:lnTo>
                      <a:lnTo>
                        <a:pt x="400" y="26"/>
                      </a:lnTo>
                      <a:lnTo>
                        <a:pt x="393" y="26"/>
                      </a:lnTo>
                      <a:lnTo>
                        <a:pt x="389" y="28"/>
                      </a:lnTo>
                      <a:lnTo>
                        <a:pt x="388" y="28"/>
                      </a:lnTo>
                      <a:lnTo>
                        <a:pt x="379" y="29"/>
                      </a:lnTo>
                      <a:lnTo>
                        <a:pt x="371" y="33"/>
                      </a:lnTo>
                      <a:lnTo>
                        <a:pt x="364" y="38"/>
                      </a:lnTo>
                      <a:lnTo>
                        <a:pt x="356" y="43"/>
                      </a:lnTo>
                      <a:lnTo>
                        <a:pt x="349" y="50"/>
                      </a:lnTo>
                      <a:lnTo>
                        <a:pt x="342" y="58"/>
                      </a:lnTo>
                      <a:lnTo>
                        <a:pt x="335" y="66"/>
                      </a:lnTo>
                      <a:lnTo>
                        <a:pt x="329" y="75"/>
                      </a:lnTo>
                      <a:lnTo>
                        <a:pt x="323" y="83"/>
                      </a:lnTo>
                      <a:lnTo>
                        <a:pt x="318" y="90"/>
                      </a:lnTo>
                      <a:lnTo>
                        <a:pt x="313" y="99"/>
                      </a:lnTo>
                      <a:lnTo>
                        <a:pt x="310" y="105"/>
                      </a:lnTo>
                      <a:lnTo>
                        <a:pt x="308" y="110"/>
                      </a:lnTo>
                      <a:lnTo>
                        <a:pt x="305" y="116"/>
                      </a:lnTo>
                      <a:lnTo>
                        <a:pt x="305" y="117"/>
                      </a:lnTo>
                      <a:lnTo>
                        <a:pt x="303" y="119"/>
                      </a:lnTo>
                      <a:lnTo>
                        <a:pt x="288" y="139"/>
                      </a:lnTo>
                      <a:lnTo>
                        <a:pt x="290" y="139"/>
                      </a:lnTo>
                      <a:lnTo>
                        <a:pt x="261" y="173"/>
                      </a:lnTo>
                      <a:lnTo>
                        <a:pt x="274" y="173"/>
                      </a:lnTo>
                      <a:lnTo>
                        <a:pt x="285" y="182"/>
                      </a:lnTo>
                      <a:lnTo>
                        <a:pt x="279" y="197"/>
                      </a:lnTo>
                      <a:lnTo>
                        <a:pt x="278" y="198"/>
                      </a:lnTo>
                      <a:lnTo>
                        <a:pt x="274" y="200"/>
                      </a:lnTo>
                      <a:lnTo>
                        <a:pt x="271" y="202"/>
                      </a:lnTo>
                      <a:lnTo>
                        <a:pt x="271" y="204"/>
                      </a:lnTo>
                      <a:lnTo>
                        <a:pt x="278" y="209"/>
                      </a:lnTo>
                      <a:lnTo>
                        <a:pt x="281" y="214"/>
                      </a:lnTo>
                      <a:lnTo>
                        <a:pt x="285" y="219"/>
                      </a:lnTo>
                      <a:lnTo>
                        <a:pt x="285" y="226"/>
                      </a:lnTo>
                      <a:lnTo>
                        <a:pt x="285" y="231"/>
                      </a:lnTo>
                      <a:lnTo>
                        <a:pt x="285" y="236"/>
                      </a:lnTo>
                      <a:lnTo>
                        <a:pt x="285" y="239"/>
                      </a:lnTo>
                      <a:lnTo>
                        <a:pt x="276" y="241"/>
                      </a:lnTo>
                      <a:lnTo>
                        <a:pt x="269" y="244"/>
                      </a:lnTo>
                      <a:lnTo>
                        <a:pt x="263" y="251"/>
                      </a:lnTo>
                      <a:lnTo>
                        <a:pt x="257" y="256"/>
                      </a:lnTo>
                      <a:lnTo>
                        <a:pt x="252" y="263"/>
                      </a:lnTo>
                      <a:lnTo>
                        <a:pt x="249" y="268"/>
                      </a:lnTo>
                      <a:lnTo>
                        <a:pt x="246" y="271"/>
                      </a:lnTo>
                      <a:lnTo>
                        <a:pt x="246" y="273"/>
                      </a:lnTo>
                      <a:lnTo>
                        <a:pt x="244" y="275"/>
                      </a:lnTo>
                      <a:lnTo>
                        <a:pt x="242" y="276"/>
                      </a:lnTo>
                      <a:lnTo>
                        <a:pt x="239" y="278"/>
                      </a:lnTo>
                      <a:lnTo>
                        <a:pt x="235" y="281"/>
                      </a:lnTo>
                      <a:lnTo>
                        <a:pt x="230" y="283"/>
                      </a:lnTo>
                      <a:lnTo>
                        <a:pt x="227" y="286"/>
                      </a:lnTo>
                      <a:lnTo>
                        <a:pt x="224" y="288"/>
                      </a:lnTo>
                      <a:lnTo>
                        <a:pt x="222" y="288"/>
                      </a:lnTo>
                      <a:lnTo>
                        <a:pt x="215" y="285"/>
                      </a:lnTo>
                      <a:lnTo>
                        <a:pt x="208" y="285"/>
                      </a:lnTo>
                      <a:lnTo>
                        <a:pt x="202" y="286"/>
                      </a:lnTo>
                      <a:lnTo>
                        <a:pt x="197" y="288"/>
                      </a:lnTo>
                      <a:lnTo>
                        <a:pt x="191" y="292"/>
                      </a:lnTo>
                      <a:lnTo>
                        <a:pt x="186" y="293"/>
                      </a:lnTo>
                      <a:lnTo>
                        <a:pt x="183" y="295"/>
                      </a:lnTo>
                      <a:lnTo>
                        <a:pt x="183" y="297"/>
                      </a:lnTo>
                      <a:lnTo>
                        <a:pt x="181" y="298"/>
                      </a:lnTo>
                      <a:lnTo>
                        <a:pt x="163" y="297"/>
                      </a:lnTo>
                      <a:lnTo>
                        <a:pt x="161" y="295"/>
                      </a:lnTo>
                      <a:lnTo>
                        <a:pt x="158" y="293"/>
                      </a:lnTo>
                      <a:lnTo>
                        <a:pt x="156" y="293"/>
                      </a:lnTo>
                      <a:lnTo>
                        <a:pt x="139" y="293"/>
                      </a:lnTo>
                      <a:lnTo>
                        <a:pt x="122" y="295"/>
                      </a:lnTo>
                      <a:lnTo>
                        <a:pt x="109" y="297"/>
                      </a:lnTo>
                      <a:lnTo>
                        <a:pt x="97" y="298"/>
                      </a:lnTo>
                      <a:lnTo>
                        <a:pt x="87" y="300"/>
                      </a:lnTo>
                      <a:lnTo>
                        <a:pt x="76" y="303"/>
                      </a:lnTo>
                      <a:lnTo>
                        <a:pt x="70" y="307"/>
                      </a:lnTo>
                      <a:lnTo>
                        <a:pt x="63" y="310"/>
                      </a:lnTo>
                      <a:lnTo>
                        <a:pt x="58" y="312"/>
                      </a:lnTo>
                      <a:lnTo>
                        <a:pt x="54" y="315"/>
                      </a:lnTo>
                      <a:lnTo>
                        <a:pt x="51" y="319"/>
                      </a:lnTo>
                      <a:lnTo>
                        <a:pt x="48" y="320"/>
                      </a:lnTo>
                      <a:lnTo>
                        <a:pt x="48" y="324"/>
                      </a:lnTo>
                      <a:lnTo>
                        <a:pt x="46" y="325"/>
                      </a:lnTo>
                      <a:lnTo>
                        <a:pt x="44" y="327"/>
                      </a:lnTo>
                      <a:lnTo>
                        <a:pt x="46" y="332"/>
                      </a:lnTo>
                      <a:lnTo>
                        <a:pt x="48" y="337"/>
                      </a:lnTo>
                      <a:lnTo>
                        <a:pt x="49" y="342"/>
                      </a:lnTo>
                      <a:lnTo>
                        <a:pt x="53" y="347"/>
                      </a:lnTo>
                      <a:lnTo>
                        <a:pt x="54" y="351"/>
                      </a:lnTo>
                      <a:lnTo>
                        <a:pt x="58" y="354"/>
                      </a:lnTo>
                      <a:lnTo>
                        <a:pt x="59" y="354"/>
                      </a:lnTo>
                      <a:lnTo>
                        <a:pt x="59" y="356"/>
                      </a:lnTo>
                      <a:lnTo>
                        <a:pt x="61" y="358"/>
                      </a:lnTo>
                      <a:lnTo>
                        <a:pt x="65" y="359"/>
                      </a:lnTo>
                      <a:lnTo>
                        <a:pt x="66" y="363"/>
                      </a:lnTo>
                      <a:lnTo>
                        <a:pt x="68" y="364"/>
                      </a:lnTo>
                      <a:lnTo>
                        <a:pt x="68" y="371"/>
                      </a:lnTo>
                      <a:lnTo>
                        <a:pt x="66" y="376"/>
                      </a:lnTo>
                      <a:lnTo>
                        <a:pt x="66" y="380"/>
                      </a:lnTo>
                      <a:lnTo>
                        <a:pt x="65" y="383"/>
                      </a:lnTo>
                      <a:lnTo>
                        <a:pt x="63" y="385"/>
                      </a:lnTo>
                      <a:lnTo>
                        <a:pt x="61" y="386"/>
                      </a:lnTo>
                      <a:lnTo>
                        <a:pt x="59" y="388"/>
                      </a:lnTo>
                      <a:lnTo>
                        <a:pt x="54" y="395"/>
                      </a:lnTo>
                      <a:lnTo>
                        <a:pt x="46" y="412"/>
                      </a:lnTo>
                      <a:lnTo>
                        <a:pt x="31" y="427"/>
                      </a:lnTo>
                      <a:lnTo>
                        <a:pt x="32" y="425"/>
                      </a:lnTo>
                      <a:lnTo>
                        <a:pt x="31" y="425"/>
                      </a:lnTo>
                      <a:lnTo>
                        <a:pt x="24" y="435"/>
                      </a:lnTo>
                      <a:lnTo>
                        <a:pt x="17" y="442"/>
                      </a:lnTo>
                      <a:lnTo>
                        <a:pt x="12" y="447"/>
                      </a:lnTo>
                      <a:lnTo>
                        <a:pt x="9" y="451"/>
                      </a:lnTo>
                      <a:lnTo>
                        <a:pt x="5" y="452"/>
                      </a:lnTo>
                      <a:lnTo>
                        <a:pt x="2" y="454"/>
                      </a:lnTo>
                      <a:lnTo>
                        <a:pt x="0" y="456"/>
                      </a:lnTo>
                      <a:lnTo>
                        <a:pt x="9" y="488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250" name="Freeform 176"/>
              <p:cNvSpPr>
                <a:spLocks/>
              </p:cNvSpPr>
              <p:nvPr/>
            </p:nvSpPr>
            <p:spPr bwMode="auto">
              <a:xfrm>
                <a:off x="4773" y="1315"/>
                <a:ext cx="156" cy="330"/>
              </a:xfrm>
              <a:custGeom>
                <a:avLst/>
                <a:gdLst>
                  <a:gd name="T0" fmla="*/ 88 w 160"/>
                  <a:gd name="T1" fmla="*/ 205 h 340"/>
                  <a:gd name="T2" fmla="*/ 90 w 160"/>
                  <a:gd name="T3" fmla="*/ 201 h 340"/>
                  <a:gd name="T4" fmla="*/ 99 w 160"/>
                  <a:gd name="T5" fmla="*/ 190 h 340"/>
                  <a:gd name="T6" fmla="*/ 108 w 160"/>
                  <a:gd name="T7" fmla="*/ 189 h 340"/>
                  <a:gd name="T8" fmla="*/ 109 w 160"/>
                  <a:gd name="T9" fmla="*/ 186 h 340"/>
                  <a:gd name="T10" fmla="*/ 110 w 160"/>
                  <a:gd name="T11" fmla="*/ 178 h 340"/>
                  <a:gd name="T12" fmla="*/ 113 w 160"/>
                  <a:gd name="T13" fmla="*/ 174 h 340"/>
                  <a:gd name="T14" fmla="*/ 109 w 160"/>
                  <a:gd name="T15" fmla="*/ 171 h 340"/>
                  <a:gd name="T16" fmla="*/ 104 w 160"/>
                  <a:gd name="T17" fmla="*/ 168 h 340"/>
                  <a:gd name="T18" fmla="*/ 100 w 160"/>
                  <a:gd name="T19" fmla="*/ 157 h 340"/>
                  <a:gd name="T20" fmla="*/ 96 w 160"/>
                  <a:gd name="T21" fmla="*/ 153 h 340"/>
                  <a:gd name="T22" fmla="*/ 89 w 160"/>
                  <a:gd name="T23" fmla="*/ 147 h 340"/>
                  <a:gd name="T24" fmla="*/ 33 w 160"/>
                  <a:gd name="T25" fmla="*/ 0 h 340"/>
                  <a:gd name="T26" fmla="*/ 20 w 160"/>
                  <a:gd name="T27" fmla="*/ 8 h 340"/>
                  <a:gd name="T28" fmla="*/ 20 w 160"/>
                  <a:gd name="T29" fmla="*/ 13 h 340"/>
                  <a:gd name="T30" fmla="*/ 20 w 160"/>
                  <a:gd name="T31" fmla="*/ 17 h 340"/>
                  <a:gd name="T32" fmla="*/ 20 w 160"/>
                  <a:gd name="T33" fmla="*/ 25 h 340"/>
                  <a:gd name="T34" fmla="*/ 20 w 160"/>
                  <a:gd name="T35" fmla="*/ 35 h 340"/>
                  <a:gd name="T36" fmla="*/ 20 w 160"/>
                  <a:gd name="T37" fmla="*/ 39 h 340"/>
                  <a:gd name="T38" fmla="*/ 20 w 160"/>
                  <a:gd name="T39" fmla="*/ 45 h 340"/>
                  <a:gd name="T40" fmla="*/ 20 w 160"/>
                  <a:gd name="T41" fmla="*/ 48 h 340"/>
                  <a:gd name="T42" fmla="*/ 20 w 160"/>
                  <a:gd name="T43" fmla="*/ 55 h 340"/>
                  <a:gd name="T44" fmla="*/ 25 w 160"/>
                  <a:gd name="T45" fmla="*/ 62 h 340"/>
                  <a:gd name="T46" fmla="*/ 25 w 160"/>
                  <a:gd name="T47" fmla="*/ 71 h 340"/>
                  <a:gd name="T48" fmla="*/ 20 w 160"/>
                  <a:gd name="T49" fmla="*/ 81 h 340"/>
                  <a:gd name="T50" fmla="*/ 17 w 160"/>
                  <a:gd name="T51" fmla="*/ 88 h 340"/>
                  <a:gd name="T52" fmla="*/ 17 w 160"/>
                  <a:gd name="T53" fmla="*/ 86 h 340"/>
                  <a:gd name="T54" fmla="*/ 10 w 160"/>
                  <a:gd name="T55" fmla="*/ 92 h 340"/>
                  <a:gd name="T56" fmla="*/ 11 w 160"/>
                  <a:gd name="T57" fmla="*/ 101 h 340"/>
                  <a:gd name="T58" fmla="*/ 11 w 160"/>
                  <a:gd name="T59" fmla="*/ 110 h 340"/>
                  <a:gd name="T60" fmla="*/ 11 w 160"/>
                  <a:gd name="T61" fmla="*/ 123 h 340"/>
                  <a:gd name="T62" fmla="*/ 8 w 160"/>
                  <a:gd name="T63" fmla="*/ 134 h 340"/>
                  <a:gd name="T64" fmla="*/ 6 w 160"/>
                  <a:gd name="T65" fmla="*/ 142 h 340"/>
                  <a:gd name="T66" fmla="*/ 5 w 160"/>
                  <a:gd name="T67" fmla="*/ 147 h 340"/>
                  <a:gd name="T68" fmla="*/ 1 w 160"/>
                  <a:gd name="T69" fmla="*/ 153 h 340"/>
                  <a:gd name="T70" fmla="*/ 0 w 160"/>
                  <a:gd name="T71" fmla="*/ 168 h 340"/>
                  <a:gd name="T72" fmla="*/ 6 w 160"/>
                  <a:gd name="T73" fmla="*/ 176 h 340"/>
                  <a:gd name="T74" fmla="*/ 6 w 160"/>
                  <a:gd name="T75" fmla="*/ 182 h 340"/>
                  <a:gd name="T76" fmla="*/ 6 w 160"/>
                  <a:gd name="T77" fmla="*/ 189 h 340"/>
                  <a:gd name="T78" fmla="*/ 8 w 160"/>
                  <a:gd name="T79" fmla="*/ 190 h 340"/>
                  <a:gd name="T80" fmla="*/ 10 w 160"/>
                  <a:gd name="T81" fmla="*/ 196 h 340"/>
                  <a:gd name="T82" fmla="*/ 6 w 160"/>
                  <a:gd name="T83" fmla="*/ 205 h 340"/>
                  <a:gd name="T84" fmla="*/ 6 w 160"/>
                  <a:gd name="T85" fmla="*/ 211 h 340"/>
                  <a:gd name="T86" fmla="*/ 8 w 160"/>
                  <a:gd name="T87" fmla="*/ 219 h 340"/>
                  <a:gd name="T88" fmla="*/ 82 w 160"/>
                  <a:gd name="T89" fmla="*/ 209 h 340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w 160"/>
                  <a:gd name="T136" fmla="*/ 0 h 340"/>
                  <a:gd name="T137" fmla="*/ 160 w 160"/>
                  <a:gd name="T138" fmla="*/ 340 h 340"/>
                </a:gdLst>
                <a:ahLst/>
                <a:cxnLst>
                  <a:cxn ang="T90">
                    <a:pos x="T0" y="T1"/>
                  </a:cxn>
                  <a:cxn ang="T91">
                    <a:pos x="T2" y="T3"/>
                  </a:cxn>
                  <a:cxn ang="T92">
                    <a:pos x="T4" y="T5"/>
                  </a:cxn>
                  <a:cxn ang="T93">
                    <a:pos x="T6" y="T7"/>
                  </a:cxn>
                  <a:cxn ang="T94">
                    <a:pos x="T8" y="T9"/>
                  </a:cxn>
                  <a:cxn ang="T95">
                    <a:pos x="T10" y="T11"/>
                  </a:cxn>
                  <a:cxn ang="T96">
                    <a:pos x="T12" y="T13"/>
                  </a:cxn>
                  <a:cxn ang="T97">
                    <a:pos x="T14" y="T15"/>
                  </a:cxn>
                  <a:cxn ang="T98">
                    <a:pos x="T16" y="T17"/>
                  </a:cxn>
                  <a:cxn ang="T99">
                    <a:pos x="T18" y="T19"/>
                  </a:cxn>
                  <a:cxn ang="T100">
                    <a:pos x="T20" y="T21"/>
                  </a:cxn>
                  <a:cxn ang="T101">
                    <a:pos x="T22" y="T23"/>
                  </a:cxn>
                  <a:cxn ang="T102">
                    <a:pos x="T24" y="T25"/>
                  </a:cxn>
                  <a:cxn ang="T103">
                    <a:pos x="T26" y="T27"/>
                  </a:cxn>
                  <a:cxn ang="T104">
                    <a:pos x="T28" y="T29"/>
                  </a:cxn>
                  <a:cxn ang="T105">
                    <a:pos x="T30" y="T31"/>
                  </a:cxn>
                  <a:cxn ang="T106">
                    <a:pos x="T32" y="T33"/>
                  </a:cxn>
                  <a:cxn ang="T107">
                    <a:pos x="T34" y="T35"/>
                  </a:cxn>
                  <a:cxn ang="T108">
                    <a:pos x="T36" y="T37"/>
                  </a:cxn>
                  <a:cxn ang="T109">
                    <a:pos x="T38" y="T39"/>
                  </a:cxn>
                  <a:cxn ang="T110">
                    <a:pos x="T40" y="T41"/>
                  </a:cxn>
                  <a:cxn ang="T111">
                    <a:pos x="T42" y="T43"/>
                  </a:cxn>
                  <a:cxn ang="T112">
                    <a:pos x="T44" y="T45"/>
                  </a:cxn>
                  <a:cxn ang="T113">
                    <a:pos x="T46" y="T47"/>
                  </a:cxn>
                  <a:cxn ang="T114">
                    <a:pos x="T48" y="T49"/>
                  </a:cxn>
                  <a:cxn ang="T115">
                    <a:pos x="T50" y="T51"/>
                  </a:cxn>
                  <a:cxn ang="T116">
                    <a:pos x="T52" y="T53"/>
                  </a:cxn>
                  <a:cxn ang="T117">
                    <a:pos x="T54" y="T55"/>
                  </a:cxn>
                  <a:cxn ang="T118">
                    <a:pos x="T56" y="T57"/>
                  </a:cxn>
                  <a:cxn ang="T119">
                    <a:pos x="T58" y="T59"/>
                  </a:cxn>
                  <a:cxn ang="T120">
                    <a:pos x="T60" y="T61"/>
                  </a:cxn>
                  <a:cxn ang="T121">
                    <a:pos x="T62" y="T63"/>
                  </a:cxn>
                  <a:cxn ang="T122">
                    <a:pos x="T64" y="T65"/>
                  </a:cxn>
                  <a:cxn ang="T123">
                    <a:pos x="T66" y="T67"/>
                  </a:cxn>
                  <a:cxn ang="T124">
                    <a:pos x="T68" y="T69"/>
                  </a:cxn>
                  <a:cxn ang="T125">
                    <a:pos x="T70" y="T71"/>
                  </a:cxn>
                  <a:cxn ang="T126">
                    <a:pos x="T72" y="T73"/>
                  </a:cxn>
                  <a:cxn ang="T127">
                    <a:pos x="T74" y="T75"/>
                  </a:cxn>
                  <a:cxn ang="T128">
                    <a:pos x="T76" y="T77"/>
                  </a:cxn>
                  <a:cxn ang="T129">
                    <a:pos x="T78" y="T79"/>
                  </a:cxn>
                  <a:cxn ang="T130">
                    <a:pos x="T80" y="T81"/>
                  </a:cxn>
                  <a:cxn ang="T131">
                    <a:pos x="T82" y="T83"/>
                  </a:cxn>
                  <a:cxn ang="T132">
                    <a:pos x="T84" y="T85"/>
                  </a:cxn>
                  <a:cxn ang="T133">
                    <a:pos x="T86" y="T87"/>
                  </a:cxn>
                  <a:cxn ang="T134">
                    <a:pos x="T88" y="T89"/>
                  </a:cxn>
                </a:cxnLst>
                <a:rect l="T135" t="T136" r="T137" b="T138"/>
                <a:pathLst>
                  <a:path w="160" h="340">
                    <a:moveTo>
                      <a:pt x="116" y="318"/>
                    </a:moveTo>
                    <a:lnTo>
                      <a:pt x="123" y="311"/>
                    </a:lnTo>
                    <a:lnTo>
                      <a:pt x="125" y="311"/>
                    </a:lnTo>
                    <a:lnTo>
                      <a:pt x="125" y="308"/>
                    </a:lnTo>
                    <a:lnTo>
                      <a:pt x="127" y="306"/>
                    </a:lnTo>
                    <a:lnTo>
                      <a:pt x="128" y="305"/>
                    </a:lnTo>
                    <a:lnTo>
                      <a:pt x="132" y="298"/>
                    </a:lnTo>
                    <a:lnTo>
                      <a:pt x="137" y="293"/>
                    </a:lnTo>
                    <a:lnTo>
                      <a:pt x="142" y="289"/>
                    </a:lnTo>
                    <a:lnTo>
                      <a:pt x="147" y="286"/>
                    </a:lnTo>
                    <a:lnTo>
                      <a:pt x="150" y="286"/>
                    </a:lnTo>
                    <a:lnTo>
                      <a:pt x="154" y="286"/>
                    </a:lnTo>
                    <a:lnTo>
                      <a:pt x="155" y="286"/>
                    </a:lnTo>
                    <a:lnTo>
                      <a:pt x="157" y="286"/>
                    </a:lnTo>
                    <a:lnTo>
                      <a:pt x="155" y="283"/>
                    </a:lnTo>
                    <a:lnTo>
                      <a:pt x="155" y="279"/>
                    </a:lnTo>
                    <a:lnTo>
                      <a:pt x="157" y="274"/>
                    </a:lnTo>
                    <a:lnTo>
                      <a:pt x="157" y="271"/>
                    </a:lnTo>
                    <a:lnTo>
                      <a:pt x="159" y="269"/>
                    </a:lnTo>
                    <a:lnTo>
                      <a:pt x="159" y="266"/>
                    </a:lnTo>
                    <a:lnTo>
                      <a:pt x="160" y="264"/>
                    </a:lnTo>
                    <a:lnTo>
                      <a:pt x="157" y="261"/>
                    </a:lnTo>
                    <a:lnTo>
                      <a:pt x="155" y="259"/>
                    </a:lnTo>
                    <a:lnTo>
                      <a:pt x="154" y="257"/>
                    </a:lnTo>
                    <a:lnTo>
                      <a:pt x="150" y="255"/>
                    </a:lnTo>
                    <a:lnTo>
                      <a:pt x="149" y="254"/>
                    </a:lnTo>
                    <a:lnTo>
                      <a:pt x="149" y="247"/>
                    </a:lnTo>
                    <a:lnTo>
                      <a:pt x="147" y="242"/>
                    </a:lnTo>
                    <a:lnTo>
                      <a:pt x="143" y="239"/>
                    </a:lnTo>
                    <a:lnTo>
                      <a:pt x="142" y="235"/>
                    </a:lnTo>
                    <a:lnTo>
                      <a:pt x="138" y="233"/>
                    </a:lnTo>
                    <a:lnTo>
                      <a:pt x="137" y="233"/>
                    </a:lnTo>
                    <a:lnTo>
                      <a:pt x="133" y="232"/>
                    </a:lnTo>
                    <a:lnTo>
                      <a:pt x="127" y="223"/>
                    </a:lnTo>
                    <a:lnTo>
                      <a:pt x="61" y="5"/>
                    </a:lnTo>
                    <a:lnTo>
                      <a:pt x="54" y="2"/>
                    </a:lnTo>
                    <a:lnTo>
                      <a:pt x="47" y="0"/>
                    </a:lnTo>
                    <a:lnTo>
                      <a:pt x="42" y="2"/>
                    </a:lnTo>
                    <a:lnTo>
                      <a:pt x="37" y="5"/>
                    </a:lnTo>
                    <a:lnTo>
                      <a:pt x="33" y="8"/>
                    </a:lnTo>
                    <a:lnTo>
                      <a:pt x="32" y="10"/>
                    </a:lnTo>
                    <a:lnTo>
                      <a:pt x="30" y="13"/>
                    </a:lnTo>
                    <a:lnTo>
                      <a:pt x="33" y="15"/>
                    </a:lnTo>
                    <a:lnTo>
                      <a:pt x="37" y="24"/>
                    </a:lnTo>
                    <a:lnTo>
                      <a:pt x="32" y="25"/>
                    </a:lnTo>
                    <a:lnTo>
                      <a:pt x="33" y="32"/>
                    </a:lnTo>
                    <a:lnTo>
                      <a:pt x="28" y="34"/>
                    </a:lnTo>
                    <a:lnTo>
                      <a:pt x="28" y="39"/>
                    </a:lnTo>
                    <a:lnTo>
                      <a:pt x="30" y="39"/>
                    </a:lnTo>
                    <a:lnTo>
                      <a:pt x="32" y="49"/>
                    </a:lnTo>
                    <a:lnTo>
                      <a:pt x="32" y="51"/>
                    </a:lnTo>
                    <a:lnTo>
                      <a:pt x="33" y="54"/>
                    </a:lnTo>
                    <a:lnTo>
                      <a:pt x="33" y="56"/>
                    </a:lnTo>
                    <a:lnTo>
                      <a:pt x="33" y="61"/>
                    </a:lnTo>
                    <a:lnTo>
                      <a:pt x="33" y="64"/>
                    </a:lnTo>
                    <a:lnTo>
                      <a:pt x="32" y="68"/>
                    </a:lnTo>
                    <a:lnTo>
                      <a:pt x="28" y="73"/>
                    </a:lnTo>
                    <a:lnTo>
                      <a:pt x="28" y="74"/>
                    </a:lnTo>
                    <a:lnTo>
                      <a:pt x="30" y="74"/>
                    </a:lnTo>
                    <a:lnTo>
                      <a:pt x="32" y="76"/>
                    </a:lnTo>
                    <a:lnTo>
                      <a:pt x="32" y="79"/>
                    </a:lnTo>
                    <a:lnTo>
                      <a:pt x="33" y="83"/>
                    </a:lnTo>
                    <a:lnTo>
                      <a:pt x="35" y="85"/>
                    </a:lnTo>
                    <a:lnTo>
                      <a:pt x="37" y="90"/>
                    </a:lnTo>
                    <a:lnTo>
                      <a:pt x="39" y="93"/>
                    </a:lnTo>
                    <a:lnTo>
                      <a:pt x="39" y="98"/>
                    </a:lnTo>
                    <a:lnTo>
                      <a:pt x="39" y="101"/>
                    </a:lnTo>
                    <a:lnTo>
                      <a:pt x="39" y="107"/>
                    </a:lnTo>
                    <a:lnTo>
                      <a:pt x="37" y="112"/>
                    </a:lnTo>
                    <a:lnTo>
                      <a:pt x="33" y="117"/>
                    </a:lnTo>
                    <a:lnTo>
                      <a:pt x="30" y="122"/>
                    </a:lnTo>
                    <a:lnTo>
                      <a:pt x="23" y="127"/>
                    </a:lnTo>
                    <a:lnTo>
                      <a:pt x="17" y="132"/>
                    </a:lnTo>
                    <a:lnTo>
                      <a:pt x="17" y="134"/>
                    </a:lnTo>
                    <a:lnTo>
                      <a:pt x="17" y="132"/>
                    </a:lnTo>
                    <a:lnTo>
                      <a:pt x="10" y="139"/>
                    </a:lnTo>
                    <a:lnTo>
                      <a:pt x="10" y="140"/>
                    </a:lnTo>
                    <a:lnTo>
                      <a:pt x="10" y="144"/>
                    </a:lnTo>
                    <a:lnTo>
                      <a:pt x="11" y="147"/>
                    </a:lnTo>
                    <a:lnTo>
                      <a:pt x="11" y="152"/>
                    </a:lnTo>
                    <a:lnTo>
                      <a:pt x="11" y="157"/>
                    </a:lnTo>
                    <a:lnTo>
                      <a:pt x="11" y="162"/>
                    </a:lnTo>
                    <a:lnTo>
                      <a:pt x="11" y="167"/>
                    </a:lnTo>
                    <a:lnTo>
                      <a:pt x="11" y="174"/>
                    </a:lnTo>
                    <a:lnTo>
                      <a:pt x="11" y="179"/>
                    </a:lnTo>
                    <a:lnTo>
                      <a:pt x="11" y="186"/>
                    </a:lnTo>
                    <a:lnTo>
                      <a:pt x="10" y="193"/>
                    </a:lnTo>
                    <a:lnTo>
                      <a:pt x="10" y="198"/>
                    </a:lnTo>
                    <a:lnTo>
                      <a:pt x="8" y="203"/>
                    </a:lnTo>
                    <a:lnTo>
                      <a:pt x="8" y="208"/>
                    </a:lnTo>
                    <a:lnTo>
                      <a:pt x="6" y="211"/>
                    </a:lnTo>
                    <a:lnTo>
                      <a:pt x="6" y="215"/>
                    </a:lnTo>
                    <a:lnTo>
                      <a:pt x="5" y="218"/>
                    </a:lnTo>
                    <a:lnTo>
                      <a:pt x="5" y="222"/>
                    </a:lnTo>
                    <a:lnTo>
                      <a:pt x="5" y="223"/>
                    </a:lnTo>
                    <a:lnTo>
                      <a:pt x="3" y="228"/>
                    </a:lnTo>
                    <a:lnTo>
                      <a:pt x="1" y="233"/>
                    </a:lnTo>
                    <a:lnTo>
                      <a:pt x="0" y="240"/>
                    </a:lnTo>
                    <a:lnTo>
                      <a:pt x="0" y="247"/>
                    </a:lnTo>
                    <a:lnTo>
                      <a:pt x="0" y="254"/>
                    </a:lnTo>
                    <a:lnTo>
                      <a:pt x="1" y="261"/>
                    </a:lnTo>
                    <a:lnTo>
                      <a:pt x="5" y="267"/>
                    </a:lnTo>
                    <a:lnTo>
                      <a:pt x="6" y="267"/>
                    </a:lnTo>
                    <a:lnTo>
                      <a:pt x="6" y="271"/>
                    </a:lnTo>
                    <a:lnTo>
                      <a:pt x="6" y="274"/>
                    </a:lnTo>
                    <a:lnTo>
                      <a:pt x="6" y="277"/>
                    </a:lnTo>
                    <a:lnTo>
                      <a:pt x="6" y="281"/>
                    </a:lnTo>
                    <a:lnTo>
                      <a:pt x="6" y="284"/>
                    </a:lnTo>
                    <a:lnTo>
                      <a:pt x="6" y="286"/>
                    </a:lnTo>
                    <a:lnTo>
                      <a:pt x="6" y="288"/>
                    </a:lnTo>
                    <a:lnTo>
                      <a:pt x="8" y="289"/>
                    </a:lnTo>
                    <a:lnTo>
                      <a:pt x="8" y="293"/>
                    </a:lnTo>
                    <a:lnTo>
                      <a:pt x="10" y="296"/>
                    </a:lnTo>
                    <a:lnTo>
                      <a:pt x="10" y="299"/>
                    </a:lnTo>
                    <a:lnTo>
                      <a:pt x="10" y="305"/>
                    </a:lnTo>
                    <a:lnTo>
                      <a:pt x="10" y="308"/>
                    </a:lnTo>
                    <a:lnTo>
                      <a:pt x="6" y="311"/>
                    </a:lnTo>
                    <a:lnTo>
                      <a:pt x="6" y="313"/>
                    </a:lnTo>
                    <a:lnTo>
                      <a:pt x="6" y="315"/>
                    </a:lnTo>
                    <a:lnTo>
                      <a:pt x="6" y="320"/>
                    </a:lnTo>
                    <a:lnTo>
                      <a:pt x="6" y="323"/>
                    </a:lnTo>
                    <a:lnTo>
                      <a:pt x="6" y="328"/>
                    </a:lnTo>
                    <a:lnTo>
                      <a:pt x="8" y="333"/>
                    </a:lnTo>
                    <a:lnTo>
                      <a:pt x="10" y="337"/>
                    </a:lnTo>
                    <a:lnTo>
                      <a:pt x="15" y="340"/>
                    </a:lnTo>
                    <a:lnTo>
                      <a:pt x="116" y="31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251" name="Group 177"/>
              <p:cNvGrpSpPr>
                <a:grpSpLocks/>
              </p:cNvGrpSpPr>
              <p:nvPr/>
            </p:nvGrpSpPr>
            <p:grpSpPr bwMode="auto">
              <a:xfrm>
                <a:off x="3502" y="2791"/>
                <a:ext cx="368" cy="598"/>
                <a:chOff x="3720" y="2429"/>
                <a:chExt cx="378" cy="616"/>
              </a:xfrm>
            </p:grpSpPr>
            <p:sp>
              <p:nvSpPr>
                <p:cNvPr id="264" name="Freeform 178"/>
                <p:cNvSpPr>
                  <a:spLocks/>
                </p:cNvSpPr>
                <p:nvPr/>
              </p:nvSpPr>
              <p:spPr bwMode="auto">
                <a:xfrm>
                  <a:off x="3720" y="2429"/>
                  <a:ext cx="378" cy="616"/>
                </a:xfrm>
                <a:custGeom>
                  <a:avLst/>
                  <a:gdLst>
                    <a:gd name="T0" fmla="*/ 51 w 378"/>
                    <a:gd name="T1" fmla="*/ 607 h 616"/>
                    <a:gd name="T2" fmla="*/ 54 w 378"/>
                    <a:gd name="T3" fmla="*/ 592 h 616"/>
                    <a:gd name="T4" fmla="*/ 75 w 378"/>
                    <a:gd name="T5" fmla="*/ 548 h 616"/>
                    <a:gd name="T6" fmla="*/ 97 w 378"/>
                    <a:gd name="T7" fmla="*/ 605 h 616"/>
                    <a:gd name="T8" fmla="*/ 92 w 378"/>
                    <a:gd name="T9" fmla="*/ 607 h 616"/>
                    <a:gd name="T10" fmla="*/ 81 w 378"/>
                    <a:gd name="T11" fmla="*/ 611 h 616"/>
                    <a:gd name="T12" fmla="*/ 73 w 378"/>
                    <a:gd name="T13" fmla="*/ 614 h 616"/>
                    <a:gd name="T14" fmla="*/ 70 w 378"/>
                    <a:gd name="T15" fmla="*/ 616 h 616"/>
                    <a:gd name="T16" fmla="*/ 83 w 378"/>
                    <a:gd name="T17" fmla="*/ 614 h 616"/>
                    <a:gd name="T18" fmla="*/ 98 w 378"/>
                    <a:gd name="T19" fmla="*/ 611 h 616"/>
                    <a:gd name="T20" fmla="*/ 110 w 378"/>
                    <a:gd name="T21" fmla="*/ 607 h 616"/>
                    <a:gd name="T22" fmla="*/ 115 w 378"/>
                    <a:gd name="T23" fmla="*/ 607 h 616"/>
                    <a:gd name="T24" fmla="*/ 114 w 378"/>
                    <a:gd name="T25" fmla="*/ 604 h 616"/>
                    <a:gd name="T26" fmla="*/ 112 w 378"/>
                    <a:gd name="T27" fmla="*/ 600 h 616"/>
                    <a:gd name="T28" fmla="*/ 122 w 378"/>
                    <a:gd name="T29" fmla="*/ 590 h 616"/>
                    <a:gd name="T30" fmla="*/ 125 w 378"/>
                    <a:gd name="T31" fmla="*/ 585 h 616"/>
                    <a:gd name="T32" fmla="*/ 125 w 378"/>
                    <a:gd name="T33" fmla="*/ 582 h 616"/>
                    <a:gd name="T34" fmla="*/ 125 w 378"/>
                    <a:gd name="T35" fmla="*/ 582 h 616"/>
                    <a:gd name="T36" fmla="*/ 125 w 378"/>
                    <a:gd name="T37" fmla="*/ 580 h 616"/>
                    <a:gd name="T38" fmla="*/ 125 w 378"/>
                    <a:gd name="T39" fmla="*/ 577 h 616"/>
                    <a:gd name="T40" fmla="*/ 124 w 378"/>
                    <a:gd name="T41" fmla="*/ 572 h 616"/>
                    <a:gd name="T42" fmla="*/ 124 w 378"/>
                    <a:gd name="T43" fmla="*/ 570 h 616"/>
                    <a:gd name="T44" fmla="*/ 127 w 378"/>
                    <a:gd name="T45" fmla="*/ 558 h 616"/>
                    <a:gd name="T46" fmla="*/ 119 w 378"/>
                    <a:gd name="T47" fmla="*/ 548 h 616"/>
                    <a:gd name="T48" fmla="*/ 109 w 378"/>
                    <a:gd name="T49" fmla="*/ 539 h 616"/>
                    <a:gd name="T50" fmla="*/ 103 w 378"/>
                    <a:gd name="T51" fmla="*/ 538 h 616"/>
                    <a:gd name="T52" fmla="*/ 378 w 378"/>
                    <a:gd name="T53" fmla="*/ 489 h 616"/>
                    <a:gd name="T54" fmla="*/ 361 w 378"/>
                    <a:gd name="T55" fmla="*/ 455 h 616"/>
                    <a:gd name="T56" fmla="*/ 361 w 378"/>
                    <a:gd name="T57" fmla="*/ 445 h 616"/>
                    <a:gd name="T58" fmla="*/ 361 w 378"/>
                    <a:gd name="T59" fmla="*/ 431 h 616"/>
                    <a:gd name="T60" fmla="*/ 359 w 378"/>
                    <a:gd name="T61" fmla="*/ 421 h 616"/>
                    <a:gd name="T62" fmla="*/ 354 w 378"/>
                    <a:gd name="T63" fmla="*/ 413 h 616"/>
                    <a:gd name="T64" fmla="*/ 349 w 378"/>
                    <a:gd name="T65" fmla="*/ 399 h 616"/>
                    <a:gd name="T66" fmla="*/ 349 w 378"/>
                    <a:gd name="T67" fmla="*/ 385 h 616"/>
                    <a:gd name="T68" fmla="*/ 351 w 378"/>
                    <a:gd name="T69" fmla="*/ 377 h 616"/>
                    <a:gd name="T70" fmla="*/ 351 w 378"/>
                    <a:gd name="T71" fmla="*/ 367 h 616"/>
                    <a:gd name="T72" fmla="*/ 351 w 378"/>
                    <a:gd name="T73" fmla="*/ 355 h 616"/>
                    <a:gd name="T74" fmla="*/ 352 w 378"/>
                    <a:gd name="T75" fmla="*/ 348 h 616"/>
                    <a:gd name="T76" fmla="*/ 354 w 378"/>
                    <a:gd name="T77" fmla="*/ 345 h 616"/>
                    <a:gd name="T78" fmla="*/ 361 w 378"/>
                    <a:gd name="T79" fmla="*/ 336 h 616"/>
                    <a:gd name="T80" fmla="*/ 364 w 378"/>
                    <a:gd name="T81" fmla="*/ 328 h 616"/>
                    <a:gd name="T82" fmla="*/ 361 w 378"/>
                    <a:gd name="T83" fmla="*/ 323 h 616"/>
                    <a:gd name="T84" fmla="*/ 357 w 378"/>
                    <a:gd name="T85" fmla="*/ 321 h 616"/>
                    <a:gd name="T86" fmla="*/ 356 w 378"/>
                    <a:gd name="T87" fmla="*/ 314 h 616"/>
                    <a:gd name="T88" fmla="*/ 352 w 378"/>
                    <a:gd name="T89" fmla="*/ 304 h 616"/>
                    <a:gd name="T90" fmla="*/ 349 w 378"/>
                    <a:gd name="T91" fmla="*/ 297 h 616"/>
                    <a:gd name="T92" fmla="*/ 347 w 378"/>
                    <a:gd name="T93" fmla="*/ 296 h 616"/>
                    <a:gd name="T94" fmla="*/ 329 w 378"/>
                    <a:gd name="T95" fmla="*/ 257 h 616"/>
                    <a:gd name="T96" fmla="*/ 257 w 378"/>
                    <a:gd name="T97" fmla="*/ 0 h 616"/>
                    <a:gd name="T98" fmla="*/ 0 w 378"/>
                    <a:gd name="T99" fmla="*/ 414 h 616"/>
                    <a:gd name="T100" fmla="*/ 44 w 378"/>
                    <a:gd name="T101" fmla="*/ 599 h 61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w 378"/>
                    <a:gd name="T154" fmla="*/ 0 h 616"/>
                    <a:gd name="T155" fmla="*/ 378 w 378"/>
                    <a:gd name="T156" fmla="*/ 616 h 616"/>
                  </a:gdLst>
                  <a:ahLst/>
                  <a:cxnLst>
                    <a:cxn ang="T102">
                      <a:pos x="T0" y="T1"/>
                    </a:cxn>
                    <a:cxn ang="T103">
                      <a:pos x="T2" y="T3"/>
                    </a:cxn>
                    <a:cxn ang="T104">
                      <a:pos x="T4" y="T5"/>
                    </a:cxn>
                    <a:cxn ang="T105">
                      <a:pos x="T6" y="T7"/>
                    </a:cxn>
                    <a:cxn ang="T106">
                      <a:pos x="T8" y="T9"/>
                    </a:cxn>
                    <a:cxn ang="T107">
                      <a:pos x="T10" y="T11"/>
                    </a:cxn>
                    <a:cxn ang="T108">
                      <a:pos x="T12" y="T13"/>
                    </a:cxn>
                    <a:cxn ang="T109">
                      <a:pos x="T14" y="T15"/>
                    </a:cxn>
                    <a:cxn ang="T110">
                      <a:pos x="T16" y="T17"/>
                    </a:cxn>
                    <a:cxn ang="T111">
                      <a:pos x="T18" y="T19"/>
                    </a:cxn>
                    <a:cxn ang="T112">
                      <a:pos x="T20" y="T21"/>
                    </a:cxn>
                    <a:cxn ang="T113">
                      <a:pos x="T22" y="T23"/>
                    </a:cxn>
                    <a:cxn ang="T114">
                      <a:pos x="T24" y="T25"/>
                    </a:cxn>
                    <a:cxn ang="T115">
                      <a:pos x="T26" y="T27"/>
                    </a:cxn>
                    <a:cxn ang="T116">
                      <a:pos x="T28" y="T29"/>
                    </a:cxn>
                    <a:cxn ang="T117">
                      <a:pos x="T30" y="T31"/>
                    </a:cxn>
                    <a:cxn ang="T118">
                      <a:pos x="T32" y="T33"/>
                    </a:cxn>
                    <a:cxn ang="T119">
                      <a:pos x="T34" y="T35"/>
                    </a:cxn>
                    <a:cxn ang="T120">
                      <a:pos x="T36" y="T37"/>
                    </a:cxn>
                    <a:cxn ang="T121">
                      <a:pos x="T38" y="T39"/>
                    </a:cxn>
                    <a:cxn ang="T122">
                      <a:pos x="T40" y="T41"/>
                    </a:cxn>
                    <a:cxn ang="T123">
                      <a:pos x="T42" y="T43"/>
                    </a:cxn>
                    <a:cxn ang="T124">
                      <a:pos x="T44" y="T45"/>
                    </a:cxn>
                    <a:cxn ang="T125">
                      <a:pos x="T46" y="T47"/>
                    </a:cxn>
                    <a:cxn ang="T126">
                      <a:pos x="T48" y="T49"/>
                    </a:cxn>
                    <a:cxn ang="T127">
                      <a:pos x="T50" y="T51"/>
                    </a:cxn>
                    <a:cxn ang="T128">
                      <a:pos x="T52" y="T53"/>
                    </a:cxn>
                    <a:cxn ang="T129">
                      <a:pos x="T54" y="T55"/>
                    </a:cxn>
                    <a:cxn ang="T130">
                      <a:pos x="T56" y="T57"/>
                    </a:cxn>
                    <a:cxn ang="T131">
                      <a:pos x="T58" y="T59"/>
                    </a:cxn>
                    <a:cxn ang="T132">
                      <a:pos x="T60" y="T61"/>
                    </a:cxn>
                    <a:cxn ang="T133">
                      <a:pos x="T62" y="T63"/>
                    </a:cxn>
                    <a:cxn ang="T134">
                      <a:pos x="T64" y="T65"/>
                    </a:cxn>
                    <a:cxn ang="T135">
                      <a:pos x="T66" y="T67"/>
                    </a:cxn>
                    <a:cxn ang="T136">
                      <a:pos x="T68" y="T69"/>
                    </a:cxn>
                    <a:cxn ang="T137">
                      <a:pos x="T70" y="T71"/>
                    </a:cxn>
                    <a:cxn ang="T138">
                      <a:pos x="T72" y="T73"/>
                    </a:cxn>
                    <a:cxn ang="T139">
                      <a:pos x="T74" y="T75"/>
                    </a:cxn>
                    <a:cxn ang="T140">
                      <a:pos x="T76" y="T77"/>
                    </a:cxn>
                    <a:cxn ang="T141">
                      <a:pos x="T78" y="T79"/>
                    </a:cxn>
                    <a:cxn ang="T142">
                      <a:pos x="T80" y="T81"/>
                    </a:cxn>
                    <a:cxn ang="T143">
                      <a:pos x="T82" y="T83"/>
                    </a:cxn>
                    <a:cxn ang="T144">
                      <a:pos x="T84" y="T85"/>
                    </a:cxn>
                    <a:cxn ang="T145">
                      <a:pos x="T86" y="T87"/>
                    </a:cxn>
                    <a:cxn ang="T146">
                      <a:pos x="T88" y="T89"/>
                    </a:cxn>
                    <a:cxn ang="T147">
                      <a:pos x="T90" y="T91"/>
                    </a:cxn>
                    <a:cxn ang="T148">
                      <a:pos x="T92" y="T93"/>
                    </a:cxn>
                    <a:cxn ang="T149">
                      <a:pos x="T94" y="T95"/>
                    </a:cxn>
                    <a:cxn ang="T150">
                      <a:pos x="T96" y="T97"/>
                    </a:cxn>
                    <a:cxn ang="T151">
                      <a:pos x="T98" y="T99"/>
                    </a:cxn>
                    <a:cxn ang="T152">
                      <a:pos x="T100" y="T101"/>
                    </a:cxn>
                  </a:cxnLst>
                  <a:rect l="T153" t="T154" r="T155" b="T156"/>
                  <a:pathLst>
                    <a:path w="378" h="616">
                      <a:moveTo>
                        <a:pt x="44" y="599"/>
                      </a:moveTo>
                      <a:lnTo>
                        <a:pt x="51" y="607"/>
                      </a:lnTo>
                      <a:lnTo>
                        <a:pt x="58" y="600"/>
                      </a:lnTo>
                      <a:lnTo>
                        <a:pt x="54" y="592"/>
                      </a:lnTo>
                      <a:lnTo>
                        <a:pt x="61" y="550"/>
                      </a:lnTo>
                      <a:lnTo>
                        <a:pt x="75" y="548"/>
                      </a:lnTo>
                      <a:lnTo>
                        <a:pt x="73" y="587"/>
                      </a:lnTo>
                      <a:lnTo>
                        <a:pt x="97" y="605"/>
                      </a:lnTo>
                      <a:lnTo>
                        <a:pt x="95" y="605"/>
                      </a:lnTo>
                      <a:lnTo>
                        <a:pt x="92" y="607"/>
                      </a:lnTo>
                      <a:lnTo>
                        <a:pt x="87" y="609"/>
                      </a:lnTo>
                      <a:lnTo>
                        <a:pt x="81" y="611"/>
                      </a:lnTo>
                      <a:lnTo>
                        <a:pt x="76" y="612"/>
                      </a:lnTo>
                      <a:lnTo>
                        <a:pt x="73" y="614"/>
                      </a:lnTo>
                      <a:lnTo>
                        <a:pt x="70" y="616"/>
                      </a:lnTo>
                      <a:lnTo>
                        <a:pt x="76" y="616"/>
                      </a:lnTo>
                      <a:lnTo>
                        <a:pt x="83" y="614"/>
                      </a:lnTo>
                      <a:lnTo>
                        <a:pt x="92" y="612"/>
                      </a:lnTo>
                      <a:lnTo>
                        <a:pt x="98" y="611"/>
                      </a:lnTo>
                      <a:lnTo>
                        <a:pt x="105" y="609"/>
                      </a:lnTo>
                      <a:lnTo>
                        <a:pt x="110" y="607"/>
                      </a:lnTo>
                      <a:lnTo>
                        <a:pt x="114" y="607"/>
                      </a:lnTo>
                      <a:lnTo>
                        <a:pt x="115" y="607"/>
                      </a:lnTo>
                      <a:lnTo>
                        <a:pt x="115" y="605"/>
                      </a:lnTo>
                      <a:lnTo>
                        <a:pt x="114" y="604"/>
                      </a:lnTo>
                      <a:lnTo>
                        <a:pt x="112" y="602"/>
                      </a:lnTo>
                      <a:lnTo>
                        <a:pt x="112" y="600"/>
                      </a:lnTo>
                      <a:lnTo>
                        <a:pt x="117" y="595"/>
                      </a:lnTo>
                      <a:lnTo>
                        <a:pt x="122" y="590"/>
                      </a:lnTo>
                      <a:lnTo>
                        <a:pt x="124" y="587"/>
                      </a:lnTo>
                      <a:lnTo>
                        <a:pt x="125" y="585"/>
                      </a:lnTo>
                      <a:lnTo>
                        <a:pt x="125" y="583"/>
                      </a:lnTo>
                      <a:lnTo>
                        <a:pt x="125" y="582"/>
                      </a:lnTo>
                      <a:lnTo>
                        <a:pt x="125" y="580"/>
                      </a:lnTo>
                      <a:lnTo>
                        <a:pt x="125" y="578"/>
                      </a:lnTo>
                      <a:lnTo>
                        <a:pt x="125" y="577"/>
                      </a:lnTo>
                      <a:lnTo>
                        <a:pt x="124" y="573"/>
                      </a:lnTo>
                      <a:lnTo>
                        <a:pt x="124" y="572"/>
                      </a:lnTo>
                      <a:lnTo>
                        <a:pt x="124" y="570"/>
                      </a:lnTo>
                      <a:lnTo>
                        <a:pt x="127" y="565"/>
                      </a:lnTo>
                      <a:lnTo>
                        <a:pt x="127" y="558"/>
                      </a:lnTo>
                      <a:lnTo>
                        <a:pt x="124" y="553"/>
                      </a:lnTo>
                      <a:lnTo>
                        <a:pt x="119" y="548"/>
                      </a:lnTo>
                      <a:lnTo>
                        <a:pt x="114" y="545"/>
                      </a:lnTo>
                      <a:lnTo>
                        <a:pt x="109" y="539"/>
                      </a:lnTo>
                      <a:lnTo>
                        <a:pt x="105" y="538"/>
                      </a:lnTo>
                      <a:lnTo>
                        <a:pt x="103" y="538"/>
                      </a:lnTo>
                      <a:lnTo>
                        <a:pt x="102" y="516"/>
                      </a:lnTo>
                      <a:lnTo>
                        <a:pt x="378" y="489"/>
                      </a:lnTo>
                      <a:lnTo>
                        <a:pt x="361" y="457"/>
                      </a:lnTo>
                      <a:lnTo>
                        <a:pt x="361" y="455"/>
                      </a:lnTo>
                      <a:lnTo>
                        <a:pt x="361" y="450"/>
                      </a:lnTo>
                      <a:lnTo>
                        <a:pt x="361" y="445"/>
                      </a:lnTo>
                      <a:lnTo>
                        <a:pt x="361" y="438"/>
                      </a:lnTo>
                      <a:lnTo>
                        <a:pt x="361" y="431"/>
                      </a:lnTo>
                      <a:lnTo>
                        <a:pt x="359" y="424"/>
                      </a:lnTo>
                      <a:lnTo>
                        <a:pt x="359" y="421"/>
                      </a:lnTo>
                      <a:lnTo>
                        <a:pt x="359" y="418"/>
                      </a:lnTo>
                      <a:lnTo>
                        <a:pt x="354" y="413"/>
                      </a:lnTo>
                      <a:lnTo>
                        <a:pt x="351" y="406"/>
                      </a:lnTo>
                      <a:lnTo>
                        <a:pt x="349" y="399"/>
                      </a:lnTo>
                      <a:lnTo>
                        <a:pt x="349" y="391"/>
                      </a:lnTo>
                      <a:lnTo>
                        <a:pt x="349" y="385"/>
                      </a:lnTo>
                      <a:lnTo>
                        <a:pt x="349" y="380"/>
                      </a:lnTo>
                      <a:lnTo>
                        <a:pt x="351" y="377"/>
                      </a:lnTo>
                      <a:lnTo>
                        <a:pt x="351" y="374"/>
                      </a:lnTo>
                      <a:lnTo>
                        <a:pt x="351" y="367"/>
                      </a:lnTo>
                      <a:lnTo>
                        <a:pt x="351" y="360"/>
                      </a:lnTo>
                      <a:lnTo>
                        <a:pt x="351" y="355"/>
                      </a:lnTo>
                      <a:lnTo>
                        <a:pt x="352" y="350"/>
                      </a:lnTo>
                      <a:lnTo>
                        <a:pt x="352" y="348"/>
                      </a:lnTo>
                      <a:lnTo>
                        <a:pt x="352" y="345"/>
                      </a:lnTo>
                      <a:lnTo>
                        <a:pt x="354" y="345"/>
                      </a:lnTo>
                      <a:lnTo>
                        <a:pt x="354" y="343"/>
                      </a:lnTo>
                      <a:lnTo>
                        <a:pt x="361" y="336"/>
                      </a:lnTo>
                      <a:lnTo>
                        <a:pt x="364" y="331"/>
                      </a:lnTo>
                      <a:lnTo>
                        <a:pt x="364" y="328"/>
                      </a:lnTo>
                      <a:lnTo>
                        <a:pt x="364" y="325"/>
                      </a:lnTo>
                      <a:lnTo>
                        <a:pt x="361" y="323"/>
                      </a:lnTo>
                      <a:lnTo>
                        <a:pt x="359" y="323"/>
                      </a:lnTo>
                      <a:lnTo>
                        <a:pt x="357" y="321"/>
                      </a:lnTo>
                      <a:lnTo>
                        <a:pt x="356" y="319"/>
                      </a:lnTo>
                      <a:lnTo>
                        <a:pt x="356" y="314"/>
                      </a:lnTo>
                      <a:lnTo>
                        <a:pt x="356" y="308"/>
                      </a:lnTo>
                      <a:lnTo>
                        <a:pt x="352" y="304"/>
                      </a:lnTo>
                      <a:lnTo>
                        <a:pt x="351" y="301"/>
                      </a:lnTo>
                      <a:lnTo>
                        <a:pt x="349" y="297"/>
                      </a:lnTo>
                      <a:lnTo>
                        <a:pt x="347" y="296"/>
                      </a:lnTo>
                      <a:lnTo>
                        <a:pt x="345" y="294"/>
                      </a:lnTo>
                      <a:lnTo>
                        <a:pt x="329" y="257"/>
                      </a:lnTo>
                      <a:lnTo>
                        <a:pt x="256" y="0"/>
                      </a:lnTo>
                      <a:lnTo>
                        <a:pt x="257" y="0"/>
                      </a:lnTo>
                      <a:lnTo>
                        <a:pt x="5" y="22"/>
                      </a:lnTo>
                      <a:lnTo>
                        <a:pt x="0" y="414"/>
                      </a:lnTo>
                      <a:lnTo>
                        <a:pt x="24" y="599"/>
                      </a:lnTo>
                      <a:lnTo>
                        <a:pt x="44" y="599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65" name="Freeform 179"/>
                <p:cNvSpPr>
                  <a:spLocks/>
                </p:cNvSpPr>
                <p:nvPr/>
              </p:nvSpPr>
              <p:spPr bwMode="auto">
                <a:xfrm>
                  <a:off x="3720" y="2429"/>
                  <a:ext cx="378" cy="616"/>
                </a:xfrm>
                <a:custGeom>
                  <a:avLst/>
                  <a:gdLst>
                    <a:gd name="T0" fmla="*/ 51 w 378"/>
                    <a:gd name="T1" fmla="*/ 607 h 616"/>
                    <a:gd name="T2" fmla="*/ 54 w 378"/>
                    <a:gd name="T3" fmla="*/ 592 h 616"/>
                    <a:gd name="T4" fmla="*/ 75 w 378"/>
                    <a:gd name="T5" fmla="*/ 548 h 616"/>
                    <a:gd name="T6" fmla="*/ 97 w 378"/>
                    <a:gd name="T7" fmla="*/ 605 h 616"/>
                    <a:gd name="T8" fmla="*/ 95 w 378"/>
                    <a:gd name="T9" fmla="*/ 605 h 616"/>
                    <a:gd name="T10" fmla="*/ 87 w 378"/>
                    <a:gd name="T11" fmla="*/ 609 h 616"/>
                    <a:gd name="T12" fmla="*/ 76 w 378"/>
                    <a:gd name="T13" fmla="*/ 612 h 616"/>
                    <a:gd name="T14" fmla="*/ 70 w 378"/>
                    <a:gd name="T15" fmla="*/ 616 h 616"/>
                    <a:gd name="T16" fmla="*/ 70 w 378"/>
                    <a:gd name="T17" fmla="*/ 616 h 616"/>
                    <a:gd name="T18" fmla="*/ 83 w 378"/>
                    <a:gd name="T19" fmla="*/ 614 h 616"/>
                    <a:gd name="T20" fmla="*/ 98 w 378"/>
                    <a:gd name="T21" fmla="*/ 611 h 616"/>
                    <a:gd name="T22" fmla="*/ 110 w 378"/>
                    <a:gd name="T23" fmla="*/ 607 h 616"/>
                    <a:gd name="T24" fmla="*/ 115 w 378"/>
                    <a:gd name="T25" fmla="*/ 607 h 616"/>
                    <a:gd name="T26" fmla="*/ 115 w 378"/>
                    <a:gd name="T27" fmla="*/ 605 h 616"/>
                    <a:gd name="T28" fmla="*/ 112 w 378"/>
                    <a:gd name="T29" fmla="*/ 602 h 616"/>
                    <a:gd name="T30" fmla="*/ 112 w 378"/>
                    <a:gd name="T31" fmla="*/ 600 h 616"/>
                    <a:gd name="T32" fmla="*/ 122 w 378"/>
                    <a:gd name="T33" fmla="*/ 590 h 616"/>
                    <a:gd name="T34" fmla="*/ 125 w 378"/>
                    <a:gd name="T35" fmla="*/ 585 h 616"/>
                    <a:gd name="T36" fmla="*/ 125 w 378"/>
                    <a:gd name="T37" fmla="*/ 582 h 616"/>
                    <a:gd name="T38" fmla="*/ 125 w 378"/>
                    <a:gd name="T39" fmla="*/ 582 h 616"/>
                    <a:gd name="T40" fmla="*/ 125 w 378"/>
                    <a:gd name="T41" fmla="*/ 582 h 616"/>
                    <a:gd name="T42" fmla="*/ 125 w 378"/>
                    <a:gd name="T43" fmla="*/ 578 h 616"/>
                    <a:gd name="T44" fmla="*/ 124 w 378"/>
                    <a:gd name="T45" fmla="*/ 573 h 616"/>
                    <a:gd name="T46" fmla="*/ 124 w 378"/>
                    <a:gd name="T47" fmla="*/ 570 h 616"/>
                    <a:gd name="T48" fmla="*/ 124 w 378"/>
                    <a:gd name="T49" fmla="*/ 570 h 616"/>
                    <a:gd name="T50" fmla="*/ 127 w 378"/>
                    <a:gd name="T51" fmla="*/ 558 h 616"/>
                    <a:gd name="T52" fmla="*/ 119 w 378"/>
                    <a:gd name="T53" fmla="*/ 548 h 616"/>
                    <a:gd name="T54" fmla="*/ 109 w 378"/>
                    <a:gd name="T55" fmla="*/ 539 h 616"/>
                    <a:gd name="T56" fmla="*/ 103 w 378"/>
                    <a:gd name="T57" fmla="*/ 538 h 616"/>
                    <a:gd name="T58" fmla="*/ 378 w 378"/>
                    <a:gd name="T59" fmla="*/ 489 h 616"/>
                    <a:gd name="T60" fmla="*/ 361 w 378"/>
                    <a:gd name="T61" fmla="*/ 457 h 616"/>
                    <a:gd name="T62" fmla="*/ 361 w 378"/>
                    <a:gd name="T63" fmla="*/ 450 h 616"/>
                    <a:gd name="T64" fmla="*/ 361 w 378"/>
                    <a:gd name="T65" fmla="*/ 438 h 616"/>
                    <a:gd name="T66" fmla="*/ 359 w 378"/>
                    <a:gd name="T67" fmla="*/ 424 h 616"/>
                    <a:gd name="T68" fmla="*/ 359 w 378"/>
                    <a:gd name="T69" fmla="*/ 418 h 616"/>
                    <a:gd name="T70" fmla="*/ 354 w 378"/>
                    <a:gd name="T71" fmla="*/ 413 h 616"/>
                    <a:gd name="T72" fmla="*/ 349 w 378"/>
                    <a:gd name="T73" fmla="*/ 399 h 616"/>
                    <a:gd name="T74" fmla="*/ 349 w 378"/>
                    <a:gd name="T75" fmla="*/ 385 h 616"/>
                    <a:gd name="T76" fmla="*/ 351 w 378"/>
                    <a:gd name="T77" fmla="*/ 377 h 616"/>
                    <a:gd name="T78" fmla="*/ 351 w 378"/>
                    <a:gd name="T79" fmla="*/ 374 h 616"/>
                    <a:gd name="T80" fmla="*/ 351 w 378"/>
                    <a:gd name="T81" fmla="*/ 360 h 616"/>
                    <a:gd name="T82" fmla="*/ 352 w 378"/>
                    <a:gd name="T83" fmla="*/ 350 h 616"/>
                    <a:gd name="T84" fmla="*/ 352 w 378"/>
                    <a:gd name="T85" fmla="*/ 345 h 616"/>
                    <a:gd name="T86" fmla="*/ 354 w 378"/>
                    <a:gd name="T87" fmla="*/ 343 h 616"/>
                    <a:gd name="T88" fmla="*/ 361 w 378"/>
                    <a:gd name="T89" fmla="*/ 336 h 616"/>
                    <a:gd name="T90" fmla="*/ 364 w 378"/>
                    <a:gd name="T91" fmla="*/ 328 h 616"/>
                    <a:gd name="T92" fmla="*/ 361 w 378"/>
                    <a:gd name="T93" fmla="*/ 323 h 616"/>
                    <a:gd name="T94" fmla="*/ 357 w 378"/>
                    <a:gd name="T95" fmla="*/ 321 h 616"/>
                    <a:gd name="T96" fmla="*/ 356 w 378"/>
                    <a:gd name="T97" fmla="*/ 319 h 616"/>
                    <a:gd name="T98" fmla="*/ 356 w 378"/>
                    <a:gd name="T99" fmla="*/ 308 h 616"/>
                    <a:gd name="T100" fmla="*/ 351 w 378"/>
                    <a:gd name="T101" fmla="*/ 301 h 616"/>
                    <a:gd name="T102" fmla="*/ 347 w 378"/>
                    <a:gd name="T103" fmla="*/ 296 h 616"/>
                    <a:gd name="T104" fmla="*/ 345 w 378"/>
                    <a:gd name="T105" fmla="*/ 294 h 616"/>
                    <a:gd name="T106" fmla="*/ 256 w 378"/>
                    <a:gd name="T107" fmla="*/ 0 h 616"/>
                    <a:gd name="T108" fmla="*/ 5 w 378"/>
                    <a:gd name="T109" fmla="*/ 22 h 616"/>
                    <a:gd name="T110" fmla="*/ 24 w 378"/>
                    <a:gd name="T111" fmla="*/ 599 h 61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w 378"/>
                    <a:gd name="T169" fmla="*/ 0 h 616"/>
                    <a:gd name="T170" fmla="*/ 378 w 378"/>
                    <a:gd name="T171" fmla="*/ 616 h 616"/>
                  </a:gdLst>
                  <a:ahLst/>
                  <a:cxnLst>
                    <a:cxn ang="T112">
                      <a:pos x="T0" y="T1"/>
                    </a:cxn>
                    <a:cxn ang="T113">
                      <a:pos x="T2" y="T3"/>
                    </a:cxn>
                    <a:cxn ang="T114">
                      <a:pos x="T4" y="T5"/>
                    </a:cxn>
                    <a:cxn ang="T115">
                      <a:pos x="T6" y="T7"/>
                    </a:cxn>
                    <a:cxn ang="T116">
                      <a:pos x="T8" y="T9"/>
                    </a:cxn>
                    <a:cxn ang="T117">
                      <a:pos x="T10" y="T11"/>
                    </a:cxn>
                    <a:cxn ang="T118">
                      <a:pos x="T12" y="T13"/>
                    </a:cxn>
                    <a:cxn ang="T119">
                      <a:pos x="T14" y="T15"/>
                    </a:cxn>
                    <a:cxn ang="T120">
                      <a:pos x="T16" y="T17"/>
                    </a:cxn>
                    <a:cxn ang="T121">
                      <a:pos x="T18" y="T19"/>
                    </a:cxn>
                    <a:cxn ang="T122">
                      <a:pos x="T20" y="T21"/>
                    </a:cxn>
                    <a:cxn ang="T123">
                      <a:pos x="T22" y="T23"/>
                    </a:cxn>
                    <a:cxn ang="T124">
                      <a:pos x="T24" y="T25"/>
                    </a:cxn>
                    <a:cxn ang="T125">
                      <a:pos x="T26" y="T27"/>
                    </a:cxn>
                    <a:cxn ang="T126">
                      <a:pos x="T28" y="T29"/>
                    </a:cxn>
                    <a:cxn ang="T127">
                      <a:pos x="T30" y="T31"/>
                    </a:cxn>
                    <a:cxn ang="T128">
                      <a:pos x="T32" y="T33"/>
                    </a:cxn>
                    <a:cxn ang="T129">
                      <a:pos x="T34" y="T35"/>
                    </a:cxn>
                    <a:cxn ang="T130">
                      <a:pos x="T36" y="T37"/>
                    </a:cxn>
                    <a:cxn ang="T131">
                      <a:pos x="T38" y="T39"/>
                    </a:cxn>
                    <a:cxn ang="T132">
                      <a:pos x="T40" y="T41"/>
                    </a:cxn>
                    <a:cxn ang="T133">
                      <a:pos x="T42" y="T43"/>
                    </a:cxn>
                    <a:cxn ang="T134">
                      <a:pos x="T44" y="T45"/>
                    </a:cxn>
                    <a:cxn ang="T135">
                      <a:pos x="T46" y="T47"/>
                    </a:cxn>
                    <a:cxn ang="T136">
                      <a:pos x="T48" y="T49"/>
                    </a:cxn>
                    <a:cxn ang="T137">
                      <a:pos x="T50" y="T51"/>
                    </a:cxn>
                    <a:cxn ang="T138">
                      <a:pos x="T52" y="T53"/>
                    </a:cxn>
                    <a:cxn ang="T139">
                      <a:pos x="T54" y="T55"/>
                    </a:cxn>
                    <a:cxn ang="T140">
                      <a:pos x="T56" y="T57"/>
                    </a:cxn>
                    <a:cxn ang="T141">
                      <a:pos x="T58" y="T59"/>
                    </a:cxn>
                    <a:cxn ang="T142">
                      <a:pos x="T60" y="T61"/>
                    </a:cxn>
                    <a:cxn ang="T143">
                      <a:pos x="T62" y="T63"/>
                    </a:cxn>
                    <a:cxn ang="T144">
                      <a:pos x="T64" y="T65"/>
                    </a:cxn>
                    <a:cxn ang="T145">
                      <a:pos x="T66" y="T67"/>
                    </a:cxn>
                    <a:cxn ang="T146">
                      <a:pos x="T68" y="T69"/>
                    </a:cxn>
                    <a:cxn ang="T147">
                      <a:pos x="T70" y="T71"/>
                    </a:cxn>
                    <a:cxn ang="T148">
                      <a:pos x="T72" y="T73"/>
                    </a:cxn>
                    <a:cxn ang="T149">
                      <a:pos x="T74" y="T75"/>
                    </a:cxn>
                    <a:cxn ang="T150">
                      <a:pos x="T76" y="T77"/>
                    </a:cxn>
                    <a:cxn ang="T151">
                      <a:pos x="T78" y="T79"/>
                    </a:cxn>
                    <a:cxn ang="T152">
                      <a:pos x="T80" y="T81"/>
                    </a:cxn>
                    <a:cxn ang="T153">
                      <a:pos x="T82" y="T83"/>
                    </a:cxn>
                    <a:cxn ang="T154">
                      <a:pos x="T84" y="T85"/>
                    </a:cxn>
                    <a:cxn ang="T155">
                      <a:pos x="T86" y="T87"/>
                    </a:cxn>
                    <a:cxn ang="T156">
                      <a:pos x="T88" y="T89"/>
                    </a:cxn>
                    <a:cxn ang="T157">
                      <a:pos x="T90" y="T91"/>
                    </a:cxn>
                    <a:cxn ang="T158">
                      <a:pos x="T92" y="T93"/>
                    </a:cxn>
                    <a:cxn ang="T159">
                      <a:pos x="T94" y="T95"/>
                    </a:cxn>
                    <a:cxn ang="T160">
                      <a:pos x="T96" y="T97"/>
                    </a:cxn>
                    <a:cxn ang="T161">
                      <a:pos x="T98" y="T99"/>
                    </a:cxn>
                    <a:cxn ang="T162">
                      <a:pos x="T100" y="T101"/>
                    </a:cxn>
                    <a:cxn ang="T163">
                      <a:pos x="T102" y="T103"/>
                    </a:cxn>
                    <a:cxn ang="T164">
                      <a:pos x="T104" y="T105"/>
                    </a:cxn>
                    <a:cxn ang="T165">
                      <a:pos x="T106" y="T107"/>
                    </a:cxn>
                    <a:cxn ang="T166">
                      <a:pos x="T108" y="T109"/>
                    </a:cxn>
                    <a:cxn ang="T167">
                      <a:pos x="T110" y="T111"/>
                    </a:cxn>
                  </a:cxnLst>
                  <a:rect l="T168" t="T169" r="T170" b="T171"/>
                  <a:pathLst>
                    <a:path w="378" h="616">
                      <a:moveTo>
                        <a:pt x="44" y="599"/>
                      </a:moveTo>
                      <a:lnTo>
                        <a:pt x="51" y="607"/>
                      </a:lnTo>
                      <a:lnTo>
                        <a:pt x="58" y="600"/>
                      </a:lnTo>
                      <a:lnTo>
                        <a:pt x="54" y="592"/>
                      </a:lnTo>
                      <a:lnTo>
                        <a:pt x="61" y="550"/>
                      </a:lnTo>
                      <a:lnTo>
                        <a:pt x="75" y="548"/>
                      </a:lnTo>
                      <a:lnTo>
                        <a:pt x="73" y="587"/>
                      </a:lnTo>
                      <a:lnTo>
                        <a:pt x="97" y="605"/>
                      </a:lnTo>
                      <a:lnTo>
                        <a:pt x="95" y="605"/>
                      </a:lnTo>
                      <a:lnTo>
                        <a:pt x="92" y="607"/>
                      </a:lnTo>
                      <a:lnTo>
                        <a:pt x="87" y="609"/>
                      </a:lnTo>
                      <a:lnTo>
                        <a:pt x="81" y="611"/>
                      </a:lnTo>
                      <a:lnTo>
                        <a:pt x="76" y="612"/>
                      </a:lnTo>
                      <a:lnTo>
                        <a:pt x="73" y="614"/>
                      </a:lnTo>
                      <a:lnTo>
                        <a:pt x="70" y="616"/>
                      </a:lnTo>
                      <a:lnTo>
                        <a:pt x="76" y="616"/>
                      </a:lnTo>
                      <a:lnTo>
                        <a:pt x="83" y="614"/>
                      </a:lnTo>
                      <a:lnTo>
                        <a:pt x="92" y="612"/>
                      </a:lnTo>
                      <a:lnTo>
                        <a:pt x="98" y="611"/>
                      </a:lnTo>
                      <a:lnTo>
                        <a:pt x="105" y="609"/>
                      </a:lnTo>
                      <a:lnTo>
                        <a:pt x="110" y="607"/>
                      </a:lnTo>
                      <a:lnTo>
                        <a:pt x="114" y="607"/>
                      </a:lnTo>
                      <a:lnTo>
                        <a:pt x="115" y="607"/>
                      </a:lnTo>
                      <a:lnTo>
                        <a:pt x="115" y="605"/>
                      </a:lnTo>
                      <a:lnTo>
                        <a:pt x="114" y="604"/>
                      </a:lnTo>
                      <a:lnTo>
                        <a:pt x="112" y="602"/>
                      </a:lnTo>
                      <a:lnTo>
                        <a:pt x="112" y="600"/>
                      </a:lnTo>
                      <a:lnTo>
                        <a:pt x="117" y="595"/>
                      </a:lnTo>
                      <a:lnTo>
                        <a:pt x="122" y="590"/>
                      </a:lnTo>
                      <a:lnTo>
                        <a:pt x="124" y="587"/>
                      </a:lnTo>
                      <a:lnTo>
                        <a:pt x="125" y="585"/>
                      </a:lnTo>
                      <a:lnTo>
                        <a:pt x="125" y="583"/>
                      </a:lnTo>
                      <a:lnTo>
                        <a:pt x="125" y="582"/>
                      </a:lnTo>
                      <a:lnTo>
                        <a:pt x="125" y="580"/>
                      </a:lnTo>
                      <a:lnTo>
                        <a:pt x="125" y="578"/>
                      </a:lnTo>
                      <a:lnTo>
                        <a:pt x="125" y="577"/>
                      </a:lnTo>
                      <a:lnTo>
                        <a:pt x="124" y="573"/>
                      </a:lnTo>
                      <a:lnTo>
                        <a:pt x="124" y="572"/>
                      </a:lnTo>
                      <a:lnTo>
                        <a:pt x="124" y="570"/>
                      </a:lnTo>
                      <a:lnTo>
                        <a:pt x="127" y="565"/>
                      </a:lnTo>
                      <a:lnTo>
                        <a:pt x="127" y="558"/>
                      </a:lnTo>
                      <a:lnTo>
                        <a:pt x="124" y="553"/>
                      </a:lnTo>
                      <a:lnTo>
                        <a:pt x="119" y="548"/>
                      </a:lnTo>
                      <a:lnTo>
                        <a:pt x="114" y="545"/>
                      </a:lnTo>
                      <a:lnTo>
                        <a:pt x="109" y="539"/>
                      </a:lnTo>
                      <a:lnTo>
                        <a:pt x="105" y="538"/>
                      </a:lnTo>
                      <a:lnTo>
                        <a:pt x="103" y="538"/>
                      </a:lnTo>
                      <a:lnTo>
                        <a:pt x="102" y="516"/>
                      </a:lnTo>
                      <a:lnTo>
                        <a:pt x="378" y="489"/>
                      </a:lnTo>
                      <a:lnTo>
                        <a:pt x="361" y="457"/>
                      </a:lnTo>
                      <a:lnTo>
                        <a:pt x="361" y="455"/>
                      </a:lnTo>
                      <a:lnTo>
                        <a:pt x="361" y="450"/>
                      </a:lnTo>
                      <a:lnTo>
                        <a:pt x="361" y="445"/>
                      </a:lnTo>
                      <a:lnTo>
                        <a:pt x="361" y="438"/>
                      </a:lnTo>
                      <a:lnTo>
                        <a:pt x="361" y="431"/>
                      </a:lnTo>
                      <a:lnTo>
                        <a:pt x="359" y="424"/>
                      </a:lnTo>
                      <a:lnTo>
                        <a:pt x="359" y="421"/>
                      </a:lnTo>
                      <a:lnTo>
                        <a:pt x="359" y="418"/>
                      </a:lnTo>
                      <a:lnTo>
                        <a:pt x="354" y="413"/>
                      </a:lnTo>
                      <a:lnTo>
                        <a:pt x="351" y="406"/>
                      </a:lnTo>
                      <a:lnTo>
                        <a:pt x="349" y="399"/>
                      </a:lnTo>
                      <a:lnTo>
                        <a:pt x="349" y="391"/>
                      </a:lnTo>
                      <a:lnTo>
                        <a:pt x="349" y="385"/>
                      </a:lnTo>
                      <a:lnTo>
                        <a:pt x="349" y="380"/>
                      </a:lnTo>
                      <a:lnTo>
                        <a:pt x="351" y="377"/>
                      </a:lnTo>
                      <a:lnTo>
                        <a:pt x="351" y="374"/>
                      </a:lnTo>
                      <a:lnTo>
                        <a:pt x="351" y="367"/>
                      </a:lnTo>
                      <a:lnTo>
                        <a:pt x="351" y="360"/>
                      </a:lnTo>
                      <a:lnTo>
                        <a:pt x="351" y="355"/>
                      </a:lnTo>
                      <a:lnTo>
                        <a:pt x="352" y="350"/>
                      </a:lnTo>
                      <a:lnTo>
                        <a:pt x="352" y="348"/>
                      </a:lnTo>
                      <a:lnTo>
                        <a:pt x="352" y="345"/>
                      </a:lnTo>
                      <a:lnTo>
                        <a:pt x="354" y="345"/>
                      </a:lnTo>
                      <a:lnTo>
                        <a:pt x="354" y="343"/>
                      </a:lnTo>
                      <a:lnTo>
                        <a:pt x="361" y="336"/>
                      </a:lnTo>
                      <a:lnTo>
                        <a:pt x="364" y="331"/>
                      </a:lnTo>
                      <a:lnTo>
                        <a:pt x="364" y="328"/>
                      </a:lnTo>
                      <a:lnTo>
                        <a:pt x="364" y="325"/>
                      </a:lnTo>
                      <a:lnTo>
                        <a:pt x="361" y="323"/>
                      </a:lnTo>
                      <a:lnTo>
                        <a:pt x="359" y="323"/>
                      </a:lnTo>
                      <a:lnTo>
                        <a:pt x="357" y="321"/>
                      </a:lnTo>
                      <a:lnTo>
                        <a:pt x="356" y="319"/>
                      </a:lnTo>
                      <a:lnTo>
                        <a:pt x="356" y="314"/>
                      </a:lnTo>
                      <a:lnTo>
                        <a:pt x="356" y="308"/>
                      </a:lnTo>
                      <a:lnTo>
                        <a:pt x="352" y="304"/>
                      </a:lnTo>
                      <a:lnTo>
                        <a:pt x="351" y="301"/>
                      </a:lnTo>
                      <a:lnTo>
                        <a:pt x="349" y="297"/>
                      </a:lnTo>
                      <a:lnTo>
                        <a:pt x="347" y="296"/>
                      </a:lnTo>
                      <a:lnTo>
                        <a:pt x="345" y="294"/>
                      </a:lnTo>
                      <a:lnTo>
                        <a:pt x="329" y="257"/>
                      </a:lnTo>
                      <a:lnTo>
                        <a:pt x="256" y="0"/>
                      </a:lnTo>
                      <a:lnTo>
                        <a:pt x="257" y="0"/>
                      </a:lnTo>
                      <a:lnTo>
                        <a:pt x="5" y="22"/>
                      </a:lnTo>
                      <a:lnTo>
                        <a:pt x="0" y="414"/>
                      </a:lnTo>
                      <a:lnTo>
                        <a:pt x="24" y="599"/>
                      </a:lnTo>
                      <a:lnTo>
                        <a:pt x="44" y="599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252" name="Group 180"/>
              <p:cNvGrpSpPr>
                <a:grpSpLocks/>
              </p:cNvGrpSpPr>
              <p:nvPr/>
            </p:nvGrpSpPr>
            <p:grpSpPr bwMode="auto">
              <a:xfrm>
                <a:off x="3751" y="2759"/>
                <a:ext cx="502" cy="541"/>
                <a:chOff x="3976" y="2396"/>
                <a:chExt cx="516" cy="557"/>
              </a:xfrm>
            </p:grpSpPr>
            <p:sp>
              <p:nvSpPr>
                <p:cNvPr id="262" name="Freeform 181"/>
                <p:cNvSpPr>
                  <a:spLocks/>
                </p:cNvSpPr>
                <p:nvPr/>
              </p:nvSpPr>
              <p:spPr bwMode="auto">
                <a:xfrm>
                  <a:off x="3976" y="2396"/>
                  <a:ext cx="516" cy="557"/>
                </a:xfrm>
                <a:custGeom>
                  <a:avLst/>
                  <a:gdLst>
                    <a:gd name="T0" fmla="*/ 490 w 516"/>
                    <a:gd name="T1" fmla="*/ 488 h 557"/>
                    <a:gd name="T2" fmla="*/ 490 w 516"/>
                    <a:gd name="T3" fmla="*/ 464 h 557"/>
                    <a:gd name="T4" fmla="*/ 487 w 516"/>
                    <a:gd name="T5" fmla="*/ 468 h 557"/>
                    <a:gd name="T6" fmla="*/ 485 w 516"/>
                    <a:gd name="T7" fmla="*/ 464 h 557"/>
                    <a:gd name="T8" fmla="*/ 480 w 516"/>
                    <a:gd name="T9" fmla="*/ 444 h 557"/>
                    <a:gd name="T10" fmla="*/ 489 w 516"/>
                    <a:gd name="T11" fmla="*/ 451 h 557"/>
                    <a:gd name="T12" fmla="*/ 485 w 516"/>
                    <a:gd name="T13" fmla="*/ 425 h 557"/>
                    <a:gd name="T14" fmla="*/ 494 w 516"/>
                    <a:gd name="T15" fmla="*/ 427 h 557"/>
                    <a:gd name="T16" fmla="*/ 497 w 516"/>
                    <a:gd name="T17" fmla="*/ 418 h 557"/>
                    <a:gd name="T18" fmla="*/ 497 w 516"/>
                    <a:gd name="T19" fmla="*/ 400 h 557"/>
                    <a:gd name="T20" fmla="*/ 504 w 516"/>
                    <a:gd name="T21" fmla="*/ 398 h 557"/>
                    <a:gd name="T22" fmla="*/ 507 w 516"/>
                    <a:gd name="T23" fmla="*/ 391 h 557"/>
                    <a:gd name="T24" fmla="*/ 499 w 516"/>
                    <a:gd name="T25" fmla="*/ 386 h 557"/>
                    <a:gd name="T26" fmla="*/ 499 w 516"/>
                    <a:gd name="T27" fmla="*/ 380 h 557"/>
                    <a:gd name="T28" fmla="*/ 501 w 516"/>
                    <a:gd name="T29" fmla="*/ 371 h 557"/>
                    <a:gd name="T30" fmla="*/ 506 w 516"/>
                    <a:gd name="T31" fmla="*/ 354 h 557"/>
                    <a:gd name="T32" fmla="*/ 509 w 516"/>
                    <a:gd name="T33" fmla="*/ 344 h 557"/>
                    <a:gd name="T34" fmla="*/ 502 w 516"/>
                    <a:gd name="T35" fmla="*/ 324 h 557"/>
                    <a:gd name="T36" fmla="*/ 502 w 516"/>
                    <a:gd name="T37" fmla="*/ 319 h 557"/>
                    <a:gd name="T38" fmla="*/ 502 w 516"/>
                    <a:gd name="T39" fmla="*/ 312 h 557"/>
                    <a:gd name="T40" fmla="*/ 490 w 516"/>
                    <a:gd name="T41" fmla="*/ 280 h 557"/>
                    <a:gd name="T42" fmla="*/ 467 w 516"/>
                    <a:gd name="T43" fmla="*/ 259 h 557"/>
                    <a:gd name="T44" fmla="*/ 453 w 516"/>
                    <a:gd name="T45" fmla="*/ 224 h 557"/>
                    <a:gd name="T46" fmla="*/ 430 w 516"/>
                    <a:gd name="T47" fmla="*/ 212 h 557"/>
                    <a:gd name="T48" fmla="*/ 419 w 516"/>
                    <a:gd name="T49" fmla="*/ 204 h 557"/>
                    <a:gd name="T50" fmla="*/ 402 w 516"/>
                    <a:gd name="T51" fmla="*/ 187 h 557"/>
                    <a:gd name="T52" fmla="*/ 389 w 516"/>
                    <a:gd name="T53" fmla="*/ 163 h 557"/>
                    <a:gd name="T54" fmla="*/ 374 w 516"/>
                    <a:gd name="T55" fmla="*/ 160 h 557"/>
                    <a:gd name="T56" fmla="*/ 367 w 516"/>
                    <a:gd name="T57" fmla="*/ 153 h 557"/>
                    <a:gd name="T58" fmla="*/ 355 w 516"/>
                    <a:gd name="T59" fmla="*/ 134 h 557"/>
                    <a:gd name="T60" fmla="*/ 343 w 516"/>
                    <a:gd name="T61" fmla="*/ 132 h 557"/>
                    <a:gd name="T62" fmla="*/ 328 w 516"/>
                    <a:gd name="T63" fmla="*/ 124 h 557"/>
                    <a:gd name="T64" fmla="*/ 318 w 516"/>
                    <a:gd name="T65" fmla="*/ 107 h 557"/>
                    <a:gd name="T66" fmla="*/ 301 w 516"/>
                    <a:gd name="T67" fmla="*/ 88 h 557"/>
                    <a:gd name="T68" fmla="*/ 287 w 516"/>
                    <a:gd name="T69" fmla="*/ 65 h 557"/>
                    <a:gd name="T70" fmla="*/ 282 w 516"/>
                    <a:gd name="T71" fmla="*/ 61 h 557"/>
                    <a:gd name="T72" fmla="*/ 262 w 516"/>
                    <a:gd name="T73" fmla="*/ 56 h 557"/>
                    <a:gd name="T74" fmla="*/ 252 w 516"/>
                    <a:gd name="T75" fmla="*/ 50 h 557"/>
                    <a:gd name="T76" fmla="*/ 235 w 516"/>
                    <a:gd name="T77" fmla="*/ 34 h 557"/>
                    <a:gd name="T78" fmla="*/ 252 w 516"/>
                    <a:gd name="T79" fmla="*/ 2 h 557"/>
                    <a:gd name="T80" fmla="*/ 73 w 516"/>
                    <a:gd name="T81" fmla="*/ 290 h 557"/>
                    <a:gd name="T82" fmla="*/ 93 w 516"/>
                    <a:gd name="T83" fmla="*/ 330 h 557"/>
                    <a:gd name="T84" fmla="*/ 100 w 516"/>
                    <a:gd name="T85" fmla="*/ 347 h 557"/>
                    <a:gd name="T86" fmla="*/ 105 w 516"/>
                    <a:gd name="T87" fmla="*/ 356 h 557"/>
                    <a:gd name="T88" fmla="*/ 105 w 516"/>
                    <a:gd name="T89" fmla="*/ 369 h 557"/>
                    <a:gd name="T90" fmla="*/ 96 w 516"/>
                    <a:gd name="T91" fmla="*/ 381 h 557"/>
                    <a:gd name="T92" fmla="*/ 95 w 516"/>
                    <a:gd name="T93" fmla="*/ 400 h 557"/>
                    <a:gd name="T94" fmla="*/ 93 w 516"/>
                    <a:gd name="T95" fmla="*/ 418 h 557"/>
                    <a:gd name="T96" fmla="*/ 98 w 516"/>
                    <a:gd name="T97" fmla="*/ 446 h 557"/>
                    <a:gd name="T98" fmla="*/ 105 w 516"/>
                    <a:gd name="T99" fmla="*/ 464 h 557"/>
                    <a:gd name="T100" fmla="*/ 105 w 516"/>
                    <a:gd name="T101" fmla="*/ 488 h 557"/>
                    <a:gd name="T102" fmla="*/ 418 w 516"/>
                    <a:gd name="T103" fmla="*/ 535 h 557"/>
                    <a:gd name="T104" fmla="*/ 441 w 516"/>
                    <a:gd name="T105" fmla="*/ 552 h 557"/>
                    <a:gd name="T106" fmla="*/ 440 w 516"/>
                    <a:gd name="T107" fmla="*/ 534 h 557"/>
                    <a:gd name="T108" fmla="*/ 435 w 516"/>
                    <a:gd name="T109" fmla="*/ 512 h 557"/>
                    <a:gd name="T110" fmla="*/ 443 w 516"/>
                    <a:gd name="T111" fmla="*/ 498 h 557"/>
                    <a:gd name="T112" fmla="*/ 462 w 516"/>
                    <a:gd name="T113" fmla="*/ 503 h 557"/>
                    <a:gd name="T114" fmla="*/ 485 w 516"/>
                    <a:gd name="T115" fmla="*/ 506 h 557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w 516"/>
                    <a:gd name="T175" fmla="*/ 0 h 557"/>
                    <a:gd name="T176" fmla="*/ 516 w 516"/>
                    <a:gd name="T177" fmla="*/ 557 h 557"/>
                  </a:gdLst>
                  <a:ahLst/>
                  <a:cxnLst>
                    <a:cxn ang="T116">
                      <a:pos x="T0" y="T1"/>
                    </a:cxn>
                    <a:cxn ang="T117">
                      <a:pos x="T2" y="T3"/>
                    </a:cxn>
                    <a:cxn ang="T118">
                      <a:pos x="T4" y="T5"/>
                    </a:cxn>
                    <a:cxn ang="T119">
                      <a:pos x="T6" y="T7"/>
                    </a:cxn>
                    <a:cxn ang="T120">
                      <a:pos x="T8" y="T9"/>
                    </a:cxn>
                    <a:cxn ang="T121">
                      <a:pos x="T10" y="T11"/>
                    </a:cxn>
                    <a:cxn ang="T122">
                      <a:pos x="T12" y="T13"/>
                    </a:cxn>
                    <a:cxn ang="T123">
                      <a:pos x="T14" y="T15"/>
                    </a:cxn>
                    <a:cxn ang="T124">
                      <a:pos x="T16" y="T17"/>
                    </a:cxn>
                    <a:cxn ang="T125">
                      <a:pos x="T18" y="T19"/>
                    </a:cxn>
                    <a:cxn ang="T126">
                      <a:pos x="T20" y="T21"/>
                    </a:cxn>
                    <a:cxn ang="T127">
                      <a:pos x="T22" y="T23"/>
                    </a:cxn>
                    <a:cxn ang="T128">
                      <a:pos x="T24" y="T25"/>
                    </a:cxn>
                    <a:cxn ang="T129">
                      <a:pos x="T26" y="T27"/>
                    </a:cxn>
                    <a:cxn ang="T130">
                      <a:pos x="T28" y="T29"/>
                    </a:cxn>
                    <a:cxn ang="T131">
                      <a:pos x="T30" y="T31"/>
                    </a:cxn>
                    <a:cxn ang="T132">
                      <a:pos x="T32" y="T33"/>
                    </a:cxn>
                    <a:cxn ang="T133">
                      <a:pos x="T34" y="T35"/>
                    </a:cxn>
                    <a:cxn ang="T134">
                      <a:pos x="T36" y="T37"/>
                    </a:cxn>
                    <a:cxn ang="T135">
                      <a:pos x="T38" y="T39"/>
                    </a:cxn>
                    <a:cxn ang="T136">
                      <a:pos x="T40" y="T41"/>
                    </a:cxn>
                    <a:cxn ang="T137">
                      <a:pos x="T42" y="T43"/>
                    </a:cxn>
                    <a:cxn ang="T138">
                      <a:pos x="T44" y="T45"/>
                    </a:cxn>
                    <a:cxn ang="T139">
                      <a:pos x="T46" y="T47"/>
                    </a:cxn>
                    <a:cxn ang="T140">
                      <a:pos x="T48" y="T49"/>
                    </a:cxn>
                    <a:cxn ang="T141">
                      <a:pos x="T50" y="T51"/>
                    </a:cxn>
                    <a:cxn ang="T142">
                      <a:pos x="T52" y="T53"/>
                    </a:cxn>
                    <a:cxn ang="T143">
                      <a:pos x="T54" y="T55"/>
                    </a:cxn>
                    <a:cxn ang="T144">
                      <a:pos x="T56" y="T57"/>
                    </a:cxn>
                    <a:cxn ang="T145">
                      <a:pos x="T58" y="T59"/>
                    </a:cxn>
                    <a:cxn ang="T146">
                      <a:pos x="T60" y="T61"/>
                    </a:cxn>
                    <a:cxn ang="T147">
                      <a:pos x="T62" y="T63"/>
                    </a:cxn>
                    <a:cxn ang="T148">
                      <a:pos x="T64" y="T65"/>
                    </a:cxn>
                    <a:cxn ang="T149">
                      <a:pos x="T66" y="T67"/>
                    </a:cxn>
                    <a:cxn ang="T150">
                      <a:pos x="T68" y="T69"/>
                    </a:cxn>
                    <a:cxn ang="T151">
                      <a:pos x="T70" y="T71"/>
                    </a:cxn>
                    <a:cxn ang="T152">
                      <a:pos x="T72" y="T73"/>
                    </a:cxn>
                    <a:cxn ang="T153">
                      <a:pos x="T74" y="T75"/>
                    </a:cxn>
                    <a:cxn ang="T154">
                      <a:pos x="T76" y="T77"/>
                    </a:cxn>
                    <a:cxn ang="T155">
                      <a:pos x="T78" y="T79"/>
                    </a:cxn>
                    <a:cxn ang="T156">
                      <a:pos x="T80" y="T81"/>
                    </a:cxn>
                    <a:cxn ang="T157">
                      <a:pos x="T82" y="T83"/>
                    </a:cxn>
                    <a:cxn ang="T158">
                      <a:pos x="T84" y="T85"/>
                    </a:cxn>
                    <a:cxn ang="T159">
                      <a:pos x="T86" y="T87"/>
                    </a:cxn>
                    <a:cxn ang="T160">
                      <a:pos x="T88" y="T89"/>
                    </a:cxn>
                    <a:cxn ang="T161">
                      <a:pos x="T90" y="T91"/>
                    </a:cxn>
                    <a:cxn ang="T162">
                      <a:pos x="T92" y="T93"/>
                    </a:cxn>
                    <a:cxn ang="T163">
                      <a:pos x="T94" y="T95"/>
                    </a:cxn>
                    <a:cxn ang="T164">
                      <a:pos x="T96" y="T97"/>
                    </a:cxn>
                    <a:cxn ang="T165">
                      <a:pos x="T98" y="T99"/>
                    </a:cxn>
                    <a:cxn ang="T166">
                      <a:pos x="T100" y="T101"/>
                    </a:cxn>
                    <a:cxn ang="T167">
                      <a:pos x="T102" y="T103"/>
                    </a:cxn>
                    <a:cxn ang="T168">
                      <a:pos x="T104" y="T105"/>
                    </a:cxn>
                    <a:cxn ang="T169">
                      <a:pos x="T106" y="T107"/>
                    </a:cxn>
                    <a:cxn ang="T170">
                      <a:pos x="T108" y="T109"/>
                    </a:cxn>
                    <a:cxn ang="T171">
                      <a:pos x="T110" y="T111"/>
                    </a:cxn>
                    <a:cxn ang="T172">
                      <a:pos x="T112" y="T113"/>
                    </a:cxn>
                    <a:cxn ang="T173">
                      <a:pos x="T114" y="T115"/>
                    </a:cxn>
                  </a:cxnLst>
                  <a:rect l="T174" t="T175" r="T176" b="T177"/>
                  <a:pathLst>
                    <a:path w="516" h="557">
                      <a:moveTo>
                        <a:pt x="492" y="498"/>
                      </a:moveTo>
                      <a:lnTo>
                        <a:pt x="487" y="493"/>
                      </a:lnTo>
                      <a:lnTo>
                        <a:pt x="485" y="490"/>
                      </a:lnTo>
                      <a:lnTo>
                        <a:pt x="490" y="488"/>
                      </a:lnTo>
                      <a:lnTo>
                        <a:pt x="492" y="474"/>
                      </a:lnTo>
                      <a:lnTo>
                        <a:pt x="489" y="474"/>
                      </a:lnTo>
                      <a:lnTo>
                        <a:pt x="489" y="471"/>
                      </a:lnTo>
                      <a:lnTo>
                        <a:pt x="490" y="464"/>
                      </a:lnTo>
                      <a:lnTo>
                        <a:pt x="485" y="462"/>
                      </a:lnTo>
                      <a:lnTo>
                        <a:pt x="487" y="464"/>
                      </a:lnTo>
                      <a:lnTo>
                        <a:pt x="487" y="466"/>
                      </a:lnTo>
                      <a:lnTo>
                        <a:pt x="487" y="468"/>
                      </a:lnTo>
                      <a:lnTo>
                        <a:pt x="487" y="469"/>
                      </a:lnTo>
                      <a:lnTo>
                        <a:pt x="487" y="468"/>
                      </a:lnTo>
                      <a:lnTo>
                        <a:pt x="485" y="464"/>
                      </a:lnTo>
                      <a:lnTo>
                        <a:pt x="482" y="457"/>
                      </a:lnTo>
                      <a:lnTo>
                        <a:pt x="480" y="449"/>
                      </a:lnTo>
                      <a:lnTo>
                        <a:pt x="480" y="446"/>
                      </a:lnTo>
                      <a:lnTo>
                        <a:pt x="480" y="444"/>
                      </a:lnTo>
                      <a:lnTo>
                        <a:pt x="482" y="444"/>
                      </a:lnTo>
                      <a:lnTo>
                        <a:pt x="485" y="446"/>
                      </a:lnTo>
                      <a:lnTo>
                        <a:pt x="487" y="449"/>
                      </a:lnTo>
                      <a:lnTo>
                        <a:pt x="489" y="451"/>
                      </a:lnTo>
                      <a:lnTo>
                        <a:pt x="489" y="432"/>
                      </a:lnTo>
                      <a:lnTo>
                        <a:pt x="485" y="425"/>
                      </a:lnTo>
                      <a:lnTo>
                        <a:pt x="487" y="427"/>
                      </a:lnTo>
                      <a:lnTo>
                        <a:pt x="489" y="427"/>
                      </a:lnTo>
                      <a:lnTo>
                        <a:pt x="490" y="427"/>
                      </a:lnTo>
                      <a:lnTo>
                        <a:pt x="494" y="427"/>
                      </a:lnTo>
                      <a:lnTo>
                        <a:pt x="496" y="427"/>
                      </a:lnTo>
                      <a:lnTo>
                        <a:pt x="497" y="427"/>
                      </a:lnTo>
                      <a:lnTo>
                        <a:pt x="497" y="418"/>
                      </a:lnTo>
                      <a:lnTo>
                        <a:pt x="497" y="412"/>
                      </a:lnTo>
                      <a:lnTo>
                        <a:pt x="497" y="407"/>
                      </a:lnTo>
                      <a:lnTo>
                        <a:pt x="497" y="403"/>
                      </a:lnTo>
                      <a:lnTo>
                        <a:pt x="497" y="400"/>
                      </a:lnTo>
                      <a:lnTo>
                        <a:pt x="499" y="398"/>
                      </a:lnTo>
                      <a:lnTo>
                        <a:pt x="504" y="398"/>
                      </a:lnTo>
                      <a:lnTo>
                        <a:pt x="506" y="396"/>
                      </a:lnTo>
                      <a:lnTo>
                        <a:pt x="507" y="395"/>
                      </a:lnTo>
                      <a:lnTo>
                        <a:pt x="507" y="393"/>
                      </a:lnTo>
                      <a:lnTo>
                        <a:pt x="507" y="391"/>
                      </a:lnTo>
                      <a:lnTo>
                        <a:pt x="506" y="391"/>
                      </a:lnTo>
                      <a:lnTo>
                        <a:pt x="506" y="390"/>
                      </a:lnTo>
                      <a:lnTo>
                        <a:pt x="504" y="390"/>
                      </a:lnTo>
                      <a:lnTo>
                        <a:pt x="499" y="386"/>
                      </a:lnTo>
                      <a:lnTo>
                        <a:pt x="497" y="385"/>
                      </a:lnTo>
                      <a:lnTo>
                        <a:pt x="496" y="383"/>
                      </a:lnTo>
                      <a:lnTo>
                        <a:pt x="497" y="381"/>
                      </a:lnTo>
                      <a:lnTo>
                        <a:pt x="499" y="380"/>
                      </a:lnTo>
                      <a:lnTo>
                        <a:pt x="501" y="380"/>
                      </a:lnTo>
                      <a:lnTo>
                        <a:pt x="502" y="380"/>
                      </a:lnTo>
                      <a:lnTo>
                        <a:pt x="504" y="378"/>
                      </a:lnTo>
                      <a:lnTo>
                        <a:pt x="501" y="371"/>
                      </a:lnTo>
                      <a:lnTo>
                        <a:pt x="501" y="364"/>
                      </a:lnTo>
                      <a:lnTo>
                        <a:pt x="502" y="361"/>
                      </a:lnTo>
                      <a:lnTo>
                        <a:pt x="504" y="356"/>
                      </a:lnTo>
                      <a:lnTo>
                        <a:pt x="506" y="354"/>
                      </a:lnTo>
                      <a:lnTo>
                        <a:pt x="507" y="352"/>
                      </a:lnTo>
                      <a:lnTo>
                        <a:pt x="509" y="352"/>
                      </a:lnTo>
                      <a:lnTo>
                        <a:pt x="509" y="351"/>
                      </a:lnTo>
                      <a:lnTo>
                        <a:pt x="509" y="344"/>
                      </a:lnTo>
                      <a:lnTo>
                        <a:pt x="516" y="339"/>
                      </a:lnTo>
                      <a:lnTo>
                        <a:pt x="514" y="330"/>
                      </a:lnTo>
                      <a:lnTo>
                        <a:pt x="506" y="329"/>
                      </a:lnTo>
                      <a:lnTo>
                        <a:pt x="502" y="324"/>
                      </a:lnTo>
                      <a:lnTo>
                        <a:pt x="504" y="324"/>
                      </a:lnTo>
                      <a:lnTo>
                        <a:pt x="504" y="322"/>
                      </a:lnTo>
                      <a:lnTo>
                        <a:pt x="502" y="320"/>
                      </a:lnTo>
                      <a:lnTo>
                        <a:pt x="502" y="319"/>
                      </a:lnTo>
                      <a:lnTo>
                        <a:pt x="502" y="317"/>
                      </a:lnTo>
                      <a:lnTo>
                        <a:pt x="502" y="315"/>
                      </a:lnTo>
                      <a:lnTo>
                        <a:pt x="502" y="314"/>
                      </a:lnTo>
                      <a:lnTo>
                        <a:pt x="502" y="312"/>
                      </a:lnTo>
                      <a:lnTo>
                        <a:pt x="501" y="298"/>
                      </a:lnTo>
                      <a:lnTo>
                        <a:pt x="496" y="288"/>
                      </a:lnTo>
                      <a:lnTo>
                        <a:pt x="490" y="280"/>
                      </a:lnTo>
                      <a:lnTo>
                        <a:pt x="484" y="271"/>
                      </a:lnTo>
                      <a:lnTo>
                        <a:pt x="477" y="266"/>
                      </a:lnTo>
                      <a:lnTo>
                        <a:pt x="470" y="263"/>
                      </a:lnTo>
                      <a:lnTo>
                        <a:pt x="467" y="259"/>
                      </a:lnTo>
                      <a:lnTo>
                        <a:pt x="465" y="258"/>
                      </a:lnTo>
                      <a:lnTo>
                        <a:pt x="463" y="242"/>
                      </a:lnTo>
                      <a:lnTo>
                        <a:pt x="460" y="232"/>
                      </a:lnTo>
                      <a:lnTo>
                        <a:pt x="453" y="224"/>
                      </a:lnTo>
                      <a:lnTo>
                        <a:pt x="446" y="219"/>
                      </a:lnTo>
                      <a:lnTo>
                        <a:pt x="440" y="215"/>
                      </a:lnTo>
                      <a:lnTo>
                        <a:pt x="435" y="214"/>
                      </a:lnTo>
                      <a:lnTo>
                        <a:pt x="430" y="212"/>
                      </a:lnTo>
                      <a:lnTo>
                        <a:pt x="428" y="212"/>
                      </a:lnTo>
                      <a:lnTo>
                        <a:pt x="428" y="210"/>
                      </a:lnTo>
                      <a:lnTo>
                        <a:pt x="424" y="209"/>
                      </a:lnTo>
                      <a:lnTo>
                        <a:pt x="419" y="204"/>
                      </a:lnTo>
                      <a:lnTo>
                        <a:pt x="414" y="200"/>
                      </a:lnTo>
                      <a:lnTo>
                        <a:pt x="409" y="195"/>
                      </a:lnTo>
                      <a:lnTo>
                        <a:pt x="406" y="190"/>
                      </a:lnTo>
                      <a:lnTo>
                        <a:pt x="402" y="187"/>
                      </a:lnTo>
                      <a:lnTo>
                        <a:pt x="401" y="183"/>
                      </a:lnTo>
                      <a:lnTo>
                        <a:pt x="397" y="175"/>
                      </a:lnTo>
                      <a:lnTo>
                        <a:pt x="392" y="168"/>
                      </a:lnTo>
                      <a:lnTo>
                        <a:pt x="389" y="163"/>
                      </a:lnTo>
                      <a:lnTo>
                        <a:pt x="384" y="161"/>
                      </a:lnTo>
                      <a:lnTo>
                        <a:pt x="380" y="160"/>
                      </a:lnTo>
                      <a:lnTo>
                        <a:pt x="377" y="160"/>
                      </a:lnTo>
                      <a:lnTo>
                        <a:pt x="374" y="160"/>
                      </a:lnTo>
                      <a:lnTo>
                        <a:pt x="372" y="158"/>
                      </a:lnTo>
                      <a:lnTo>
                        <a:pt x="370" y="154"/>
                      </a:lnTo>
                      <a:lnTo>
                        <a:pt x="367" y="153"/>
                      </a:lnTo>
                      <a:lnTo>
                        <a:pt x="365" y="149"/>
                      </a:lnTo>
                      <a:lnTo>
                        <a:pt x="362" y="143"/>
                      </a:lnTo>
                      <a:lnTo>
                        <a:pt x="358" y="138"/>
                      </a:lnTo>
                      <a:lnTo>
                        <a:pt x="355" y="134"/>
                      </a:lnTo>
                      <a:lnTo>
                        <a:pt x="352" y="132"/>
                      </a:lnTo>
                      <a:lnTo>
                        <a:pt x="348" y="131"/>
                      </a:lnTo>
                      <a:lnTo>
                        <a:pt x="347" y="132"/>
                      </a:lnTo>
                      <a:lnTo>
                        <a:pt x="343" y="132"/>
                      </a:lnTo>
                      <a:lnTo>
                        <a:pt x="336" y="131"/>
                      </a:lnTo>
                      <a:lnTo>
                        <a:pt x="331" y="129"/>
                      </a:lnTo>
                      <a:lnTo>
                        <a:pt x="328" y="124"/>
                      </a:lnTo>
                      <a:lnTo>
                        <a:pt x="325" y="119"/>
                      </a:lnTo>
                      <a:lnTo>
                        <a:pt x="321" y="114"/>
                      </a:lnTo>
                      <a:lnTo>
                        <a:pt x="320" y="110"/>
                      </a:lnTo>
                      <a:lnTo>
                        <a:pt x="318" y="107"/>
                      </a:lnTo>
                      <a:lnTo>
                        <a:pt x="318" y="105"/>
                      </a:lnTo>
                      <a:lnTo>
                        <a:pt x="313" y="102"/>
                      </a:lnTo>
                      <a:lnTo>
                        <a:pt x="306" y="95"/>
                      </a:lnTo>
                      <a:lnTo>
                        <a:pt x="301" y="88"/>
                      </a:lnTo>
                      <a:lnTo>
                        <a:pt x="296" y="82"/>
                      </a:lnTo>
                      <a:lnTo>
                        <a:pt x="292" y="75"/>
                      </a:lnTo>
                      <a:lnTo>
                        <a:pt x="291" y="68"/>
                      </a:lnTo>
                      <a:lnTo>
                        <a:pt x="287" y="65"/>
                      </a:lnTo>
                      <a:lnTo>
                        <a:pt x="287" y="63"/>
                      </a:lnTo>
                      <a:lnTo>
                        <a:pt x="287" y="61"/>
                      </a:lnTo>
                      <a:lnTo>
                        <a:pt x="284" y="61"/>
                      </a:lnTo>
                      <a:lnTo>
                        <a:pt x="282" y="61"/>
                      </a:lnTo>
                      <a:lnTo>
                        <a:pt x="281" y="60"/>
                      </a:lnTo>
                      <a:lnTo>
                        <a:pt x="274" y="60"/>
                      </a:lnTo>
                      <a:lnTo>
                        <a:pt x="267" y="58"/>
                      </a:lnTo>
                      <a:lnTo>
                        <a:pt x="262" y="56"/>
                      </a:lnTo>
                      <a:lnTo>
                        <a:pt x="259" y="55"/>
                      </a:lnTo>
                      <a:lnTo>
                        <a:pt x="255" y="53"/>
                      </a:lnTo>
                      <a:lnTo>
                        <a:pt x="254" y="51"/>
                      </a:lnTo>
                      <a:lnTo>
                        <a:pt x="252" y="50"/>
                      </a:lnTo>
                      <a:lnTo>
                        <a:pt x="240" y="48"/>
                      </a:lnTo>
                      <a:lnTo>
                        <a:pt x="235" y="43"/>
                      </a:lnTo>
                      <a:lnTo>
                        <a:pt x="235" y="34"/>
                      </a:lnTo>
                      <a:lnTo>
                        <a:pt x="237" y="24"/>
                      </a:lnTo>
                      <a:lnTo>
                        <a:pt x="242" y="16"/>
                      </a:lnTo>
                      <a:lnTo>
                        <a:pt x="248" y="7"/>
                      </a:lnTo>
                      <a:lnTo>
                        <a:pt x="252" y="2"/>
                      </a:lnTo>
                      <a:lnTo>
                        <a:pt x="254" y="0"/>
                      </a:lnTo>
                      <a:lnTo>
                        <a:pt x="130" y="19"/>
                      </a:lnTo>
                      <a:lnTo>
                        <a:pt x="0" y="33"/>
                      </a:lnTo>
                      <a:lnTo>
                        <a:pt x="73" y="290"/>
                      </a:lnTo>
                      <a:lnTo>
                        <a:pt x="89" y="327"/>
                      </a:lnTo>
                      <a:lnTo>
                        <a:pt x="91" y="329"/>
                      </a:lnTo>
                      <a:lnTo>
                        <a:pt x="93" y="330"/>
                      </a:lnTo>
                      <a:lnTo>
                        <a:pt x="95" y="334"/>
                      </a:lnTo>
                      <a:lnTo>
                        <a:pt x="96" y="337"/>
                      </a:lnTo>
                      <a:lnTo>
                        <a:pt x="100" y="341"/>
                      </a:lnTo>
                      <a:lnTo>
                        <a:pt x="100" y="347"/>
                      </a:lnTo>
                      <a:lnTo>
                        <a:pt x="100" y="352"/>
                      </a:lnTo>
                      <a:lnTo>
                        <a:pt x="101" y="354"/>
                      </a:lnTo>
                      <a:lnTo>
                        <a:pt x="103" y="356"/>
                      </a:lnTo>
                      <a:lnTo>
                        <a:pt x="105" y="356"/>
                      </a:lnTo>
                      <a:lnTo>
                        <a:pt x="108" y="358"/>
                      </a:lnTo>
                      <a:lnTo>
                        <a:pt x="108" y="361"/>
                      </a:lnTo>
                      <a:lnTo>
                        <a:pt x="108" y="364"/>
                      </a:lnTo>
                      <a:lnTo>
                        <a:pt x="105" y="369"/>
                      </a:lnTo>
                      <a:lnTo>
                        <a:pt x="98" y="376"/>
                      </a:lnTo>
                      <a:lnTo>
                        <a:pt x="98" y="378"/>
                      </a:lnTo>
                      <a:lnTo>
                        <a:pt x="96" y="378"/>
                      </a:lnTo>
                      <a:lnTo>
                        <a:pt x="96" y="381"/>
                      </a:lnTo>
                      <a:lnTo>
                        <a:pt x="96" y="383"/>
                      </a:lnTo>
                      <a:lnTo>
                        <a:pt x="95" y="388"/>
                      </a:lnTo>
                      <a:lnTo>
                        <a:pt x="95" y="393"/>
                      </a:lnTo>
                      <a:lnTo>
                        <a:pt x="95" y="400"/>
                      </a:lnTo>
                      <a:lnTo>
                        <a:pt x="95" y="407"/>
                      </a:lnTo>
                      <a:lnTo>
                        <a:pt x="95" y="410"/>
                      </a:lnTo>
                      <a:lnTo>
                        <a:pt x="93" y="413"/>
                      </a:lnTo>
                      <a:lnTo>
                        <a:pt x="93" y="418"/>
                      </a:lnTo>
                      <a:lnTo>
                        <a:pt x="93" y="424"/>
                      </a:lnTo>
                      <a:lnTo>
                        <a:pt x="93" y="432"/>
                      </a:lnTo>
                      <a:lnTo>
                        <a:pt x="95" y="439"/>
                      </a:lnTo>
                      <a:lnTo>
                        <a:pt x="98" y="446"/>
                      </a:lnTo>
                      <a:lnTo>
                        <a:pt x="103" y="451"/>
                      </a:lnTo>
                      <a:lnTo>
                        <a:pt x="103" y="454"/>
                      </a:lnTo>
                      <a:lnTo>
                        <a:pt x="103" y="457"/>
                      </a:lnTo>
                      <a:lnTo>
                        <a:pt x="105" y="464"/>
                      </a:lnTo>
                      <a:lnTo>
                        <a:pt x="105" y="471"/>
                      </a:lnTo>
                      <a:lnTo>
                        <a:pt x="105" y="478"/>
                      </a:lnTo>
                      <a:lnTo>
                        <a:pt x="105" y="483"/>
                      </a:lnTo>
                      <a:lnTo>
                        <a:pt x="105" y="488"/>
                      </a:lnTo>
                      <a:lnTo>
                        <a:pt x="105" y="490"/>
                      </a:lnTo>
                      <a:lnTo>
                        <a:pt x="122" y="522"/>
                      </a:lnTo>
                      <a:lnTo>
                        <a:pt x="139" y="554"/>
                      </a:lnTo>
                      <a:lnTo>
                        <a:pt x="418" y="535"/>
                      </a:lnTo>
                      <a:lnTo>
                        <a:pt x="428" y="557"/>
                      </a:lnTo>
                      <a:lnTo>
                        <a:pt x="443" y="557"/>
                      </a:lnTo>
                      <a:lnTo>
                        <a:pt x="443" y="556"/>
                      </a:lnTo>
                      <a:lnTo>
                        <a:pt x="441" y="552"/>
                      </a:lnTo>
                      <a:lnTo>
                        <a:pt x="441" y="549"/>
                      </a:lnTo>
                      <a:lnTo>
                        <a:pt x="441" y="544"/>
                      </a:lnTo>
                      <a:lnTo>
                        <a:pt x="440" y="539"/>
                      </a:lnTo>
                      <a:lnTo>
                        <a:pt x="440" y="534"/>
                      </a:lnTo>
                      <a:lnTo>
                        <a:pt x="440" y="530"/>
                      </a:lnTo>
                      <a:lnTo>
                        <a:pt x="440" y="528"/>
                      </a:lnTo>
                      <a:lnTo>
                        <a:pt x="435" y="520"/>
                      </a:lnTo>
                      <a:lnTo>
                        <a:pt x="435" y="512"/>
                      </a:lnTo>
                      <a:lnTo>
                        <a:pt x="435" y="506"/>
                      </a:lnTo>
                      <a:lnTo>
                        <a:pt x="438" y="503"/>
                      </a:lnTo>
                      <a:lnTo>
                        <a:pt x="441" y="500"/>
                      </a:lnTo>
                      <a:lnTo>
                        <a:pt x="443" y="498"/>
                      </a:lnTo>
                      <a:lnTo>
                        <a:pt x="446" y="498"/>
                      </a:lnTo>
                      <a:lnTo>
                        <a:pt x="448" y="498"/>
                      </a:lnTo>
                      <a:lnTo>
                        <a:pt x="453" y="501"/>
                      </a:lnTo>
                      <a:lnTo>
                        <a:pt x="462" y="503"/>
                      </a:lnTo>
                      <a:lnTo>
                        <a:pt x="468" y="505"/>
                      </a:lnTo>
                      <a:lnTo>
                        <a:pt x="475" y="506"/>
                      </a:lnTo>
                      <a:lnTo>
                        <a:pt x="482" y="506"/>
                      </a:lnTo>
                      <a:lnTo>
                        <a:pt x="485" y="506"/>
                      </a:lnTo>
                      <a:lnTo>
                        <a:pt x="489" y="506"/>
                      </a:lnTo>
                      <a:lnTo>
                        <a:pt x="490" y="506"/>
                      </a:lnTo>
                      <a:lnTo>
                        <a:pt x="492" y="498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63" name="Freeform 182"/>
                <p:cNvSpPr>
                  <a:spLocks/>
                </p:cNvSpPr>
                <p:nvPr/>
              </p:nvSpPr>
              <p:spPr bwMode="auto">
                <a:xfrm>
                  <a:off x="3976" y="2396"/>
                  <a:ext cx="516" cy="557"/>
                </a:xfrm>
                <a:custGeom>
                  <a:avLst/>
                  <a:gdLst>
                    <a:gd name="T0" fmla="*/ 492 w 516"/>
                    <a:gd name="T1" fmla="*/ 474 h 557"/>
                    <a:gd name="T2" fmla="*/ 485 w 516"/>
                    <a:gd name="T3" fmla="*/ 462 h 557"/>
                    <a:gd name="T4" fmla="*/ 487 w 516"/>
                    <a:gd name="T5" fmla="*/ 469 h 557"/>
                    <a:gd name="T6" fmla="*/ 480 w 516"/>
                    <a:gd name="T7" fmla="*/ 449 h 557"/>
                    <a:gd name="T8" fmla="*/ 487 w 516"/>
                    <a:gd name="T9" fmla="*/ 449 h 557"/>
                    <a:gd name="T10" fmla="*/ 485 w 516"/>
                    <a:gd name="T11" fmla="*/ 425 h 557"/>
                    <a:gd name="T12" fmla="*/ 494 w 516"/>
                    <a:gd name="T13" fmla="*/ 427 h 557"/>
                    <a:gd name="T14" fmla="*/ 497 w 516"/>
                    <a:gd name="T15" fmla="*/ 418 h 557"/>
                    <a:gd name="T16" fmla="*/ 499 w 516"/>
                    <a:gd name="T17" fmla="*/ 398 h 557"/>
                    <a:gd name="T18" fmla="*/ 506 w 516"/>
                    <a:gd name="T19" fmla="*/ 396 h 557"/>
                    <a:gd name="T20" fmla="*/ 506 w 516"/>
                    <a:gd name="T21" fmla="*/ 390 h 557"/>
                    <a:gd name="T22" fmla="*/ 496 w 516"/>
                    <a:gd name="T23" fmla="*/ 383 h 557"/>
                    <a:gd name="T24" fmla="*/ 504 w 516"/>
                    <a:gd name="T25" fmla="*/ 378 h 557"/>
                    <a:gd name="T26" fmla="*/ 504 w 516"/>
                    <a:gd name="T27" fmla="*/ 356 h 557"/>
                    <a:gd name="T28" fmla="*/ 509 w 516"/>
                    <a:gd name="T29" fmla="*/ 344 h 557"/>
                    <a:gd name="T30" fmla="*/ 504 w 516"/>
                    <a:gd name="T31" fmla="*/ 324 h 557"/>
                    <a:gd name="T32" fmla="*/ 502 w 516"/>
                    <a:gd name="T33" fmla="*/ 317 h 557"/>
                    <a:gd name="T34" fmla="*/ 502 w 516"/>
                    <a:gd name="T35" fmla="*/ 312 h 557"/>
                    <a:gd name="T36" fmla="*/ 477 w 516"/>
                    <a:gd name="T37" fmla="*/ 266 h 557"/>
                    <a:gd name="T38" fmla="*/ 463 w 516"/>
                    <a:gd name="T39" fmla="*/ 242 h 557"/>
                    <a:gd name="T40" fmla="*/ 435 w 516"/>
                    <a:gd name="T41" fmla="*/ 214 h 557"/>
                    <a:gd name="T42" fmla="*/ 424 w 516"/>
                    <a:gd name="T43" fmla="*/ 209 h 557"/>
                    <a:gd name="T44" fmla="*/ 402 w 516"/>
                    <a:gd name="T45" fmla="*/ 187 h 557"/>
                    <a:gd name="T46" fmla="*/ 389 w 516"/>
                    <a:gd name="T47" fmla="*/ 163 h 557"/>
                    <a:gd name="T48" fmla="*/ 374 w 516"/>
                    <a:gd name="T49" fmla="*/ 160 h 557"/>
                    <a:gd name="T50" fmla="*/ 365 w 516"/>
                    <a:gd name="T51" fmla="*/ 149 h 557"/>
                    <a:gd name="T52" fmla="*/ 352 w 516"/>
                    <a:gd name="T53" fmla="*/ 132 h 557"/>
                    <a:gd name="T54" fmla="*/ 343 w 516"/>
                    <a:gd name="T55" fmla="*/ 132 h 557"/>
                    <a:gd name="T56" fmla="*/ 321 w 516"/>
                    <a:gd name="T57" fmla="*/ 114 h 557"/>
                    <a:gd name="T58" fmla="*/ 313 w 516"/>
                    <a:gd name="T59" fmla="*/ 102 h 557"/>
                    <a:gd name="T60" fmla="*/ 291 w 516"/>
                    <a:gd name="T61" fmla="*/ 68 h 557"/>
                    <a:gd name="T62" fmla="*/ 284 w 516"/>
                    <a:gd name="T63" fmla="*/ 61 h 557"/>
                    <a:gd name="T64" fmla="*/ 267 w 516"/>
                    <a:gd name="T65" fmla="*/ 58 h 557"/>
                    <a:gd name="T66" fmla="*/ 252 w 516"/>
                    <a:gd name="T67" fmla="*/ 50 h 557"/>
                    <a:gd name="T68" fmla="*/ 235 w 516"/>
                    <a:gd name="T69" fmla="*/ 34 h 557"/>
                    <a:gd name="T70" fmla="*/ 254 w 516"/>
                    <a:gd name="T71" fmla="*/ 0 h 557"/>
                    <a:gd name="T72" fmla="*/ 89 w 516"/>
                    <a:gd name="T73" fmla="*/ 327 h 557"/>
                    <a:gd name="T74" fmla="*/ 96 w 516"/>
                    <a:gd name="T75" fmla="*/ 337 h 557"/>
                    <a:gd name="T76" fmla="*/ 101 w 516"/>
                    <a:gd name="T77" fmla="*/ 354 h 557"/>
                    <a:gd name="T78" fmla="*/ 108 w 516"/>
                    <a:gd name="T79" fmla="*/ 364 h 557"/>
                    <a:gd name="T80" fmla="*/ 96 w 516"/>
                    <a:gd name="T81" fmla="*/ 378 h 557"/>
                    <a:gd name="T82" fmla="*/ 95 w 516"/>
                    <a:gd name="T83" fmla="*/ 400 h 557"/>
                    <a:gd name="T84" fmla="*/ 93 w 516"/>
                    <a:gd name="T85" fmla="*/ 418 h 557"/>
                    <a:gd name="T86" fmla="*/ 103 w 516"/>
                    <a:gd name="T87" fmla="*/ 451 h 557"/>
                    <a:gd name="T88" fmla="*/ 105 w 516"/>
                    <a:gd name="T89" fmla="*/ 471 h 557"/>
                    <a:gd name="T90" fmla="*/ 122 w 516"/>
                    <a:gd name="T91" fmla="*/ 522 h 557"/>
                    <a:gd name="T92" fmla="*/ 443 w 516"/>
                    <a:gd name="T93" fmla="*/ 557 h 557"/>
                    <a:gd name="T94" fmla="*/ 440 w 516"/>
                    <a:gd name="T95" fmla="*/ 539 h 557"/>
                    <a:gd name="T96" fmla="*/ 435 w 516"/>
                    <a:gd name="T97" fmla="*/ 520 h 557"/>
                    <a:gd name="T98" fmla="*/ 443 w 516"/>
                    <a:gd name="T99" fmla="*/ 498 h 557"/>
                    <a:gd name="T100" fmla="*/ 462 w 516"/>
                    <a:gd name="T101" fmla="*/ 503 h 557"/>
                    <a:gd name="T102" fmla="*/ 489 w 516"/>
                    <a:gd name="T103" fmla="*/ 506 h 557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w 516"/>
                    <a:gd name="T157" fmla="*/ 0 h 557"/>
                    <a:gd name="T158" fmla="*/ 516 w 516"/>
                    <a:gd name="T159" fmla="*/ 557 h 557"/>
                  </a:gdLst>
                  <a:ahLst/>
                  <a:cxnLst>
                    <a:cxn ang="T104">
                      <a:pos x="T0" y="T1"/>
                    </a:cxn>
                    <a:cxn ang="T105">
                      <a:pos x="T2" y="T3"/>
                    </a:cxn>
                    <a:cxn ang="T106">
                      <a:pos x="T4" y="T5"/>
                    </a:cxn>
                    <a:cxn ang="T107">
                      <a:pos x="T6" y="T7"/>
                    </a:cxn>
                    <a:cxn ang="T108">
                      <a:pos x="T8" y="T9"/>
                    </a:cxn>
                    <a:cxn ang="T109">
                      <a:pos x="T10" y="T11"/>
                    </a:cxn>
                    <a:cxn ang="T110">
                      <a:pos x="T12" y="T13"/>
                    </a:cxn>
                    <a:cxn ang="T111">
                      <a:pos x="T14" y="T15"/>
                    </a:cxn>
                    <a:cxn ang="T112">
                      <a:pos x="T16" y="T17"/>
                    </a:cxn>
                    <a:cxn ang="T113">
                      <a:pos x="T18" y="T19"/>
                    </a:cxn>
                    <a:cxn ang="T114">
                      <a:pos x="T20" y="T21"/>
                    </a:cxn>
                    <a:cxn ang="T115">
                      <a:pos x="T22" y="T23"/>
                    </a:cxn>
                    <a:cxn ang="T116">
                      <a:pos x="T24" y="T25"/>
                    </a:cxn>
                    <a:cxn ang="T117">
                      <a:pos x="T26" y="T27"/>
                    </a:cxn>
                    <a:cxn ang="T118">
                      <a:pos x="T28" y="T29"/>
                    </a:cxn>
                    <a:cxn ang="T119">
                      <a:pos x="T30" y="T31"/>
                    </a:cxn>
                    <a:cxn ang="T120">
                      <a:pos x="T32" y="T33"/>
                    </a:cxn>
                    <a:cxn ang="T121">
                      <a:pos x="T34" y="T35"/>
                    </a:cxn>
                    <a:cxn ang="T122">
                      <a:pos x="T36" y="T37"/>
                    </a:cxn>
                    <a:cxn ang="T123">
                      <a:pos x="T38" y="T39"/>
                    </a:cxn>
                    <a:cxn ang="T124">
                      <a:pos x="T40" y="T41"/>
                    </a:cxn>
                    <a:cxn ang="T125">
                      <a:pos x="T42" y="T43"/>
                    </a:cxn>
                    <a:cxn ang="T126">
                      <a:pos x="T44" y="T45"/>
                    </a:cxn>
                    <a:cxn ang="T127">
                      <a:pos x="T46" y="T47"/>
                    </a:cxn>
                    <a:cxn ang="T128">
                      <a:pos x="T48" y="T49"/>
                    </a:cxn>
                    <a:cxn ang="T129">
                      <a:pos x="T50" y="T51"/>
                    </a:cxn>
                    <a:cxn ang="T130">
                      <a:pos x="T52" y="T53"/>
                    </a:cxn>
                    <a:cxn ang="T131">
                      <a:pos x="T54" y="T55"/>
                    </a:cxn>
                    <a:cxn ang="T132">
                      <a:pos x="T56" y="T57"/>
                    </a:cxn>
                    <a:cxn ang="T133">
                      <a:pos x="T58" y="T59"/>
                    </a:cxn>
                    <a:cxn ang="T134">
                      <a:pos x="T60" y="T61"/>
                    </a:cxn>
                    <a:cxn ang="T135">
                      <a:pos x="T62" y="T63"/>
                    </a:cxn>
                    <a:cxn ang="T136">
                      <a:pos x="T64" y="T65"/>
                    </a:cxn>
                    <a:cxn ang="T137">
                      <a:pos x="T66" y="T67"/>
                    </a:cxn>
                    <a:cxn ang="T138">
                      <a:pos x="T68" y="T69"/>
                    </a:cxn>
                    <a:cxn ang="T139">
                      <a:pos x="T70" y="T71"/>
                    </a:cxn>
                    <a:cxn ang="T140">
                      <a:pos x="T72" y="T73"/>
                    </a:cxn>
                    <a:cxn ang="T141">
                      <a:pos x="T74" y="T75"/>
                    </a:cxn>
                    <a:cxn ang="T142">
                      <a:pos x="T76" y="T77"/>
                    </a:cxn>
                    <a:cxn ang="T143">
                      <a:pos x="T78" y="T79"/>
                    </a:cxn>
                    <a:cxn ang="T144">
                      <a:pos x="T80" y="T81"/>
                    </a:cxn>
                    <a:cxn ang="T145">
                      <a:pos x="T82" y="T83"/>
                    </a:cxn>
                    <a:cxn ang="T146">
                      <a:pos x="T84" y="T85"/>
                    </a:cxn>
                    <a:cxn ang="T147">
                      <a:pos x="T86" y="T87"/>
                    </a:cxn>
                    <a:cxn ang="T148">
                      <a:pos x="T88" y="T89"/>
                    </a:cxn>
                    <a:cxn ang="T149">
                      <a:pos x="T90" y="T91"/>
                    </a:cxn>
                    <a:cxn ang="T150">
                      <a:pos x="T92" y="T93"/>
                    </a:cxn>
                    <a:cxn ang="T151">
                      <a:pos x="T94" y="T95"/>
                    </a:cxn>
                    <a:cxn ang="T152">
                      <a:pos x="T96" y="T97"/>
                    </a:cxn>
                    <a:cxn ang="T153">
                      <a:pos x="T98" y="T99"/>
                    </a:cxn>
                    <a:cxn ang="T154">
                      <a:pos x="T100" y="T101"/>
                    </a:cxn>
                    <a:cxn ang="T155">
                      <a:pos x="T102" y="T103"/>
                    </a:cxn>
                  </a:cxnLst>
                  <a:rect l="T156" t="T157" r="T158" b="T159"/>
                  <a:pathLst>
                    <a:path w="516" h="557">
                      <a:moveTo>
                        <a:pt x="492" y="498"/>
                      </a:moveTo>
                      <a:lnTo>
                        <a:pt x="487" y="493"/>
                      </a:lnTo>
                      <a:lnTo>
                        <a:pt x="485" y="490"/>
                      </a:lnTo>
                      <a:lnTo>
                        <a:pt x="490" y="488"/>
                      </a:lnTo>
                      <a:lnTo>
                        <a:pt x="492" y="474"/>
                      </a:lnTo>
                      <a:lnTo>
                        <a:pt x="489" y="474"/>
                      </a:lnTo>
                      <a:lnTo>
                        <a:pt x="489" y="471"/>
                      </a:lnTo>
                      <a:lnTo>
                        <a:pt x="490" y="464"/>
                      </a:lnTo>
                      <a:lnTo>
                        <a:pt x="485" y="462"/>
                      </a:lnTo>
                      <a:lnTo>
                        <a:pt x="487" y="464"/>
                      </a:lnTo>
                      <a:lnTo>
                        <a:pt x="487" y="466"/>
                      </a:lnTo>
                      <a:lnTo>
                        <a:pt x="487" y="468"/>
                      </a:lnTo>
                      <a:lnTo>
                        <a:pt x="487" y="469"/>
                      </a:lnTo>
                      <a:lnTo>
                        <a:pt x="487" y="468"/>
                      </a:lnTo>
                      <a:lnTo>
                        <a:pt x="485" y="464"/>
                      </a:lnTo>
                      <a:lnTo>
                        <a:pt x="482" y="457"/>
                      </a:lnTo>
                      <a:lnTo>
                        <a:pt x="480" y="449"/>
                      </a:lnTo>
                      <a:lnTo>
                        <a:pt x="480" y="446"/>
                      </a:lnTo>
                      <a:lnTo>
                        <a:pt x="480" y="444"/>
                      </a:lnTo>
                      <a:lnTo>
                        <a:pt x="482" y="444"/>
                      </a:lnTo>
                      <a:lnTo>
                        <a:pt x="485" y="446"/>
                      </a:lnTo>
                      <a:lnTo>
                        <a:pt x="487" y="449"/>
                      </a:lnTo>
                      <a:lnTo>
                        <a:pt x="489" y="451"/>
                      </a:lnTo>
                      <a:lnTo>
                        <a:pt x="489" y="432"/>
                      </a:lnTo>
                      <a:lnTo>
                        <a:pt x="485" y="425"/>
                      </a:lnTo>
                      <a:lnTo>
                        <a:pt x="487" y="427"/>
                      </a:lnTo>
                      <a:lnTo>
                        <a:pt x="489" y="427"/>
                      </a:lnTo>
                      <a:lnTo>
                        <a:pt x="490" y="427"/>
                      </a:lnTo>
                      <a:lnTo>
                        <a:pt x="494" y="427"/>
                      </a:lnTo>
                      <a:lnTo>
                        <a:pt x="496" y="427"/>
                      </a:lnTo>
                      <a:lnTo>
                        <a:pt x="497" y="427"/>
                      </a:lnTo>
                      <a:lnTo>
                        <a:pt x="497" y="418"/>
                      </a:lnTo>
                      <a:lnTo>
                        <a:pt x="497" y="412"/>
                      </a:lnTo>
                      <a:lnTo>
                        <a:pt x="497" y="407"/>
                      </a:lnTo>
                      <a:lnTo>
                        <a:pt x="497" y="403"/>
                      </a:lnTo>
                      <a:lnTo>
                        <a:pt x="497" y="400"/>
                      </a:lnTo>
                      <a:lnTo>
                        <a:pt x="499" y="398"/>
                      </a:lnTo>
                      <a:lnTo>
                        <a:pt x="504" y="398"/>
                      </a:lnTo>
                      <a:lnTo>
                        <a:pt x="506" y="396"/>
                      </a:lnTo>
                      <a:lnTo>
                        <a:pt x="507" y="395"/>
                      </a:lnTo>
                      <a:lnTo>
                        <a:pt x="507" y="393"/>
                      </a:lnTo>
                      <a:lnTo>
                        <a:pt x="507" y="391"/>
                      </a:lnTo>
                      <a:lnTo>
                        <a:pt x="506" y="391"/>
                      </a:lnTo>
                      <a:lnTo>
                        <a:pt x="506" y="390"/>
                      </a:lnTo>
                      <a:lnTo>
                        <a:pt x="504" y="390"/>
                      </a:lnTo>
                      <a:lnTo>
                        <a:pt x="499" y="386"/>
                      </a:lnTo>
                      <a:lnTo>
                        <a:pt x="497" y="385"/>
                      </a:lnTo>
                      <a:lnTo>
                        <a:pt x="496" y="383"/>
                      </a:lnTo>
                      <a:lnTo>
                        <a:pt x="497" y="381"/>
                      </a:lnTo>
                      <a:lnTo>
                        <a:pt x="499" y="380"/>
                      </a:lnTo>
                      <a:lnTo>
                        <a:pt x="501" y="380"/>
                      </a:lnTo>
                      <a:lnTo>
                        <a:pt x="502" y="380"/>
                      </a:lnTo>
                      <a:lnTo>
                        <a:pt x="504" y="378"/>
                      </a:lnTo>
                      <a:lnTo>
                        <a:pt x="501" y="371"/>
                      </a:lnTo>
                      <a:lnTo>
                        <a:pt x="501" y="364"/>
                      </a:lnTo>
                      <a:lnTo>
                        <a:pt x="502" y="361"/>
                      </a:lnTo>
                      <a:lnTo>
                        <a:pt x="504" y="356"/>
                      </a:lnTo>
                      <a:lnTo>
                        <a:pt x="506" y="354"/>
                      </a:lnTo>
                      <a:lnTo>
                        <a:pt x="507" y="352"/>
                      </a:lnTo>
                      <a:lnTo>
                        <a:pt x="509" y="352"/>
                      </a:lnTo>
                      <a:lnTo>
                        <a:pt x="509" y="351"/>
                      </a:lnTo>
                      <a:lnTo>
                        <a:pt x="509" y="344"/>
                      </a:lnTo>
                      <a:lnTo>
                        <a:pt x="516" y="339"/>
                      </a:lnTo>
                      <a:lnTo>
                        <a:pt x="514" y="330"/>
                      </a:lnTo>
                      <a:lnTo>
                        <a:pt x="506" y="329"/>
                      </a:lnTo>
                      <a:lnTo>
                        <a:pt x="502" y="324"/>
                      </a:lnTo>
                      <a:lnTo>
                        <a:pt x="504" y="324"/>
                      </a:lnTo>
                      <a:lnTo>
                        <a:pt x="504" y="322"/>
                      </a:lnTo>
                      <a:lnTo>
                        <a:pt x="502" y="320"/>
                      </a:lnTo>
                      <a:lnTo>
                        <a:pt x="502" y="319"/>
                      </a:lnTo>
                      <a:lnTo>
                        <a:pt x="502" y="317"/>
                      </a:lnTo>
                      <a:lnTo>
                        <a:pt x="502" y="315"/>
                      </a:lnTo>
                      <a:lnTo>
                        <a:pt x="502" y="314"/>
                      </a:lnTo>
                      <a:lnTo>
                        <a:pt x="502" y="312"/>
                      </a:lnTo>
                      <a:lnTo>
                        <a:pt x="501" y="298"/>
                      </a:lnTo>
                      <a:lnTo>
                        <a:pt x="496" y="288"/>
                      </a:lnTo>
                      <a:lnTo>
                        <a:pt x="490" y="280"/>
                      </a:lnTo>
                      <a:lnTo>
                        <a:pt x="484" y="271"/>
                      </a:lnTo>
                      <a:lnTo>
                        <a:pt x="477" y="266"/>
                      </a:lnTo>
                      <a:lnTo>
                        <a:pt x="470" y="263"/>
                      </a:lnTo>
                      <a:lnTo>
                        <a:pt x="467" y="259"/>
                      </a:lnTo>
                      <a:lnTo>
                        <a:pt x="465" y="258"/>
                      </a:lnTo>
                      <a:lnTo>
                        <a:pt x="463" y="242"/>
                      </a:lnTo>
                      <a:lnTo>
                        <a:pt x="460" y="232"/>
                      </a:lnTo>
                      <a:lnTo>
                        <a:pt x="453" y="224"/>
                      </a:lnTo>
                      <a:lnTo>
                        <a:pt x="446" y="219"/>
                      </a:lnTo>
                      <a:lnTo>
                        <a:pt x="440" y="215"/>
                      </a:lnTo>
                      <a:lnTo>
                        <a:pt x="435" y="214"/>
                      </a:lnTo>
                      <a:lnTo>
                        <a:pt x="430" y="212"/>
                      </a:lnTo>
                      <a:lnTo>
                        <a:pt x="428" y="212"/>
                      </a:lnTo>
                      <a:lnTo>
                        <a:pt x="428" y="210"/>
                      </a:lnTo>
                      <a:lnTo>
                        <a:pt x="424" y="209"/>
                      </a:lnTo>
                      <a:lnTo>
                        <a:pt x="419" y="204"/>
                      </a:lnTo>
                      <a:lnTo>
                        <a:pt x="414" y="200"/>
                      </a:lnTo>
                      <a:lnTo>
                        <a:pt x="409" y="195"/>
                      </a:lnTo>
                      <a:lnTo>
                        <a:pt x="406" y="190"/>
                      </a:lnTo>
                      <a:lnTo>
                        <a:pt x="402" y="187"/>
                      </a:lnTo>
                      <a:lnTo>
                        <a:pt x="401" y="183"/>
                      </a:lnTo>
                      <a:lnTo>
                        <a:pt x="397" y="175"/>
                      </a:lnTo>
                      <a:lnTo>
                        <a:pt x="392" y="168"/>
                      </a:lnTo>
                      <a:lnTo>
                        <a:pt x="389" y="163"/>
                      </a:lnTo>
                      <a:lnTo>
                        <a:pt x="384" y="161"/>
                      </a:lnTo>
                      <a:lnTo>
                        <a:pt x="380" y="160"/>
                      </a:lnTo>
                      <a:lnTo>
                        <a:pt x="377" y="160"/>
                      </a:lnTo>
                      <a:lnTo>
                        <a:pt x="374" y="160"/>
                      </a:lnTo>
                      <a:lnTo>
                        <a:pt x="372" y="158"/>
                      </a:lnTo>
                      <a:lnTo>
                        <a:pt x="370" y="154"/>
                      </a:lnTo>
                      <a:lnTo>
                        <a:pt x="367" y="153"/>
                      </a:lnTo>
                      <a:lnTo>
                        <a:pt x="365" y="149"/>
                      </a:lnTo>
                      <a:lnTo>
                        <a:pt x="362" y="143"/>
                      </a:lnTo>
                      <a:lnTo>
                        <a:pt x="358" y="138"/>
                      </a:lnTo>
                      <a:lnTo>
                        <a:pt x="355" y="134"/>
                      </a:lnTo>
                      <a:lnTo>
                        <a:pt x="352" y="132"/>
                      </a:lnTo>
                      <a:lnTo>
                        <a:pt x="348" y="131"/>
                      </a:lnTo>
                      <a:lnTo>
                        <a:pt x="347" y="132"/>
                      </a:lnTo>
                      <a:lnTo>
                        <a:pt x="343" y="132"/>
                      </a:lnTo>
                      <a:lnTo>
                        <a:pt x="336" y="131"/>
                      </a:lnTo>
                      <a:lnTo>
                        <a:pt x="331" y="129"/>
                      </a:lnTo>
                      <a:lnTo>
                        <a:pt x="328" y="124"/>
                      </a:lnTo>
                      <a:lnTo>
                        <a:pt x="325" y="119"/>
                      </a:lnTo>
                      <a:lnTo>
                        <a:pt x="321" y="114"/>
                      </a:lnTo>
                      <a:lnTo>
                        <a:pt x="320" y="110"/>
                      </a:lnTo>
                      <a:lnTo>
                        <a:pt x="318" y="107"/>
                      </a:lnTo>
                      <a:lnTo>
                        <a:pt x="318" y="105"/>
                      </a:lnTo>
                      <a:lnTo>
                        <a:pt x="313" y="102"/>
                      </a:lnTo>
                      <a:lnTo>
                        <a:pt x="306" y="95"/>
                      </a:lnTo>
                      <a:lnTo>
                        <a:pt x="301" y="88"/>
                      </a:lnTo>
                      <a:lnTo>
                        <a:pt x="296" y="82"/>
                      </a:lnTo>
                      <a:lnTo>
                        <a:pt x="292" y="75"/>
                      </a:lnTo>
                      <a:lnTo>
                        <a:pt x="291" y="68"/>
                      </a:lnTo>
                      <a:lnTo>
                        <a:pt x="287" y="65"/>
                      </a:lnTo>
                      <a:lnTo>
                        <a:pt x="287" y="63"/>
                      </a:lnTo>
                      <a:lnTo>
                        <a:pt x="287" y="61"/>
                      </a:lnTo>
                      <a:lnTo>
                        <a:pt x="284" y="61"/>
                      </a:lnTo>
                      <a:lnTo>
                        <a:pt x="282" y="61"/>
                      </a:lnTo>
                      <a:lnTo>
                        <a:pt x="281" y="60"/>
                      </a:lnTo>
                      <a:lnTo>
                        <a:pt x="274" y="60"/>
                      </a:lnTo>
                      <a:lnTo>
                        <a:pt x="267" y="58"/>
                      </a:lnTo>
                      <a:lnTo>
                        <a:pt x="262" y="56"/>
                      </a:lnTo>
                      <a:lnTo>
                        <a:pt x="259" y="55"/>
                      </a:lnTo>
                      <a:lnTo>
                        <a:pt x="255" y="53"/>
                      </a:lnTo>
                      <a:lnTo>
                        <a:pt x="254" y="51"/>
                      </a:lnTo>
                      <a:lnTo>
                        <a:pt x="252" y="50"/>
                      </a:lnTo>
                      <a:lnTo>
                        <a:pt x="240" y="48"/>
                      </a:lnTo>
                      <a:lnTo>
                        <a:pt x="235" y="43"/>
                      </a:lnTo>
                      <a:lnTo>
                        <a:pt x="235" y="34"/>
                      </a:lnTo>
                      <a:lnTo>
                        <a:pt x="237" y="24"/>
                      </a:lnTo>
                      <a:lnTo>
                        <a:pt x="242" y="16"/>
                      </a:lnTo>
                      <a:lnTo>
                        <a:pt x="248" y="7"/>
                      </a:lnTo>
                      <a:lnTo>
                        <a:pt x="252" y="2"/>
                      </a:lnTo>
                      <a:lnTo>
                        <a:pt x="254" y="0"/>
                      </a:lnTo>
                      <a:lnTo>
                        <a:pt x="130" y="19"/>
                      </a:lnTo>
                      <a:lnTo>
                        <a:pt x="0" y="33"/>
                      </a:lnTo>
                      <a:lnTo>
                        <a:pt x="73" y="290"/>
                      </a:lnTo>
                      <a:lnTo>
                        <a:pt x="89" y="327"/>
                      </a:lnTo>
                      <a:lnTo>
                        <a:pt x="91" y="329"/>
                      </a:lnTo>
                      <a:lnTo>
                        <a:pt x="93" y="330"/>
                      </a:lnTo>
                      <a:lnTo>
                        <a:pt x="95" y="334"/>
                      </a:lnTo>
                      <a:lnTo>
                        <a:pt x="96" y="337"/>
                      </a:lnTo>
                      <a:lnTo>
                        <a:pt x="100" y="341"/>
                      </a:lnTo>
                      <a:lnTo>
                        <a:pt x="100" y="347"/>
                      </a:lnTo>
                      <a:lnTo>
                        <a:pt x="100" y="352"/>
                      </a:lnTo>
                      <a:lnTo>
                        <a:pt x="101" y="354"/>
                      </a:lnTo>
                      <a:lnTo>
                        <a:pt x="103" y="356"/>
                      </a:lnTo>
                      <a:lnTo>
                        <a:pt x="105" y="356"/>
                      </a:lnTo>
                      <a:lnTo>
                        <a:pt x="108" y="358"/>
                      </a:lnTo>
                      <a:lnTo>
                        <a:pt x="108" y="361"/>
                      </a:lnTo>
                      <a:lnTo>
                        <a:pt x="108" y="364"/>
                      </a:lnTo>
                      <a:lnTo>
                        <a:pt x="105" y="369"/>
                      </a:lnTo>
                      <a:lnTo>
                        <a:pt x="98" y="376"/>
                      </a:lnTo>
                      <a:lnTo>
                        <a:pt x="98" y="378"/>
                      </a:lnTo>
                      <a:lnTo>
                        <a:pt x="96" y="378"/>
                      </a:lnTo>
                      <a:lnTo>
                        <a:pt x="96" y="381"/>
                      </a:lnTo>
                      <a:lnTo>
                        <a:pt x="96" y="383"/>
                      </a:lnTo>
                      <a:lnTo>
                        <a:pt x="95" y="388"/>
                      </a:lnTo>
                      <a:lnTo>
                        <a:pt x="95" y="393"/>
                      </a:lnTo>
                      <a:lnTo>
                        <a:pt x="95" y="400"/>
                      </a:lnTo>
                      <a:lnTo>
                        <a:pt x="95" y="407"/>
                      </a:lnTo>
                      <a:lnTo>
                        <a:pt x="95" y="410"/>
                      </a:lnTo>
                      <a:lnTo>
                        <a:pt x="93" y="413"/>
                      </a:lnTo>
                      <a:lnTo>
                        <a:pt x="93" y="418"/>
                      </a:lnTo>
                      <a:lnTo>
                        <a:pt x="93" y="424"/>
                      </a:lnTo>
                      <a:lnTo>
                        <a:pt x="93" y="432"/>
                      </a:lnTo>
                      <a:lnTo>
                        <a:pt x="95" y="439"/>
                      </a:lnTo>
                      <a:lnTo>
                        <a:pt x="98" y="446"/>
                      </a:lnTo>
                      <a:lnTo>
                        <a:pt x="103" y="451"/>
                      </a:lnTo>
                      <a:lnTo>
                        <a:pt x="103" y="454"/>
                      </a:lnTo>
                      <a:lnTo>
                        <a:pt x="103" y="457"/>
                      </a:lnTo>
                      <a:lnTo>
                        <a:pt x="105" y="464"/>
                      </a:lnTo>
                      <a:lnTo>
                        <a:pt x="105" y="471"/>
                      </a:lnTo>
                      <a:lnTo>
                        <a:pt x="105" y="478"/>
                      </a:lnTo>
                      <a:lnTo>
                        <a:pt x="105" y="483"/>
                      </a:lnTo>
                      <a:lnTo>
                        <a:pt x="105" y="488"/>
                      </a:lnTo>
                      <a:lnTo>
                        <a:pt x="105" y="490"/>
                      </a:lnTo>
                      <a:lnTo>
                        <a:pt x="122" y="522"/>
                      </a:lnTo>
                      <a:lnTo>
                        <a:pt x="139" y="554"/>
                      </a:lnTo>
                      <a:lnTo>
                        <a:pt x="418" y="535"/>
                      </a:lnTo>
                      <a:lnTo>
                        <a:pt x="428" y="557"/>
                      </a:lnTo>
                      <a:lnTo>
                        <a:pt x="443" y="557"/>
                      </a:lnTo>
                      <a:lnTo>
                        <a:pt x="443" y="556"/>
                      </a:lnTo>
                      <a:lnTo>
                        <a:pt x="441" y="552"/>
                      </a:lnTo>
                      <a:lnTo>
                        <a:pt x="441" y="549"/>
                      </a:lnTo>
                      <a:lnTo>
                        <a:pt x="441" y="544"/>
                      </a:lnTo>
                      <a:lnTo>
                        <a:pt x="440" y="539"/>
                      </a:lnTo>
                      <a:lnTo>
                        <a:pt x="440" y="534"/>
                      </a:lnTo>
                      <a:lnTo>
                        <a:pt x="440" y="530"/>
                      </a:lnTo>
                      <a:lnTo>
                        <a:pt x="440" y="528"/>
                      </a:lnTo>
                      <a:lnTo>
                        <a:pt x="435" y="520"/>
                      </a:lnTo>
                      <a:lnTo>
                        <a:pt x="435" y="512"/>
                      </a:lnTo>
                      <a:lnTo>
                        <a:pt x="435" y="506"/>
                      </a:lnTo>
                      <a:lnTo>
                        <a:pt x="438" y="503"/>
                      </a:lnTo>
                      <a:lnTo>
                        <a:pt x="441" y="500"/>
                      </a:lnTo>
                      <a:lnTo>
                        <a:pt x="443" y="498"/>
                      </a:lnTo>
                      <a:lnTo>
                        <a:pt x="446" y="498"/>
                      </a:lnTo>
                      <a:lnTo>
                        <a:pt x="448" y="498"/>
                      </a:lnTo>
                      <a:lnTo>
                        <a:pt x="453" y="501"/>
                      </a:lnTo>
                      <a:lnTo>
                        <a:pt x="462" y="503"/>
                      </a:lnTo>
                      <a:lnTo>
                        <a:pt x="468" y="505"/>
                      </a:lnTo>
                      <a:lnTo>
                        <a:pt x="475" y="506"/>
                      </a:lnTo>
                      <a:lnTo>
                        <a:pt x="482" y="506"/>
                      </a:lnTo>
                      <a:lnTo>
                        <a:pt x="485" y="506"/>
                      </a:lnTo>
                      <a:lnTo>
                        <a:pt x="489" y="506"/>
                      </a:lnTo>
                      <a:lnTo>
                        <a:pt x="490" y="506"/>
                      </a:lnTo>
                      <a:lnTo>
                        <a:pt x="492" y="498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253" name="Group 183"/>
              <p:cNvGrpSpPr>
                <a:grpSpLocks/>
              </p:cNvGrpSpPr>
              <p:nvPr/>
            </p:nvGrpSpPr>
            <p:grpSpPr bwMode="auto">
              <a:xfrm>
                <a:off x="4720" y="1593"/>
                <a:ext cx="332" cy="182"/>
                <a:chOff x="4972" y="1195"/>
                <a:chExt cx="342" cy="188"/>
              </a:xfrm>
            </p:grpSpPr>
            <p:sp>
              <p:nvSpPr>
                <p:cNvPr id="257" name="Freeform 184"/>
                <p:cNvSpPr>
                  <a:spLocks/>
                </p:cNvSpPr>
                <p:nvPr/>
              </p:nvSpPr>
              <p:spPr bwMode="auto">
                <a:xfrm>
                  <a:off x="5289" y="1356"/>
                  <a:ext cx="25" cy="17"/>
                </a:xfrm>
                <a:custGeom>
                  <a:avLst/>
                  <a:gdLst>
                    <a:gd name="T0" fmla="*/ 0 w 25"/>
                    <a:gd name="T1" fmla="*/ 17 h 17"/>
                    <a:gd name="T2" fmla="*/ 2 w 25"/>
                    <a:gd name="T3" fmla="*/ 17 h 17"/>
                    <a:gd name="T4" fmla="*/ 7 w 25"/>
                    <a:gd name="T5" fmla="*/ 17 h 17"/>
                    <a:gd name="T6" fmla="*/ 12 w 25"/>
                    <a:gd name="T7" fmla="*/ 17 h 17"/>
                    <a:gd name="T8" fmla="*/ 19 w 25"/>
                    <a:gd name="T9" fmla="*/ 15 h 17"/>
                    <a:gd name="T10" fmla="*/ 24 w 25"/>
                    <a:gd name="T11" fmla="*/ 13 h 17"/>
                    <a:gd name="T12" fmla="*/ 25 w 25"/>
                    <a:gd name="T13" fmla="*/ 10 h 17"/>
                    <a:gd name="T14" fmla="*/ 24 w 25"/>
                    <a:gd name="T15" fmla="*/ 6 h 17"/>
                    <a:gd name="T16" fmla="*/ 19 w 25"/>
                    <a:gd name="T17" fmla="*/ 1 h 17"/>
                    <a:gd name="T18" fmla="*/ 19 w 25"/>
                    <a:gd name="T19" fmla="*/ 0 h 17"/>
                    <a:gd name="T20" fmla="*/ 17 w 25"/>
                    <a:gd name="T21" fmla="*/ 0 h 17"/>
                    <a:gd name="T22" fmla="*/ 15 w 25"/>
                    <a:gd name="T23" fmla="*/ 3 h 17"/>
                    <a:gd name="T24" fmla="*/ 15 w 25"/>
                    <a:gd name="T25" fmla="*/ 8 h 17"/>
                    <a:gd name="T26" fmla="*/ 13 w 25"/>
                    <a:gd name="T27" fmla="*/ 8 h 17"/>
                    <a:gd name="T28" fmla="*/ 12 w 25"/>
                    <a:gd name="T29" fmla="*/ 8 h 17"/>
                    <a:gd name="T30" fmla="*/ 8 w 25"/>
                    <a:gd name="T31" fmla="*/ 8 h 17"/>
                    <a:gd name="T32" fmla="*/ 7 w 25"/>
                    <a:gd name="T33" fmla="*/ 8 h 17"/>
                    <a:gd name="T34" fmla="*/ 3 w 25"/>
                    <a:gd name="T35" fmla="*/ 10 h 17"/>
                    <a:gd name="T36" fmla="*/ 0 w 25"/>
                    <a:gd name="T37" fmla="*/ 12 h 17"/>
                    <a:gd name="T38" fmla="*/ 0 w 25"/>
                    <a:gd name="T39" fmla="*/ 13 h 17"/>
                    <a:gd name="T40" fmla="*/ 0 w 25"/>
                    <a:gd name="T41" fmla="*/ 17 h 17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25"/>
                    <a:gd name="T64" fmla="*/ 0 h 17"/>
                    <a:gd name="T65" fmla="*/ 25 w 25"/>
                    <a:gd name="T66" fmla="*/ 17 h 17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25" h="17">
                      <a:moveTo>
                        <a:pt x="0" y="17"/>
                      </a:moveTo>
                      <a:lnTo>
                        <a:pt x="2" y="17"/>
                      </a:lnTo>
                      <a:lnTo>
                        <a:pt x="7" y="17"/>
                      </a:lnTo>
                      <a:lnTo>
                        <a:pt x="12" y="17"/>
                      </a:lnTo>
                      <a:lnTo>
                        <a:pt x="19" y="15"/>
                      </a:lnTo>
                      <a:lnTo>
                        <a:pt x="24" y="13"/>
                      </a:lnTo>
                      <a:lnTo>
                        <a:pt x="25" y="10"/>
                      </a:lnTo>
                      <a:lnTo>
                        <a:pt x="24" y="6"/>
                      </a:lnTo>
                      <a:lnTo>
                        <a:pt x="19" y="1"/>
                      </a:lnTo>
                      <a:lnTo>
                        <a:pt x="19" y="0"/>
                      </a:lnTo>
                      <a:lnTo>
                        <a:pt x="17" y="0"/>
                      </a:lnTo>
                      <a:lnTo>
                        <a:pt x="15" y="3"/>
                      </a:lnTo>
                      <a:lnTo>
                        <a:pt x="15" y="8"/>
                      </a:lnTo>
                      <a:lnTo>
                        <a:pt x="13" y="8"/>
                      </a:lnTo>
                      <a:lnTo>
                        <a:pt x="12" y="8"/>
                      </a:lnTo>
                      <a:lnTo>
                        <a:pt x="8" y="8"/>
                      </a:lnTo>
                      <a:lnTo>
                        <a:pt x="7" y="8"/>
                      </a:lnTo>
                      <a:lnTo>
                        <a:pt x="3" y="10"/>
                      </a:lnTo>
                      <a:lnTo>
                        <a:pt x="0" y="12"/>
                      </a:lnTo>
                      <a:lnTo>
                        <a:pt x="0" y="13"/>
                      </a:lnTo>
                      <a:lnTo>
                        <a:pt x="0" y="17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58" name="Freeform 185"/>
                <p:cNvSpPr>
                  <a:spLocks/>
                </p:cNvSpPr>
                <p:nvPr/>
              </p:nvSpPr>
              <p:spPr bwMode="auto">
                <a:xfrm>
                  <a:off x="5289" y="1356"/>
                  <a:ext cx="25" cy="17"/>
                </a:xfrm>
                <a:custGeom>
                  <a:avLst/>
                  <a:gdLst>
                    <a:gd name="T0" fmla="*/ 0 w 25"/>
                    <a:gd name="T1" fmla="*/ 17 h 17"/>
                    <a:gd name="T2" fmla="*/ 0 w 25"/>
                    <a:gd name="T3" fmla="*/ 17 h 17"/>
                    <a:gd name="T4" fmla="*/ 2 w 25"/>
                    <a:gd name="T5" fmla="*/ 17 h 17"/>
                    <a:gd name="T6" fmla="*/ 7 w 25"/>
                    <a:gd name="T7" fmla="*/ 17 h 17"/>
                    <a:gd name="T8" fmla="*/ 12 w 25"/>
                    <a:gd name="T9" fmla="*/ 17 h 17"/>
                    <a:gd name="T10" fmla="*/ 19 w 25"/>
                    <a:gd name="T11" fmla="*/ 15 h 17"/>
                    <a:gd name="T12" fmla="*/ 24 w 25"/>
                    <a:gd name="T13" fmla="*/ 13 h 17"/>
                    <a:gd name="T14" fmla="*/ 25 w 25"/>
                    <a:gd name="T15" fmla="*/ 10 h 17"/>
                    <a:gd name="T16" fmla="*/ 24 w 25"/>
                    <a:gd name="T17" fmla="*/ 6 h 17"/>
                    <a:gd name="T18" fmla="*/ 19 w 25"/>
                    <a:gd name="T19" fmla="*/ 1 h 17"/>
                    <a:gd name="T20" fmla="*/ 19 w 25"/>
                    <a:gd name="T21" fmla="*/ 1 h 17"/>
                    <a:gd name="T22" fmla="*/ 19 w 25"/>
                    <a:gd name="T23" fmla="*/ 0 h 17"/>
                    <a:gd name="T24" fmla="*/ 17 w 25"/>
                    <a:gd name="T25" fmla="*/ 0 h 17"/>
                    <a:gd name="T26" fmla="*/ 15 w 25"/>
                    <a:gd name="T27" fmla="*/ 3 h 17"/>
                    <a:gd name="T28" fmla="*/ 15 w 25"/>
                    <a:gd name="T29" fmla="*/ 8 h 17"/>
                    <a:gd name="T30" fmla="*/ 15 w 25"/>
                    <a:gd name="T31" fmla="*/ 8 h 17"/>
                    <a:gd name="T32" fmla="*/ 13 w 25"/>
                    <a:gd name="T33" fmla="*/ 8 h 17"/>
                    <a:gd name="T34" fmla="*/ 12 w 25"/>
                    <a:gd name="T35" fmla="*/ 8 h 17"/>
                    <a:gd name="T36" fmla="*/ 8 w 25"/>
                    <a:gd name="T37" fmla="*/ 8 h 17"/>
                    <a:gd name="T38" fmla="*/ 7 w 25"/>
                    <a:gd name="T39" fmla="*/ 8 h 17"/>
                    <a:gd name="T40" fmla="*/ 3 w 25"/>
                    <a:gd name="T41" fmla="*/ 10 h 17"/>
                    <a:gd name="T42" fmla="*/ 0 w 25"/>
                    <a:gd name="T43" fmla="*/ 12 h 17"/>
                    <a:gd name="T44" fmla="*/ 0 w 25"/>
                    <a:gd name="T45" fmla="*/ 13 h 17"/>
                    <a:gd name="T46" fmla="*/ 0 w 25"/>
                    <a:gd name="T47" fmla="*/ 17 h 17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w 25"/>
                    <a:gd name="T73" fmla="*/ 0 h 17"/>
                    <a:gd name="T74" fmla="*/ 25 w 25"/>
                    <a:gd name="T75" fmla="*/ 17 h 17"/>
                  </a:gdLst>
                  <a:ahLst/>
                  <a:cxnLst>
                    <a:cxn ang="T48">
                      <a:pos x="T0" y="T1"/>
                    </a:cxn>
                    <a:cxn ang="T49">
                      <a:pos x="T2" y="T3"/>
                    </a:cxn>
                    <a:cxn ang="T50">
                      <a:pos x="T4" y="T5"/>
                    </a:cxn>
                    <a:cxn ang="T51">
                      <a:pos x="T6" y="T7"/>
                    </a:cxn>
                    <a:cxn ang="T52">
                      <a:pos x="T8" y="T9"/>
                    </a:cxn>
                    <a:cxn ang="T53">
                      <a:pos x="T10" y="T11"/>
                    </a:cxn>
                    <a:cxn ang="T54">
                      <a:pos x="T12" y="T13"/>
                    </a:cxn>
                    <a:cxn ang="T55">
                      <a:pos x="T14" y="T15"/>
                    </a:cxn>
                    <a:cxn ang="T56">
                      <a:pos x="T16" y="T17"/>
                    </a:cxn>
                    <a:cxn ang="T57">
                      <a:pos x="T18" y="T19"/>
                    </a:cxn>
                    <a:cxn ang="T58">
                      <a:pos x="T20" y="T21"/>
                    </a:cxn>
                    <a:cxn ang="T59">
                      <a:pos x="T22" y="T23"/>
                    </a:cxn>
                    <a:cxn ang="T60">
                      <a:pos x="T24" y="T25"/>
                    </a:cxn>
                    <a:cxn ang="T61">
                      <a:pos x="T26" y="T27"/>
                    </a:cxn>
                    <a:cxn ang="T62">
                      <a:pos x="T28" y="T29"/>
                    </a:cxn>
                    <a:cxn ang="T63">
                      <a:pos x="T30" y="T31"/>
                    </a:cxn>
                    <a:cxn ang="T64">
                      <a:pos x="T32" y="T33"/>
                    </a:cxn>
                    <a:cxn ang="T65">
                      <a:pos x="T34" y="T35"/>
                    </a:cxn>
                    <a:cxn ang="T66">
                      <a:pos x="T36" y="T37"/>
                    </a:cxn>
                    <a:cxn ang="T67">
                      <a:pos x="T38" y="T39"/>
                    </a:cxn>
                    <a:cxn ang="T68">
                      <a:pos x="T40" y="T41"/>
                    </a:cxn>
                    <a:cxn ang="T69">
                      <a:pos x="T42" y="T43"/>
                    </a:cxn>
                    <a:cxn ang="T70">
                      <a:pos x="T44" y="T45"/>
                    </a:cxn>
                    <a:cxn ang="T71">
                      <a:pos x="T46" y="T47"/>
                    </a:cxn>
                  </a:cxnLst>
                  <a:rect l="T72" t="T73" r="T74" b="T75"/>
                  <a:pathLst>
                    <a:path w="25" h="17">
                      <a:moveTo>
                        <a:pt x="0" y="17"/>
                      </a:moveTo>
                      <a:lnTo>
                        <a:pt x="0" y="17"/>
                      </a:lnTo>
                      <a:lnTo>
                        <a:pt x="2" y="17"/>
                      </a:lnTo>
                      <a:lnTo>
                        <a:pt x="7" y="17"/>
                      </a:lnTo>
                      <a:lnTo>
                        <a:pt x="12" y="17"/>
                      </a:lnTo>
                      <a:lnTo>
                        <a:pt x="19" y="15"/>
                      </a:lnTo>
                      <a:lnTo>
                        <a:pt x="24" y="13"/>
                      </a:lnTo>
                      <a:lnTo>
                        <a:pt x="25" y="10"/>
                      </a:lnTo>
                      <a:lnTo>
                        <a:pt x="24" y="6"/>
                      </a:lnTo>
                      <a:lnTo>
                        <a:pt x="19" y="1"/>
                      </a:lnTo>
                      <a:lnTo>
                        <a:pt x="19" y="0"/>
                      </a:lnTo>
                      <a:lnTo>
                        <a:pt x="17" y="0"/>
                      </a:lnTo>
                      <a:lnTo>
                        <a:pt x="15" y="3"/>
                      </a:lnTo>
                      <a:lnTo>
                        <a:pt x="15" y="8"/>
                      </a:lnTo>
                      <a:lnTo>
                        <a:pt x="13" y="8"/>
                      </a:lnTo>
                      <a:lnTo>
                        <a:pt x="12" y="8"/>
                      </a:lnTo>
                      <a:lnTo>
                        <a:pt x="8" y="8"/>
                      </a:lnTo>
                      <a:lnTo>
                        <a:pt x="7" y="8"/>
                      </a:lnTo>
                      <a:lnTo>
                        <a:pt x="3" y="10"/>
                      </a:lnTo>
                      <a:lnTo>
                        <a:pt x="0" y="12"/>
                      </a:lnTo>
                      <a:lnTo>
                        <a:pt x="0" y="13"/>
                      </a:lnTo>
                      <a:lnTo>
                        <a:pt x="0" y="17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59" name="Freeform 186"/>
                <p:cNvSpPr>
                  <a:spLocks/>
                </p:cNvSpPr>
                <p:nvPr/>
              </p:nvSpPr>
              <p:spPr bwMode="auto">
                <a:xfrm>
                  <a:off x="5235" y="1357"/>
                  <a:ext cx="29" cy="26"/>
                </a:xfrm>
                <a:custGeom>
                  <a:avLst/>
                  <a:gdLst>
                    <a:gd name="T0" fmla="*/ 0 w 29"/>
                    <a:gd name="T1" fmla="*/ 19 h 26"/>
                    <a:gd name="T2" fmla="*/ 3 w 29"/>
                    <a:gd name="T3" fmla="*/ 26 h 26"/>
                    <a:gd name="T4" fmla="*/ 5 w 29"/>
                    <a:gd name="T5" fmla="*/ 26 h 26"/>
                    <a:gd name="T6" fmla="*/ 7 w 29"/>
                    <a:gd name="T7" fmla="*/ 24 h 26"/>
                    <a:gd name="T8" fmla="*/ 8 w 29"/>
                    <a:gd name="T9" fmla="*/ 21 h 26"/>
                    <a:gd name="T10" fmla="*/ 12 w 29"/>
                    <a:gd name="T11" fmla="*/ 19 h 26"/>
                    <a:gd name="T12" fmla="*/ 17 w 29"/>
                    <a:gd name="T13" fmla="*/ 16 h 26"/>
                    <a:gd name="T14" fmla="*/ 20 w 29"/>
                    <a:gd name="T15" fmla="*/ 12 h 26"/>
                    <a:gd name="T16" fmla="*/ 25 w 29"/>
                    <a:gd name="T17" fmla="*/ 12 h 26"/>
                    <a:gd name="T18" fmla="*/ 29 w 29"/>
                    <a:gd name="T19" fmla="*/ 11 h 26"/>
                    <a:gd name="T20" fmla="*/ 29 w 29"/>
                    <a:gd name="T21" fmla="*/ 9 h 26"/>
                    <a:gd name="T22" fmla="*/ 29 w 29"/>
                    <a:gd name="T23" fmla="*/ 5 h 26"/>
                    <a:gd name="T24" fmla="*/ 27 w 29"/>
                    <a:gd name="T25" fmla="*/ 4 h 26"/>
                    <a:gd name="T26" fmla="*/ 22 w 29"/>
                    <a:gd name="T27" fmla="*/ 4 h 26"/>
                    <a:gd name="T28" fmla="*/ 20 w 29"/>
                    <a:gd name="T29" fmla="*/ 4 h 26"/>
                    <a:gd name="T30" fmla="*/ 18 w 29"/>
                    <a:gd name="T31" fmla="*/ 2 h 26"/>
                    <a:gd name="T32" fmla="*/ 15 w 29"/>
                    <a:gd name="T33" fmla="*/ 0 h 26"/>
                    <a:gd name="T34" fmla="*/ 13 w 29"/>
                    <a:gd name="T35" fmla="*/ 0 h 26"/>
                    <a:gd name="T36" fmla="*/ 10 w 29"/>
                    <a:gd name="T37" fmla="*/ 4 h 26"/>
                    <a:gd name="T38" fmla="*/ 10 w 29"/>
                    <a:gd name="T39" fmla="*/ 7 h 26"/>
                    <a:gd name="T40" fmla="*/ 8 w 29"/>
                    <a:gd name="T41" fmla="*/ 11 h 26"/>
                    <a:gd name="T42" fmla="*/ 8 w 29"/>
                    <a:gd name="T43" fmla="*/ 14 h 26"/>
                    <a:gd name="T44" fmla="*/ 3 w 29"/>
                    <a:gd name="T45" fmla="*/ 17 h 26"/>
                    <a:gd name="T46" fmla="*/ 0 w 29"/>
                    <a:gd name="T47" fmla="*/ 19 h 2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w 29"/>
                    <a:gd name="T73" fmla="*/ 0 h 26"/>
                    <a:gd name="T74" fmla="*/ 29 w 29"/>
                    <a:gd name="T75" fmla="*/ 26 h 26"/>
                  </a:gdLst>
                  <a:ahLst/>
                  <a:cxnLst>
                    <a:cxn ang="T48">
                      <a:pos x="T0" y="T1"/>
                    </a:cxn>
                    <a:cxn ang="T49">
                      <a:pos x="T2" y="T3"/>
                    </a:cxn>
                    <a:cxn ang="T50">
                      <a:pos x="T4" y="T5"/>
                    </a:cxn>
                    <a:cxn ang="T51">
                      <a:pos x="T6" y="T7"/>
                    </a:cxn>
                    <a:cxn ang="T52">
                      <a:pos x="T8" y="T9"/>
                    </a:cxn>
                    <a:cxn ang="T53">
                      <a:pos x="T10" y="T11"/>
                    </a:cxn>
                    <a:cxn ang="T54">
                      <a:pos x="T12" y="T13"/>
                    </a:cxn>
                    <a:cxn ang="T55">
                      <a:pos x="T14" y="T15"/>
                    </a:cxn>
                    <a:cxn ang="T56">
                      <a:pos x="T16" y="T17"/>
                    </a:cxn>
                    <a:cxn ang="T57">
                      <a:pos x="T18" y="T19"/>
                    </a:cxn>
                    <a:cxn ang="T58">
                      <a:pos x="T20" y="T21"/>
                    </a:cxn>
                    <a:cxn ang="T59">
                      <a:pos x="T22" y="T23"/>
                    </a:cxn>
                    <a:cxn ang="T60">
                      <a:pos x="T24" y="T25"/>
                    </a:cxn>
                    <a:cxn ang="T61">
                      <a:pos x="T26" y="T27"/>
                    </a:cxn>
                    <a:cxn ang="T62">
                      <a:pos x="T28" y="T29"/>
                    </a:cxn>
                    <a:cxn ang="T63">
                      <a:pos x="T30" y="T31"/>
                    </a:cxn>
                    <a:cxn ang="T64">
                      <a:pos x="T32" y="T33"/>
                    </a:cxn>
                    <a:cxn ang="T65">
                      <a:pos x="T34" y="T35"/>
                    </a:cxn>
                    <a:cxn ang="T66">
                      <a:pos x="T36" y="T37"/>
                    </a:cxn>
                    <a:cxn ang="T67">
                      <a:pos x="T38" y="T39"/>
                    </a:cxn>
                    <a:cxn ang="T68">
                      <a:pos x="T40" y="T41"/>
                    </a:cxn>
                    <a:cxn ang="T69">
                      <a:pos x="T42" y="T43"/>
                    </a:cxn>
                    <a:cxn ang="T70">
                      <a:pos x="T44" y="T45"/>
                    </a:cxn>
                    <a:cxn ang="T71">
                      <a:pos x="T46" y="T47"/>
                    </a:cxn>
                  </a:cxnLst>
                  <a:rect l="T72" t="T73" r="T74" b="T75"/>
                  <a:pathLst>
                    <a:path w="29" h="26">
                      <a:moveTo>
                        <a:pt x="0" y="19"/>
                      </a:moveTo>
                      <a:lnTo>
                        <a:pt x="3" y="26"/>
                      </a:lnTo>
                      <a:lnTo>
                        <a:pt x="5" y="26"/>
                      </a:lnTo>
                      <a:lnTo>
                        <a:pt x="7" y="24"/>
                      </a:lnTo>
                      <a:lnTo>
                        <a:pt x="8" y="21"/>
                      </a:lnTo>
                      <a:lnTo>
                        <a:pt x="12" y="19"/>
                      </a:lnTo>
                      <a:lnTo>
                        <a:pt x="17" y="16"/>
                      </a:lnTo>
                      <a:lnTo>
                        <a:pt x="20" y="12"/>
                      </a:lnTo>
                      <a:lnTo>
                        <a:pt x="25" y="12"/>
                      </a:lnTo>
                      <a:lnTo>
                        <a:pt x="29" y="11"/>
                      </a:lnTo>
                      <a:lnTo>
                        <a:pt x="29" y="9"/>
                      </a:lnTo>
                      <a:lnTo>
                        <a:pt x="29" y="5"/>
                      </a:lnTo>
                      <a:lnTo>
                        <a:pt x="27" y="4"/>
                      </a:lnTo>
                      <a:lnTo>
                        <a:pt x="22" y="4"/>
                      </a:lnTo>
                      <a:lnTo>
                        <a:pt x="20" y="4"/>
                      </a:lnTo>
                      <a:lnTo>
                        <a:pt x="18" y="2"/>
                      </a:lnTo>
                      <a:lnTo>
                        <a:pt x="15" y="0"/>
                      </a:lnTo>
                      <a:lnTo>
                        <a:pt x="13" y="0"/>
                      </a:lnTo>
                      <a:lnTo>
                        <a:pt x="10" y="4"/>
                      </a:lnTo>
                      <a:lnTo>
                        <a:pt x="10" y="7"/>
                      </a:lnTo>
                      <a:lnTo>
                        <a:pt x="8" y="11"/>
                      </a:lnTo>
                      <a:lnTo>
                        <a:pt x="8" y="14"/>
                      </a:lnTo>
                      <a:lnTo>
                        <a:pt x="3" y="17"/>
                      </a:lnTo>
                      <a:lnTo>
                        <a:pt x="0" y="19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60" name="Freeform 187"/>
                <p:cNvSpPr>
                  <a:spLocks/>
                </p:cNvSpPr>
                <p:nvPr/>
              </p:nvSpPr>
              <p:spPr bwMode="auto">
                <a:xfrm>
                  <a:off x="5235" y="1357"/>
                  <a:ext cx="29" cy="26"/>
                </a:xfrm>
                <a:custGeom>
                  <a:avLst/>
                  <a:gdLst>
                    <a:gd name="T0" fmla="*/ 0 w 29"/>
                    <a:gd name="T1" fmla="*/ 19 h 26"/>
                    <a:gd name="T2" fmla="*/ 3 w 29"/>
                    <a:gd name="T3" fmla="*/ 26 h 26"/>
                    <a:gd name="T4" fmla="*/ 3 w 29"/>
                    <a:gd name="T5" fmla="*/ 26 h 26"/>
                    <a:gd name="T6" fmla="*/ 5 w 29"/>
                    <a:gd name="T7" fmla="*/ 26 h 26"/>
                    <a:gd name="T8" fmla="*/ 7 w 29"/>
                    <a:gd name="T9" fmla="*/ 24 h 26"/>
                    <a:gd name="T10" fmla="*/ 8 w 29"/>
                    <a:gd name="T11" fmla="*/ 21 h 26"/>
                    <a:gd name="T12" fmla="*/ 12 w 29"/>
                    <a:gd name="T13" fmla="*/ 19 h 26"/>
                    <a:gd name="T14" fmla="*/ 17 w 29"/>
                    <a:gd name="T15" fmla="*/ 16 h 26"/>
                    <a:gd name="T16" fmla="*/ 20 w 29"/>
                    <a:gd name="T17" fmla="*/ 12 h 26"/>
                    <a:gd name="T18" fmla="*/ 25 w 29"/>
                    <a:gd name="T19" fmla="*/ 12 h 26"/>
                    <a:gd name="T20" fmla="*/ 29 w 29"/>
                    <a:gd name="T21" fmla="*/ 11 h 26"/>
                    <a:gd name="T22" fmla="*/ 29 w 29"/>
                    <a:gd name="T23" fmla="*/ 11 h 26"/>
                    <a:gd name="T24" fmla="*/ 29 w 29"/>
                    <a:gd name="T25" fmla="*/ 9 h 26"/>
                    <a:gd name="T26" fmla="*/ 29 w 29"/>
                    <a:gd name="T27" fmla="*/ 5 h 26"/>
                    <a:gd name="T28" fmla="*/ 27 w 29"/>
                    <a:gd name="T29" fmla="*/ 4 h 26"/>
                    <a:gd name="T30" fmla="*/ 22 w 29"/>
                    <a:gd name="T31" fmla="*/ 4 h 26"/>
                    <a:gd name="T32" fmla="*/ 22 w 29"/>
                    <a:gd name="T33" fmla="*/ 4 h 26"/>
                    <a:gd name="T34" fmla="*/ 20 w 29"/>
                    <a:gd name="T35" fmla="*/ 4 h 26"/>
                    <a:gd name="T36" fmla="*/ 18 w 29"/>
                    <a:gd name="T37" fmla="*/ 2 h 26"/>
                    <a:gd name="T38" fmla="*/ 15 w 29"/>
                    <a:gd name="T39" fmla="*/ 0 h 26"/>
                    <a:gd name="T40" fmla="*/ 13 w 29"/>
                    <a:gd name="T41" fmla="*/ 0 h 26"/>
                    <a:gd name="T42" fmla="*/ 10 w 29"/>
                    <a:gd name="T43" fmla="*/ 4 h 26"/>
                    <a:gd name="T44" fmla="*/ 10 w 29"/>
                    <a:gd name="T45" fmla="*/ 7 h 26"/>
                    <a:gd name="T46" fmla="*/ 8 w 29"/>
                    <a:gd name="T47" fmla="*/ 11 h 26"/>
                    <a:gd name="T48" fmla="*/ 8 w 29"/>
                    <a:gd name="T49" fmla="*/ 14 h 26"/>
                    <a:gd name="T50" fmla="*/ 3 w 29"/>
                    <a:gd name="T51" fmla="*/ 17 h 26"/>
                    <a:gd name="T52" fmla="*/ 0 w 29"/>
                    <a:gd name="T53" fmla="*/ 19 h 2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w 29"/>
                    <a:gd name="T82" fmla="*/ 0 h 26"/>
                    <a:gd name="T83" fmla="*/ 29 w 29"/>
                    <a:gd name="T84" fmla="*/ 26 h 26"/>
                  </a:gdLst>
                  <a:ahLst/>
                  <a:cxnLst>
                    <a:cxn ang="T54">
                      <a:pos x="T0" y="T1"/>
                    </a:cxn>
                    <a:cxn ang="T55">
                      <a:pos x="T2" y="T3"/>
                    </a:cxn>
                    <a:cxn ang="T56">
                      <a:pos x="T4" y="T5"/>
                    </a:cxn>
                    <a:cxn ang="T57">
                      <a:pos x="T6" y="T7"/>
                    </a:cxn>
                    <a:cxn ang="T58">
                      <a:pos x="T8" y="T9"/>
                    </a:cxn>
                    <a:cxn ang="T59">
                      <a:pos x="T10" y="T11"/>
                    </a:cxn>
                    <a:cxn ang="T60">
                      <a:pos x="T12" y="T13"/>
                    </a:cxn>
                    <a:cxn ang="T61">
                      <a:pos x="T14" y="T15"/>
                    </a:cxn>
                    <a:cxn ang="T62">
                      <a:pos x="T16" y="T17"/>
                    </a:cxn>
                    <a:cxn ang="T63">
                      <a:pos x="T18" y="T19"/>
                    </a:cxn>
                    <a:cxn ang="T64">
                      <a:pos x="T20" y="T21"/>
                    </a:cxn>
                    <a:cxn ang="T65">
                      <a:pos x="T22" y="T23"/>
                    </a:cxn>
                    <a:cxn ang="T66">
                      <a:pos x="T24" y="T25"/>
                    </a:cxn>
                    <a:cxn ang="T67">
                      <a:pos x="T26" y="T27"/>
                    </a:cxn>
                    <a:cxn ang="T68">
                      <a:pos x="T28" y="T29"/>
                    </a:cxn>
                    <a:cxn ang="T69">
                      <a:pos x="T30" y="T31"/>
                    </a:cxn>
                    <a:cxn ang="T70">
                      <a:pos x="T32" y="T33"/>
                    </a:cxn>
                    <a:cxn ang="T71">
                      <a:pos x="T34" y="T35"/>
                    </a:cxn>
                    <a:cxn ang="T72">
                      <a:pos x="T36" y="T37"/>
                    </a:cxn>
                    <a:cxn ang="T73">
                      <a:pos x="T38" y="T39"/>
                    </a:cxn>
                    <a:cxn ang="T74">
                      <a:pos x="T40" y="T41"/>
                    </a:cxn>
                    <a:cxn ang="T75">
                      <a:pos x="T42" y="T43"/>
                    </a:cxn>
                    <a:cxn ang="T76">
                      <a:pos x="T44" y="T45"/>
                    </a:cxn>
                    <a:cxn ang="T77">
                      <a:pos x="T46" y="T47"/>
                    </a:cxn>
                    <a:cxn ang="T78">
                      <a:pos x="T48" y="T49"/>
                    </a:cxn>
                    <a:cxn ang="T79">
                      <a:pos x="T50" y="T51"/>
                    </a:cxn>
                    <a:cxn ang="T80">
                      <a:pos x="T52" y="T53"/>
                    </a:cxn>
                  </a:cxnLst>
                  <a:rect l="T81" t="T82" r="T83" b="T84"/>
                  <a:pathLst>
                    <a:path w="29" h="26">
                      <a:moveTo>
                        <a:pt x="0" y="19"/>
                      </a:moveTo>
                      <a:lnTo>
                        <a:pt x="3" y="26"/>
                      </a:lnTo>
                      <a:lnTo>
                        <a:pt x="5" y="26"/>
                      </a:lnTo>
                      <a:lnTo>
                        <a:pt x="7" y="24"/>
                      </a:lnTo>
                      <a:lnTo>
                        <a:pt x="8" y="21"/>
                      </a:lnTo>
                      <a:lnTo>
                        <a:pt x="12" y="19"/>
                      </a:lnTo>
                      <a:lnTo>
                        <a:pt x="17" y="16"/>
                      </a:lnTo>
                      <a:lnTo>
                        <a:pt x="20" y="12"/>
                      </a:lnTo>
                      <a:lnTo>
                        <a:pt x="25" y="12"/>
                      </a:lnTo>
                      <a:lnTo>
                        <a:pt x="29" y="11"/>
                      </a:lnTo>
                      <a:lnTo>
                        <a:pt x="29" y="9"/>
                      </a:lnTo>
                      <a:lnTo>
                        <a:pt x="29" y="5"/>
                      </a:lnTo>
                      <a:lnTo>
                        <a:pt x="27" y="4"/>
                      </a:lnTo>
                      <a:lnTo>
                        <a:pt x="22" y="4"/>
                      </a:lnTo>
                      <a:lnTo>
                        <a:pt x="20" y="4"/>
                      </a:lnTo>
                      <a:lnTo>
                        <a:pt x="18" y="2"/>
                      </a:lnTo>
                      <a:lnTo>
                        <a:pt x="15" y="0"/>
                      </a:lnTo>
                      <a:lnTo>
                        <a:pt x="13" y="0"/>
                      </a:lnTo>
                      <a:lnTo>
                        <a:pt x="10" y="4"/>
                      </a:lnTo>
                      <a:lnTo>
                        <a:pt x="10" y="7"/>
                      </a:lnTo>
                      <a:lnTo>
                        <a:pt x="8" y="11"/>
                      </a:lnTo>
                      <a:lnTo>
                        <a:pt x="8" y="14"/>
                      </a:lnTo>
                      <a:lnTo>
                        <a:pt x="3" y="17"/>
                      </a:lnTo>
                      <a:lnTo>
                        <a:pt x="0" y="19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261" name="Freeform 188"/>
                <p:cNvSpPr>
                  <a:spLocks/>
                </p:cNvSpPr>
                <p:nvPr/>
              </p:nvSpPr>
              <p:spPr bwMode="auto">
                <a:xfrm>
                  <a:off x="4972" y="1195"/>
                  <a:ext cx="329" cy="167"/>
                </a:xfrm>
                <a:custGeom>
                  <a:avLst/>
                  <a:gdLst>
                    <a:gd name="T0" fmla="*/ 2 w 329"/>
                    <a:gd name="T1" fmla="*/ 69 h 167"/>
                    <a:gd name="T2" fmla="*/ 17 w 329"/>
                    <a:gd name="T3" fmla="*/ 68 h 167"/>
                    <a:gd name="T4" fmla="*/ 43 w 329"/>
                    <a:gd name="T5" fmla="*/ 61 h 167"/>
                    <a:gd name="T6" fmla="*/ 63 w 329"/>
                    <a:gd name="T7" fmla="*/ 56 h 167"/>
                    <a:gd name="T8" fmla="*/ 171 w 329"/>
                    <a:gd name="T9" fmla="*/ 32 h 167"/>
                    <a:gd name="T10" fmla="*/ 182 w 329"/>
                    <a:gd name="T11" fmla="*/ 20 h 167"/>
                    <a:gd name="T12" fmla="*/ 197 w 329"/>
                    <a:gd name="T13" fmla="*/ 3 h 167"/>
                    <a:gd name="T14" fmla="*/ 210 w 329"/>
                    <a:gd name="T15" fmla="*/ 0 h 167"/>
                    <a:gd name="T16" fmla="*/ 210 w 329"/>
                    <a:gd name="T17" fmla="*/ 2 h 167"/>
                    <a:gd name="T18" fmla="*/ 215 w 329"/>
                    <a:gd name="T19" fmla="*/ 13 h 167"/>
                    <a:gd name="T20" fmla="*/ 227 w 329"/>
                    <a:gd name="T21" fmla="*/ 22 h 167"/>
                    <a:gd name="T22" fmla="*/ 232 w 329"/>
                    <a:gd name="T23" fmla="*/ 27 h 167"/>
                    <a:gd name="T24" fmla="*/ 220 w 329"/>
                    <a:gd name="T25" fmla="*/ 41 h 167"/>
                    <a:gd name="T26" fmla="*/ 217 w 329"/>
                    <a:gd name="T27" fmla="*/ 52 h 167"/>
                    <a:gd name="T28" fmla="*/ 214 w 329"/>
                    <a:gd name="T29" fmla="*/ 73 h 167"/>
                    <a:gd name="T30" fmla="*/ 242 w 329"/>
                    <a:gd name="T31" fmla="*/ 78 h 167"/>
                    <a:gd name="T32" fmla="*/ 254 w 329"/>
                    <a:gd name="T33" fmla="*/ 91 h 167"/>
                    <a:gd name="T34" fmla="*/ 259 w 329"/>
                    <a:gd name="T35" fmla="*/ 107 h 167"/>
                    <a:gd name="T36" fmla="*/ 268 w 329"/>
                    <a:gd name="T37" fmla="*/ 107 h 167"/>
                    <a:gd name="T38" fmla="*/ 268 w 329"/>
                    <a:gd name="T39" fmla="*/ 112 h 167"/>
                    <a:gd name="T40" fmla="*/ 280 w 329"/>
                    <a:gd name="T41" fmla="*/ 120 h 167"/>
                    <a:gd name="T42" fmla="*/ 305 w 329"/>
                    <a:gd name="T43" fmla="*/ 120 h 167"/>
                    <a:gd name="T44" fmla="*/ 319 w 329"/>
                    <a:gd name="T45" fmla="*/ 105 h 167"/>
                    <a:gd name="T46" fmla="*/ 312 w 329"/>
                    <a:gd name="T47" fmla="*/ 91 h 167"/>
                    <a:gd name="T48" fmla="*/ 298 w 329"/>
                    <a:gd name="T49" fmla="*/ 81 h 167"/>
                    <a:gd name="T50" fmla="*/ 293 w 329"/>
                    <a:gd name="T51" fmla="*/ 85 h 167"/>
                    <a:gd name="T52" fmla="*/ 292 w 329"/>
                    <a:gd name="T53" fmla="*/ 78 h 167"/>
                    <a:gd name="T54" fmla="*/ 310 w 329"/>
                    <a:gd name="T55" fmla="*/ 81 h 167"/>
                    <a:gd name="T56" fmla="*/ 329 w 329"/>
                    <a:gd name="T57" fmla="*/ 113 h 167"/>
                    <a:gd name="T58" fmla="*/ 329 w 329"/>
                    <a:gd name="T59" fmla="*/ 122 h 167"/>
                    <a:gd name="T60" fmla="*/ 329 w 329"/>
                    <a:gd name="T61" fmla="*/ 125 h 167"/>
                    <a:gd name="T62" fmla="*/ 322 w 329"/>
                    <a:gd name="T63" fmla="*/ 123 h 167"/>
                    <a:gd name="T64" fmla="*/ 308 w 329"/>
                    <a:gd name="T65" fmla="*/ 132 h 167"/>
                    <a:gd name="T66" fmla="*/ 297 w 329"/>
                    <a:gd name="T67" fmla="*/ 135 h 167"/>
                    <a:gd name="T68" fmla="*/ 286 w 329"/>
                    <a:gd name="T69" fmla="*/ 147 h 167"/>
                    <a:gd name="T70" fmla="*/ 273 w 329"/>
                    <a:gd name="T71" fmla="*/ 157 h 167"/>
                    <a:gd name="T72" fmla="*/ 270 w 329"/>
                    <a:gd name="T73" fmla="*/ 134 h 167"/>
                    <a:gd name="T74" fmla="*/ 259 w 329"/>
                    <a:gd name="T75" fmla="*/ 130 h 167"/>
                    <a:gd name="T76" fmla="*/ 258 w 329"/>
                    <a:gd name="T77" fmla="*/ 152 h 167"/>
                    <a:gd name="T78" fmla="*/ 258 w 329"/>
                    <a:gd name="T79" fmla="*/ 145 h 167"/>
                    <a:gd name="T80" fmla="*/ 246 w 329"/>
                    <a:gd name="T81" fmla="*/ 151 h 167"/>
                    <a:gd name="T82" fmla="*/ 246 w 329"/>
                    <a:gd name="T83" fmla="*/ 159 h 167"/>
                    <a:gd name="T84" fmla="*/ 232 w 329"/>
                    <a:gd name="T85" fmla="*/ 167 h 167"/>
                    <a:gd name="T86" fmla="*/ 229 w 329"/>
                    <a:gd name="T87" fmla="*/ 161 h 167"/>
                    <a:gd name="T88" fmla="*/ 227 w 329"/>
                    <a:gd name="T89" fmla="*/ 156 h 167"/>
                    <a:gd name="T90" fmla="*/ 200 w 329"/>
                    <a:gd name="T91" fmla="*/ 129 h 167"/>
                    <a:gd name="T92" fmla="*/ 154 w 329"/>
                    <a:gd name="T93" fmla="*/ 122 h 167"/>
                    <a:gd name="T94" fmla="*/ 66 w 329"/>
                    <a:gd name="T95" fmla="*/ 144 h 167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w 329"/>
                    <a:gd name="T145" fmla="*/ 0 h 167"/>
                    <a:gd name="T146" fmla="*/ 329 w 329"/>
                    <a:gd name="T147" fmla="*/ 167 h 167"/>
                  </a:gdLst>
                  <a:ahLst/>
                  <a:cxnLst>
                    <a:cxn ang="T96">
                      <a:pos x="T0" y="T1"/>
                    </a:cxn>
                    <a:cxn ang="T97">
                      <a:pos x="T2" y="T3"/>
                    </a:cxn>
                    <a:cxn ang="T98">
                      <a:pos x="T4" y="T5"/>
                    </a:cxn>
                    <a:cxn ang="T99">
                      <a:pos x="T6" y="T7"/>
                    </a:cxn>
                    <a:cxn ang="T100">
                      <a:pos x="T8" y="T9"/>
                    </a:cxn>
                    <a:cxn ang="T101">
                      <a:pos x="T10" y="T11"/>
                    </a:cxn>
                    <a:cxn ang="T102">
                      <a:pos x="T12" y="T13"/>
                    </a:cxn>
                    <a:cxn ang="T103">
                      <a:pos x="T14" y="T15"/>
                    </a:cxn>
                    <a:cxn ang="T104">
                      <a:pos x="T16" y="T17"/>
                    </a:cxn>
                    <a:cxn ang="T105">
                      <a:pos x="T18" y="T19"/>
                    </a:cxn>
                    <a:cxn ang="T106">
                      <a:pos x="T20" y="T21"/>
                    </a:cxn>
                    <a:cxn ang="T107">
                      <a:pos x="T22" y="T23"/>
                    </a:cxn>
                    <a:cxn ang="T108">
                      <a:pos x="T24" y="T25"/>
                    </a:cxn>
                    <a:cxn ang="T109">
                      <a:pos x="T26" y="T27"/>
                    </a:cxn>
                    <a:cxn ang="T110">
                      <a:pos x="T28" y="T29"/>
                    </a:cxn>
                    <a:cxn ang="T111">
                      <a:pos x="T30" y="T31"/>
                    </a:cxn>
                    <a:cxn ang="T112">
                      <a:pos x="T32" y="T33"/>
                    </a:cxn>
                    <a:cxn ang="T113">
                      <a:pos x="T34" y="T35"/>
                    </a:cxn>
                    <a:cxn ang="T114">
                      <a:pos x="T36" y="T37"/>
                    </a:cxn>
                    <a:cxn ang="T115">
                      <a:pos x="T38" y="T39"/>
                    </a:cxn>
                    <a:cxn ang="T116">
                      <a:pos x="T40" y="T41"/>
                    </a:cxn>
                    <a:cxn ang="T117">
                      <a:pos x="T42" y="T43"/>
                    </a:cxn>
                    <a:cxn ang="T118">
                      <a:pos x="T44" y="T45"/>
                    </a:cxn>
                    <a:cxn ang="T119">
                      <a:pos x="T46" y="T47"/>
                    </a:cxn>
                    <a:cxn ang="T120">
                      <a:pos x="T48" y="T49"/>
                    </a:cxn>
                    <a:cxn ang="T121">
                      <a:pos x="T50" y="T51"/>
                    </a:cxn>
                    <a:cxn ang="T122">
                      <a:pos x="T52" y="T53"/>
                    </a:cxn>
                    <a:cxn ang="T123">
                      <a:pos x="T54" y="T55"/>
                    </a:cxn>
                    <a:cxn ang="T124">
                      <a:pos x="T56" y="T57"/>
                    </a:cxn>
                    <a:cxn ang="T125">
                      <a:pos x="T58" y="T59"/>
                    </a:cxn>
                    <a:cxn ang="T126">
                      <a:pos x="T60" y="T61"/>
                    </a:cxn>
                    <a:cxn ang="T127">
                      <a:pos x="T62" y="T63"/>
                    </a:cxn>
                    <a:cxn ang="T128">
                      <a:pos x="T64" y="T65"/>
                    </a:cxn>
                    <a:cxn ang="T129">
                      <a:pos x="T66" y="T67"/>
                    </a:cxn>
                    <a:cxn ang="T130">
                      <a:pos x="T68" y="T69"/>
                    </a:cxn>
                    <a:cxn ang="T131">
                      <a:pos x="T70" y="T71"/>
                    </a:cxn>
                    <a:cxn ang="T132">
                      <a:pos x="T72" y="T73"/>
                    </a:cxn>
                    <a:cxn ang="T133">
                      <a:pos x="T74" y="T75"/>
                    </a:cxn>
                    <a:cxn ang="T134">
                      <a:pos x="T76" y="T77"/>
                    </a:cxn>
                    <a:cxn ang="T135">
                      <a:pos x="T78" y="T79"/>
                    </a:cxn>
                    <a:cxn ang="T136">
                      <a:pos x="T80" y="T81"/>
                    </a:cxn>
                    <a:cxn ang="T137">
                      <a:pos x="T82" y="T83"/>
                    </a:cxn>
                    <a:cxn ang="T138">
                      <a:pos x="T84" y="T85"/>
                    </a:cxn>
                    <a:cxn ang="T139">
                      <a:pos x="T86" y="T87"/>
                    </a:cxn>
                    <a:cxn ang="T140">
                      <a:pos x="T88" y="T89"/>
                    </a:cxn>
                    <a:cxn ang="T141">
                      <a:pos x="T90" y="T91"/>
                    </a:cxn>
                    <a:cxn ang="T142">
                      <a:pos x="T92" y="T93"/>
                    </a:cxn>
                    <a:cxn ang="T143">
                      <a:pos x="T94" y="T95"/>
                    </a:cxn>
                  </a:cxnLst>
                  <a:rect l="T144" t="T145" r="T146" b="T147"/>
                  <a:pathLst>
                    <a:path w="329" h="167">
                      <a:moveTo>
                        <a:pt x="6" y="157"/>
                      </a:moveTo>
                      <a:lnTo>
                        <a:pt x="0" y="157"/>
                      </a:lnTo>
                      <a:lnTo>
                        <a:pt x="2" y="71"/>
                      </a:lnTo>
                      <a:lnTo>
                        <a:pt x="2" y="69"/>
                      </a:lnTo>
                      <a:lnTo>
                        <a:pt x="6" y="69"/>
                      </a:lnTo>
                      <a:lnTo>
                        <a:pt x="9" y="69"/>
                      </a:lnTo>
                      <a:lnTo>
                        <a:pt x="12" y="68"/>
                      </a:lnTo>
                      <a:lnTo>
                        <a:pt x="17" y="68"/>
                      </a:lnTo>
                      <a:lnTo>
                        <a:pt x="24" y="66"/>
                      </a:lnTo>
                      <a:lnTo>
                        <a:pt x="29" y="64"/>
                      </a:lnTo>
                      <a:lnTo>
                        <a:pt x="36" y="63"/>
                      </a:lnTo>
                      <a:lnTo>
                        <a:pt x="43" y="61"/>
                      </a:lnTo>
                      <a:lnTo>
                        <a:pt x="48" y="59"/>
                      </a:lnTo>
                      <a:lnTo>
                        <a:pt x="55" y="57"/>
                      </a:lnTo>
                      <a:lnTo>
                        <a:pt x="60" y="56"/>
                      </a:lnTo>
                      <a:lnTo>
                        <a:pt x="63" y="56"/>
                      </a:lnTo>
                      <a:lnTo>
                        <a:pt x="66" y="54"/>
                      </a:lnTo>
                      <a:lnTo>
                        <a:pt x="68" y="54"/>
                      </a:lnTo>
                      <a:lnTo>
                        <a:pt x="70" y="54"/>
                      </a:lnTo>
                      <a:lnTo>
                        <a:pt x="171" y="32"/>
                      </a:lnTo>
                      <a:lnTo>
                        <a:pt x="178" y="25"/>
                      </a:lnTo>
                      <a:lnTo>
                        <a:pt x="180" y="25"/>
                      </a:lnTo>
                      <a:lnTo>
                        <a:pt x="180" y="22"/>
                      </a:lnTo>
                      <a:lnTo>
                        <a:pt x="182" y="20"/>
                      </a:lnTo>
                      <a:lnTo>
                        <a:pt x="183" y="19"/>
                      </a:lnTo>
                      <a:lnTo>
                        <a:pt x="187" y="12"/>
                      </a:lnTo>
                      <a:lnTo>
                        <a:pt x="192" y="7"/>
                      </a:lnTo>
                      <a:lnTo>
                        <a:pt x="197" y="3"/>
                      </a:lnTo>
                      <a:lnTo>
                        <a:pt x="202" y="0"/>
                      </a:lnTo>
                      <a:lnTo>
                        <a:pt x="205" y="0"/>
                      </a:lnTo>
                      <a:lnTo>
                        <a:pt x="209" y="0"/>
                      </a:lnTo>
                      <a:lnTo>
                        <a:pt x="210" y="0"/>
                      </a:lnTo>
                      <a:lnTo>
                        <a:pt x="212" y="0"/>
                      </a:lnTo>
                      <a:lnTo>
                        <a:pt x="210" y="0"/>
                      </a:lnTo>
                      <a:lnTo>
                        <a:pt x="210" y="2"/>
                      </a:lnTo>
                      <a:lnTo>
                        <a:pt x="210" y="3"/>
                      </a:lnTo>
                      <a:lnTo>
                        <a:pt x="212" y="7"/>
                      </a:lnTo>
                      <a:lnTo>
                        <a:pt x="214" y="10"/>
                      </a:lnTo>
                      <a:lnTo>
                        <a:pt x="215" y="13"/>
                      </a:lnTo>
                      <a:lnTo>
                        <a:pt x="220" y="17"/>
                      </a:lnTo>
                      <a:lnTo>
                        <a:pt x="226" y="22"/>
                      </a:lnTo>
                      <a:lnTo>
                        <a:pt x="227" y="22"/>
                      </a:lnTo>
                      <a:lnTo>
                        <a:pt x="231" y="22"/>
                      </a:lnTo>
                      <a:lnTo>
                        <a:pt x="232" y="24"/>
                      </a:lnTo>
                      <a:lnTo>
                        <a:pt x="234" y="24"/>
                      </a:lnTo>
                      <a:lnTo>
                        <a:pt x="232" y="27"/>
                      </a:lnTo>
                      <a:lnTo>
                        <a:pt x="229" y="30"/>
                      </a:lnTo>
                      <a:lnTo>
                        <a:pt x="220" y="35"/>
                      </a:lnTo>
                      <a:lnTo>
                        <a:pt x="220" y="37"/>
                      </a:lnTo>
                      <a:lnTo>
                        <a:pt x="220" y="41"/>
                      </a:lnTo>
                      <a:lnTo>
                        <a:pt x="220" y="46"/>
                      </a:lnTo>
                      <a:lnTo>
                        <a:pt x="219" y="47"/>
                      </a:lnTo>
                      <a:lnTo>
                        <a:pt x="217" y="52"/>
                      </a:lnTo>
                      <a:lnTo>
                        <a:pt x="214" y="57"/>
                      </a:lnTo>
                      <a:lnTo>
                        <a:pt x="212" y="64"/>
                      </a:lnTo>
                      <a:lnTo>
                        <a:pt x="212" y="69"/>
                      </a:lnTo>
                      <a:lnTo>
                        <a:pt x="214" y="73"/>
                      </a:lnTo>
                      <a:lnTo>
                        <a:pt x="219" y="73"/>
                      </a:lnTo>
                      <a:lnTo>
                        <a:pt x="227" y="71"/>
                      </a:lnTo>
                      <a:lnTo>
                        <a:pt x="234" y="73"/>
                      </a:lnTo>
                      <a:lnTo>
                        <a:pt x="242" y="78"/>
                      </a:lnTo>
                      <a:lnTo>
                        <a:pt x="248" y="86"/>
                      </a:lnTo>
                      <a:lnTo>
                        <a:pt x="253" y="86"/>
                      </a:lnTo>
                      <a:lnTo>
                        <a:pt x="253" y="88"/>
                      </a:lnTo>
                      <a:lnTo>
                        <a:pt x="254" y="91"/>
                      </a:lnTo>
                      <a:lnTo>
                        <a:pt x="254" y="95"/>
                      </a:lnTo>
                      <a:lnTo>
                        <a:pt x="256" y="100"/>
                      </a:lnTo>
                      <a:lnTo>
                        <a:pt x="258" y="103"/>
                      </a:lnTo>
                      <a:lnTo>
                        <a:pt x="259" y="107"/>
                      </a:lnTo>
                      <a:lnTo>
                        <a:pt x="261" y="107"/>
                      </a:lnTo>
                      <a:lnTo>
                        <a:pt x="264" y="105"/>
                      </a:lnTo>
                      <a:lnTo>
                        <a:pt x="266" y="105"/>
                      </a:lnTo>
                      <a:lnTo>
                        <a:pt x="268" y="107"/>
                      </a:lnTo>
                      <a:lnTo>
                        <a:pt x="268" y="108"/>
                      </a:lnTo>
                      <a:lnTo>
                        <a:pt x="268" y="110"/>
                      </a:lnTo>
                      <a:lnTo>
                        <a:pt x="268" y="112"/>
                      </a:lnTo>
                      <a:lnTo>
                        <a:pt x="270" y="113"/>
                      </a:lnTo>
                      <a:lnTo>
                        <a:pt x="271" y="115"/>
                      </a:lnTo>
                      <a:lnTo>
                        <a:pt x="275" y="118"/>
                      </a:lnTo>
                      <a:lnTo>
                        <a:pt x="280" y="120"/>
                      </a:lnTo>
                      <a:lnTo>
                        <a:pt x="288" y="122"/>
                      </a:lnTo>
                      <a:lnTo>
                        <a:pt x="298" y="122"/>
                      </a:lnTo>
                      <a:lnTo>
                        <a:pt x="302" y="120"/>
                      </a:lnTo>
                      <a:lnTo>
                        <a:pt x="305" y="120"/>
                      </a:lnTo>
                      <a:lnTo>
                        <a:pt x="308" y="117"/>
                      </a:lnTo>
                      <a:lnTo>
                        <a:pt x="314" y="113"/>
                      </a:lnTo>
                      <a:lnTo>
                        <a:pt x="317" y="110"/>
                      </a:lnTo>
                      <a:lnTo>
                        <a:pt x="319" y="105"/>
                      </a:lnTo>
                      <a:lnTo>
                        <a:pt x="319" y="101"/>
                      </a:lnTo>
                      <a:lnTo>
                        <a:pt x="315" y="96"/>
                      </a:lnTo>
                      <a:lnTo>
                        <a:pt x="314" y="95"/>
                      </a:lnTo>
                      <a:lnTo>
                        <a:pt x="312" y="91"/>
                      </a:lnTo>
                      <a:lnTo>
                        <a:pt x="308" y="90"/>
                      </a:lnTo>
                      <a:lnTo>
                        <a:pt x="305" y="85"/>
                      </a:lnTo>
                      <a:lnTo>
                        <a:pt x="302" y="83"/>
                      </a:lnTo>
                      <a:lnTo>
                        <a:pt x="298" y="81"/>
                      </a:lnTo>
                      <a:lnTo>
                        <a:pt x="297" y="81"/>
                      </a:lnTo>
                      <a:lnTo>
                        <a:pt x="293" y="85"/>
                      </a:lnTo>
                      <a:lnTo>
                        <a:pt x="292" y="86"/>
                      </a:lnTo>
                      <a:lnTo>
                        <a:pt x="292" y="78"/>
                      </a:lnTo>
                      <a:lnTo>
                        <a:pt x="295" y="76"/>
                      </a:lnTo>
                      <a:lnTo>
                        <a:pt x="298" y="76"/>
                      </a:lnTo>
                      <a:lnTo>
                        <a:pt x="305" y="78"/>
                      </a:lnTo>
                      <a:lnTo>
                        <a:pt x="310" y="81"/>
                      </a:lnTo>
                      <a:lnTo>
                        <a:pt x="317" y="88"/>
                      </a:lnTo>
                      <a:lnTo>
                        <a:pt x="324" y="98"/>
                      </a:lnTo>
                      <a:lnTo>
                        <a:pt x="329" y="113"/>
                      </a:lnTo>
                      <a:lnTo>
                        <a:pt x="329" y="115"/>
                      </a:lnTo>
                      <a:lnTo>
                        <a:pt x="329" y="117"/>
                      </a:lnTo>
                      <a:lnTo>
                        <a:pt x="329" y="120"/>
                      </a:lnTo>
                      <a:lnTo>
                        <a:pt x="329" y="122"/>
                      </a:lnTo>
                      <a:lnTo>
                        <a:pt x="329" y="123"/>
                      </a:lnTo>
                      <a:lnTo>
                        <a:pt x="329" y="125"/>
                      </a:lnTo>
                      <a:lnTo>
                        <a:pt x="327" y="125"/>
                      </a:lnTo>
                      <a:lnTo>
                        <a:pt x="325" y="123"/>
                      </a:lnTo>
                      <a:lnTo>
                        <a:pt x="324" y="123"/>
                      </a:lnTo>
                      <a:lnTo>
                        <a:pt x="322" y="123"/>
                      </a:lnTo>
                      <a:lnTo>
                        <a:pt x="319" y="125"/>
                      </a:lnTo>
                      <a:lnTo>
                        <a:pt x="314" y="127"/>
                      </a:lnTo>
                      <a:lnTo>
                        <a:pt x="310" y="130"/>
                      </a:lnTo>
                      <a:lnTo>
                        <a:pt x="308" y="132"/>
                      </a:lnTo>
                      <a:lnTo>
                        <a:pt x="307" y="132"/>
                      </a:lnTo>
                      <a:lnTo>
                        <a:pt x="303" y="132"/>
                      </a:lnTo>
                      <a:lnTo>
                        <a:pt x="300" y="134"/>
                      </a:lnTo>
                      <a:lnTo>
                        <a:pt x="297" y="135"/>
                      </a:lnTo>
                      <a:lnTo>
                        <a:pt x="293" y="139"/>
                      </a:lnTo>
                      <a:lnTo>
                        <a:pt x="290" y="142"/>
                      </a:lnTo>
                      <a:lnTo>
                        <a:pt x="286" y="145"/>
                      </a:lnTo>
                      <a:lnTo>
                        <a:pt x="286" y="147"/>
                      </a:lnTo>
                      <a:lnTo>
                        <a:pt x="285" y="147"/>
                      </a:lnTo>
                      <a:lnTo>
                        <a:pt x="283" y="147"/>
                      </a:lnTo>
                      <a:lnTo>
                        <a:pt x="283" y="149"/>
                      </a:lnTo>
                      <a:lnTo>
                        <a:pt x="273" y="157"/>
                      </a:lnTo>
                      <a:lnTo>
                        <a:pt x="268" y="154"/>
                      </a:lnTo>
                      <a:lnTo>
                        <a:pt x="270" y="140"/>
                      </a:lnTo>
                      <a:lnTo>
                        <a:pt x="270" y="137"/>
                      </a:lnTo>
                      <a:lnTo>
                        <a:pt x="270" y="134"/>
                      </a:lnTo>
                      <a:lnTo>
                        <a:pt x="268" y="132"/>
                      </a:lnTo>
                      <a:lnTo>
                        <a:pt x="264" y="129"/>
                      </a:lnTo>
                      <a:lnTo>
                        <a:pt x="263" y="129"/>
                      </a:lnTo>
                      <a:lnTo>
                        <a:pt x="259" y="130"/>
                      </a:lnTo>
                      <a:lnTo>
                        <a:pt x="258" y="135"/>
                      </a:lnTo>
                      <a:lnTo>
                        <a:pt x="258" y="142"/>
                      </a:lnTo>
                      <a:lnTo>
                        <a:pt x="258" y="151"/>
                      </a:lnTo>
                      <a:lnTo>
                        <a:pt x="258" y="152"/>
                      </a:lnTo>
                      <a:lnTo>
                        <a:pt x="258" y="154"/>
                      </a:lnTo>
                      <a:lnTo>
                        <a:pt x="258" y="152"/>
                      </a:lnTo>
                      <a:lnTo>
                        <a:pt x="258" y="149"/>
                      </a:lnTo>
                      <a:lnTo>
                        <a:pt x="258" y="145"/>
                      </a:lnTo>
                      <a:lnTo>
                        <a:pt x="258" y="144"/>
                      </a:lnTo>
                      <a:lnTo>
                        <a:pt x="258" y="142"/>
                      </a:lnTo>
                      <a:lnTo>
                        <a:pt x="249" y="151"/>
                      </a:lnTo>
                      <a:lnTo>
                        <a:pt x="246" y="151"/>
                      </a:lnTo>
                      <a:lnTo>
                        <a:pt x="246" y="152"/>
                      </a:lnTo>
                      <a:lnTo>
                        <a:pt x="246" y="156"/>
                      </a:lnTo>
                      <a:lnTo>
                        <a:pt x="246" y="159"/>
                      </a:lnTo>
                      <a:lnTo>
                        <a:pt x="244" y="162"/>
                      </a:lnTo>
                      <a:lnTo>
                        <a:pt x="241" y="166"/>
                      </a:lnTo>
                      <a:lnTo>
                        <a:pt x="237" y="167"/>
                      </a:lnTo>
                      <a:lnTo>
                        <a:pt x="232" y="167"/>
                      </a:lnTo>
                      <a:lnTo>
                        <a:pt x="231" y="167"/>
                      </a:lnTo>
                      <a:lnTo>
                        <a:pt x="231" y="166"/>
                      </a:lnTo>
                      <a:lnTo>
                        <a:pt x="231" y="164"/>
                      </a:lnTo>
                      <a:lnTo>
                        <a:pt x="229" y="161"/>
                      </a:lnTo>
                      <a:lnTo>
                        <a:pt x="227" y="159"/>
                      </a:lnTo>
                      <a:lnTo>
                        <a:pt x="227" y="157"/>
                      </a:lnTo>
                      <a:lnTo>
                        <a:pt x="227" y="156"/>
                      </a:lnTo>
                      <a:lnTo>
                        <a:pt x="220" y="151"/>
                      </a:lnTo>
                      <a:lnTo>
                        <a:pt x="212" y="145"/>
                      </a:lnTo>
                      <a:lnTo>
                        <a:pt x="205" y="144"/>
                      </a:lnTo>
                      <a:lnTo>
                        <a:pt x="200" y="129"/>
                      </a:lnTo>
                      <a:lnTo>
                        <a:pt x="193" y="129"/>
                      </a:lnTo>
                      <a:lnTo>
                        <a:pt x="188" y="115"/>
                      </a:lnTo>
                      <a:lnTo>
                        <a:pt x="154" y="123"/>
                      </a:lnTo>
                      <a:lnTo>
                        <a:pt x="154" y="122"/>
                      </a:lnTo>
                      <a:lnTo>
                        <a:pt x="70" y="144"/>
                      </a:lnTo>
                      <a:lnTo>
                        <a:pt x="72" y="147"/>
                      </a:lnTo>
                      <a:lnTo>
                        <a:pt x="66" y="149"/>
                      </a:lnTo>
                      <a:lnTo>
                        <a:pt x="66" y="144"/>
                      </a:lnTo>
                      <a:lnTo>
                        <a:pt x="6" y="157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254" name="Freeform 189"/>
              <p:cNvSpPr>
                <a:spLocks/>
              </p:cNvSpPr>
              <p:nvPr/>
            </p:nvSpPr>
            <p:spPr bwMode="auto">
              <a:xfrm>
                <a:off x="4725" y="1711"/>
                <a:ext cx="165" cy="162"/>
              </a:xfrm>
              <a:custGeom>
                <a:avLst/>
                <a:gdLst>
                  <a:gd name="T0" fmla="*/ 114 w 169"/>
                  <a:gd name="T1" fmla="*/ 57 h 167"/>
                  <a:gd name="T2" fmla="*/ 112 w 169"/>
                  <a:gd name="T3" fmla="*/ 58 h 167"/>
                  <a:gd name="T4" fmla="*/ 110 w 169"/>
                  <a:gd name="T5" fmla="*/ 59 h 167"/>
                  <a:gd name="T6" fmla="*/ 105 w 169"/>
                  <a:gd name="T7" fmla="*/ 60 h 167"/>
                  <a:gd name="T8" fmla="*/ 101 w 169"/>
                  <a:gd name="T9" fmla="*/ 63 h 167"/>
                  <a:gd name="T10" fmla="*/ 97 w 169"/>
                  <a:gd name="T11" fmla="*/ 65 h 167"/>
                  <a:gd name="T12" fmla="*/ 93 w 169"/>
                  <a:gd name="T13" fmla="*/ 66 h 167"/>
                  <a:gd name="T14" fmla="*/ 90 w 169"/>
                  <a:gd name="T15" fmla="*/ 68 h 167"/>
                  <a:gd name="T16" fmla="*/ 89 w 169"/>
                  <a:gd name="T17" fmla="*/ 68 h 167"/>
                  <a:gd name="T18" fmla="*/ 82 w 169"/>
                  <a:gd name="T19" fmla="*/ 71 h 167"/>
                  <a:gd name="T20" fmla="*/ 75 w 169"/>
                  <a:gd name="T21" fmla="*/ 73 h 167"/>
                  <a:gd name="T22" fmla="*/ 66 w 169"/>
                  <a:gd name="T23" fmla="*/ 76 h 167"/>
                  <a:gd name="T24" fmla="*/ 60 w 169"/>
                  <a:gd name="T25" fmla="*/ 77 h 167"/>
                  <a:gd name="T26" fmla="*/ 57 w 169"/>
                  <a:gd name="T27" fmla="*/ 77 h 167"/>
                  <a:gd name="T28" fmla="*/ 54 w 169"/>
                  <a:gd name="T29" fmla="*/ 79 h 167"/>
                  <a:gd name="T30" fmla="*/ 53 w 169"/>
                  <a:gd name="T31" fmla="*/ 79 h 167"/>
                  <a:gd name="T32" fmla="*/ 53 w 169"/>
                  <a:gd name="T33" fmla="*/ 79 h 167"/>
                  <a:gd name="T34" fmla="*/ 30 w 169"/>
                  <a:gd name="T35" fmla="*/ 93 h 167"/>
                  <a:gd name="T36" fmla="*/ 28 w 169"/>
                  <a:gd name="T37" fmla="*/ 93 h 167"/>
                  <a:gd name="T38" fmla="*/ 20 w 169"/>
                  <a:gd name="T39" fmla="*/ 106 h 167"/>
                  <a:gd name="T40" fmla="*/ 13 w 169"/>
                  <a:gd name="T41" fmla="*/ 109 h 167"/>
                  <a:gd name="T42" fmla="*/ 13 w 169"/>
                  <a:gd name="T43" fmla="*/ 109 h 167"/>
                  <a:gd name="T44" fmla="*/ 6 w 169"/>
                  <a:gd name="T45" fmla="*/ 102 h 167"/>
                  <a:gd name="T46" fmla="*/ 20 w 169"/>
                  <a:gd name="T47" fmla="*/ 91 h 167"/>
                  <a:gd name="T48" fmla="*/ 13 w 169"/>
                  <a:gd name="T49" fmla="*/ 84 h 167"/>
                  <a:gd name="T50" fmla="*/ 0 w 169"/>
                  <a:gd name="T51" fmla="*/ 21 h 167"/>
                  <a:gd name="T52" fmla="*/ 46 w 169"/>
                  <a:gd name="T53" fmla="*/ 16 h 167"/>
                  <a:gd name="T54" fmla="*/ 46 w 169"/>
                  <a:gd name="T55" fmla="*/ 16 h 167"/>
                  <a:gd name="T56" fmla="*/ 50 w 169"/>
                  <a:gd name="T57" fmla="*/ 16 h 167"/>
                  <a:gd name="T58" fmla="*/ 49 w 169"/>
                  <a:gd name="T59" fmla="*/ 16 h 167"/>
                  <a:gd name="T60" fmla="*/ 105 w 169"/>
                  <a:gd name="T61" fmla="*/ 0 h 167"/>
                  <a:gd name="T62" fmla="*/ 105 w 169"/>
                  <a:gd name="T63" fmla="*/ 1 h 167"/>
                  <a:gd name="T64" fmla="*/ 121 w 169"/>
                  <a:gd name="T65" fmla="*/ 47 h 167"/>
                  <a:gd name="T66" fmla="*/ 117 w 169"/>
                  <a:gd name="T67" fmla="*/ 49 h 167"/>
                  <a:gd name="T68" fmla="*/ 117 w 169"/>
                  <a:gd name="T69" fmla="*/ 49 h 167"/>
                  <a:gd name="T70" fmla="*/ 117 w 169"/>
                  <a:gd name="T71" fmla="*/ 50 h 167"/>
                  <a:gd name="T72" fmla="*/ 117 w 169"/>
                  <a:gd name="T73" fmla="*/ 51 h 167"/>
                  <a:gd name="T74" fmla="*/ 117 w 169"/>
                  <a:gd name="T75" fmla="*/ 53 h 167"/>
                  <a:gd name="T76" fmla="*/ 117 w 169"/>
                  <a:gd name="T77" fmla="*/ 55 h 167"/>
                  <a:gd name="T78" fmla="*/ 117 w 169"/>
                  <a:gd name="T79" fmla="*/ 57 h 167"/>
                  <a:gd name="T80" fmla="*/ 117 w 169"/>
                  <a:gd name="T81" fmla="*/ 57 h 167"/>
                  <a:gd name="T82" fmla="*/ 118 w 169"/>
                  <a:gd name="T83" fmla="*/ 58 h 167"/>
                  <a:gd name="T84" fmla="*/ 114 w 169"/>
                  <a:gd name="T85" fmla="*/ 57 h 167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w 169"/>
                  <a:gd name="T130" fmla="*/ 0 h 167"/>
                  <a:gd name="T131" fmla="*/ 169 w 169"/>
                  <a:gd name="T132" fmla="*/ 167 h 167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T129" t="T130" r="T131" b="T132"/>
                <a:pathLst>
                  <a:path w="169" h="167">
                    <a:moveTo>
                      <a:pt x="159" y="86"/>
                    </a:moveTo>
                    <a:lnTo>
                      <a:pt x="157" y="88"/>
                    </a:lnTo>
                    <a:lnTo>
                      <a:pt x="154" y="89"/>
                    </a:lnTo>
                    <a:lnTo>
                      <a:pt x="148" y="91"/>
                    </a:lnTo>
                    <a:lnTo>
                      <a:pt x="142" y="95"/>
                    </a:lnTo>
                    <a:lnTo>
                      <a:pt x="135" y="98"/>
                    </a:lnTo>
                    <a:lnTo>
                      <a:pt x="130" y="100"/>
                    </a:lnTo>
                    <a:lnTo>
                      <a:pt x="125" y="103"/>
                    </a:lnTo>
                    <a:lnTo>
                      <a:pt x="123" y="103"/>
                    </a:lnTo>
                    <a:lnTo>
                      <a:pt x="113" y="108"/>
                    </a:lnTo>
                    <a:lnTo>
                      <a:pt x="103" y="111"/>
                    </a:lnTo>
                    <a:lnTo>
                      <a:pt x="94" y="115"/>
                    </a:lnTo>
                    <a:lnTo>
                      <a:pt x="86" y="117"/>
                    </a:lnTo>
                    <a:lnTo>
                      <a:pt x="79" y="118"/>
                    </a:lnTo>
                    <a:lnTo>
                      <a:pt x="74" y="120"/>
                    </a:lnTo>
                    <a:lnTo>
                      <a:pt x="72" y="120"/>
                    </a:lnTo>
                    <a:lnTo>
                      <a:pt x="71" y="120"/>
                    </a:lnTo>
                    <a:lnTo>
                      <a:pt x="44" y="142"/>
                    </a:lnTo>
                    <a:lnTo>
                      <a:pt x="42" y="142"/>
                    </a:lnTo>
                    <a:lnTo>
                      <a:pt x="20" y="162"/>
                    </a:lnTo>
                    <a:lnTo>
                      <a:pt x="13" y="167"/>
                    </a:lnTo>
                    <a:lnTo>
                      <a:pt x="6" y="155"/>
                    </a:lnTo>
                    <a:lnTo>
                      <a:pt x="20" y="139"/>
                    </a:lnTo>
                    <a:lnTo>
                      <a:pt x="13" y="130"/>
                    </a:lnTo>
                    <a:lnTo>
                      <a:pt x="0" y="35"/>
                    </a:lnTo>
                    <a:lnTo>
                      <a:pt x="60" y="22"/>
                    </a:lnTo>
                    <a:lnTo>
                      <a:pt x="60" y="27"/>
                    </a:lnTo>
                    <a:lnTo>
                      <a:pt x="66" y="25"/>
                    </a:lnTo>
                    <a:lnTo>
                      <a:pt x="64" y="22"/>
                    </a:lnTo>
                    <a:lnTo>
                      <a:pt x="148" y="0"/>
                    </a:lnTo>
                    <a:lnTo>
                      <a:pt x="148" y="1"/>
                    </a:lnTo>
                    <a:lnTo>
                      <a:pt x="169" y="73"/>
                    </a:lnTo>
                    <a:lnTo>
                      <a:pt x="164" y="76"/>
                    </a:lnTo>
                    <a:lnTo>
                      <a:pt x="164" y="78"/>
                    </a:lnTo>
                    <a:lnTo>
                      <a:pt x="164" y="79"/>
                    </a:lnTo>
                    <a:lnTo>
                      <a:pt x="164" y="81"/>
                    </a:lnTo>
                    <a:lnTo>
                      <a:pt x="164" y="83"/>
                    </a:lnTo>
                    <a:lnTo>
                      <a:pt x="164" y="86"/>
                    </a:lnTo>
                    <a:lnTo>
                      <a:pt x="165" y="88"/>
                    </a:lnTo>
                    <a:lnTo>
                      <a:pt x="159" y="86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255" name="Freeform 190"/>
              <p:cNvSpPr>
                <a:spLocks/>
              </p:cNvSpPr>
              <p:nvPr/>
            </p:nvSpPr>
            <p:spPr bwMode="auto">
              <a:xfrm>
                <a:off x="4869" y="1704"/>
                <a:ext cx="76" cy="93"/>
              </a:xfrm>
              <a:custGeom>
                <a:avLst/>
                <a:gdLst>
                  <a:gd name="T0" fmla="*/ 19 w 78"/>
                  <a:gd name="T1" fmla="*/ 61 h 95"/>
                  <a:gd name="T2" fmla="*/ 16 w 78"/>
                  <a:gd name="T3" fmla="*/ 63 h 95"/>
                  <a:gd name="T4" fmla="*/ 16 w 78"/>
                  <a:gd name="T5" fmla="*/ 63 h 95"/>
                  <a:gd name="T6" fmla="*/ 16 w 78"/>
                  <a:gd name="T7" fmla="*/ 63 h 95"/>
                  <a:gd name="T8" fmla="*/ 16 w 78"/>
                  <a:gd name="T9" fmla="*/ 64 h 95"/>
                  <a:gd name="T10" fmla="*/ 16 w 78"/>
                  <a:gd name="T11" fmla="*/ 64 h 95"/>
                  <a:gd name="T12" fmla="*/ 16 w 78"/>
                  <a:gd name="T13" fmla="*/ 65 h 95"/>
                  <a:gd name="T14" fmla="*/ 16 w 78"/>
                  <a:gd name="T15" fmla="*/ 66 h 95"/>
                  <a:gd name="T16" fmla="*/ 16 w 78"/>
                  <a:gd name="T17" fmla="*/ 68 h 95"/>
                  <a:gd name="T18" fmla="*/ 16 w 78"/>
                  <a:gd name="T19" fmla="*/ 68 h 95"/>
                  <a:gd name="T20" fmla="*/ 17 w 78"/>
                  <a:gd name="T21" fmla="*/ 69 h 95"/>
                  <a:gd name="T22" fmla="*/ 17 w 78"/>
                  <a:gd name="T23" fmla="*/ 69 h 95"/>
                  <a:gd name="T24" fmla="*/ 19 w 78"/>
                  <a:gd name="T25" fmla="*/ 69 h 95"/>
                  <a:gd name="T26" fmla="*/ 19 w 78"/>
                  <a:gd name="T27" fmla="*/ 68 h 95"/>
                  <a:gd name="T28" fmla="*/ 19 w 78"/>
                  <a:gd name="T29" fmla="*/ 66 h 95"/>
                  <a:gd name="T30" fmla="*/ 22 w 78"/>
                  <a:gd name="T31" fmla="*/ 64 h 95"/>
                  <a:gd name="T32" fmla="*/ 25 w 78"/>
                  <a:gd name="T33" fmla="*/ 63 h 95"/>
                  <a:gd name="T34" fmla="*/ 27 w 78"/>
                  <a:gd name="T35" fmla="*/ 61 h 95"/>
                  <a:gd name="T36" fmla="*/ 29 w 78"/>
                  <a:gd name="T37" fmla="*/ 60 h 95"/>
                  <a:gd name="T38" fmla="*/ 30 w 78"/>
                  <a:gd name="T39" fmla="*/ 59 h 95"/>
                  <a:gd name="T40" fmla="*/ 36 w 78"/>
                  <a:gd name="T41" fmla="*/ 59 h 95"/>
                  <a:gd name="T42" fmla="*/ 36 w 78"/>
                  <a:gd name="T43" fmla="*/ 50 h 95"/>
                  <a:gd name="T44" fmla="*/ 25 w 78"/>
                  <a:gd name="T45" fmla="*/ 23 h 95"/>
                  <a:gd name="T46" fmla="*/ 34 w 78"/>
                  <a:gd name="T47" fmla="*/ 23 h 95"/>
                  <a:gd name="T48" fmla="*/ 41 w 78"/>
                  <a:gd name="T49" fmla="*/ 23 h 95"/>
                  <a:gd name="T50" fmla="*/ 44 w 78"/>
                  <a:gd name="T51" fmla="*/ 23 h 95"/>
                  <a:gd name="T52" fmla="*/ 44 w 78"/>
                  <a:gd name="T53" fmla="*/ 23 h 95"/>
                  <a:gd name="T54" fmla="*/ 45 w 78"/>
                  <a:gd name="T55" fmla="*/ 23 h 95"/>
                  <a:gd name="T56" fmla="*/ 45 w 78"/>
                  <a:gd name="T57" fmla="*/ 23 h 95"/>
                  <a:gd name="T58" fmla="*/ 47 w 78"/>
                  <a:gd name="T59" fmla="*/ 25 h 95"/>
                  <a:gd name="T60" fmla="*/ 48 w 78"/>
                  <a:gd name="T61" fmla="*/ 28 h 95"/>
                  <a:gd name="T62" fmla="*/ 48 w 78"/>
                  <a:gd name="T63" fmla="*/ 28 h 95"/>
                  <a:gd name="T64" fmla="*/ 49 w 78"/>
                  <a:gd name="T65" fmla="*/ 38 h 95"/>
                  <a:gd name="T66" fmla="*/ 51 w 78"/>
                  <a:gd name="T67" fmla="*/ 44 h 95"/>
                  <a:gd name="T68" fmla="*/ 51 w 78"/>
                  <a:gd name="T69" fmla="*/ 47 h 95"/>
                  <a:gd name="T70" fmla="*/ 52 w 78"/>
                  <a:gd name="T71" fmla="*/ 45 h 95"/>
                  <a:gd name="T72" fmla="*/ 53 w 78"/>
                  <a:gd name="T73" fmla="*/ 44 h 95"/>
                  <a:gd name="T74" fmla="*/ 53 w 78"/>
                  <a:gd name="T75" fmla="*/ 40 h 95"/>
                  <a:gd name="T76" fmla="*/ 54 w 78"/>
                  <a:gd name="T77" fmla="*/ 38 h 95"/>
                  <a:gd name="T78" fmla="*/ 54 w 78"/>
                  <a:gd name="T79" fmla="*/ 37 h 95"/>
                  <a:gd name="T80" fmla="*/ 54 w 78"/>
                  <a:gd name="T81" fmla="*/ 38 h 95"/>
                  <a:gd name="T82" fmla="*/ 54 w 78"/>
                  <a:gd name="T83" fmla="*/ 38 h 95"/>
                  <a:gd name="T84" fmla="*/ 53 w 78"/>
                  <a:gd name="T85" fmla="*/ 38 h 95"/>
                  <a:gd name="T86" fmla="*/ 53 w 78"/>
                  <a:gd name="T87" fmla="*/ 37 h 95"/>
                  <a:gd name="T88" fmla="*/ 53 w 78"/>
                  <a:gd name="T89" fmla="*/ 35 h 95"/>
                  <a:gd name="T90" fmla="*/ 52 w 78"/>
                  <a:gd name="T91" fmla="*/ 32 h 95"/>
                  <a:gd name="T92" fmla="*/ 51 w 78"/>
                  <a:gd name="T93" fmla="*/ 30 h 95"/>
                  <a:gd name="T94" fmla="*/ 51 w 78"/>
                  <a:gd name="T95" fmla="*/ 28 h 95"/>
                  <a:gd name="T96" fmla="*/ 51 w 78"/>
                  <a:gd name="T97" fmla="*/ 27 h 95"/>
                  <a:gd name="T98" fmla="*/ 51 w 78"/>
                  <a:gd name="T99" fmla="*/ 27 h 95"/>
                  <a:gd name="T100" fmla="*/ 48 w 78"/>
                  <a:gd name="T101" fmla="*/ 23 h 95"/>
                  <a:gd name="T102" fmla="*/ 44 w 78"/>
                  <a:gd name="T103" fmla="*/ 23 h 95"/>
                  <a:gd name="T104" fmla="*/ 37 w 78"/>
                  <a:gd name="T105" fmla="*/ 23 h 95"/>
                  <a:gd name="T106" fmla="*/ 32 w 78"/>
                  <a:gd name="T107" fmla="*/ 14 h 95"/>
                  <a:gd name="T108" fmla="*/ 25 w 78"/>
                  <a:gd name="T109" fmla="*/ 14 h 95"/>
                  <a:gd name="T110" fmla="*/ 20 w 78"/>
                  <a:gd name="T111" fmla="*/ 0 h 95"/>
                  <a:gd name="T112" fmla="*/ 0 w 78"/>
                  <a:gd name="T113" fmla="*/ 8 h 95"/>
                  <a:gd name="T114" fmla="*/ 19 w 78"/>
                  <a:gd name="T115" fmla="*/ 61 h 95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78"/>
                  <a:gd name="T175" fmla="*/ 0 h 95"/>
                  <a:gd name="T176" fmla="*/ 78 w 78"/>
                  <a:gd name="T177" fmla="*/ 95 h 95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78" h="95">
                    <a:moveTo>
                      <a:pt x="21" y="80"/>
                    </a:moveTo>
                    <a:lnTo>
                      <a:pt x="16" y="83"/>
                    </a:lnTo>
                    <a:lnTo>
                      <a:pt x="16" y="85"/>
                    </a:lnTo>
                    <a:lnTo>
                      <a:pt x="16" y="86"/>
                    </a:lnTo>
                    <a:lnTo>
                      <a:pt x="16" y="88"/>
                    </a:lnTo>
                    <a:lnTo>
                      <a:pt x="16" y="90"/>
                    </a:lnTo>
                    <a:lnTo>
                      <a:pt x="16" y="93"/>
                    </a:lnTo>
                    <a:lnTo>
                      <a:pt x="17" y="95"/>
                    </a:lnTo>
                    <a:lnTo>
                      <a:pt x="22" y="95"/>
                    </a:lnTo>
                    <a:lnTo>
                      <a:pt x="28" y="93"/>
                    </a:lnTo>
                    <a:lnTo>
                      <a:pt x="31" y="90"/>
                    </a:lnTo>
                    <a:lnTo>
                      <a:pt x="36" y="86"/>
                    </a:lnTo>
                    <a:lnTo>
                      <a:pt x="39" y="83"/>
                    </a:lnTo>
                    <a:lnTo>
                      <a:pt x="41" y="80"/>
                    </a:lnTo>
                    <a:lnTo>
                      <a:pt x="43" y="78"/>
                    </a:lnTo>
                    <a:lnTo>
                      <a:pt x="44" y="76"/>
                    </a:lnTo>
                    <a:lnTo>
                      <a:pt x="50" y="76"/>
                    </a:lnTo>
                    <a:lnTo>
                      <a:pt x="50" y="64"/>
                    </a:lnTo>
                    <a:lnTo>
                      <a:pt x="39" y="30"/>
                    </a:lnTo>
                    <a:lnTo>
                      <a:pt x="48" y="29"/>
                    </a:lnTo>
                    <a:lnTo>
                      <a:pt x="55" y="36"/>
                    </a:lnTo>
                    <a:lnTo>
                      <a:pt x="58" y="36"/>
                    </a:lnTo>
                    <a:lnTo>
                      <a:pt x="60" y="36"/>
                    </a:lnTo>
                    <a:lnTo>
                      <a:pt x="61" y="37"/>
                    </a:lnTo>
                    <a:lnTo>
                      <a:pt x="65" y="39"/>
                    </a:lnTo>
                    <a:lnTo>
                      <a:pt x="66" y="42"/>
                    </a:lnTo>
                    <a:lnTo>
                      <a:pt x="68" y="52"/>
                    </a:lnTo>
                    <a:lnTo>
                      <a:pt x="72" y="58"/>
                    </a:lnTo>
                    <a:lnTo>
                      <a:pt x="73" y="61"/>
                    </a:lnTo>
                    <a:lnTo>
                      <a:pt x="75" y="59"/>
                    </a:lnTo>
                    <a:lnTo>
                      <a:pt x="77" y="58"/>
                    </a:lnTo>
                    <a:lnTo>
                      <a:pt x="77" y="54"/>
                    </a:lnTo>
                    <a:lnTo>
                      <a:pt x="78" y="52"/>
                    </a:lnTo>
                    <a:lnTo>
                      <a:pt x="78" y="51"/>
                    </a:lnTo>
                    <a:lnTo>
                      <a:pt x="78" y="52"/>
                    </a:lnTo>
                    <a:lnTo>
                      <a:pt x="77" y="52"/>
                    </a:lnTo>
                    <a:lnTo>
                      <a:pt x="77" y="51"/>
                    </a:lnTo>
                    <a:lnTo>
                      <a:pt x="77" y="49"/>
                    </a:lnTo>
                    <a:lnTo>
                      <a:pt x="75" y="46"/>
                    </a:lnTo>
                    <a:lnTo>
                      <a:pt x="73" y="44"/>
                    </a:lnTo>
                    <a:lnTo>
                      <a:pt x="73" y="42"/>
                    </a:lnTo>
                    <a:lnTo>
                      <a:pt x="73" y="41"/>
                    </a:lnTo>
                    <a:lnTo>
                      <a:pt x="66" y="36"/>
                    </a:lnTo>
                    <a:lnTo>
                      <a:pt x="58" y="30"/>
                    </a:lnTo>
                    <a:lnTo>
                      <a:pt x="51" y="29"/>
                    </a:lnTo>
                    <a:lnTo>
                      <a:pt x="46" y="14"/>
                    </a:lnTo>
                    <a:lnTo>
                      <a:pt x="39" y="14"/>
                    </a:lnTo>
                    <a:lnTo>
                      <a:pt x="34" y="0"/>
                    </a:lnTo>
                    <a:lnTo>
                      <a:pt x="0" y="8"/>
                    </a:lnTo>
                    <a:lnTo>
                      <a:pt x="21" y="8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</p:grpSp>
        <p:sp>
          <p:nvSpPr>
            <p:cNvPr id="385" name="TextBox 384"/>
            <p:cNvSpPr txBox="1"/>
            <p:nvPr/>
          </p:nvSpPr>
          <p:spPr>
            <a:xfrm>
              <a:off x="7033381" y="3125891"/>
              <a:ext cx="1163786" cy="40506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 defTabSz="783635">
                <a:defRPr/>
              </a:pPr>
              <a:r>
                <a:rPr lang="en-US" sz="1867" b="1" dirty="0">
                  <a:solidFill>
                    <a:srgbClr val="9A3B26"/>
                  </a:solidFill>
                  <a:latin typeface="Calibri" panose="020F0502020204030204" pitchFamily="34" charset="0"/>
                </a:rPr>
                <a:t>VIM</a:t>
              </a:r>
            </a:p>
          </p:txBody>
        </p:sp>
      </p:grpSp>
      <p:grpSp>
        <p:nvGrpSpPr>
          <p:cNvPr id="13" name="Group 12"/>
          <p:cNvGrpSpPr/>
          <p:nvPr/>
        </p:nvGrpSpPr>
        <p:grpSpPr>
          <a:xfrm>
            <a:off x="3307410" y="3337624"/>
            <a:ext cx="2466975" cy="2024946"/>
            <a:chOff x="3209101" y="3125890"/>
            <a:chExt cx="2632097" cy="2160484"/>
          </a:xfrm>
        </p:grpSpPr>
        <p:grpSp>
          <p:nvGrpSpPr>
            <p:cNvPr id="386" name="Group 5" descr="Map of the US showing the three Public Reporting States in 2004. "/>
            <p:cNvGrpSpPr>
              <a:grpSpLocks noChangeAspect="1"/>
            </p:cNvGrpSpPr>
            <p:nvPr/>
          </p:nvGrpSpPr>
          <p:grpSpPr bwMode="auto">
            <a:xfrm>
              <a:off x="3209101" y="3514819"/>
              <a:ext cx="2632097" cy="1771555"/>
              <a:chOff x="192" y="850"/>
              <a:chExt cx="4988" cy="3134"/>
            </a:xfrm>
          </p:grpSpPr>
          <p:sp>
            <p:nvSpPr>
              <p:cNvPr id="390" name="Freeform 9"/>
              <p:cNvSpPr>
                <a:spLocks/>
              </p:cNvSpPr>
              <p:nvPr/>
            </p:nvSpPr>
            <p:spPr bwMode="auto">
              <a:xfrm>
                <a:off x="4479" y="2181"/>
                <a:ext cx="22" cy="24"/>
              </a:xfrm>
              <a:custGeom>
                <a:avLst/>
                <a:gdLst>
                  <a:gd name="T0" fmla="*/ 0 w 22"/>
                  <a:gd name="T1" fmla="*/ 7 h 25"/>
                  <a:gd name="T2" fmla="*/ 9 w 22"/>
                  <a:gd name="T3" fmla="*/ 0 h 25"/>
                  <a:gd name="T4" fmla="*/ 22 w 22"/>
                  <a:gd name="T5" fmla="*/ 10 h 25"/>
                  <a:gd name="T6" fmla="*/ 12 w 22"/>
                  <a:gd name="T7" fmla="*/ 12 h 25"/>
                  <a:gd name="T8" fmla="*/ 12 w 22"/>
                  <a:gd name="T9" fmla="*/ 12 h 25"/>
                  <a:gd name="T10" fmla="*/ 12 w 22"/>
                  <a:gd name="T11" fmla="*/ 12 h 25"/>
                  <a:gd name="T12" fmla="*/ 12 w 22"/>
                  <a:gd name="T13" fmla="*/ 12 h 25"/>
                  <a:gd name="T14" fmla="*/ 12 w 22"/>
                  <a:gd name="T15" fmla="*/ 12 h 25"/>
                  <a:gd name="T16" fmla="*/ 11 w 22"/>
                  <a:gd name="T17" fmla="*/ 12 h 25"/>
                  <a:gd name="T18" fmla="*/ 9 w 22"/>
                  <a:gd name="T19" fmla="*/ 12 h 25"/>
                  <a:gd name="T20" fmla="*/ 7 w 22"/>
                  <a:gd name="T21" fmla="*/ 12 h 25"/>
                  <a:gd name="T22" fmla="*/ 2 w 22"/>
                  <a:gd name="T23" fmla="*/ 8 h 25"/>
                  <a:gd name="T24" fmla="*/ 2 w 22"/>
                  <a:gd name="T25" fmla="*/ 8 h 25"/>
                  <a:gd name="T26" fmla="*/ 0 w 22"/>
                  <a:gd name="T27" fmla="*/ 8 h 25"/>
                  <a:gd name="T28" fmla="*/ 0 w 22"/>
                  <a:gd name="T29" fmla="*/ 7 h 25"/>
                  <a:gd name="T30" fmla="*/ 0 w 22"/>
                  <a:gd name="T31" fmla="*/ 7 h 25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w 22"/>
                  <a:gd name="T49" fmla="*/ 0 h 25"/>
                  <a:gd name="T50" fmla="*/ 22 w 22"/>
                  <a:gd name="T51" fmla="*/ 25 h 25"/>
                </a:gdLst>
                <a:ahLst/>
                <a:cxnLst>
                  <a:cxn ang="T32">
                    <a:pos x="T0" y="T1"/>
                  </a:cxn>
                  <a:cxn ang="T33">
                    <a:pos x="T2" y="T3"/>
                  </a:cxn>
                  <a:cxn ang="T34">
                    <a:pos x="T4" y="T5"/>
                  </a:cxn>
                  <a:cxn ang="T35">
                    <a:pos x="T6" y="T7"/>
                  </a:cxn>
                  <a:cxn ang="T36">
                    <a:pos x="T8" y="T9"/>
                  </a:cxn>
                  <a:cxn ang="T37">
                    <a:pos x="T10" y="T11"/>
                  </a:cxn>
                  <a:cxn ang="T38">
                    <a:pos x="T12" y="T13"/>
                  </a:cxn>
                  <a:cxn ang="T39">
                    <a:pos x="T14" y="T15"/>
                  </a:cxn>
                  <a:cxn ang="T40">
                    <a:pos x="T16" y="T17"/>
                  </a:cxn>
                  <a:cxn ang="T41">
                    <a:pos x="T18" y="T19"/>
                  </a:cxn>
                  <a:cxn ang="T42">
                    <a:pos x="T20" y="T21"/>
                  </a:cxn>
                  <a:cxn ang="T43">
                    <a:pos x="T22" y="T23"/>
                  </a:cxn>
                  <a:cxn ang="T44">
                    <a:pos x="T24" y="T25"/>
                  </a:cxn>
                  <a:cxn ang="T45">
                    <a:pos x="T26" y="T27"/>
                  </a:cxn>
                  <a:cxn ang="T46">
                    <a:pos x="T28" y="T29"/>
                  </a:cxn>
                  <a:cxn ang="T47">
                    <a:pos x="T30" y="T31"/>
                  </a:cxn>
                </a:cxnLst>
                <a:rect l="T48" t="T49" r="T50" b="T51"/>
                <a:pathLst>
                  <a:path w="22" h="25">
                    <a:moveTo>
                      <a:pt x="0" y="7"/>
                    </a:moveTo>
                    <a:lnTo>
                      <a:pt x="9" y="0"/>
                    </a:lnTo>
                    <a:lnTo>
                      <a:pt x="22" y="10"/>
                    </a:lnTo>
                    <a:lnTo>
                      <a:pt x="12" y="25"/>
                    </a:lnTo>
                    <a:lnTo>
                      <a:pt x="12" y="23"/>
                    </a:lnTo>
                    <a:lnTo>
                      <a:pt x="12" y="22"/>
                    </a:lnTo>
                    <a:lnTo>
                      <a:pt x="12" y="20"/>
                    </a:lnTo>
                    <a:lnTo>
                      <a:pt x="12" y="18"/>
                    </a:lnTo>
                    <a:lnTo>
                      <a:pt x="11" y="17"/>
                    </a:lnTo>
                    <a:lnTo>
                      <a:pt x="9" y="13"/>
                    </a:lnTo>
                    <a:lnTo>
                      <a:pt x="7" y="12"/>
                    </a:lnTo>
                    <a:lnTo>
                      <a:pt x="2" y="8"/>
                    </a:lnTo>
                    <a:lnTo>
                      <a:pt x="0" y="8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ysClr val="windowText" lastClr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391" name="Group 10"/>
              <p:cNvGrpSpPr>
                <a:grpSpLocks/>
              </p:cNvGrpSpPr>
              <p:nvPr/>
            </p:nvGrpSpPr>
            <p:grpSpPr bwMode="auto">
              <a:xfrm>
                <a:off x="4431" y="2166"/>
                <a:ext cx="169" cy="106"/>
                <a:chOff x="4655" y="1801"/>
                <a:chExt cx="172" cy="109"/>
              </a:xfrm>
            </p:grpSpPr>
            <p:sp>
              <p:nvSpPr>
                <p:cNvPr id="570" name="Freeform 11"/>
                <p:cNvSpPr>
                  <a:spLocks/>
                </p:cNvSpPr>
                <p:nvPr/>
              </p:nvSpPr>
              <p:spPr bwMode="auto">
                <a:xfrm>
                  <a:off x="4725" y="1801"/>
                  <a:ext cx="22" cy="25"/>
                </a:xfrm>
                <a:custGeom>
                  <a:avLst/>
                  <a:gdLst>
                    <a:gd name="T0" fmla="*/ 0 w 22"/>
                    <a:gd name="T1" fmla="*/ 7 h 25"/>
                    <a:gd name="T2" fmla="*/ 9 w 22"/>
                    <a:gd name="T3" fmla="*/ 0 h 25"/>
                    <a:gd name="T4" fmla="*/ 22 w 22"/>
                    <a:gd name="T5" fmla="*/ 10 h 25"/>
                    <a:gd name="T6" fmla="*/ 12 w 22"/>
                    <a:gd name="T7" fmla="*/ 25 h 25"/>
                    <a:gd name="T8" fmla="*/ 12 w 22"/>
                    <a:gd name="T9" fmla="*/ 25 h 25"/>
                    <a:gd name="T10" fmla="*/ 12 w 22"/>
                    <a:gd name="T11" fmla="*/ 23 h 25"/>
                    <a:gd name="T12" fmla="*/ 12 w 22"/>
                    <a:gd name="T13" fmla="*/ 22 h 25"/>
                    <a:gd name="T14" fmla="*/ 12 w 22"/>
                    <a:gd name="T15" fmla="*/ 20 h 25"/>
                    <a:gd name="T16" fmla="*/ 12 w 22"/>
                    <a:gd name="T17" fmla="*/ 18 h 25"/>
                    <a:gd name="T18" fmla="*/ 11 w 22"/>
                    <a:gd name="T19" fmla="*/ 17 h 25"/>
                    <a:gd name="T20" fmla="*/ 9 w 22"/>
                    <a:gd name="T21" fmla="*/ 13 h 25"/>
                    <a:gd name="T22" fmla="*/ 7 w 22"/>
                    <a:gd name="T23" fmla="*/ 12 h 25"/>
                    <a:gd name="T24" fmla="*/ 2 w 22"/>
                    <a:gd name="T25" fmla="*/ 8 h 25"/>
                    <a:gd name="T26" fmla="*/ 2 w 22"/>
                    <a:gd name="T27" fmla="*/ 8 h 25"/>
                    <a:gd name="T28" fmla="*/ 2 w 22"/>
                    <a:gd name="T29" fmla="*/ 8 h 25"/>
                    <a:gd name="T30" fmla="*/ 0 w 22"/>
                    <a:gd name="T31" fmla="*/ 8 h 25"/>
                    <a:gd name="T32" fmla="*/ 0 w 22"/>
                    <a:gd name="T33" fmla="*/ 7 h 25"/>
                    <a:gd name="T34" fmla="*/ 0 w 22"/>
                    <a:gd name="T35" fmla="*/ 7 h 25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w 22"/>
                    <a:gd name="T55" fmla="*/ 0 h 25"/>
                    <a:gd name="T56" fmla="*/ 22 w 22"/>
                    <a:gd name="T57" fmla="*/ 25 h 25"/>
                  </a:gdLst>
                  <a:ahLst/>
                  <a:cxnLst>
                    <a:cxn ang="T36">
                      <a:pos x="T0" y="T1"/>
                    </a:cxn>
                    <a:cxn ang="T37">
                      <a:pos x="T2" y="T3"/>
                    </a:cxn>
                    <a:cxn ang="T38">
                      <a:pos x="T4" y="T5"/>
                    </a:cxn>
                    <a:cxn ang="T39">
                      <a:pos x="T6" y="T7"/>
                    </a:cxn>
                    <a:cxn ang="T40">
                      <a:pos x="T8" y="T9"/>
                    </a:cxn>
                    <a:cxn ang="T41">
                      <a:pos x="T10" y="T11"/>
                    </a:cxn>
                    <a:cxn ang="T42">
                      <a:pos x="T12" y="T13"/>
                    </a:cxn>
                    <a:cxn ang="T43">
                      <a:pos x="T14" y="T15"/>
                    </a:cxn>
                    <a:cxn ang="T44">
                      <a:pos x="T16" y="T17"/>
                    </a:cxn>
                    <a:cxn ang="T45">
                      <a:pos x="T18" y="T19"/>
                    </a:cxn>
                    <a:cxn ang="T46">
                      <a:pos x="T20" y="T21"/>
                    </a:cxn>
                    <a:cxn ang="T47">
                      <a:pos x="T22" y="T23"/>
                    </a:cxn>
                    <a:cxn ang="T48">
                      <a:pos x="T24" y="T25"/>
                    </a:cxn>
                    <a:cxn ang="T49">
                      <a:pos x="T26" y="T27"/>
                    </a:cxn>
                    <a:cxn ang="T50">
                      <a:pos x="T28" y="T29"/>
                    </a:cxn>
                    <a:cxn ang="T51">
                      <a:pos x="T30" y="T31"/>
                    </a:cxn>
                    <a:cxn ang="T52">
                      <a:pos x="T32" y="T33"/>
                    </a:cxn>
                    <a:cxn ang="T53">
                      <a:pos x="T34" y="T35"/>
                    </a:cxn>
                  </a:cxnLst>
                  <a:rect l="T54" t="T55" r="T56" b="T57"/>
                  <a:pathLst>
                    <a:path w="22" h="25">
                      <a:moveTo>
                        <a:pt x="0" y="7"/>
                      </a:moveTo>
                      <a:lnTo>
                        <a:pt x="9" y="0"/>
                      </a:lnTo>
                      <a:lnTo>
                        <a:pt x="22" y="10"/>
                      </a:lnTo>
                      <a:lnTo>
                        <a:pt x="12" y="25"/>
                      </a:lnTo>
                      <a:lnTo>
                        <a:pt x="12" y="23"/>
                      </a:lnTo>
                      <a:lnTo>
                        <a:pt x="12" y="22"/>
                      </a:lnTo>
                      <a:lnTo>
                        <a:pt x="12" y="20"/>
                      </a:lnTo>
                      <a:lnTo>
                        <a:pt x="12" y="18"/>
                      </a:lnTo>
                      <a:lnTo>
                        <a:pt x="11" y="17"/>
                      </a:lnTo>
                      <a:lnTo>
                        <a:pt x="9" y="13"/>
                      </a:lnTo>
                      <a:lnTo>
                        <a:pt x="7" y="12"/>
                      </a:lnTo>
                      <a:lnTo>
                        <a:pt x="2" y="8"/>
                      </a:lnTo>
                      <a:lnTo>
                        <a:pt x="0" y="8"/>
                      </a:lnTo>
                      <a:lnTo>
                        <a:pt x="0" y="7"/>
                      </a:lnTo>
                    </a:path>
                  </a:pathLst>
                </a:custGeom>
                <a:solidFill>
                  <a:sysClr val="windowText" lastClr="000000"/>
                </a:solidFill>
                <a:ln w="3175">
                  <a:solidFill>
                    <a:srgbClr val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71" name="Rectangle 12"/>
                <p:cNvSpPr>
                  <a:spLocks noChangeArrowheads="1"/>
                </p:cNvSpPr>
                <p:nvPr/>
              </p:nvSpPr>
              <p:spPr bwMode="auto">
                <a:xfrm>
                  <a:off x="4655" y="1804"/>
                  <a:ext cx="172" cy="106"/>
                </a:xfrm>
                <a:prstGeom prst="rect">
                  <a:avLst/>
                </a:prstGeom>
                <a:noFill/>
                <a:ln w="9525">
                  <a:noFill/>
                  <a:miter lim="800000"/>
                  <a:headEnd/>
                  <a:tailEnd/>
                </a:ln>
              </p:spPr>
              <p:txBody>
                <a:bodyPr wrap="none" lIns="0" tIns="0" rIns="0" bIns="0">
                  <a:spAutoFit/>
                </a:bodyPr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313" b="1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Helvetica" pitchFamily="34" charset="0"/>
                      <a:ea typeface="+mn-ea"/>
                      <a:cs typeface="+mn-cs"/>
                    </a:rPr>
                    <a:t>DC*</a:t>
                  </a:r>
                  <a:endParaRPr kumimoji="0" lang="en-US" sz="313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Times New Roman" pitchFamily="18" charset="0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392" name="Freeform 13"/>
              <p:cNvSpPr>
                <a:spLocks/>
              </p:cNvSpPr>
              <p:nvPr/>
            </p:nvSpPr>
            <p:spPr bwMode="auto">
              <a:xfrm>
                <a:off x="3980" y="2710"/>
                <a:ext cx="478" cy="363"/>
              </a:xfrm>
              <a:custGeom>
                <a:avLst/>
                <a:gdLst>
                  <a:gd name="T0" fmla="*/ 178 w 492"/>
                  <a:gd name="T1" fmla="*/ 243 h 374"/>
                  <a:gd name="T2" fmla="*/ 178 w 492"/>
                  <a:gd name="T3" fmla="*/ 240 h 374"/>
                  <a:gd name="T4" fmla="*/ 178 w 492"/>
                  <a:gd name="T5" fmla="*/ 239 h 374"/>
                  <a:gd name="T6" fmla="*/ 171 w 492"/>
                  <a:gd name="T7" fmla="*/ 217 h 374"/>
                  <a:gd name="T8" fmla="*/ 157 w 492"/>
                  <a:gd name="T9" fmla="*/ 207 h 374"/>
                  <a:gd name="T10" fmla="*/ 153 w 492"/>
                  <a:gd name="T11" fmla="*/ 192 h 374"/>
                  <a:gd name="T12" fmla="*/ 142 w 492"/>
                  <a:gd name="T13" fmla="*/ 177 h 374"/>
                  <a:gd name="T14" fmla="*/ 130 w 492"/>
                  <a:gd name="T15" fmla="*/ 173 h 374"/>
                  <a:gd name="T16" fmla="*/ 126 w 492"/>
                  <a:gd name="T17" fmla="*/ 171 h 374"/>
                  <a:gd name="T18" fmla="*/ 116 w 492"/>
                  <a:gd name="T19" fmla="*/ 162 h 374"/>
                  <a:gd name="T20" fmla="*/ 111 w 492"/>
                  <a:gd name="T21" fmla="*/ 153 h 374"/>
                  <a:gd name="T22" fmla="*/ 104 w 492"/>
                  <a:gd name="T23" fmla="*/ 141 h 374"/>
                  <a:gd name="T24" fmla="*/ 95 w 492"/>
                  <a:gd name="T25" fmla="*/ 139 h 374"/>
                  <a:gd name="T26" fmla="*/ 91 w 492"/>
                  <a:gd name="T27" fmla="*/ 137 h 374"/>
                  <a:gd name="T28" fmla="*/ 86 w 492"/>
                  <a:gd name="T29" fmla="*/ 132 h 374"/>
                  <a:gd name="T30" fmla="*/ 81 w 492"/>
                  <a:gd name="T31" fmla="*/ 121 h 374"/>
                  <a:gd name="T32" fmla="*/ 75 w 492"/>
                  <a:gd name="T33" fmla="*/ 120 h 374"/>
                  <a:gd name="T34" fmla="*/ 68 w 492"/>
                  <a:gd name="T35" fmla="*/ 119 h 374"/>
                  <a:gd name="T36" fmla="*/ 61 w 492"/>
                  <a:gd name="T37" fmla="*/ 111 h 374"/>
                  <a:gd name="T38" fmla="*/ 55 w 492"/>
                  <a:gd name="T39" fmla="*/ 104 h 374"/>
                  <a:gd name="T40" fmla="*/ 47 w 492"/>
                  <a:gd name="T41" fmla="*/ 96 h 374"/>
                  <a:gd name="T42" fmla="*/ 40 w 492"/>
                  <a:gd name="T43" fmla="*/ 82 h 374"/>
                  <a:gd name="T44" fmla="*/ 38 w 492"/>
                  <a:gd name="T45" fmla="*/ 75 h 374"/>
                  <a:gd name="T46" fmla="*/ 33 w 492"/>
                  <a:gd name="T47" fmla="*/ 74 h 374"/>
                  <a:gd name="T48" fmla="*/ 18 w 492"/>
                  <a:gd name="T49" fmla="*/ 72 h 374"/>
                  <a:gd name="T50" fmla="*/ 17 w 492"/>
                  <a:gd name="T51" fmla="*/ 69 h 374"/>
                  <a:gd name="T52" fmla="*/ 17 w 492"/>
                  <a:gd name="T53" fmla="*/ 67 h 374"/>
                  <a:gd name="T54" fmla="*/ 0 w 492"/>
                  <a:gd name="T55" fmla="*/ 56 h 374"/>
                  <a:gd name="T56" fmla="*/ 13 w 492"/>
                  <a:gd name="T57" fmla="*/ 39 h 374"/>
                  <a:gd name="T58" fmla="*/ 17 w 492"/>
                  <a:gd name="T59" fmla="*/ 37 h 374"/>
                  <a:gd name="T60" fmla="*/ 17 w 492"/>
                  <a:gd name="T61" fmla="*/ 35 h 374"/>
                  <a:gd name="T62" fmla="*/ 21 w 492"/>
                  <a:gd name="T63" fmla="*/ 25 h 374"/>
                  <a:gd name="T64" fmla="*/ 38 w 492"/>
                  <a:gd name="T65" fmla="*/ 17 h 374"/>
                  <a:gd name="T66" fmla="*/ 50 w 492"/>
                  <a:gd name="T67" fmla="*/ 17 h 374"/>
                  <a:gd name="T68" fmla="*/ 71 w 492"/>
                  <a:gd name="T69" fmla="*/ 10 h 374"/>
                  <a:gd name="T70" fmla="*/ 139 w 492"/>
                  <a:gd name="T71" fmla="*/ 1 h 374"/>
                  <a:gd name="T72" fmla="*/ 149 w 492"/>
                  <a:gd name="T73" fmla="*/ 0 h 374"/>
                  <a:gd name="T74" fmla="*/ 162 w 492"/>
                  <a:gd name="T75" fmla="*/ 12 h 374"/>
                  <a:gd name="T76" fmla="*/ 242 w 492"/>
                  <a:gd name="T77" fmla="*/ 17 h 374"/>
                  <a:gd name="T78" fmla="*/ 328 w 492"/>
                  <a:gd name="T79" fmla="*/ 77 h 374"/>
                  <a:gd name="T80" fmla="*/ 323 w 492"/>
                  <a:gd name="T81" fmla="*/ 81 h 374"/>
                  <a:gd name="T82" fmla="*/ 315 w 492"/>
                  <a:gd name="T83" fmla="*/ 87 h 374"/>
                  <a:gd name="T84" fmla="*/ 306 w 492"/>
                  <a:gd name="T85" fmla="*/ 100 h 374"/>
                  <a:gd name="T86" fmla="*/ 298 w 492"/>
                  <a:gd name="T87" fmla="*/ 114 h 374"/>
                  <a:gd name="T88" fmla="*/ 293 w 492"/>
                  <a:gd name="T89" fmla="*/ 126 h 374"/>
                  <a:gd name="T90" fmla="*/ 290 w 492"/>
                  <a:gd name="T91" fmla="*/ 123 h 374"/>
                  <a:gd name="T92" fmla="*/ 288 w 492"/>
                  <a:gd name="T93" fmla="*/ 126 h 374"/>
                  <a:gd name="T94" fmla="*/ 289 w 492"/>
                  <a:gd name="T95" fmla="*/ 132 h 374"/>
                  <a:gd name="T96" fmla="*/ 294 w 492"/>
                  <a:gd name="T97" fmla="*/ 134 h 374"/>
                  <a:gd name="T98" fmla="*/ 295 w 492"/>
                  <a:gd name="T99" fmla="*/ 139 h 374"/>
                  <a:gd name="T100" fmla="*/ 292 w 492"/>
                  <a:gd name="T101" fmla="*/ 145 h 374"/>
                  <a:gd name="T102" fmla="*/ 286 w 492"/>
                  <a:gd name="T103" fmla="*/ 148 h 374"/>
                  <a:gd name="T104" fmla="*/ 276 w 492"/>
                  <a:gd name="T105" fmla="*/ 154 h 374"/>
                  <a:gd name="T106" fmla="*/ 266 w 492"/>
                  <a:gd name="T107" fmla="*/ 171 h 374"/>
                  <a:gd name="T108" fmla="*/ 263 w 492"/>
                  <a:gd name="T109" fmla="*/ 173 h 374"/>
                  <a:gd name="T110" fmla="*/ 259 w 492"/>
                  <a:gd name="T111" fmla="*/ 177 h 374"/>
                  <a:gd name="T112" fmla="*/ 251 w 492"/>
                  <a:gd name="T113" fmla="*/ 179 h 374"/>
                  <a:gd name="T114" fmla="*/ 240 w 492"/>
                  <a:gd name="T115" fmla="*/ 196 h 374"/>
                  <a:gd name="T116" fmla="*/ 236 w 492"/>
                  <a:gd name="T117" fmla="*/ 201 h 374"/>
                  <a:gd name="T118" fmla="*/ 214 w 492"/>
                  <a:gd name="T119" fmla="*/ 207 h 374"/>
                  <a:gd name="T120" fmla="*/ 194 w 492"/>
                  <a:gd name="T121" fmla="*/ 221 h 374"/>
                  <a:gd name="T122" fmla="*/ 187 w 492"/>
                  <a:gd name="T123" fmla="*/ 245 h 374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w 492"/>
                  <a:gd name="T187" fmla="*/ 0 h 374"/>
                  <a:gd name="T188" fmla="*/ 492 w 492"/>
                  <a:gd name="T189" fmla="*/ 374 h 374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T186" t="T187" r="T188" b="T189"/>
                <a:pathLst>
                  <a:path w="492" h="374">
                    <a:moveTo>
                      <a:pt x="269" y="374"/>
                    </a:moveTo>
                    <a:lnTo>
                      <a:pt x="269" y="372"/>
                    </a:lnTo>
                    <a:lnTo>
                      <a:pt x="267" y="370"/>
                    </a:lnTo>
                    <a:lnTo>
                      <a:pt x="267" y="369"/>
                    </a:lnTo>
                    <a:lnTo>
                      <a:pt x="267" y="367"/>
                    </a:lnTo>
                    <a:lnTo>
                      <a:pt x="267" y="365"/>
                    </a:lnTo>
                    <a:lnTo>
                      <a:pt x="267" y="364"/>
                    </a:lnTo>
                    <a:lnTo>
                      <a:pt x="267" y="362"/>
                    </a:lnTo>
                    <a:lnTo>
                      <a:pt x="266" y="348"/>
                    </a:lnTo>
                    <a:lnTo>
                      <a:pt x="261" y="338"/>
                    </a:lnTo>
                    <a:lnTo>
                      <a:pt x="255" y="330"/>
                    </a:lnTo>
                    <a:lnTo>
                      <a:pt x="249" y="321"/>
                    </a:lnTo>
                    <a:lnTo>
                      <a:pt x="242" y="316"/>
                    </a:lnTo>
                    <a:lnTo>
                      <a:pt x="235" y="313"/>
                    </a:lnTo>
                    <a:lnTo>
                      <a:pt x="232" y="309"/>
                    </a:lnTo>
                    <a:lnTo>
                      <a:pt x="230" y="308"/>
                    </a:lnTo>
                    <a:lnTo>
                      <a:pt x="228" y="292"/>
                    </a:lnTo>
                    <a:lnTo>
                      <a:pt x="225" y="282"/>
                    </a:lnTo>
                    <a:lnTo>
                      <a:pt x="218" y="274"/>
                    </a:lnTo>
                    <a:lnTo>
                      <a:pt x="211" y="269"/>
                    </a:lnTo>
                    <a:lnTo>
                      <a:pt x="205" y="265"/>
                    </a:lnTo>
                    <a:lnTo>
                      <a:pt x="200" y="264"/>
                    </a:lnTo>
                    <a:lnTo>
                      <a:pt x="195" y="262"/>
                    </a:lnTo>
                    <a:lnTo>
                      <a:pt x="193" y="262"/>
                    </a:lnTo>
                    <a:lnTo>
                      <a:pt x="193" y="260"/>
                    </a:lnTo>
                    <a:lnTo>
                      <a:pt x="189" y="259"/>
                    </a:lnTo>
                    <a:lnTo>
                      <a:pt x="184" y="254"/>
                    </a:lnTo>
                    <a:lnTo>
                      <a:pt x="179" y="250"/>
                    </a:lnTo>
                    <a:lnTo>
                      <a:pt x="174" y="245"/>
                    </a:lnTo>
                    <a:lnTo>
                      <a:pt x="171" y="240"/>
                    </a:lnTo>
                    <a:lnTo>
                      <a:pt x="167" y="237"/>
                    </a:lnTo>
                    <a:lnTo>
                      <a:pt x="166" y="233"/>
                    </a:lnTo>
                    <a:lnTo>
                      <a:pt x="162" y="225"/>
                    </a:lnTo>
                    <a:lnTo>
                      <a:pt x="157" y="218"/>
                    </a:lnTo>
                    <a:lnTo>
                      <a:pt x="154" y="213"/>
                    </a:lnTo>
                    <a:lnTo>
                      <a:pt x="149" y="211"/>
                    </a:lnTo>
                    <a:lnTo>
                      <a:pt x="145" y="210"/>
                    </a:lnTo>
                    <a:lnTo>
                      <a:pt x="142" y="210"/>
                    </a:lnTo>
                    <a:lnTo>
                      <a:pt x="139" y="210"/>
                    </a:lnTo>
                    <a:lnTo>
                      <a:pt x="137" y="208"/>
                    </a:lnTo>
                    <a:lnTo>
                      <a:pt x="135" y="204"/>
                    </a:lnTo>
                    <a:lnTo>
                      <a:pt x="132" y="203"/>
                    </a:lnTo>
                    <a:lnTo>
                      <a:pt x="130" y="199"/>
                    </a:lnTo>
                    <a:lnTo>
                      <a:pt x="127" y="193"/>
                    </a:lnTo>
                    <a:lnTo>
                      <a:pt x="123" y="188"/>
                    </a:lnTo>
                    <a:lnTo>
                      <a:pt x="120" y="184"/>
                    </a:lnTo>
                    <a:lnTo>
                      <a:pt x="117" y="182"/>
                    </a:lnTo>
                    <a:lnTo>
                      <a:pt x="113" y="181"/>
                    </a:lnTo>
                    <a:lnTo>
                      <a:pt x="112" y="182"/>
                    </a:lnTo>
                    <a:lnTo>
                      <a:pt x="108" y="182"/>
                    </a:lnTo>
                    <a:lnTo>
                      <a:pt x="101" y="181"/>
                    </a:lnTo>
                    <a:lnTo>
                      <a:pt x="96" y="179"/>
                    </a:lnTo>
                    <a:lnTo>
                      <a:pt x="93" y="174"/>
                    </a:lnTo>
                    <a:lnTo>
                      <a:pt x="90" y="169"/>
                    </a:lnTo>
                    <a:lnTo>
                      <a:pt x="86" y="164"/>
                    </a:lnTo>
                    <a:lnTo>
                      <a:pt x="85" y="160"/>
                    </a:lnTo>
                    <a:lnTo>
                      <a:pt x="83" y="157"/>
                    </a:lnTo>
                    <a:lnTo>
                      <a:pt x="83" y="155"/>
                    </a:lnTo>
                    <a:lnTo>
                      <a:pt x="78" y="152"/>
                    </a:lnTo>
                    <a:lnTo>
                      <a:pt x="71" y="145"/>
                    </a:lnTo>
                    <a:lnTo>
                      <a:pt x="66" y="138"/>
                    </a:lnTo>
                    <a:lnTo>
                      <a:pt x="61" y="132"/>
                    </a:lnTo>
                    <a:lnTo>
                      <a:pt x="57" y="125"/>
                    </a:lnTo>
                    <a:lnTo>
                      <a:pt x="56" y="118"/>
                    </a:lnTo>
                    <a:lnTo>
                      <a:pt x="52" y="115"/>
                    </a:lnTo>
                    <a:lnTo>
                      <a:pt x="52" y="113"/>
                    </a:lnTo>
                    <a:lnTo>
                      <a:pt x="52" y="111"/>
                    </a:lnTo>
                    <a:lnTo>
                      <a:pt x="49" y="111"/>
                    </a:lnTo>
                    <a:lnTo>
                      <a:pt x="47" y="111"/>
                    </a:lnTo>
                    <a:lnTo>
                      <a:pt x="46" y="110"/>
                    </a:lnTo>
                    <a:lnTo>
                      <a:pt x="39" y="110"/>
                    </a:lnTo>
                    <a:lnTo>
                      <a:pt x="32" y="108"/>
                    </a:lnTo>
                    <a:lnTo>
                      <a:pt x="27" y="106"/>
                    </a:lnTo>
                    <a:lnTo>
                      <a:pt x="24" y="105"/>
                    </a:lnTo>
                    <a:lnTo>
                      <a:pt x="20" y="103"/>
                    </a:lnTo>
                    <a:lnTo>
                      <a:pt x="19" y="101"/>
                    </a:lnTo>
                    <a:lnTo>
                      <a:pt x="17" y="100"/>
                    </a:lnTo>
                    <a:lnTo>
                      <a:pt x="5" y="98"/>
                    </a:lnTo>
                    <a:lnTo>
                      <a:pt x="0" y="93"/>
                    </a:lnTo>
                    <a:lnTo>
                      <a:pt x="0" y="84"/>
                    </a:lnTo>
                    <a:lnTo>
                      <a:pt x="2" y="74"/>
                    </a:lnTo>
                    <a:lnTo>
                      <a:pt x="7" y="66"/>
                    </a:lnTo>
                    <a:lnTo>
                      <a:pt x="13" y="57"/>
                    </a:lnTo>
                    <a:lnTo>
                      <a:pt x="17" y="52"/>
                    </a:lnTo>
                    <a:lnTo>
                      <a:pt x="19" y="50"/>
                    </a:lnTo>
                    <a:lnTo>
                      <a:pt x="20" y="52"/>
                    </a:lnTo>
                    <a:lnTo>
                      <a:pt x="22" y="50"/>
                    </a:lnTo>
                    <a:lnTo>
                      <a:pt x="24" y="49"/>
                    </a:lnTo>
                    <a:lnTo>
                      <a:pt x="27" y="45"/>
                    </a:lnTo>
                    <a:lnTo>
                      <a:pt x="30" y="42"/>
                    </a:lnTo>
                    <a:lnTo>
                      <a:pt x="35" y="39"/>
                    </a:lnTo>
                    <a:lnTo>
                      <a:pt x="41" y="35"/>
                    </a:lnTo>
                    <a:lnTo>
                      <a:pt x="47" y="32"/>
                    </a:lnTo>
                    <a:lnTo>
                      <a:pt x="52" y="28"/>
                    </a:lnTo>
                    <a:lnTo>
                      <a:pt x="61" y="23"/>
                    </a:lnTo>
                    <a:lnTo>
                      <a:pt x="68" y="20"/>
                    </a:lnTo>
                    <a:lnTo>
                      <a:pt x="76" y="17"/>
                    </a:lnTo>
                    <a:lnTo>
                      <a:pt x="85" y="15"/>
                    </a:lnTo>
                    <a:lnTo>
                      <a:pt x="95" y="13"/>
                    </a:lnTo>
                    <a:lnTo>
                      <a:pt x="105" y="10"/>
                    </a:lnTo>
                    <a:lnTo>
                      <a:pt x="113" y="10"/>
                    </a:lnTo>
                    <a:lnTo>
                      <a:pt x="206" y="1"/>
                    </a:lnTo>
                    <a:lnTo>
                      <a:pt x="208" y="1"/>
                    </a:lnTo>
                    <a:lnTo>
                      <a:pt x="210" y="0"/>
                    </a:lnTo>
                    <a:lnTo>
                      <a:pt x="215" y="0"/>
                    </a:lnTo>
                    <a:lnTo>
                      <a:pt x="222" y="0"/>
                    </a:lnTo>
                    <a:lnTo>
                      <a:pt x="228" y="1"/>
                    </a:lnTo>
                    <a:lnTo>
                      <a:pt x="235" y="5"/>
                    </a:lnTo>
                    <a:lnTo>
                      <a:pt x="242" y="12"/>
                    </a:lnTo>
                    <a:lnTo>
                      <a:pt x="250" y="23"/>
                    </a:lnTo>
                    <a:lnTo>
                      <a:pt x="254" y="37"/>
                    </a:lnTo>
                    <a:lnTo>
                      <a:pt x="362" y="20"/>
                    </a:lnTo>
                    <a:lnTo>
                      <a:pt x="492" y="115"/>
                    </a:lnTo>
                    <a:lnTo>
                      <a:pt x="491" y="115"/>
                    </a:lnTo>
                    <a:lnTo>
                      <a:pt x="489" y="118"/>
                    </a:lnTo>
                    <a:lnTo>
                      <a:pt x="486" y="120"/>
                    </a:lnTo>
                    <a:lnTo>
                      <a:pt x="484" y="122"/>
                    </a:lnTo>
                    <a:lnTo>
                      <a:pt x="481" y="125"/>
                    </a:lnTo>
                    <a:lnTo>
                      <a:pt x="475" y="130"/>
                    </a:lnTo>
                    <a:lnTo>
                      <a:pt x="472" y="133"/>
                    </a:lnTo>
                    <a:lnTo>
                      <a:pt x="467" y="140"/>
                    </a:lnTo>
                    <a:lnTo>
                      <a:pt x="464" y="145"/>
                    </a:lnTo>
                    <a:lnTo>
                      <a:pt x="459" y="150"/>
                    </a:lnTo>
                    <a:lnTo>
                      <a:pt x="455" y="159"/>
                    </a:lnTo>
                    <a:lnTo>
                      <a:pt x="450" y="166"/>
                    </a:lnTo>
                    <a:lnTo>
                      <a:pt x="447" y="174"/>
                    </a:lnTo>
                    <a:lnTo>
                      <a:pt x="443" y="182"/>
                    </a:lnTo>
                    <a:lnTo>
                      <a:pt x="440" y="191"/>
                    </a:lnTo>
                    <a:lnTo>
                      <a:pt x="437" y="189"/>
                    </a:lnTo>
                    <a:lnTo>
                      <a:pt x="435" y="188"/>
                    </a:lnTo>
                    <a:lnTo>
                      <a:pt x="435" y="186"/>
                    </a:lnTo>
                    <a:lnTo>
                      <a:pt x="433" y="186"/>
                    </a:lnTo>
                    <a:lnTo>
                      <a:pt x="433" y="188"/>
                    </a:lnTo>
                    <a:lnTo>
                      <a:pt x="431" y="191"/>
                    </a:lnTo>
                    <a:lnTo>
                      <a:pt x="431" y="194"/>
                    </a:lnTo>
                    <a:lnTo>
                      <a:pt x="431" y="198"/>
                    </a:lnTo>
                    <a:lnTo>
                      <a:pt x="433" y="199"/>
                    </a:lnTo>
                    <a:lnTo>
                      <a:pt x="435" y="201"/>
                    </a:lnTo>
                    <a:lnTo>
                      <a:pt x="440" y="203"/>
                    </a:lnTo>
                    <a:lnTo>
                      <a:pt x="442" y="203"/>
                    </a:lnTo>
                    <a:lnTo>
                      <a:pt x="442" y="204"/>
                    </a:lnTo>
                    <a:lnTo>
                      <a:pt x="443" y="206"/>
                    </a:lnTo>
                    <a:lnTo>
                      <a:pt x="443" y="210"/>
                    </a:lnTo>
                    <a:lnTo>
                      <a:pt x="443" y="213"/>
                    </a:lnTo>
                    <a:lnTo>
                      <a:pt x="440" y="216"/>
                    </a:lnTo>
                    <a:lnTo>
                      <a:pt x="437" y="221"/>
                    </a:lnTo>
                    <a:lnTo>
                      <a:pt x="431" y="225"/>
                    </a:lnTo>
                    <a:lnTo>
                      <a:pt x="430" y="225"/>
                    </a:lnTo>
                    <a:lnTo>
                      <a:pt x="428" y="225"/>
                    </a:lnTo>
                    <a:lnTo>
                      <a:pt x="423" y="228"/>
                    </a:lnTo>
                    <a:lnTo>
                      <a:pt x="418" y="230"/>
                    </a:lnTo>
                    <a:lnTo>
                      <a:pt x="413" y="235"/>
                    </a:lnTo>
                    <a:lnTo>
                      <a:pt x="408" y="240"/>
                    </a:lnTo>
                    <a:lnTo>
                      <a:pt x="403" y="248"/>
                    </a:lnTo>
                    <a:lnTo>
                      <a:pt x="398" y="259"/>
                    </a:lnTo>
                    <a:lnTo>
                      <a:pt x="396" y="260"/>
                    </a:lnTo>
                    <a:lnTo>
                      <a:pt x="394" y="262"/>
                    </a:lnTo>
                    <a:lnTo>
                      <a:pt x="393" y="265"/>
                    </a:lnTo>
                    <a:lnTo>
                      <a:pt x="391" y="267"/>
                    </a:lnTo>
                    <a:lnTo>
                      <a:pt x="389" y="269"/>
                    </a:lnTo>
                    <a:lnTo>
                      <a:pt x="387" y="270"/>
                    </a:lnTo>
                    <a:lnTo>
                      <a:pt x="376" y="272"/>
                    </a:lnTo>
                    <a:lnTo>
                      <a:pt x="376" y="277"/>
                    </a:lnTo>
                    <a:lnTo>
                      <a:pt x="384" y="279"/>
                    </a:lnTo>
                    <a:lnTo>
                      <a:pt x="359" y="299"/>
                    </a:lnTo>
                    <a:lnTo>
                      <a:pt x="354" y="291"/>
                    </a:lnTo>
                    <a:lnTo>
                      <a:pt x="349" y="299"/>
                    </a:lnTo>
                    <a:lnTo>
                      <a:pt x="354" y="304"/>
                    </a:lnTo>
                    <a:lnTo>
                      <a:pt x="343" y="316"/>
                    </a:lnTo>
                    <a:lnTo>
                      <a:pt x="335" y="314"/>
                    </a:lnTo>
                    <a:lnTo>
                      <a:pt x="320" y="314"/>
                    </a:lnTo>
                    <a:lnTo>
                      <a:pt x="305" y="316"/>
                    </a:lnTo>
                    <a:lnTo>
                      <a:pt x="296" y="320"/>
                    </a:lnTo>
                    <a:lnTo>
                      <a:pt x="291" y="336"/>
                    </a:lnTo>
                    <a:lnTo>
                      <a:pt x="303" y="348"/>
                    </a:lnTo>
                    <a:lnTo>
                      <a:pt x="289" y="374"/>
                    </a:lnTo>
                    <a:lnTo>
                      <a:pt x="281" y="372"/>
                    </a:lnTo>
                    <a:lnTo>
                      <a:pt x="269" y="374"/>
                    </a:lnTo>
                    <a:close/>
                  </a:path>
                </a:pathLst>
              </a:custGeom>
              <a:solidFill>
                <a:srgbClr val="0033CC"/>
              </a:solidFill>
              <a:ln w="9525">
                <a:solidFill>
                  <a:sysClr val="window" lastClr="FFFFFF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393" name="Freeform 14"/>
              <p:cNvSpPr>
                <a:spLocks/>
              </p:cNvSpPr>
              <p:nvPr/>
            </p:nvSpPr>
            <p:spPr bwMode="auto">
              <a:xfrm>
                <a:off x="4869" y="1704"/>
                <a:ext cx="76" cy="93"/>
              </a:xfrm>
              <a:custGeom>
                <a:avLst/>
                <a:gdLst>
                  <a:gd name="T0" fmla="*/ 19 w 78"/>
                  <a:gd name="T1" fmla="*/ 61 h 95"/>
                  <a:gd name="T2" fmla="*/ 16 w 78"/>
                  <a:gd name="T3" fmla="*/ 63 h 95"/>
                  <a:gd name="T4" fmla="*/ 16 w 78"/>
                  <a:gd name="T5" fmla="*/ 63 h 95"/>
                  <a:gd name="T6" fmla="*/ 16 w 78"/>
                  <a:gd name="T7" fmla="*/ 64 h 95"/>
                  <a:gd name="T8" fmla="*/ 16 w 78"/>
                  <a:gd name="T9" fmla="*/ 64 h 95"/>
                  <a:gd name="T10" fmla="*/ 16 w 78"/>
                  <a:gd name="T11" fmla="*/ 65 h 95"/>
                  <a:gd name="T12" fmla="*/ 16 w 78"/>
                  <a:gd name="T13" fmla="*/ 66 h 95"/>
                  <a:gd name="T14" fmla="*/ 16 w 78"/>
                  <a:gd name="T15" fmla="*/ 68 h 95"/>
                  <a:gd name="T16" fmla="*/ 16 w 78"/>
                  <a:gd name="T17" fmla="*/ 68 h 95"/>
                  <a:gd name="T18" fmla="*/ 17 w 78"/>
                  <a:gd name="T19" fmla="*/ 69 h 95"/>
                  <a:gd name="T20" fmla="*/ 19 w 78"/>
                  <a:gd name="T21" fmla="*/ 69 h 95"/>
                  <a:gd name="T22" fmla="*/ 19 w 78"/>
                  <a:gd name="T23" fmla="*/ 68 h 95"/>
                  <a:gd name="T24" fmla="*/ 19 w 78"/>
                  <a:gd name="T25" fmla="*/ 66 h 95"/>
                  <a:gd name="T26" fmla="*/ 22 w 78"/>
                  <a:gd name="T27" fmla="*/ 64 h 95"/>
                  <a:gd name="T28" fmla="*/ 25 w 78"/>
                  <a:gd name="T29" fmla="*/ 63 h 95"/>
                  <a:gd name="T30" fmla="*/ 27 w 78"/>
                  <a:gd name="T31" fmla="*/ 61 h 95"/>
                  <a:gd name="T32" fmla="*/ 29 w 78"/>
                  <a:gd name="T33" fmla="*/ 60 h 95"/>
                  <a:gd name="T34" fmla="*/ 30 w 78"/>
                  <a:gd name="T35" fmla="*/ 59 h 95"/>
                  <a:gd name="T36" fmla="*/ 36 w 78"/>
                  <a:gd name="T37" fmla="*/ 59 h 95"/>
                  <a:gd name="T38" fmla="*/ 36 w 78"/>
                  <a:gd name="T39" fmla="*/ 50 h 95"/>
                  <a:gd name="T40" fmla="*/ 25 w 78"/>
                  <a:gd name="T41" fmla="*/ 23 h 95"/>
                  <a:gd name="T42" fmla="*/ 34 w 78"/>
                  <a:gd name="T43" fmla="*/ 23 h 95"/>
                  <a:gd name="T44" fmla="*/ 41 w 78"/>
                  <a:gd name="T45" fmla="*/ 23 h 95"/>
                  <a:gd name="T46" fmla="*/ 44 w 78"/>
                  <a:gd name="T47" fmla="*/ 23 h 95"/>
                  <a:gd name="T48" fmla="*/ 45 w 78"/>
                  <a:gd name="T49" fmla="*/ 23 h 95"/>
                  <a:gd name="T50" fmla="*/ 45 w 78"/>
                  <a:gd name="T51" fmla="*/ 23 h 95"/>
                  <a:gd name="T52" fmla="*/ 47 w 78"/>
                  <a:gd name="T53" fmla="*/ 25 h 95"/>
                  <a:gd name="T54" fmla="*/ 48 w 78"/>
                  <a:gd name="T55" fmla="*/ 28 h 95"/>
                  <a:gd name="T56" fmla="*/ 49 w 78"/>
                  <a:gd name="T57" fmla="*/ 38 h 95"/>
                  <a:gd name="T58" fmla="*/ 51 w 78"/>
                  <a:gd name="T59" fmla="*/ 44 h 95"/>
                  <a:gd name="T60" fmla="*/ 51 w 78"/>
                  <a:gd name="T61" fmla="*/ 47 h 95"/>
                  <a:gd name="T62" fmla="*/ 52 w 78"/>
                  <a:gd name="T63" fmla="*/ 45 h 95"/>
                  <a:gd name="T64" fmla="*/ 53 w 78"/>
                  <a:gd name="T65" fmla="*/ 44 h 95"/>
                  <a:gd name="T66" fmla="*/ 53 w 78"/>
                  <a:gd name="T67" fmla="*/ 40 h 95"/>
                  <a:gd name="T68" fmla="*/ 54 w 78"/>
                  <a:gd name="T69" fmla="*/ 38 h 95"/>
                  <a:gd name="T70" fmla="*/ 54 w 78"/>
                  <a:gd name="T71" fmla="*/ 37 h 95"/>
                  <a:gd name="T72" fmla="*/ 54 w 78"/>
                  <a:gd name="T73" fmla="*/ 38 h 95"/>
                  <a:gd name="T74" fmla="*/ 53 w 78"/>
                  <a:gd name="T75" fmla="*/ 38 h 95"/>
                  <a:gd name="T76" fmla="*/ 53 w 78"/>
                  <a:gd name="T77" fmla="*/ 37 h 95"/>
                  <a:gd name="T78" fmla="*/ 53 w 78"/>
                  <a:gd name="T79" fmla="*/ 35 h 95"/>
                  <a:gd name="T80" fmla="*/ 52 w 78"/>
                  <a:gd name="T81" fmla="*/ 32 h 95"/>
                  <a:gd name="T82" fmla="*/ 51 w 78"/>
                  <a:gd name="T83" fmla="*/ 30 h 95"/>
                  <a:gd name="T84" fmla="*/ 51 w 78"/>
                  <a:gd name="T85" fmla="*/ 28 h 95"/>
                  <a:gd name="T86" fmla="*/ 51 w 78"/>
                  <a:gd name="T87" fmla="*/ 27 h 95"/>
                  <a:gd name="T88" fmla="*/ 51 w 78"/>
                  <a:gd name="T89" fmla="*/ 27 h 95"/>
                  <a:gd name="T90" fmla="*/ 48 w 78"/>
                  <a:gd name="T91" fmla="*/ 23 h 95"/>
                  <a:gd name="T92" fmla="*/ 44 w 78"/>
                  <a:gd name="T93" fmla="*/ 23 h 95"/>
                  <a:gd name="T94" fmla="*/ 37 w 78"/>
                  <a:gd name="T95" fmla="*/ 23 h 95"/>
                  <a:gd name="T96" fmla="*/ 32 w 78"/>
                  <a:gd name="T97" fmla="*/ 14 h 95"/>
                  <a:gd name="T98" fmla="*/ 25 w 78"/>
                  <a:gd name="T99" fmla="*/ 14 h 95"/>
                  <a:gd name="T100" fmla="*/ 20 w 78"/>
                  <a:gd name="T101" fmla="*/ 0 h 95"/>
                  <a:gd name="T102" fmla="*/ 0 w 78"/>
                  <a:gd name="T103" fmla="*/ 8 h 95"/>
                  <a:gd name="T104" fmla="*/ 19 w 78"/>
                  <a:gd name="T105" fmla="*/ 61 h 95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w 78"/>
                  <a:gd name="T160" fmla="*/ 0 h 95"/>
                  <a:gd name="T161" fmla="*/ 78 w 78"/>
                  <a:gd name="T162" fmla="*/ 95 h 95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T159" t="T160" r="T161" b="T162"/>
                <a:pathLst>
                  <a:path w="78" h="95">
                    <a:moveTo>
                      <a:pt x="21" y="80"/>
                    </a:moveTo>
                    <a:lnTo>
                      <a:pt x="16" y="83"/>
                    </a:lnTo>
                    <a:lnTo>
                      <a:pt x="16" y="85"/>
                    </a:lnTo>
                    <a:lnTo>
                      <a:pt x="16" y="86"/>
                    </a:lnTo>
                    <a:lnTo>
                      <a:pt x="16" y="88"/>
                    </a:lnTo>
                    <a:lnTo>
                      <a:pt x="16" y="90"/>
                    </a:lnTo>
                    <a:lnTo>
                      <a:pt x="16" y="93"/>
                    </a:lnTo>
                    <a:lnTo>
                      <a:pt x="17" y="95"/>
                    </a:lnTo>
                    <a:lnTo>
                      <a:pt x="22" y="95"/>
                    </a:lnTo>
                    <a:lnTo>
                      <a:pt x="28" y="93"/>
                    </a:lnTo>
                    <a:lnTo>
                      <a:pt x="31" y="90"/>
                    </a:lnTo>
                    <a:lnTo>
                      <a:pt x="36" y="86"/>
                    </a:lnTo>
                    <a:lnTo>
                      <a:pt x="39" y="83"/>
                    </a:lnTo>
                    <a:lnTo>
                      <a:pt x="41" y="80"/>
                    </a:lnTo>
                    <a:lnTo>
                      <a:pt x="43" y="78"/>
                    </a:lnTo>
                    <a:lnTo>
                      <a:pt x="44" y="76"/>
                    </a:lnTo>
                    <a:lnTo>
                      <a:pt x="50" y="76"/>
                    </a:lnTo>
                    <a:lnTo>
                      <a:pt x="50" y="64"/>
                    </a:lnTo>
                    <a:lnTo>
                      <a:pt x="39" y="30"/>
                    </a:lnTo>
                    <a:lnTo>
                      <a:pt x="48" y="29"/>
                    </a:lnTo>
                    <a:lnTo>
                      <a:pt x="55" y="36"/>
                    </a:lnTo>
                    <a:lnTo>
                      <a:pt x="58" y="36"/>
                    </a:lnTo>
                    <a:lnTo>
                      <a:pt x="60" y="36"/>
                    </a:lnTo>
                    <a:lnTo>
                      <a:pt x="61" y="37"/>
                    </a:lnTo>
                    <a:lnTo>
                      <a:pt x="65" y="39"/>
                    </a:lnTo>
                    <a:lnTo>
                      <a:pt x="66" y="42"/>
                    </a:lnTo>
                    <a:lnTo>
                      <a:pt x="68" y="52"/>
                    </a:lnTo>
                    <a:lnTo>
                      <a:pt x="72" y="58"/>
                    </a:lnTo>
                    <a:lnTo>
                      <a:pt x="73" y="61"/>
                    </a:lnTo>
                    <a:lnTo>
                      <a:pt x="75" y="59"/>
                    </a:lnTo>
                    <a:lnTo>
                      <a:pt x="77" y="58"/>
                    </a:lnTo>
                    <a:lnTo>
                      <a:pt x="77" y="54"/>
                    </a:lnTo>
                    <a:lnTo>
                      <a:pt x="78" y="52"/>
                    </a:lnTo>
                    <a:lnTo>
                      <a:pt x="78" y="51"/>
                    </a:lnTo>
                    <a:lnTo>
                      <a:pt x="78" y="52"/>
                    </a:lnTo>
                    <a:lnTo>
                      <a:pt x="77" y="52"/>
                    </a:lnTo>
                    <a:lnTo>
                      <a:pt x="77" y="51"/>
                    </a:lnTo>
                    <a:lnTo>
                      <a:pt x="77" y="49"/>
                    </a:lnTo>
                    <a:lnTo>
                      <a:pt x="75" y="46"/>
                    </a:lnTo>
                    <a:lnTo>
                      <a:pt x="73" y="44"/>
                    </a:lnTo>
                    <a:lnTo>
                      <a:pt x="73" y="42"/>
                    </a:lnTo>
                    <a:lnTo>
                      <a:pt x="73" y="41"/>
                    </a:lnTo>
                    <a:lnTo>
                      <a:pt x="66" y="36"/>
                    </a:lnTo>
                    <a:lnTo>
                      <a:pt x="58" y="30"/>
                    </a:lnTo>
                    <a:lnTo>
                      <a:pt x="51" y="29"/>
                    </a:lnTo>
                    <a:lnTo>
                      <a:pt x="46" y="14"/>
                    </a:lnTo>
                    <a:lnTo>
                      <a:pt x="39" y="14"/>
                    </a:lnTo>
                    <a:lnTo>
                      <a:pt x="34" y="0"/>
                    </a:lnTo>
                    <a:lnTo>
                      <a:pt x="0" y="8"/>
                    </a:lnTo>
                    <a:lnTo>
                      <a:pt x="21" y="80"/>
                    </a:lnTo>
                    <a:close/>
                  </a:path>
                </a:pathLst>
              </a:custGeom>
              <a:solidFill>
                <a:srgbClr val="00FF00"/>
              </a:solidFill>
              <a:ln w="9525">
                <a:solidFill>
                  <a:sysClr val="window" lastClr="FFFFFF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394" name="Group 15"/>
              <p:cNvGrpSpPr>
                <a:grpSpLocks/>
              </p:cNvGrpSpPr>
              <p:nvPr/>
            </p:nvGrpSpPr>
            <p:grpSpPr bwMode="auto">
              <a:xfrm>
                <a:off x="2752" y="1791"/>
                <a:ext cx="1909" cy="2193"/>
                <a:chOff x="2691" y="1840"/>
                <a:chExt cx="1909" cy="2193"/>
              </a:xfrm>
            </p:grpSpPr>
            <p:grpSp>
              <p:nvGrpSpPr>
                <p:cNvPr id="536" name="Group 16"/>
                <p:cNvGrpSpPr>
                  <a:grpSpLocks/>
                </p:cNvGrpSpPr>
                <p:nvPr/>
              </p:nvGrpSpPr>
              <p:grpSpPr bwMode="auto">
                <a:xfrm>
                  <a:off x="3537" y="3290"/>
                  <a:ext cx="873" cy="743"/>
                  <a:chOff x="3822" y="2894"/>
                  <a:chExt cx="897" cy="765"/>
                </a:xfrm>
              </p:grpSpPr>
              <p:sp>
                <p:nvSpPr>
                  <p:cNvPr id="542" name="Freeform 17"/>
                  <p:cNvSpPr>
                    <a:spLocks/>
                  </p:cNvSpPr>
                  <p:nvPr/>
                </p:nvSpPr>
                <p:spPr bwMode="auto">
                  <a:xfrm>
                    <a:off x="3822" y="2894"/>
                    <a:ext cx="890" cy="684"/>
                  </a:xfrm>
                  <a:custGeom>
                    <a:avLst/>
                    <a:gdLst>
                      <a:gd name="T0" fmla="*/ 641 w 890"/>
                      <a:gd name="T1" fmla="*/ 49 h 684"/>
                      <a:gd name="T2" fmla="*/ 641 w 890"/>
                      <a:gd name="T3" fmla="*/ 69 h 684"/>
                      <a:gd name="T4" fmla="*/ 682 w 890"/>
                      <a:gd name="T5" fmla="*/ 112 h 684"/>
                      <a:gd name="T6" fmla="*/ 717 w 890"/>
                      <a:gd name="T7" fmla="*/ 161 h 684"/>
                      <a:gd name="T8" fmla="*/ 732 w 890"/>
                      <a:gd name="T9" fmla="*/ 190 h 684"/>
                      <a:gd name="T10" fmla="*/ 721 w 890"/>
                      <a:gd name="T11" fmla="*/ 183 h 684"/>
                      <a:gd name="T12" fmla="*/ 758 w 890"/>
                      <a:gd name="T13" fmla="*/ 235 h 684"/>
                      <a:gd name="T14" fmla="*/ 773 w 890"/>
                      <a:gd name="T15" fmla="*/ 279 h 684"/>
                      <a:gd name="T16" fmla="*/ 832 w 890"/>
                      <a:gd name="T17" fmla="*/ 381 h 684"/>
                      <a:gd name="T18" fmla="*/ 856 w 890"/>
                      <a:gd name="T19" fmla="*/ 420 h 684"/>
                      <a:gd name="T20" fmla="*/ 875 w 890"/>
                      <a:gd name="T21" fmla="*/ 450 h 684"/>
                      <a:gd name="T22" fmla="*/ 888 w 890"/>
                      <a:gd name="T23" fmla="*/ 479 h 684"/>
                      <a:gd name="T24" fmla="*/ 890 w 890"/>
                      <a:gd name="T25" fmla="*/ 564 h 684"/>
                      <a:gd name="T26" fmla="*/ 876 w 890"/>
                      <a:gd name="T27" fmla="*/ 609 h 684"/>
                      <a:gd name="T28" fmla="*/ 878 w 890"/>
                      <a:gd name="T29" fmla="*/ 641 h 684"/>
                      <a:gd name="T30" fmla="*/ 842 w 890"/>
                      <a:gd name="T31" fmla="*/ 674 h 684"/>
                      <a:gd name="T32" fmla="*/ 800 w 890"/>
                      <a:gd name="T33" fmla="*/ 684 h 684"/>
                      <a:gd name="T34" fmla="*/ 798 w 890"/>
                      <a:gd name="T35" fmla="*/ 668 h 684"/>
                      <a:gd name="T36" fmla="*/ 807 w 890"/>
                      <a:gd name="T37" fmla="*/ 635 h 684"/>
                      <a:gd name="T38" fmla="*/ 797 w 890"/>
                      <a:gd name="T39" fmla="*/ 653 h 684"/>
                      <a:gd name="T40" fmla="*/ 749 w 890"/>
                      <a:gd name="T41" fmla="*/ 606 h 684"/>
                      <a:gd name="T42" fmla="*/ 714 w 890"/>
                      <a:gd name="T43" fmla="*/ 597 h 684"/>
                      <a:gd name="T44" fmla="*/ 697 w 890"/>
                      <a:gd name="T45" fmla="*/ 564 h 684"/>
                      <a:gd name="T46" fmla="*/ 661 w 890"/>
                      <a:gd name="T47" fmla="*/ 498 h 684"/>
                      <a:gd name="T48" fmla="*/ 633 w 890"/>
                      <a:gd name="T49" fmla="*/ 472 h 684"/>
                      <a:gd name="T50" fmla="*/ 631 w 890"/>
                      <a:gd name="T51" fmla="*/ 491 h 684"/>
                      <a:gd name="T52" fmla="*/ 584 w 890"/>
                      <a:gd name="T53" fmla="*/ 425 h 684"/>
                      <a:gd name="T54" fmla="*/ 587 w 890"/>
                      <a:gd name="T55" fmla="*/ 408 h 684"/>
                      <a:gd name="T56" fmla="*/ 578 w 890"/>
                      <a:gd name="T57" fmla="*/ 359 h 684"/>
                      <a:gd name="T58" fmla="*/ 575 w 890"/>
                      <a:gd name="T59" fmla="*/ 399 h 684"/>
                      <a:gd name="T60" fmla="*/ 556 w 890"/>
                      <a:gd name="T61" fmla="*/ 374 h 684"/>
                      <a:gd name="T62" fmla="*/ 562 w 890"/>
                      <a:gd name="T63" fmla="*/ 316 h 684"/>
                      <a:gd name="T64" fmla="*/ 560 w 890"/>
                      <a:gd name="T65" fmla="*/ 267 h 684"/>
                      <a:gd name="T66" fmla="*/ 555 w 890"/>
                      <a:gd name="T67" fmla="*/ 247 h 684"/>
                      <a:gd name="T68" fmla="*/ 521 w 890"/>
                      <a:gd name="T69" fmla="*/ 222 h 684"/>
                      <a:gd name="T70" fmla="*/ 467 w 890"/>
                      <a:gd name="T71" fmla="*/ 179 h 684"/>
                      <a:gd name="T72" fmla="*/ 424 w 890"/>
                      <a:gd name="T73" fmla="*/ 139 h 684"/>
                      <a:gd name="T74" fmla="*/ 355 w 890"/>
                      <a:gd name="T75" fmla="*/ 132 h 684"/>
                      <a:gd name="T76" fmla="*/ 320 w 890"/>
                      <a:gd name="T77" fmla="*/ 164 h 684"/>
                      <a:gd name="T78" fmla="*/ 308 w 890"/>
                      <a:gd name="T79" fmla="*/ 168 h 684"/>
                      <a:gd name="T80" fmla="*/ 277 w 890"/>
                      <a:gd name="T81" fmla="*/ 181 h 684"/>
                      <a:gd name="T82" fmla="*/ 245 w 890"/>
                      <a:gd name="T83" fmla="*/ 179 h 684"/>
                      <a:gd name="T84" fmla="*/ 238 w 890"/>
                      <a:gd name="T85" fmla="*/ 142 h 684"/>
                      <a:gd name="T86" fmla="*/ 206 w 890"/>
                      <a:gd name="T87" fmla="*/ 125 h 684"/>
                      <a:gd name="T88" fmla="*/ 172 w 890"/>
                      <a:gd name="T89" fmla="*/ 118 h 684"/>
                      <a:gd name="T90" fmla="*/ 127 w 890"/>
                      <a:gd name="T91" fmla="*/ 113 h 684"/>
                      <a:gd name="T92" fmla="*/ 157 w 890"/>
                      <a:gd name="T93" fmla="*/ 110 h 684"/>
                      <a:gd name="T94" fmla="*/ 101 w 890"/>
                      <a:gd name="T95" fmla="*/ 113 h 684"/>
                      <a:gd name="T96" fmla="*/ 52 w 890"/>
                      <a:gd name="T97" fmla="*/ 125 h 684"/>
                      <a:gd name="T98" fmla="*/ 67 w 890"/>
                      <a:gd name="T99" fmla="*/ 105 h 684"/>
                      <a:gd name="T100" fmla="*/ 51 w 890"/>
                      <a:gd name="T101" fmla="*/ 113 h 684"/>
                      <a:gd name="T102" fmla="*/ 22 w 890"/>
                      <a:gd name="T103" fmla="*/ 137 h 684"/>
                      <a:gd name="T104" fmla="*/ 23 w 890"/>
                      <a:gd name="T105" fmla="*/ 117 h 684"/>
                      <a:gd name="T106" fmla="*/ 25 w 890"/>
                      <a:gd name="T107" fmla="*/ 93 h 684"/>
                      <a:gd name="T108" fmla="*/ 572 w 890"/>
                      <a:gd name="T109" fmla="*/ 37 h 684"/>
                      <a:gd name="T110" fmla="*/ 594 w 890"/>
                      <a:gd name="T111" fmla="*/ 30 h 684"/>
                      <a:gd name="T112" fmla="*/ 616 w 890"/>
                      <a:gd name="T113" fmla="*/ 5 h 684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60000 65536"/>
                      <a:gd name="T169" fmla="*/ 0 60000 65536"/>
                      <a:gd name="T170" fmla="*/ 0 60000 65536"/>
                      <a:gd name="T171" fmla="*/ 0 w 890"/>
                      <a:gd name="T172" fmla="*/ 0 h 684"/>
                      <a:gd name="T173" fmla="*/ 890 w 890"/>
                      <a:gd name="T174" fmla="*/ 684 h 684"/>
                    </a:gdLst>
                    <a:ahLst/>
                    <a:cxnLst>
                      <a:cxn ang="T114">
                        <a:pos x="T0" y="T1"/>
                      </a:cxn>
                      <a:cxn ang="T115">
                        <a:pos x="T2" y="T3"/>
                      </a:cxn>
                      <a:cxn ang="T116">
                        <a:pos x="T4" y="T5"/>
                      </a:cxn>
                      <a:cxn ang="T117">
                        <a:pos x="T6" y="T7"/>
                      </a:cxn>
                      <a:cxn ang="T118">
                        <a:pos x="T8" y="T9"/>
                      </a:cxn>
                      <a:cxn ang="T119">
                        <a:pos x="T10" y="T11"/>
                      </a:cxn>
                      <a:cxn ang="T120">
                        <a:pos x="T12" y="T13"/>
                      </a:cxn>
                      <a:cxn ang="T121">
                        <a:pos x="T14" y="T15"/>
                      </a:cxn>
                      <a:cxn ang="T122">
                        <a:pos x="T16" y="T17"/>
                      </a:cxn>
                      <a:cxn ang="T123">
                        <a:pos x="T18" y="T19"/>
                      </a:cxn>
                      <a:cxn ang="T124">
                        <a:pos x="T20" y="T21"/>
                      </a:cxn>
                      <a:cxn ang="T125">
                        <a:pos x="T22" y="T23"/>
                      </a:cxn>
                      <a:cxn ang="T126">
                        <a:pos x="T24" y="T25"/>
                      </a:cxn>
                      <a:cxn ang="T127">
                        <a:pos x="T26" y="T27"/>
                      </a:cxn>
                      <a:cxn ang="T128">
                        <a:pos x="T28" y="T29"/>
                      </a:cxn>
                      <a:cxn ang="T129">
                        <a:pos x="T30" y="T31"/>
                      </a:cxn>
                      <a:cxn ang="T130">
                        <a:pos x="T32" y="T33"/>
                      </a:cxn>
                      <a:cxn ang="T131">
                        <a:pos x="T34" y="T35"/>
                      </a:cxn>
                      <a:cxn ang="T132">
                        <a:pos x="T36" y="T37"/>
                      </a:cxn>
                      <a:cxn ang="T133">
                        <a:pos x="T38" y="T39"/>
                      </a:cxn>
                      <a:cxn ang="T134">
                        <a:pos x="T40" y="T41"/>
                      </a:cxn>
                      <a:cxn ang="T135">
                        <a:pos x="T42" y="T43"/>
                      </a:cxn>
                      <a:cxn ang="T136">
                        <a:pos x="T44" y="T45"/>
                      </a:cxn>
                      <a:cxn ang="T137">
                        <a:pos x="T46" y="T47"/>
                      </a:cxn>
                      <a:cxn ang="T138">
                        <a:pos x="T48" y="T49"/>
                      </a:cxn>
                      <a:cxn ang="T139">
                        <a:pos x="T50" y="T51"/>
                      </a:cxn>
                      <a:cxn ang="T140">
                        <a:pos x="T52" y="T53"/>
                      </a:cxn>
                      <a:cxn ang="T141">
                        <a:pos x="T54" y="T55"/>
                      </a:cxn>
                      <a:cxn ang="T142">
                        <a:pos x="T56" y="T57"/>
                      </a:cxn>
                      <a:cxn ang="T143">
                        <a:pos x="T58" y="T59"/>
                      </a:cxn>
                      <a:cxn ang="T144">
                        <a:pos x="T60" y="T61"/>
                      </a:cxn>
                      <a:cxn ang="T145">
                        <a:pos x="T62" y="T63"/>
                      </a:cxn>
                      <a:cxn ang="T146">
                        <a:pos x="T64" y="T65"/>
                      </a:cxn>
                      <a:cxn ang="T147">
                        <a:pos x="T66" y="T67"/>
                      </a:cxn>
                      <a:cxn ang="T148">
                        <a:pos x="T68" y="T69"/>
                      </a:cxn>
                      <a:cxn ang="T149">
                        <a:pos x="T70" y="T71"/>
                      </a:cxn>
                      <a:cxn ang="T150">
                        <a:pos x="T72" y="T73"/>
                      </a:cxn>
                      <a:cxn ang="T151">
                        <a:pos x="T74" y="T75"/>
                      </a:cxn>
                      <a:cxn ang="T152">
                        <a:pos x="T76" y="T77"/>
                      </a:cxn>
                      <a:cxn ang="T153">
                        <a:pos x="T78" y="T79"/>
                      </a:cxn>
                      <a:cxn ang="T154">
                        <a:pos x="T80" y="T81"/>
                      </a:cxn>
                      <a:cxn ang="T155">
                        <a:pos x="T82" y="T83"/>
                      </a:cxn>
                      <a:cxn ang="T156">
                        <a:pos x="T84" y="T85"/>
                      </a:cxn>
                      <a:cxn ang="T157">
                        <a:pos x="T86" y="T87"/>
                      </a:cxn>
                      <a:cxn ang="T158">
                        <a:pos x="T88" y="T89"/>
                      </a:cxn>
                      <a:cxn ang="T159">
                        <a:pos x="T90" y="T91"/>
                      </a:cxn>
                      <a:cxn ang="T160">
                        <a:pos x="T92" y="T93"/>
                      </a:cxn>
                      <a:cxn ang="T161">
                        <a:pos x="T94" y="T95"/>
                      </a:cxn>
                      <a:cxn ang="T162">
                        <a:pos x="T96" y="T97"/>
                      </a:cxn>
                      <a:cxn ang="T163">
                        <a:pos x="T98" y="T99"/>
                      </a:cxn>
                      <a:cxn ang="T164">
                        <a:pos x="T100" y="T101"/>
                      </a:cxn>
                      <a:cxn ang="T165">
                        <a:pos x="T102" y="T103"/>
                      </a:cxn>
                      <a:cxn ang="T166">
                        <a:pos x="T104" y="T105"/>
                      </a:cxn>
                      <a:cxn ang="T167">
                        <a:pos x="T106" y="T107"/>
                      </a:cxn>
                      <a:cxn ang="T168">
                        <a:pos x="T108" y="T109"/>
                      </a:cxn>
                      <a:cxn ang="T169">
                        <a:pos x="T110" y="T111"/>
                      </a:cxn>
                      <a:cxn ang="T170">
                        <a:pos x="T112" y="T113"/>
                      </a:cxn>
                    </a:cxnLst>
                    <a:rect l="T171" t="T172" r="T173" b="T174"/>
                    <a:pathLst>
                      <a:path w="890" h="684">
                        <a:moveTo>
                          <a:pt x="650" y="14"/>
                        </a:moveTo>
                        <a:lnTo>
                          <a:pt x="650" y="32"/>
                        </a:lnTo>
                        <a:lnTo>
                          <a:pt x="655" y="32"/>
                        </a:lnTo>
                        <a:lnTo>
                          <a:pt x="656" y="42"/>
                        </a:lnTo>
                        <a:lnTo>
                          <a:pt x="655" y="42"/>
                        </a:lnTo>
                        <a:lnTo>
                          <a:pt x="653" y="44"/>
                        </a:lnTo>
                        <a:lnTo>
                          <a:pt x="651" y="44"/>
                        </a:lnTo>
                        <a:lnTo>
                          <a:pt x="648" y="46"/>
                        </a:lnTo>
                        <a:lnTo>
                          <a:pt x="643" y="46"/>
                        </a:lnTo>
                        <a:lnTo>
                          <a:pt x="641" y="49"/>
                        </a:lnTo>
                        <a:lnTo>
                          <a:pt x="638" y="52"/>
                        </a:lnTo>
                        <a:lnTo>
                          <a:pt x="636" y="58"/>
                        </a:lnTo>
                        <a:lnTo>
                          <a:pt x="636" y="63"/>
                        </a:lnTo>
                        <a:lnTo>
                          <a:pt x="636" y="68"/>
                        </a:lnTo>
                        <a:lnTo>
                          <a:pt x="636" y="69"/>
                        </a:lnTo>
                        <a:lnTo>
                          <a:pt x="636" y="71"/>
                        </a:lnTo>
                        <a:lnTo>
                          <a:pt x="638" y="71"/>
                        </a:lnTo>
                        <a:lnTo>
                          <a:pt x="641" y="71"/>
                        </a:lnTo>
                        <a:lnTo>
                          <a:pt x="641" y="69"/>
                        </a:lnTo>
                        <a:lnTo>
                          <a:pt x="643" y="61"/>
                        </a:lnTo>
                        <a:lnTo>
                          <a:pt x="644" y="54"/>
                        </a:lnTo>
                        <a:lnTo>
                          <a:pt x="648" y="51"/>
                        </a:lnTo>
                        <a:lnTo>
                          <a:pt x="651" y="47"/>
                        </a:lnTo>
                        <a:lnTo>
                          <a:pt x="656" y="47"/>
                        </a:lnTo>
                        <a:lnTo>
                          <a:pt x="660" y="47"/>
                        </a:lnTo>
                        <a:lnTo>
                          <a:pt x="661" y="47"/>
                        </a:lnTo>
                        <a:lnTo>
                          <a:pt x="663" y="49"/>
                        </a:lnTo>
                        <a:lnTo>
                          <a:pt x="683" y="95"/>
                        </a:lnTo>
                        <a:lnTo>
                          <a:pt x="682" y="112"/>
                        </a:lnTo>
                        <a:lnTo>
                          <a:pt x="692" y="132"/>
                        </a:lnTo>
                        <a:lnTo>
                          <a:pt x="697" y="127"/>
                        </a:lnTo>
                        <a:lnTo>
                          <a:pt x="699" y="129"/>
                        </a:lnTo>
                        <a:lnTo>
                          <a:pt x="700" y="132"/>
                        </a:lnTo>
                        <a:lnTo>
                          <a:pt x="704" y="137"/>
                        </a:lnTo>
                        <a:lnTo>
                          <a:pt x="707" y="144"/>
                        </a:lnTo>
                        <a:lnTo>
                          <a:pt x="710" y="149"/>
                        </a:lnTo>
                        <a:lnTo>
                          <a:pt x="714" y="154"/>
                        </a:lnTo>
                        <a:lnTo>
                          <a:pt x="716" y="159"/>
                        </a:lnTo>
                        <a:lnTo>
                          <a:pt x="717" y="161"/>
                        </a:lnTo>
                        <a:lnTo>
                          <a:pt x="726" y="174"/>
                        </a:lnTo>
                        <a:lnTo>
                          <a:pt x="732" y="184"/>
                        </a:lnTo>
                        <a:lnTo>
                          <a:pt x="738" y="191"/>
                        </a:lnTo>
                        <a:lnTo>
                          <a:pt x="741" y="196"/>
                        </a:lnTo>
                        <a:lnTo>
                          <a:pt x="741" y="200"/>
                        </a:lnTo>
                        <a:lnTo>
                          <a:pt x="738" y="196"/>
                        </a:lnTo>
                        <a:lnTo>
                          <a:pt x="736" y="193"/>
                        </a:lnTo>
                        <a:lnTo>
                          <a:pt x="732" y="190"/>
                        </a:lnTo>
                        <a:lnTo>
                          <a:pt x="729" y="186"/>
                        </a:lnTo>
                        <a:lnTo>
                          <a:pt x="726" y="181"/>
                        </a:lnTo>
                        <a:lnTo>
                          <a:pt x="722" y="178"/>
                        </a:lnTo>
                        <a:lnTo>
                          <a:pt x="721" y="174"/>
                        </a:lnTo>
                        <a:lnTo>
                          <a:pt x="719" y="173"/>
                        </a:lnTo>
                        <a:lnTo>
                          <a:pt x="714" y="174"/>
                        </a:lnTo>
                        <a:lnTo>
                          <a:pt x="716" y="174"/>
                        </a:lnTo>
                        <a:lnTo>
                          <a:pt x="717" y="178"/>
                        </a:lnTo>
                        <a:lnTo>
                          <a:pt x="721" y="183"/>
                        </a:lnTo>
                        <a:lnTo>
                          <a:pt x="724" y="188"/>
                        </a:lnTo>
                        <a:lnTo>
                          <a:pt x="729" y="195"/>
                        </a:lnTo>
                        <a:lnTo>
                          <a:pt x="732" y="200"/>
                        </a:lnTo>
                        <a:lnTo>
                          <a:pt x="734" y="203"/>
                        </a:lnTo>
                        <a:lnTo>
                          <a:pt x="736" y="205"/>
                        </a:lnTo>
                        <a:lnTo>
                          <a:pt x="748" y="217"/>
                        </a:lnTo>
                        <a:lnTo>
                          <a:pt x="754" y="225"/>
                        </a:lnTo>
                        <a:lnTo>
                          <a:pt x="760" y="232"/>
                        </a:lnTo>
                        <a:lnTo>
                          <a:pt x="760" y="235"/>
                        </a:lnTo>
                        <a:lnTo>
                          <a:pt x="758" y="235"/>
                        </a:lnTo>
                        <a:lnTo>
                          <a:pt x="756" y="235"/>
                        </a:lnTo>
                        <a:lnTo>
                          <a:pt x="754" y="235"/>
                        </a:lnTo>
                        <a:lnTo>
                          <a:pt x="753" y="235"/>
                        </a:lnTo>
                        <a:lnTo>
                          <a:pt x="754" y="235"/>
                        </a:lnTo>
                        <a:lnTo>
                          <a:pt x="760" y="250"/>
                        </a:lnTo>
                        <a:lnTo>
                          <a:pt x="766" y="266"/>
                        </a:lnTo>
                        <a:lnTo>
                          <a:pt x="773" y="279"/>
                        </a:lnTo>
                        <a:lnTo>
                          <a:pt x="780" y="293"/>
                        </a:lnTo>
                        <a:lnTo>
                          <a:pt x="787" y="305"/>
                        </a:lnTo>
                        <a:lnTo>
                          <a:pt x="793" y="318"/>
                        </a:lnTo>
                        <a:lnTo>
                          <a:pt x="800" y="328"/>
                        </a:lnTo>
                        <a:lnTo>
                          <a:pt x="805" y="338"/>
                        </a:lnTo>
                        <a:lnTo>
                          <a:pt x="812" y="349"/>
                        </a:lnTo>
                        <a:lnTo>
                          <a:pt x="817" y="357"/>
                        </a:lnTo>
                        <a:lnTo>
                          <a:pt x="822" y="366"/>
                        </a:lnTo>
                        <a:lnTo>
                          <a:pt x="827" y="374"/>
                        </a:lnTo>
                        <a:lnTo>
                          <a:pt x="832" y="381"/>
                        </a:lnTo>
                        <a:lnTo>
                          <a:pt x="836" y="386"/>
                        </a:lnTo>
                        <a:lnTo>
                          <a:pt x="837" y="391"/>
                        </a:lnTo>
                        <a:lnTo>
                          <a:pt x="839" y="394"/>
                        </a:lnTo>
                        <a:lnTo>
                          <a:pt x="842" y="398"/>
                        </a:lnTo>
                        <a:lnTo>
                          <a:pt x="846" y="403"/>
                        </a:lnTo>
                        <a:lnTo>
                          <a:pt x="849" y="406"/>
                        </a:lnTo>
                        <a:lnTo>
                          <a:pt x="851" y="411"/>
                        </a:lnTo>
                        <a:lnTo>
                          <a:pt x="853" y="415"/>
                        </a:lnTo>
                        <a:lnTo>
                          <a:pt x="854" y="418"/>
                        </a:lnTo>
                        <a:lnTo>
                          <a:pt x="856" y="420"/>
                        </a:lnTo>
                        <a:lnTo>
                          <a:pt x="858" y="420"/>
                        </a:lnTo>
                        <a:lnTo>
                          <a:pt x="863" y="425"/>
                        </a:lnTo>
                        <a:lnTo>
                          <a:pt x="868" y="428"/>
                        </a:lnTo>
                        <a:lnTo>
                          <a:pt x="870" y="432"/>
                        </a:lnTo>
                        <a:lnTo>
                          <a:pt x="871" y="435"/>
                        </a:lnTo>
                        <a:lnTo>
                          <a:pt x="871" y="438"/>
                        </a:lnTo>
                        <a:lnTo>
                          <a:pt x="870" y="442"/>
                        </a:lnTo>
                        <a:lnTo>
                          <a:pt x="870" y="443"/>
                        </a:lnTo>
                        <a:lnTo>
                          <a:pt x="870" y="445"/>
                        </a:lnTo>
                        <a:lnTo>
                          <a:pt x="875" y="450"/>
                        </a:lnTo>
                        <a:lnTo>
                          <a:pt x="878" y="454"/>
                        </a:lnTo>
                        <a:lnTo>
                          <a:pt x="880" y="457"/>
                        </a:lnTo>
                        <a:lnTo>
                          <a:pt x="880" y="460"/>
                        </a:lnTo>
                        <a:lnTo>
                          <a:pt x="880" y="462"/>
                        </a:lnTo>
                        <a:lnTo>
                          <a:pt x="880" y="464"/>
                        </a:lnTo>
                        <a:lnTo>
                          <a:pt x="878" y="464"/>
                        </a:lnTo>
                        <a:lnTo>
                          <a:pt x="888" y="474"/>
                        </a:lnTo>
                        <a:lnTo>
                          <a:pt x="888" y="476"/>
                        </a:lnTo>
                        <a:lnTo>
                          <a:pt x="888" y="479"/>
                        </a:lnTo>
                        <a:lnTo>
                          <a:pt x="890" y="484"/>
                        </a:lnTo>
                        <a:lnTo>
                          <a:pt x="890" y="491"/>
                        </a:lnTo>
                        <a:lnTo>
                          <a:pt x="890" y="498"/>
                        </a:lnTo>
                        <a:lnTo>
                          <a:pt x="890" y="508"/>
                        </a:lnTo>
                        <a:lnTo>
                          <a:pt x="890" y="518"/>
                        </a:lnTo>
                        <a:lnTo>
                          <a:pt x="890" y="526"/>
                        </a:lnTo>
                        <a:lnTo>
                          <a:pt x="890" y="536"/>
                        </a:lnTo>
                        <a:lnTo>
                          <a:pt x="890" y="547"/>
                        </a:lnTo>
                        <a:lnTo>
                          <a:pt x="890" y="555"/>
                        </a:lnTo>
                        <a:lnTo>
                          <a:pt x="890" y="564"/>
                        </a:lnTo>
                        <a:lnTo>
                          <a:pt x="890" y="570"/>
                        </a:lnTo>
                        <a:lnTo>
                          <a:pt x="890" y="575"/>
                        </a:lnTo>
                        <a:lnTo>
                          <a:pt x="890" y="580"/>
                        </a:lnTo>
                        <a:lnTo>
                          <a:pt x="886" y="586"/>
                        </a:lnTo>
                        <a:lnTo>
                          <a:pt x="883" y="589"/>
                        </a:lnTo>
                        <a:lnTo>
                          <a:pt x="881" y="594"/>
                        </a:lnTo>
                        <a:lnTo>
                          <a:pt x="880" y="599"/>
                        </a:lnTo>
                        <a:lnTo>
                          <a:pt x="878" y="604"/>
                        </a:lnTo>
                        <a:lnTo>
                          <a:pt x="876" y="609"/>
                        </a:lnTo>
                        <a:lnTo>
                          <a:pt x="876" y="614"/>
                        </a:lnTo>
                        <a:lnTo>
                          <a:pt x="876" y="619"/>
                        </a:lnTo>
                        <a:lnTo>
                          <a:pt x="876" y="623"/>
                        </a:lnTo>
                        <a:lnTo>
                          <a:pt x="876" y="628"/>
                        </a:lnTo>
                        <a:lnTo>
                          <a:pt x="876" y="631"/>
                        </a:lnTo>
                        <a:lnTo>
                          <a:pt x="876" y="635"/>
                        </a:lnTo>
                        <a:lnTo>
                          <a:pt x="876" y="638"/>
                        </a:lnTo>
                        <a:lnTo>
                          <a:pt x="876" y="640"/>
                        </a:lnTo>
                        <a:lnTo>
                          <a:pt x="878" y="641"/>
                        </a:lnTo>
                        <a:lnTo>
                          <a:pt x="876" y="650"/>
                        </a:lnTo>
                        <a:lnTo>
                          <a:pt x="875" y="657"/>
                        </a:lnTo>
                        <a:lnTo>
                          <a:pt x="871" y="660"/>
                        </a:lnTo>
                        <a:lnTo>
                          <a:pt x="868" y="662"/>
                        </a:lnTo>
                        <a:lnTo>
                          <a:pt x="864" y="663"/>
                        </a:lnTo>
                        <a:lnTo>
                          <a:pt x="861" y="663"/>
                        </a:lnTo>
                        <a:lnTo>
                          <a:pt x="858" y="663"/>
                        </a:lnTo>
                        <a:lnTo>
                          <a:pt x="856" y="663"/>
                        </a:lnTo>
                        <a:lnTo>
                          <a:pt x="849" y="668"/>
                        </a:lnTo>
                        <a:lnTo>
                          <a:pt x="842" y="674"/>
                        </a:lnTo>
                        <a:lnTo>
                          <a:pt x="837" y="675"/>
                        </a:lnTo>
                        <a:lnTo>
                          <a:pt x="834" y="675"/>
                        </a:lnTo>
                        <a:lnTo>
                          <a:pt x="831" y="675"/>
                        </a:lnTo>
                        <a:lnTo>
                          <a:pt x="827" y="674"/>
                        </a:lnTo>
                        <a:lnTo>
                          <a:pt x="826" y="674"/>
                        </a:lnTo>
                        <a:lnTo>
                          <a:pt x="817" y="680"/>
                        </a:lnTo>
                        <a:lnTo>
                          <a:pt x="810" y="684"/>
                        </a:lnTo>
                        <a:lnTo>
                          <a:pt x="805" y="684"/>
                        </a:lnTo>
                        <a:lnTo>
                          <a:pt x="800" y="684"/>
                        </a:lnTo>
                        <a:lnTo>
                          <a:pt x="797" y="684"/>
                        </a:lnTo>
                        <a:lnTo>
                          <a:pt x="793" y="680"/>
                        </a:lnTo>
                        <a:lnTo>
                          <a:pt x="792" y="680"/>
                        </a:lnTo>
                        <a:lnTo>
                          <a:pt x="792" y="679"/>
                        </a:lnTo>
                        <a:lnTo>
                          <a:pt x="787" y="670"/>
                        </a:lnTo>
                        <a:lnTo>
                          <a:pt x="787" y="667"/>
                        </a:lnTo>
                        <a:lnTo>
                          <a:pt x="788" y="663"/>
                        </a:lnTo>
                        <a:lnTo>
                          <a:pt x="790" y="665"/>
                        </a:lnTo>
                        <a:lnTo>
                          <a:pt x="795" y="667"/>
                        </a:lnTo>
                        <a:lnTo>
                          <a:pt x="798" y="668"/>
                        </a:lnTo>
                        <a:lnTo>
                          <a:pt x="802" y="670"/>
                        </a:lnTo>
                        <a:lnTo>
                          <a:pt x="802" y="672"/>
                        </a:lnTo>
                        <a:lnTo>
                          <a:pt x="820" y="665"/>
                        </a:lnTo>
                        <a:lnTo>
                          <a:pt x="810" y="653"/>
                        </a:lnTo>
                        <a:lnTo>
                          <a:pt x="812" y="652"/>
                        </a:lnTo>
                        <a:lnTo>
                          <a:pt x="814" y="650"/>
                        </a:lnTo>
                        <a:lnTo>
                          <a:pt x="815" y="648"/>
                        </a:lnTo>
                        <a:lnTo>
                          <a:pt x="810" y="640"/>
                        </a:lnTo>
                        <a:lnTo>
                          <a:pt x="807" y="635"/>
                        </a:lnTo>
                        <a:lnTo>
                          <a:pt x="804" y="633"/>
                        </a:lnTo>
                        <a:lnTo>
                          <a:pt x="802" y="631"/>
                        </a:lnTo>
                        <a:lnTo>
                          <a:pt x="800" y="633"/>
                        </a:lnTo>
                        <a:lnTo>
                          <a:pt x="798" y="635"/>
                        </a:lnTo>
                        <a:lnTo>
                          <a:pt x="798" y="636"/>
                        </a:lnTo>
                        <a:lnTo>
                          <a:pt x="798" y="638"/>
                        </a:lnTo>
                        <a:lnTo>
                          <a:pt x="802" y="645"/>
                        </a:lnTo>
                        <a:lnTo>
                          <a:pt x="802" y="650"/>
                        </a:lnTo>
                        <a:lnTo>
                          <a:pt x="800" y="652"/>
                        </a:lnTo>
                        <a:lnTo>
                          <a:pt x="797" y="653"/>
                        </a:lnTo>
                        <a:lnTo>
                          <a:pt x="793" y="653"/>
                        </a:lnTo>
                        <a:lnTo>
                          <a:pt x="790" y="653"/>
                        </a:lnTo>
                        <a:lnTo>
                          <a:pt x="788" y="652"/>
                        </a:lnTo>
                        <a:lnTo>
                          <a:pt x="787" y="652"/>
                        </a:lnTo>
                        <a:lnTo>
                          <a:pt x="780" y="640"/>
                        </a:lnTo>
                        <a:lnTo>
                          <a:pt x="775" y="630"/>
                        </a:lnTo>
                        <a:lnTo>
                          <a:pt x="768" y="621"/>
                        </a:lnTo>
                        <a:lnTo>
                          <a:pt x="763" y="614"/>
                        </a:lnTo>
                        <a:lnTo>
                          <a:pt x="756" y="609"/>
                        </a:lnTo>
                        <a:lnTo>
                          <a:pt x="749" y="606"/>
                        </a:lnTo>
                        <a:lnTo>
                          <a:pt x="744" y="602"/>
                        </a:lnTo>
                        <a:lnTo>
                          <a:pt x="739" y="599"/>
                        </a:lnTo>
                        <a:lnTo>
                          <a:pt x="734" y="597"/>
                        </a:lnTo>
                        <a:lnTo>
                          <a:pt x="729" y="597"/>
                        </a:lnTo>
                        <a:lnTo>
                          <a:pt x="724" y="597"/>
                        </a:lnTo>
                        <a:lnTo>
                          <a:pt x="721" y="597"/>
                        </a:lnTo>
                        <a:lnTo>
                          <a:pt x="719" y="597"/>
                        </a:lnTo>
                        <a:lnTo>
                          <a:pt x="716" y="597"/>
                        </a:lnTo>
                        <a:lnTo>
                          <a:pt x="714" y="597"/>
                        </a:lnTo>
                        <a:lnTo>
                          <a:pt x="714" y="599"/>
                        </a:lnTo>
                        <a:lnTo>
                          <a:pt x="712" y="597"/>
                        </a:lnTo>
                        <a:lnTo>
                          <a:pt x="710" y="594"/>
                        </a:lnTo>
                        <a:lnTo>
                          <a:pt x="707" y="592"/>
                        </a:lnTo>
                        <a:lnTo>
                          <a:pt x="705" y="589"/>
                        </a:lnTo>
                        <a:lnTo>
                          <a:pt x="704" y="586"/>
                        </a:lnTo>
                        <a:lnTo>
                          <a:pt x="702" y="584"/>
                        </a:lnTo>
                        <a:lnTo>
                          <a:pt x="700" y="580"/>
                        </a:lnTo>
                        <a:lnTo>
                          <a:pt x="697" y="564"/>
                        </a:lnTo>
                        <a:lnTo>
                          <a:pt x="692" y="550"/>
                        </a:lnTo>
                        <a:lnTo>
                          <a:pt x="687" y="542"/>
                        </a:lnTo>
                        <a:lnTo>
                          <a:pt x="683" y="536"/>
                        </a:lnTo>
                        <a:lnTo>
                          <a:pt x="680" y="535"/>
                        </a:lnTo>
                        <a:lnTo>
                          <a:pt x="677" y="535"/>
                        </a:lnTo>
                        <a:lnTo>
                          <a:pt x="675" y="535"/>
                        </a:lnTo>
                        <a:lnTo>
                          <a:pt x="666" y="526"/>
                        </a:lnTo>
                        <a:lnTo>
                          <a:pt x="661" y="514"/>
                        </a:lnTo>
                        <a:lnTo>
                          <a:pt x="661" y="498"/>
                        </a:lnTo>
                        <a:lnTo>
                          <a:pt x="653" y="486"/>
                        </a:lnTo>
                        <a:lnTo>
                          <a:pt x="661" y="472"/>
                        </a:lnTo>
                        <a:lnTo>
                          <a:pt x="646" y="481"/>
                        </a:lnTo>
                        <a:lnTo>
                          <a:pt x="646" y="479"/>
                        </a:lnTo>
                        <a:lnTo>
                          <a:pt x="644" y="479"/>
                        </a:lnTo>
                        <a:lnTo>
                          <a:pt x="641" y="477"/>
                        </a:lnTo>
                        <a:lnTo>
                          <a:pt x="639" y="476"/>
                        </a:lnTo>
                        <a:lnTo>
                          <a:pt x="636" y="474"/>
                        </a:lnTo>
                        <a:lnTo>
                          <a:pt x="634" y="474"/>
                        </a:lnTo>
                        <a:lnTo>
                          <a:pt x="633" y="472"/>
                        </a:lnTo>
                        <a:lnTo>
                          <a:pt x="633" y="474"/>
                        </a:lnTo>
                        <a:lnTo>
                          <a:pt x="638" y="482"/>
                        </a:lnTo>
                        <a:lnTo>
                          <a:pt x="643" y="489"/>
                        </a:lnTo>
                        <a:lnTo>
                          <a:pt x="644" y="494"/>
                        </a:lnTo>
                        <a:lnTo>
                          <a:pt x="644" y="498"/>
                        </a:lnTo>
                        <a:lnTo>
                          <a:pt x="643" y="498"/>
                        </a:lnTo>
                        <a:lnTo>
                          <a:pt x="641" y="498"/>
                        </a:lnTo>
                        <a:lnTo>
                          <a:pt x="638" y="496"/>
                        </a:lnTo>
                        <a:lnTo>
                          <a:pt x="636" y="494"/>
                        </a:lnTo>
                        <a:lnTo>
                          <a:pt x="631" y="491"/>
                        </a:lnTo>
                        <a:lnTo>
                          <a:pt x="628" y="487"/>
                        </a:lnTo>
                        <a:lnTo>
                          <a:pt x="622" y="484"/>
                        </a:lnTo>
                        <a:lnTo>
                          <a:pt x="619" y="481"/>
                        </a:lnTo>
                        <a:lnTo>
                          <a:pt x="616" y="477"/>
                        </a:lnTo>
                        <a:lnTo>
                          <a:pt x="612" y="474"/>
                        </a:lnTo>
                        <a:lnTo>
                          <a:pt x="611" y="472"/>
                        </a:lnTo>
                        <a:lnTo>
                          <a:pt x="607" y="457"/>
                        </a:lnTo>
                        <a:lnTo>
                          <a:pt x="582" y="425"/>
                        </a:lnTo>
                        <a:lnTo>
                          <a:pt x="584" y="425"/>
                        </a:lnTo>
                        <a:lnTo>
                          <a:pt x="585" y="423"/>
                        </a:lnTo>
                        <a:lnTo>
                          <a:pt x="587" y="423"/>
                        </a:lnTo>
                        <a:lnTo>
                          <a:pt x="589" y="421"/>
                        </a:lnTo>
                        <a:lnTo>
                          <a:pt x="590" y="421"/>
                        </a:lnTo>
                        <a:lnTo>
                          <a:pt x="592" y="420"/>
                        </a:lnTo>
                        <a:lnTo>
                          <a:pt x="594" y="420"/>
                        </a:lnTo>
                        <a:lnTo>
                          <a:pt x="589" y="418"/>
                        </a:lnTo>
                        <a:lnTo>
                          <a:pt x="587" y="413"/>
                        </a:lnTo>
                        <a:lnTo>
                          <a:pt x="587" y="408"/>
                        </a:lnTo>
                        <a:lnTo>
                          <a:pt x="587" y="401"/>
                        </a:lnTo>
                        <a:lnTo>
                          <a:pt x="589" y="394"/>
                        </a:lnTo>
                        <a:lnTo>
                          <a:pt x="590" y="388"/>
                        </a:lnTo>
                        <a:lnTo>
                          <a:pt x="590" y="382"/>
                        </a:lnTo>
                        <a:lnTo>
                          <a:pt x="590" y="379"/>
                        </a:lnTo>
                        <a:lnTo>
                          <a:pt x="587" y="371"/>
                        </a:lnTo>
                        <a:lnTo>
                          <a:pt x="585" y="364"/>
                        </a:lnTo>
                        <a:lnTo>
                          <a:pt x="582" y="360"/>
                        </a:lnTo>
                        <a:lnTo>
                          <a:pt x="580" y="359"/>
                        </a:lnTo>
                        <a:lnTo>
                          <a:pt x="578" y="359"/>
                        </a:lnTo>
                        <a:lnTo>
                          <a:pt x="577" y="360"/>
                        </a:lnTo>
                        <a:lnTo>
                          <a:pt x="577" y="364"/>
                        </a:lnTo>
                        <a:lnTo>
                          <a:pt x="575" y="367"/>
                        </a:lnTo>
                        <a:lnTo>
                          <a:pt x="575" y="372"/>
                        </a:lnTo>
                        <a:lnTo>
                          <a:pt x="575" y="377"/>
                        </a:lnTo>
                        <a:lnTo>
                          <a:pt x="575" y="382"/>
                        </a:lnTo>
                        <a:lnTo>
                          <a:pt x="575" y="388"/>
                        </a:lnTo>
                        <a:lnTo>
                          <a:pt x="575" y="393"/>
                        </a:lnTo>
                        <a:lnTo>
                          <a:pt x="575" y="396"/>
                        </a:lnTo>
                        <a:lnTo>
                          <a:pt x="575" y="399"/>
                        </a:lnTo>
                        <a:lnTo>
                          <a:pt x="572" y="398"/>
                        </a:lnTo>
                        <a:lnTo>
                          <a:pt x="568" y="394"/>
                        </a:lnTo>
                        <a:lnTo>
                          <a:pt x="565" y="391"/>
                        </a:lnTo>
                        <a:lnTo>
                          <a:pt x="560" y="388"/>
                        </a:lnTo>
                        <a:lnTo>
                          <a:pt x="558" y="384"/>
                        </a:lnTo>
                        <a:lnTo>
                          <a:pt x="555" y="382"/>
                        </a:lnTo>
                        <a:lnTo>
                          <a:pt x="555" y="381"/>
                        </a:lnTo>
                        <a:lnTo>
                          <a:pt x="556" y="374"/>
                        </a:lnTo>
                        <a:lnTo>
                          <a:pt x="558" y="366"/>
                        </a:lnTo>
                        <a:lnTo>
                          <a:pt x="558" y="359"/>
                        </a:lnTo>
                        <a:lnTo>
                          <a:pt x="558" y="352"/>
                        </a:lnTo>
                        <a:lnTo>
                          <a:pt x="556" y="345"/>
                        </a:lnTo>
                        <a:lnTo>
                          <a:pt x="556" y="340"/>
                        </a:lnTo>
                        <a:lnTo>
                          <a:pt x="555" y="337"/>
                        </a:lnTo>
                        <a:lnTo>
                          <a:pt x="555" y="335"/>
                        </a:lnTo>
                        <a:lnTo>
                          <a:pt x="558" y="328"/>
                        </a:lnTo>
                        <a:lnTo>
                          <a:pt x="560" y="323"/>
                        </a:lnTo>
                        <a:lnTo>
                          <a:pt x="562" y="316"/>
                        </a:lnTo>
                        <a:lnTo>
                          <a:pt x="562" y="311"/>
                        </a:lnTo>
                        <a:lnTo>
                          <a:pt x="563" y="305"/>
                        </a:lnTo>
                        <a:lnTo>
                          <a:pt x="563" y="300"/>
                        </a:lnTo>
                        <a:lnTo>
                          <a:pt x="563" y="293"/>
                        </a:lnTo>
                        <a:lnTo>
                          <a:pt x="563" y="288"/>
                        </a:lnTo>
                        <a:lnTo>
                          <a:pt x="562" y="283"/>
                        </a:lnTo>
                        <a:lnTo>
                          <a:pt x="562" y="278"/>
                        </a:lnTo>
                        <a:lnTo>
                          <a:pt x="560" y="274"/>
                        </a:lnTo>
                        <a:lnTo>
                          <a:pt x="560" y="269"/>
                        </a:lnTo>
                        <a:lnTo>
                          <a:pt x="560" y="267"/>
                        </a:lnTo>
                        <a:lnTo>
                          <a:pt x="558" y="264"/>
                        </a:lnTo>
                        <a:lnTo>
                          <a:pt x="558" y="262"/>
                        </a:lnTo>
                        <a:lnTo>
                          <a:pt x="558" y="261"/>
                        </a:lnTo>
                        <a:lnTo>
                          <a:pt x="558" y="257"/>
                        </a:lnTo>
                        <a:lnTo>
                          <a:pt x="558" y="256"/>
                        </a:lnTo>
                        <a:lnTo>
                          <a:pt x="556" y="252"/>
                        </a:lnTo>
                        <a:lnTo>
                          <a:pt x="556" y="249"/>
                        </a:lnTo>
                        <a:lnTo>
                          <a:pt x="555" y="247"/>
                        </a:lnTo>
                        <a:lnTo>
                          <a:pt x="551" y="245"/>
                        </a:lnTo>
                        <a:lnTo>
                          <a:pt x="548" y="242"/>
                        </a:lnTo>
                        <a:lnTo>
                          <a:pt x="545" y="239"/>
                        </a:lnTo>
                        <a:lnTo>
                          <a:pt x="541" y="232"/>
                        </a:lnTo>
                        <a:lnTo>
                          <a:pt x="538" y="227"/>
                        </a:lnTo>
                        <a:lnTo>
                          <a:pt x="534" y="223"/>
                        </a:lnTo>
                        <a:lnTo>
                          <a:pt x="533" y="220"/>
                        </a:lnTo>
                        <a:lnTo>
                          <a:pt x="533" y="218"/>
                        </a:lnTo>
                        <a:lnTo>
                          <a:pt x="521" y="222"/>
                        </a:lnTo>
                        <a:lnTo>
                          <a:pt x="514" y="222"/>
                        </a:lnTo>
                        <a:lnTo>
                          <a:pt x="509" y="222"/>
                        </a:lnTo>
                        <a:lnTo>
                          <a:pt x="507" y="220"/>
                        </a:lnTo>
                        <a:lnTo>
                          <a:pt x="506" y="217"/>
                        </a:lnTo>
                        <a:lnTo>
                          <a:pt x="506" y="215"/>
                        </a:lnTo>
                        <a:lnTo>
                          <a:pt x="507" y="215"/>
                        </a:lnTo>
                        <a:lnTo>
                          <a:pt x="507" y="213"/>
                        </a:lnTo>
                        <a:lnTo>
                          <a:pt x="497" y="206"/>
                        </a:lnTo>
                        <a:lnTo>
                          <a:pt x="484" y="191"/>
                        </a:lnTo>
                        <a:lnTo>
                          <a:pt x="467" y="179"/>
                        </a:lnTo>
                        <a:lnTo>
                          <a:pt x="465" y="179"/>
                        </a:lnTo>
                        <a:lnTo>
                          <a:pt x="463" y="176"/>
                        </a:lnTo>
                        <a:lnTo>
                          <a:pt x="458" y="173"/>
                        </a:lnTo>
                        <a:lnTo>
                          <a:pt x="455" y="168"/>
                        </a:lnTo>
                        <a:lnTo>
                          <a:pt x="450" y="162"/>
                        </a:lnTo>
                        <a:lnTo>
                          <a:pt x="446" y="157"/>
                        </a:lnTo>
                        <a:lnTo>
                          <a:pt x="445" y="154"/>
                        </a:lnTo>
                        <a:lnTo>
                          <a:pt x="443" y="152"/>
                        </a:lnTo>
                        <a:lnTo>
                          <a:pt x="433" y="144"/>
                        </a:lnTo>
                        <a:lnTo>
                          <a:pt x="424" y="139"/>
                        </a:lnTo>
                        <a:lnTo>
                          <a:pt x="418" y="132"/>
                        </a:lnTo>
                        <a:lnTo>
                          <a:pt x="411" y="129"/>
                        </a:lnTo>
                        <a:lnTo>
                          <a:pt x="404" y="125"/>
                        </a:lnTo>
                        <a:lnTo>
                          <a:pt x="399" y="124"/>
                        </a:lnTo>
                        <a:lnTo>
                          <a:pt x="396" y="124"/>
                        </a:lnTo>
                        <a:lnTo>
                          <a:pt x="394" y="122"/>
                        </a:lnTo>
                        <a:lnTo>
                          <a:pt x="377" y="122"/>
                        </a:lnTo>
                        <a:lnTo>
                          <a:pt x="367" y="122"/>
                        </a:lnTo>
                        <a:lnTo>
                          <a:pt x="360" y="127"/>
                        </a:lnTo>
                        <a:lnTo>
                          <a:pt x="355" y="132"/>
                        </a:lnTo>
                        <a:lnTo>
                          <a:pt x="355" y="139"/>
                        </a:lnTo>
                        <a:lnTo>
                          <a:pt x="355" y="144"/>
                        </a:lnTo>
                        <a:lnTo>
                          <a:pt x="357" y="147"/>
                        </a:lnTo>
                        <a:lnTo>
                          <a:pt x="357" y="149"/>
                        </a:lnTo>
                        <a:lnTo>
                          <a:pt x="350" y="147"/>
                        </a:lnTo>
                        <a:lnTo>
                          <a:pt x="342" y="149"/>
                        </a:lnTo>
                        <a:lnTo>
                          <a:pt x="335" y="152"/>
                        </a:lnTo>
                        <a:lnTo>
                          <a:pt x="330" y="156"/>
                        </a:lnTo>
                        <a:lnTo>
                          <a:pt x="325" y="161"/>
                        </a:lnTo>
                        <a:lnTo>
                          <a:pt x="320" y="164"/>
                        </a:lnTo>
                        <a:lnTo>
                          <a:pt x="316" y="168"/>
                        </a:lnTo>
                        <a:lnTo>
                          <a:pt x="316" y="169"/>
                        </a:lnTo>
                        <a:lnTo>
                          <a:pt x="309" y="176"/>
                        </a:lnTo>
                        <a:lnTo>
                          <a:pt x="306" y="178"/>
                        </a:lnTo>
                        <a:lnTo>
                          <a:pt x="304" y="178"/>
                        </a:lnTo>
                        <a:lnTo>
                          <a:pt x="304" y="176"/>
                        </a:lnTo>
                        <a:lnTo>
                          <a:pt x="304" y="174"/>
                        </a:lnTo>
                        <a:lnTo>
                          <a:pt x="306" y="171"/>
                        </a:lnTo>
                        <a:lnTo>
                          <a:pt x="308" y="169"/>
                        </a:lnTo>
                        <a:lnTo>
                          <a:pt x="308" y="168"/>
                        </a:lnTo>
                        <a:lnTo>
                          <a:pt x="306" y="168"/>
                        </a:lnTo>
                        <a:lnTo>
                          <a:pt x="306" y="169"/>
                        </a:lnTo>
                        <a:lnTo>
                          <a:pt x="303" y="173"/>
                        </a:lnTo>
                        <a:lnTo>
                          <a:pt x="299" y="174"/>
                        </a:lnTo>
                        <a:lnTo>
                          <a:pt x="298" y="178"/>
                        </a:lnTo>
                        <a:lnTo>
                          <a:pt x="294" y="179"/>
                        </a:lnTo>
                        <a:lnTo>
                          <a:pt x="293" y="181"/>
                        </a:lnTo>
                        <a:lnTo>
                          <a:pt x="291" y="183"/>
                        </a:lnTo>
                        <a:lnTo>
                          <a:pt x="284" y="181"/>
                        </a:lnTo>
                        <a:lnTo>
                          <a:pt x="277" y="181"/>
                        </a:lnTo>
                        <a:lnTo>
                          <a:pt x="271" y="183"/>
                        </a:lnTo>
                        <a:lnTo>
                          <a:pt x="265" y="186"/>
                        </a:lnTo>
                        <a:lnTo>
                          <a:pt x="260" y="188"/>
                        </a:lnTo>
                        <a:lnTo>
                          <a:pt x="257" y="190"/>
                        </a:lnTo>
                        <a:lnTo>
                          <a:pt x="254" y="191"/>
                        </a:lnTo>
                        <a:lnTo>
                          <a:pt x="247" y="184"/>
                        </a:lnTo>
                        <a:lnTo>
                          <a:pt x="243" y="179"/>
                        </a:lnTo>
                        <a:lnTo>
                          <a:pt x="245" y="179"/>
                        </a:lnTo>
                        <a:lnTo>
                          <a:pt x="249" y="181"/>
                        </a:lnTo>
                        <a:lnTo>
                          <a:pt x="252" y="184"/>
                        </a:lnTo>
                        <a:lnTo>
                          <a:pt x="255" y="186"/>
                        </a:lnTo>
                        <a:lnTo>
                          <a:pt x="257" y="186"/>
                        </a:lnTo>
                        <a:lnTo>
                          <a:pt x="257" y="176"/>
                        </a:lnTo>
                        <a:lnTo>
                          <a:pt x="247" y="162"/>
                        </a:lnTo>
                        <a:lnTo>
                          <a:pt x="218" y="140"/>
                        </a:lnTo>
                        <a:lnTo>
                          <a:pt x="232" y="142"/>
                        </a:lnTo>
                        <a:lnTo>
                          <a:pt x="238" y="144"/>
                        </a:lnTo>
                        <a:lnTo>
                          <a:pt x="238" y="142"/>
                        </a:lnTo>
                        <a:lnTo>
                          <a:pt x="235" y="140"/>
                        </a:lnTo>
                        <a:lnTo>
                          <a:pt x="230" y="137"/>
                        </a:lnTo>
                        <a:lnTo>
                          <a:pt x="223" y="135"/>
                        </a:lnTo>
                        <a:lnTo>
                          <a:pt x="218" y="132"/>
                        </a:lnTo>
                        <a:lnTo>
                          <a:pt x="216" y="132"/>
                        </a:lnTo>
                        <a:lnTo>
                          <a:pt x="223" y="117"/>
                        </a:lnTo>
                        <a:lnTo>
                          <a:pt x="205" y="120"/>
                        </a:lnTo>
                        <a:lnTo>
                          <a:pt x="205" y="122"/>
                        </a:lnTo>
                        <a:lnTo>
                          <a:pt x="206" y="125"/>
                        </a:lnTo>
                        <a:lnTo>
                          <a:pt x="206" y="127"/>
                        </a:lnTo>
                        <a:lnTo>
                          <a:pt x="206" y="130"/>
                        </a:lnTo>
                        <a:lnTo>
                          <a:pt x="208" y="134"/>
                        </a:lnTo>
                        <a:lnTo>
                          <a:pt x="208" y="135"/>
                        </a:lnTo>
                        <a:lnTo>
                          <a:pt x="201" y="130"/>
                        </a:lnTo>
                        <a:lnTo>
                          <a:pt x="193" y="127"/>
                        </a:lnTo>
                        <a:lnTo>
                          <a:pt x="186" y="124"/>
                        </a:lnTo>
                        <a:lnTo>
                          <a:pt x="179" y="122"/>
                        </a:lnTo>
                        <a:lnTo>
                          <a:pt x="172" y="118"/>
                        </a:lnTo>
                        <a:lnTo>
                          <a:pt x="164" y="117"/>
                        </a:lnTo>
                        <a:lnTo>
                          <a:pt x="159" y="115"/>
                        </a:lnTo>
                        <a:lnTo>
                          <a:pt x="152" y="115"/>
                        </a:lnTo>
                        <a:lnTo>
                          <a:pt x="147" y="113"/>
                        </a:lnTo>
                        <a:lnTo>
                          <a:pt x="142" y="113"/>
                        </a:lnTo>
                        <a:lnTo>
                          <a:pt x="137" y="113"/>
                        </a:lnTo>
                        <a:lnTo>
                          <a:pt x="133" y="113"/>
                        </a:lnTo>
                        <a:lnTo>
                          <a:pt x="130" y="113"/>
                        </a:lnTo>
                        <a:lnTo>
                          <a:pt x="128" y="113"/>
                        </a:lnTo>
                        <a:lnTo>
                          <a:pt x="127" y="113"/>
                        </a:lnTo>
                        <a:lnTo>
                          <a:pt x="128" y="113"/>
                        </a:lnTo>
                        <a:lnTo>
                          <a:pt x="130" y="112"/>
                        </a:lnTo>
                        <a:lnTo>
                          <a:pt x="133" y="112"/>
                        </a:lnTo>
                        <a:lnTo>
                          <a:pt x="137" y="112"/>
                        </a:lnTo>
                        <a:lnTo>
                          <a:pt x="140" y="110"/>
                        </a:lnTo>
                        <a:lnTo>
                          <a:pt x="142" y="110"/>
                        </a:lnTo>
                        <a:lnTo>
                          <a:pt x="144" y="110"/>
                        </a:lnTo>
                        <a:lnTo>
                          <a:pt x="157" y="110"/>
                        </a:lnTo>
                        <a:lnTo>
                          <a:pt x="164" y="108"/>
                        </a:lnTo>
                        <a:lnTo>
                          <a:pt x="162" y="105"/>
                        </a:lnTo>
                        <a:lnTo>
                          <a:pt x="155" y="105"/>
                        </a:lnTo>
                        <a:lnTo>
                          <a:pt x="149" y="103"/>
                        </a:lnTo>
                        <a:lnTo>
                          <a:pt x="145" y="102"/>
                        </a:lnTo>
                        <a:lnTo>
                          <a:pt x="142" y="102"/>
                        </a:lnTo>
                        <a:lnTo>
                          <a:pt x="111" y="108"/>
                        </a:lnTo>
                        <a:lnTo>
                          <a:pt x="101" y="113"/>
                        </a:lnTo>
                        <a:lnTo>
                          <a:pt x="98" y="115"/>
                        </a:lnTo>
                        <a:lnTo>
                          <a:pt x="95" y="115"/>
                        </a:lnTo>
                        <a:lnTo>
                          <a:pt x="89" y="115"/>
                        </a:lnTo>
                        <a:lnTo>
                          <a:pt x="86" y="115"/>
                        </a:lnTo>
                        <a:lnTo>
                          <a:pt x="81" y="115"/>
                        </a:lnTo>
                        <a:lnTo>
                          <a:pt x="79" y="117"/>
                        </a:lnTo>
                        <a:lnTo>
                          <a:pt x="78" y="117"/>
                        </a:lnTo>
                        <a:lnTo>
                          <a:pt x="64" y="122"/>
                        </a:lnTo>
                        <a:lnTo>
                          <a:pt x="56" y="125"/>
                        </a:lnTo>
                        <a:lnTo>
                          <a:pt x="52" y="125"/>
                        </a:lnTo>
                        <a:lnTo>
                          <a:pt x="54" y="124"/>
                        </a:lnTo>
                        <a:lnTo>
                          <a:pt x="57" y="122"/>
                        </a:lnTo>
                        <a:lnTo>
                          <a:pt x="62" y="118"/>
                        </a:lnTo>
                        <a:lnTo>
                          <a:pt x="66" y="117"/>
                        </a:lnTo>
                        <a:lnTo>
                          <a:pt x="67" y="115"/>
                        </a:lnTo>
                        <a:lnTo>
                          <a:pt x="73" y="110"/>
                        </a:lnTo>
                        <a:lnTo>
                          <a:pt x="74" y="107"/>
                        </a:lnTo>
                        <a:lnTo>
                          <a:pt x="74" y="105"/>
                        </a:lnTo>
                        <a:lnTo>
                          <a:pt x="71" y="105"/>
                        </a:lnTo>
                        <a:lnTo>
                          <a:pt x="67" y="105"/>
                        </a:lnTo>
                        <a:lnTo>
                          <a:pt x="64" y="107"/>
                        </a:lnTo>
                        <a:lnTo>
                          <a:pt x="61" y="107"/>
                        </a:lnTo>
                        <a:lnTo>
                          <a:pt x="59" y="107"/>
                        </a:lnTo>
                        <a:lnTo>
                          <a:pt x="51" y="100"/>
                        </a:lnTo>
                        <a:lnTo>
                          <a:pt x="45" y="96"/>
                        </a:lnTo>
                        <a:lnTo>
                          <a:pt x="44" y="98"/>
                        </a:lnTo>
                        <a:lnTo>
                          <a:pt x="44" y="102"/>
                        </a:lnTo>
                        <a:lnTo>
                          <a:pt x="45" y="105"/>
                        </a:lnTo>
                        <a:lnTo>
                          <a:pt x="49" y="110"/>
                        </a:lnTo>
                        <a:lnTo>
                          <a:pt x="51" y="113"/>
                        </a:lnTo>
                        <a:lnTo>
                          <a:pt x="51" y="115"/>
                        </a:lnTo>
                        <a:lnTo>
                          <a:pt x="44" y="122"/>
                        </a:lnTo>
                        <a:lnTo>
                          <a:pt x="37" y="130"/>
                        </a:lnTo>
                        <a:lnTo>
                          <a:pt x="35" y="132"/>
                        </a:lnTo>
                        <a:lnTo>
                          <a:pt x="32" y="132"/>
                        </a:lnTo>
                        <a:lnTo>
                          <a:pt x="29" y="134"/>
                        </a:lnTo>
                        <a:lnTo>
                          <a:pt x="27" y="135"/>
                        </a:lnTo>
                        <a:lnTo>
                          <a:pt x="23" y="137"/>
                        </a:lnTo>
                        <a:lnTo>
                          <a:pt x="22" y="137"/>
                        </a:lnTo>
                        <a:lnTo>
                          <a:pt x="27" y="130"/>
                        </a:lnTo>
                        <a:lnTo>
                          <a:pt x="29" y="127"/>
                        </a:lnTo>
                        <a:lnTo>
                          <a:pt x="30" y="122"/>
                        </a:lnTo>
                        <a:lnTo>
                          <a:pt x="29" y="120"/>
                        </a:lnTo>
                        <a:lnTo>
                          <a:pt x="27" y="117"/>
                        </a:lnTo>
                        <a:lnTo>
                          <a:pt x="25" y="117"/>
                        </a:lnTo>
                        <a:lnTo>
                          <a:pt x="23" y="115"/>
                        </a:lnTo>
                        <a:lnTo>
                          <a:pt x="23" y="117"/>
                        </a:lnTo>
                        <a:lnTo>
                          <a:pt x="23" y="115"/>
                        </a:lnTo>
                        <a:lnTo>
                          <a:pt x="23" y="113"/>
                        </a:lnTo>
                        <a:lnTo>
                          <a:pt x="23" y="112"/>
                        </a:lnTo>
                        <a:lnTo>
                          <a:pt x="22" y="108"/>
                        </a:lnTo>
                        <a:lnTo>
                          <a:pt x="22" y="107"/>
                        </a:lnTo>
                        <a:lnTo>
                          <a:pt x="22" y="105"/>
                        </a:lnTo>
                        <a:lnTo>
                          <a:pt x="25" y="100"/>
                        </a:lnTo>
                        <a:lnTo>
                          <a:pt x="25" y="93"/>
                        </a:lnTo>
                        <a:lnTo>
                          <a:pt x="22" y="88"/>
                        </a:lnTo>
                        <a:lnTo>
                          <a:pt x="17" y="83"/>
                        </a:lnTo>
                        <a:lnTo>
                          <a:pt x="12" y="80"/>
                        </a:lnTo>
                        <a:lnTo>
                          <a:pt x="7" y="74"/>
                        </a:lnTo>
                        <a:lnTo>
                          <a:pt x="3" y="73"/>
                        </a:lnTo>
                        <a:lnTo>
                          <a:pt x="1" y="73"/>
                        </a:lnTo>
                        <a:lnTo>
                          <a:pt x="0" y="51"/>
                        </a:lnTo>
                        <a:lnTo>
                          <a:pt x="276" y="24"/>
                        </a:lnTo>
                        <a:lnTo>
                          <a:pt x="293" y="56"/>
                        </a:lnTo>
                        <a:lnTo>
                          <a:pt x="572" y="37"/>
                        </a:lnTo>
                        <a:lnTo>
                          <a:pt x="582" y="59"/>
                        </a:lnTo>
                        <a:lnTo>
                          <a:pt x="597" y="59"/>
                        </a:lnTo>
                        <a:lnTo>
                          <a:pt x="597" y="58"/>
                        </a:lnTo>
                        <a:lnTo>
                          <a:pt x="595" y="54"/>
                        </a:lnTo>
                        <a:lnTo>
                          <a:pt x="595" y="51"/>
                        </a:lnTo>
                        <a:lnTo>
                          <a:pt x="595" y="46"/>
                        </a:lnTo>
                        <a:lnTo>
                          <a:pt x="594" y="41"/>
                        </a:lnTo>
                        <a:lnTo>
                          <a:pt x="594" y="36"/>
                        </a:lnTo>
                        <a:lnTo>
                          <a:pt x="594" y="32"/>
                        </a:lnTo>
                        <a:lnTo>
                          <a:pt x="594" y="30"/>
                        </a:lnTo>
                        <a:lnTo>
                          <a:pt x="589" y="22"/>
                        </a:lnTo>
                        <a:lnTo>
                          <a:pt x="589" y="14"/>
                        </a:lnTo>
                        <a:lnTo>
                          <a:pt x="589" y="8"/>
                        </a:lnTo>
                        <a:lnTo>
                          <a:pt x="592" y="5"/>
                        </a:lnTo>
                        <a:lnTo>
                          <a:pt x="595" y="2"/>
                        </a:lnTo>
                        <a:lnTo>
                          <a:pt x="597" y="0"/>
                        </a:lnTo>
                        <a:lnTo>
                          <a:pt x="600" y="0"/>
                        </a:lnTo>
                        <a:lnTo>
                          <a:pt x="602" y="0"/>
                        </a:lnTo>
                        <a:lnTo>
                          <a:pt x="607" y="3"/>
                        </a:lnTo>
                        <a:lnTo>
                          <a:pt x="616" y="5"/>
                        </a:lnTo>
                        <a:lnTo>
                          <a:pt x="622" y="7"/>
                        </a:lnTo>
                        <a:lnTo>
                          <a:pt x="629" y="8"/>
                        </a:lnTo>
                        <a:lnTo>
                          <a:pt x="636" y="8"/>
                        </a:lnTo>
                        <a:lnTo>
                          <a:pt x="639" y="8"/>
                        </a:lnTo>
                        <a:lnTo>
                          <a:pt x="643" y="8"/>
                        </a:lnTo>
                        <a:lnTo>
                          <a:pt x="644" y="8"/>
                        </a:lnTo>
                        <a:lnTo>
                          <a:pt x="650" y="14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43" name="Freeform 18"/>
                  <p:cNvSpPr>
                    <a:spLocks/>
                  </p:cNvSpPr>
                  <p:nvPr/>
                </p:nvSpPr>
                <p:spPr bwMode="auto">
                  <a:xfrm>
                    <a:off x="3822" y="2894"/>
                    <a:ext cx="890" cy="684"/>
                  </a:xfrm>
                  <a:custGeom>
                    <a:avLst/>
                    <a:gdLst>
                      <a:gd name="T0" fmla="*/ 648 w 890"/>
                      <a:gd name="T1" fmla="*/ 46 h 684"/>
                      <a:gd name="T2" fmla="*/ 636 w 890"/>
                      <a:gd name="T3" fmla="*/ 71 h 684"/>
                      <a:gd name="T4" fmla="*/ 660 w 890"/>
                      <a:gd name="T5" fmla="*/ 47 h 684"/>
                      <a:gd name="T6" fmla="*/ 704 w 890"/>
                      <a:gd name="T7" fmla="*/ 137 h 684"/>
                      <a:gd name="T8" fmla="*/ 741 w 890"/>
                      <a:gd name="T9" fmla="*/ 196 h 684"/>
                      <a:gd name="T10" fmla="*/ 721 w 890"/>
                      <a:gd name="T11" fmla="*/ 174 h 684"/>
                      <a:gd name="T12" fmla="*/ 732 w 890"/>
                      <a:gd name="T13" fmla="*/ 200 h 684"/>
                      <a:gd name="T14" fmla="*/ 754 w 890"/>
                      <a:gd name="T15" fmla="*/ 235 h 684"/>
                      <a:gd name="T16" fmla="*/ 773 w 890"/>
                      <a:gd name="T17" fmla="*/ 279 h 684"/>
                      <a:gd name="T18" fmla="*/ 832 w 890"/>
                      <a:gd name="T19" fmla="*/ 381 h 684"/>
                      <a:gd name="T20" fmla="*/ 854 w 890"/>
                      <a:gd name="T21" fmla="*/ 418 h 684"/>
                      <a:gd name="T22" fmla="*/ 870 w 890"/>
                      <a:gd name="T23" fmla="*/ 443 h 684"/>
                      <a:gd name="T24" fmla="*/ 878 w 890"/>
                      <a:gd name="T25" fmla="*/ 464 h 684"/>
                      <a:gd name="T26" fmla="*/ 890 w 890"/>
                      <a:gd name="T27" fmla="*/ 526 h 684"/>
                      <a:gd name="T28" fmla="*/ 886 w 890"/>
                      <a:gd name="T29" fmla="*/ 586 h 684"/>
                      <a:gd name="T30" fmla="*/ 876 w 890"/>
                      <a:gd name="T31" fmla="*/ 631 h 684"/>
                      <a:gd name="T32" fmla="*/ 868 w 890"/>
                      <a:gd name="T33" fmla="*/ 662 h 684"/>
                      <a:gd name="T34" fmla="*/ 831 w 890"/>
                      <a:gd name="T35" fmla="*/ 675 h 684"/>
                      <a:gd name="T36" fmla="*/ 793 w 890"/>
                      <a:gd name="T37" fmla="*/ 680 h 684"/>
                      <a:gd name="T38" fmla="*/ 802 w 890"/>
                      <a:gd name="T39" fmla="*/ 670 h 684"/>
                      <a:gd name="T40" fmla="*/ 810 w 890"/>
                      <a:gd name="T41" fmla="*/ 640 h 684"/>
                      <a:gd name="T42" fmla="*/ 802 w 890"/>
                      <a:gd name="T43" fmla="*/ 650 h 684"/>
                      <a:gd name="T44" fmla="*/ 768 w 890"/>
                      <a:gd name="T45" fmla="*/ 621 h 684"/>
                      <a:gd name="T46" fmla="*/ 719 w 890"/>
                      <a:gd name="T47" fmla="*/ 597 h 684"/>
                      <a:gd name="T48" fmla="*/ 705 w 890"/>
                      <a:gd name="T49" fmla="*/ 589 h 684"/>
                      <a:gd name="T50" fmla="*/ 677 w 890"/>
                      <a:gd name="T51" fmla="*/ 535 h 684"/>
                      <a:gd name="T52" fmla="*/ 646 w 890"/>
                      <a:gd name="T53" fmla="*/ 479 h 684"/>
                      <a:gd name="T54" fmla="*/ 643 w 890"/>
                      <a:gd name="T55" fmla="*/ 489 h 684"/>
                      <a:gd name="T56" fmla="*/ 619 w 890"/>
                      <a:gd name="T57" fmla="*/ 481 h 684"/>
                      <a:gd name="T58" fmla="*/ 587 w 890"/>
                      <a:gd name="T59" fmla="*/ 423 h 684"/>
                      <a:gd name="T60" fmla="*/ 587 w 890"/>
                      <a:gd name="T61" fmla="*/ 401 h 684"/>
                      <a:gd name="T62" fmla="*/ 578 w 890"/>
                      <a:gd name="T63" fmla="*/ 359 h 684"/>
                      <a:gd name="T64" fmla="*/ 575 w 890"/>
                      <a:gd name="T65" fmla="*/ 399 h 684"/>
                      <a:gd name="T66" fmla="*/ 555 w 890"/>
                      <a:gd name="T67" fmla="*/ 381 h 684"/>
                      <a:gd name="T68" fmla="*/ 555 w 890"/>
                      <a:gd name="T69" fmla="*/ 335 h 684"/>
                      <a:gd name="T70" fmla="*/ 562 w 890"/>
                      <a:gd name="T71" fmla="*/ 278 h 684"/>
                      <a:gd name="T72" fmla="*/ 558 w 890"/>
                      <a:gd name="T73" fmla="*/ 257 h 684"/>
                      <a:gd name="T74" fmla="*/ 541 w 890"/>
                      <a:gd name="T75" fmla="*/ 232 h 684"/>
                      <a:gd name="T76" fmla="*/ 506 w 890"/>
                      <a:gd name="T77" fmla="*/ 217 h 684"/>
                      <a:gd name="T78" fmla="*/ 458 w 890"/>
                      <a:gd name="T79" fmla="*/ 173 h 684"/>
                      <a:gd name="T80" fmla="*/ 411 w 890"/>
                      <a:gd name="T81" fmla="*/ 129 h 684"/>
                      <a:gd name="T82" fmla="*/ 355 w 890"/>
                      <a:gd name="T83" fmla="*/ 139 h 684"/>
                      <a:gd name="T84" fmla="*/ 320 w 890"/>
                      <a:gd name="T85" fmla="*/ 164 h 684"/>
                      <a:gd name="T86" fmla="*/ 308 w 890"/>
                      <a:gd name="T87" fmla="*/ 169 h 684"/>
                      <a:gd name="T88" fmla="*/ 291 w 890"/>
                      <a:gd name="T89" fmla="*/ 183 h 684"/>
                      <a:gd name="T90" fmla="*/ 254 w 890"/>
                      <a:gd name="T91" fmla="*/ 191 h 684"/>
                      <a:gd name="T92" fmla="*/ 247 w 890"/>
                      <a:gd name="T93" fmla="*/ 162 h 684"/>
                      <a:gd name="T94" fmla="*/ 216 w 890"/>
                      <a:gd name="T95" fmla="*/ 132 h 684"/>
                      <a:gd name="T96" fmla="*/ 208 w 890"/>
                      <a:gd name="T97" fmla="*/ 135 h 684"/>
                      <a:gd name="T98" fmla="*/ 152 w 890"/>
                      <a:gd name="T99" fmla="*/ 115 h 684"/>
                      <a:gd name="T100" fmla="*/ 127 w 890"/>
                      <a:gd name="T101" fmla="*/ 113 h 684"/>
                      <a:gd name="T102" fmla="*/ 164 w 890"/>
                      <a:gd name="T103" fmla="*/ 108 h 684"/>
                      <a:gd name="T104" fmla="*/ 101 w 890"/>
                      <a:gd name="T105" fmla="*/ 113 h 684"/>
                      <a:gd name="T106" fmla="*/ 56 w 890"/>
                      <a:gd name="T107" fmla="*/ 125 h 684"/>
                      <a:gd name="T108" fmla="*/ 74 w 890"/>
                      <a:gd name="T109" fmla="*/ 105 h 684"/>
                      <a:gd name="T110" fmla="*/ 44 w 890"/>
                      <a:gd name="T111" fmla="*/ 102 h 684"/>
                      <a:gd name="T112" fmla="*/ 32 w 890"/>
                      <a:gd name="T113" fmla="*/ 132 h 684"/>
                      <a:gd name="T114" fmla="*/ 29 w 890"/>
                      <a:gd name="T115" fmla="*/ 120 h 684"/>
                      <a:gd name="T116" fmla="*/ 23 w 890"/>
                      <a:gd name="T117" fmla="*/ 112 h 684"/>
                      <a:gd name="T118" fmla="*/ 12 w 890"/>
                      <a:gd name="T119" fmla="*/ 80 h 684"/>
                      <a:gd name="T120" fmla="*/ 597 w 890"/>
                      <a:gd name="T121" fmla="*/ 59 h 684"/>
                      <a:gd name="T122" fmla="*/ 589 w 890"/>
                      <a:gd name="T123" fmla="*/ 22 h 684"/>
                      <a:gd name="T124" fmla="*/ 616 w 890"/>
                      <a:gd name="T125" fmla="*/ 5 h 684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60000 65536"/>
                      <a:gd name="T169" fmla="*/ 0 60000 65536"/>
                      <a:gd name="T170" fmla="*/ 0 60000 65536"/>
                      <a:gd name="T171" fmla="*/ 0 60000 65536"/>
                      <a:gd name="T172" fmla="*/ 0 60000 65536"/>
                      <a:gd name="T173" fmla="*/ 0 60000 65536"/>
                      <a:gd name="T174" fmla="*/ 0 60000 65536"/>
                      <a:gd name="T175" fmla="*/ 0 60000 65536"/>
                      <a:gd name="T176" fmla="*/ 0 60000 65536"/>
                      <a:gd name="T177" fmla="*/ 0 60000 65536"/>
                      <a:gd name="T178" fmla="*/ 0 60000 65536"/>
                      <a:gd name="T179" fmla="*/ 0 60000 65536"/>
                      <a:gd name="T180" fmla="*/ 0 60000 65536"/>
                      <a:gd name="T181" fmla="*/ 0 60000 65536"/>
                      <a:gd name="T182" fmla="*/ 0 60000 65536"/>
                      <a:gd name="T183" fmla="*/ 0 60000 65536"/>
                      <a:gd name="T184" fmla="*/ 0 60000 65536"/>
                      <a:gd name="T185" fmla="*/ 0 60000 65536"/>
                      <a:gd name="T186" fmla="*/ 0 60000 65536"/>
                      <a:gd name="T187" fmla="*/ 0 60000 65536"/>
                      <a:gd name="T188" fmla="*/ 0 60000 65536"/>
                      <a:gd name="T189" fmla="*/ 0 w 890"/>
                      <a:gd name="T190" fmla="*/ 0 h 684"/>
                      <a:gd name="T191" fmla="*/ 890 w 890"/>
                      <a:gd name="T192" fmla="*/ 684 h 684"/>
                    </a:gdLst>
                    <a:ahLst/>
                    <a:cxnLst>
                      <a:cxn ang="T126">
                        <a:pos x="T0" y="T1"/>
                      </a:cxn>
                      <a:cxn ang="T127">
                        <a:pos x="T2" y="T3"/>
                      </a:cxn>
                      <a:cxn ang="T128">
                        <a:pos x="T4" y="T5"/>
                      </a:cxn>
                      <a:cxn ang="T129">
                        <a:pos x="T6" y="T7"/>
                      </a:cxn>
                      <a:cxn ang="T130">
                        <a:pos x="T8" y="T9"/>
                      </a:cxn>
                      <a:cxn ang="T131">
                        <a:pos x="T10" y="T11"/>
                      </a:cxn>
                      <a:cxn ang="T132">
                        <a:pos x="T12" y="T13"/>
                      </a:cxn>
                      <a:cxn ang="T133">
                        <a:pos x="T14" y="T15"/>
                      </a:cxn>
                      <a:cxn ang="T134">
                        <a:pos x="T16" y="T17"/>
                      </a:cxn>
                      <a:cxn ang="T135">
                        <a:pos x="T18" y="T19"/>
                      </a:cxn>
                      <a:cxn ang="T136">
                        <a:pos x="T20" y="T21"/>
                      </a:cxn>
                      <a:cxn ang="T137">
                        <a:pos x="T22" y="T23"/>
                      </a:cxn>
                      <a:cxn ang="T138">
                        <a:pos x="T24" y="T25"/>
                      </a:cxn>
                      <a:cxn ang="T139">
                        <a:pos x="T26" y="T27"/>
                      </a:cxn>
                      <a:cxn ang="T140">
                        <a:pos x="T28" y="T29"/>
                      </a:cxn>
                      <a:cxn ang="T141">
                        <a:pos x="T30" y="T31"/>
                      </a:cxn>
                      <a:cxn ang="T142">
                        <a:pos x="T32" y="T33"/>
                      </a:cxn>
                      <a:cxn ang="T143">
                        <a:pos x="T34" y="T35"/>
                      </a:cxn>
                      <a:cxn ang="T144">
                        <a:pos x="T36" y="T37"/>
                      </a:cxn>
                      <a:cxn ang="T145">
                        <a:pos x="T38" y="T39"/>
                      </a:cxn>
                      <a:cxn ang="T146">
                        <a:pos x="T40" y="T41"/>
                      </a:cxn>
                      <a:cxn ang="T147">
                        <a:pos x="T42" y="T43"/>
                      </a:cxn>
                      <a:cxn ang="T148">
                        <a:pos x="T44" y="T45"/>
                      </a:cxn>
                      <a:cxn ang="T149">
                        <a:pos x="T46" y="T47"/>
                      </a:cxn>
                      <a:cxn ang="T150">
                        <a:pos x="T48" y="T49"/>
                      </a:cxn>
                      <a:cxn ang="T151">
                        <a:pos x="T50" y="T51"/>
                      </a:cxn>
                      <a:cxn ang="T152">
                        <a:pos x="T52" y="T53"/>
                      </a:cxn>
                      <a:cxn ang="T153">
                        <a:pos x="T54" y="T55"/>
                      </a:cxn>
                      <a:cxn ang="T154">
                        <a:pos x="T56" y="T57"/>
                      </a:cxn>
                      <a:cxn ang="T155">
                        <a:pos x="T58" y="T59"/>
                      </a:cxn>
                      <a:cxn ang="T156">
                        <a:pos x="T60" y="T61"/>
                      </a:cxn>
                      <a:cxn ang="T157">
                        <a:pos x="T62" y="T63"/>
                      </a:cxn>
                      <a:cxn ang="T158">
                        <a:pos x="T64" y="T65"/>
                      </a:cxn>
                      <a:cxn ang="T159">
                        <a:pos x="T66" y="T67"/>
                      </a:cxn>
                      <a:cxn ang="T160">
                        <a:pos x="T68" y="T69"/>
                      </a:cxn>
                      <a:cxn ang="T161">
                        <a:pos x="T70" y="T71"/>
                      </a:cxn>
                      <a:cxn ang="T162">
                        <a:pos x="T72" y="T73"/>
                      </a:cxn>
                      <a:cxn ang="T163">
                        <a:pos x="T74" y="T75"/>
                      </a:cxn>
                      <a:cxn ang="T164">
                        <a:pos x="T76" y="T77"/>
                      </a:cxn>
                      <a:cxn ang="T165">
                        <a:pos x="T78" y="T79"/>
                      </a:cxn>
                      <a:cxn ang="T166">
                        <a:pos x="T80" y="T81"/>
                      </a:cxn>
                      <a:cxn ang="T167">
                        <a:pos x="T82" y="T83"/>
                      </a:cxn>
                      <a:cxn ang="T168">
                        <a:pos x="T84" y="T85"/>
                      </a:cxn>
                      <a:cxn ang="T169">
                        <a:pos x="T86" y="T87"/>
                      </a:cxn>
                      <a:cxn ang="T170">
                        <a:pos x="T88" y="T89"/>
                      </a:cxn>
                      <a:cxn ang="T171">
                        <a:pos x="T90" y="T91"/>
                      </a:cxn>
                      <a:cxn ang="T172">
                        <a:pos x="T92" y="T93"/>
                      </a:cxn>
                      <a:cxn ang="T173">
                        <a:pos x="T94" y="T95"/>
                      </a:cxn>
                      <a:cxn ang="T174">
                        <a:pos x="T96" y="T97"/>
                      </a:cxn>
                      <a:cxn ang="T175">
                        <a:pos x="T98" y="T99"/>
                      </a:cxn>
                      <a:cxn ang="T176">
                        <a:pos x="T100" y="T101"/>
                      </a:cxn>
                      <a:cxn ang="T177">
                        <a:pos x="T102" y="T103"/>
                      </a:cxn>
                      <a:cxn ang="T178">
                        <a:pos x="T104" y="T105"/>
                      </a:cxn>
                      <a:cxn ang="T179">
                        <a:pos x="T106" y="T107"/>
                      </a:cxn>
                      <a:cxn ang="T180">
                        <a:pos x="T108" y="T109"/>
                      </a:cxn>
                      <a:cxn ang="T181">
                        <a:pos x="T110" y="T111"/>
                      </a:cxn>
                      <a:cxn ang="T182">
                        <a:pos x="T112" y="T113"/>
                      </a:cxn>
                      <a:cxn ang="T183">
                        <a:pos x="T114" y="T115"/>
                      </a:cxn>
                      <a:cxn ang="T184">
                        <a:pos x="T116" y="T117"/>
                      </a:cxn>
                      <a:cxn ang="T185">
                        <a:pos x="T118" y="T119"/>
                      </a:cxn>
                      <a:cxn ang="T186">
                        <a:pos x="T120" y="T121"/>
                      </a:cxn>
                      <a:cxn ang="T187">
                        <a:pos x="T122" y="T123"/>
                      </a:cxn>
                      <a:cxn ang="T188">
                        <a:pos x="T124" y="T125"/>
                      </a:cxn>
                    </a:cxnLst>
                    <a:rect l="T189" t="T190" r="T191" b="T192"/>
                    <a:pathLst>
                      <a:path w="890" h="684">
                        <a:moveTo>
                          <a:pt x="650" y="14"/>
                        </a:moveTo>
                        <a:lnTo>
                          <a:pt x="650" y="32"/>
                        </a:lnTo>
                        <a:lnTo>
                          <a:pt x="655" y="32"/>
                        </a:lnTo>
                        <a:lnTo>
                          <a:pt x="656" y="42"/>
                        </a:lnTo>
                        <a:lnTo>
                          <a:pt x="655" y="42"/>
                        </a:lnTo>
                        <a:lnTo>
                          <a:pt x="653" y="44"/>
                        </a:lnTo>
                        <a:lnTo>
                          <a:pt x="651" y="44"/>
                        </a:lnTo>
                        <a:lnTo>
                          <a:pt x="648" y="46"/>
                        </a:lnTo>
                        <a:lnTo>
                          <a:pt x="643" y="46"/>
                        </a:lnTo>
                        <a:lnTo>
                          <a:pt x="641" y="49"/>
                        </a:lnTo>
                        <a:lnTo>
                          <a:pt x="638" y="52"/>
                        </a:lnTo>
                        <a:lnTo>
                          <a:pt x="636" y="58"/>
                        </a:lnTo>
                        <a:lnTo>
                          <a:pt x="636" y="63"/>
                        </a:lnTo>
                        <a:lnTo>
                          <a:pt x="636" y="68"/>
                        </a:lnTo>
                        <a:lnTo>
                          <a:pt x="636" y="69"/>
                        </a:lnTo>
                        <a:lnTo>
                          <a:pt x="636" y="71"/>
                        </a:lnTo>
                        <a:lnTo>
                          <a:pt x="638" y="71"/>
                        </a:lnTo>
                        <a:lnTo>
                          <a:pt x="641" y="71"/>
                        </a:lnTo>
                        <a:lnTo>
                          <a:pt x="641" y="69"/>
                        </a:lnTo>
                        <a:lnTo>
                          <a:pt x="643" y="61"/>
                        </a:lnTo>
                        <a:lnTo>
                          <a:pt x="644" y="54"/>
                        </a:lnTo>
                        <a:lnTo>
                          <a:pt x="648" y="51"/>
                        </a:lnTo>
                        <a:lnTo>
                          <a:pt x="651" y="47"/>
                        </a:lnTo>
                        <a:lnTo>
                          <a:pt x="656" y="47"/>
                        </a:lnTo>
                        <a:lnTo>
                          <a:pt x="660" y="47"/>
                        </a:lnTo>
                        <a:lnTo>
                          <a:pt x="661" y="47"/>
                        </a:lnTo>
                        <a:lnTo>
                          <a:pt x="663" y="49"/>
                        </a:lnTo>
                        <a:lnTo>
                          <a:pt x="683" y="95"/>
                        </a:lnTo>
                        <a:lnTo>
                          <a:pt x="682" y="112"/>
                        </a:lnTo>
                        <a:lnTo>
                          <a:pt x="692" y="132"/>
                        </a:lnTo>
                        <a:lnTo>
                          <a:pt x="697" y="127"/>
                        </a:lnTo>
                        <a:lnTo>
                          <a:pt x="699" y="129"/>
                        </a:lnTo>
                        <a:lnTo>
                          <a:pt x="700" y="132"/>
                        </a:lnTo>
                        <a:lnTo>
                          <a:pt x="704" y="137"/>
                        </a:lnTo>
                        <a:lnTo>
                          <a:pt x="707" y="144"/>
                        </a:lnTo>
                        <a:lnTo>
                          <a:pt x="710" y="149"/>
                        </a:lnTo>
                        <a:lnTo>
                          <a:pt x="714" y="154"/>
                        </a:lnTo>
                        <a:lnTo>
                          <a:pt x="716" y="159"/>
                        </a:lnTo>
                        <a:lnTo>
                          <a:pt x="717" y="161"/>
                        </a:lnTo>
                        <a:lnTo>
                          <a:pt x="726" y="174"/>
                        </a:lnTo>
                        <a:lnTo>
                          <a:pt x="732" y="184"/>
                        </a:lnTo>
                        <a:lnTo>
                          <a:pt x="738" y="191"/>
                        </a:lnTo>
                        <a:lnTo>
                          <a:pt x="741" y="196"/>
                        </a:lnTo>
                        <a:lnTo>
                          <a:pt x="741" y="200"/>
                        </a:lnTo>
                        <a:lnTo>
                          <a:pt x="738" y="196"/>
                        </a:lnTo>
                        <a:lnTo>
                          <a:pt x="736" y="193"/>
                        </a:lnTo>
                        <a:lnTo>
                          <a:pt x="732" y="190"/>
                        </a:lnTo>
                        <a:lnTo>
                          <a:pt x="729" y="186"/>
                        </a:lnTo>
                        <a:lnTo>
                          <a:pt x="726" y="181"/>
                        </a:lnTo>
                        <a:lnTo>
                          <a:pt x="722" y="178"/>
                        </a:lnTo>
                        <a:lnTo>
                          <a:pt x="721" y="174"/>
                        </a:lnTo>
                        <a:lnTo>
                          <a:pt x="719" y="173"/>
                        </a:lnTo>
                        <a:lnTo>
                          <a:pt x="714" y="174"/>
                        </a:lnTo>
                        <a:lnTo>
                          <a:pt x="716" y="174"/>
                        </a:lnTo>
                        <a:lnTo>
                          <a:pt x="717" y="178"/>
                        </a:lnTo>
                        <a:lnTo>
                          <a:pt x="721" y="183"/>
                        </a:lnTo>
                        <a:lnTo>
                          <a:pt x="724" y="188"/>
                        </a:lnTo>
                        <a:lnTo>
                          <a:pt x="729" y="195"/>
                        </a:lnTo>
                        <a:lnTo>
                          <a:pt x="732" y="200"/>
                        </a:lnTo>
                        <a:lnTo>
                          <a:pt x="734" y="203"/>
                        </a:lnTo>
                        <a:lnTo>
                          <a:pt x="736" y="205"/>
                        </a:lnTo>
                        <a:lnTo>
                          <a:pt x="748" y="217"/>
                        </a:lnTo>
                        <a:lnTo>
                          <a:pt x="754" y="225"/>
                        </a:lnTo>
                        <a:lnTo>
                          <a:pt x="760" y="232"/>
                        </a:lnTo>
                        <a:lnTo>
                          <a:pt x="760" y="235"/>
                        </a:lnTo>
                        <a:lnTo>
                          <a:pt x="758" y="235"/>
                        </a:lnTo>
                        <a:lnTo>
                          <a:pt x="756" y="235"/>
                        </a:lnTo>
                        <a:lnTo>
                          <a:pt x="754" y="235"/>
                        </a:lnTo>
                        <a:lnTo>
                          <a:pt x="753" y="235"/>
                        </a:lnTo>
                        <a:lnTo>
                          <a:pt x="754" y="235"/>
                        </a:lnTo>
                        <a:lnTo>
                          <a:pt x="760" y="250"/>
                        </a:lnTo>
                        <a:lnTo>
                          <a:pt x="766" y="266"/>
                        </a:lnTo>
                        <a:lnTo>
                          <a:pt x="773" y="279"/>
                        </a:lnTo>
                        <a:lnTo>
                          <a:pt x="780" y="293"/>
                        </a:lnTo>
                        <a:lnTo>
                          <a:pt x="787" y="305"/>
                        </a:lnTo>
                        <a:lnTo>
                          <a:pt x="793" y="318"/>
                        </a:lnTo>
                        <a:lnTo>
                          <a:pt x="800" y="328"/>
                        </a:lnTo>
                        <a:lnTo>
                          <a:pt x="805" y="338"/>
                        </a:lnTo>
                        <a:lnTo>
                          <a:pt x="812" y="349"/>
                        </a:lnTo>
                        <a:lnTo>
                          <a:pt x="817" y="357"/>
                        </a:lnTo>
                        <a:lnTo>
                          <a:pt x="822" y="366"/>
                        </a:lnTo>
                        <a:lnTo>
                          <a:pt x="827" y="374"/>
                        </a:lnTo>
                        <a:lnTo>
                          <a:pt x="832" y="381"/>
                        </a:lnTo>
                        <a:lnTo>
                          <a:pt x="836" y="386"/>
                        </a:lnTo>
                        <a:lnTo>
                          <a:pt x="837" y="391"/>
                        </a:lnTo>
                        <a:lnTo>
                          <a:pt x="839" y="394"/>
                        </a:lnTo>
                        <a:lnTo>
                          <a:pt x="842" y="398"/>
                        </a:lnTo>
                        <a:lnTo>
                          <a:pt x="846" y="403"/>
                        </a:lnTo>
                        <a:lnTo>
                          <a:pt x="849" y="406"/>
                        </a:lnTo>
                        <a:lnTo>
                          <a:pt x="851" y="411"/>
                        </a:lnTo>
                        <a:lnTo>
                          <a:pt x="853" y="415"/>
                        </a:lnTo>
                        <a:lnTo>
                          <a:pt x="854" y="418"/>
                        </a:lnTo>
                        <a:lnTo>
                          <a:pt x="856" y="420"/>
                        </a:lnTo>
                        <a:lnTo>
                          <a:pt x="858" y="420"/>
                        </a:lnTo>
                        <a:lnTo>
                          <a:pt x="863" y="425"/>
                        </a:lnTo>
                        <a:lnTo>
                          <a:pt x="868" y="428"/>
                        </a:lnTo>
                        <a:lnTo>
                          <a:pt x="870" y="432"/>
                        </a:lnTo>
                        <a:lnTo>
                          <a:pt x="871" y="435"/>
                        </a:lnTo>
                        <a:lnTo>
                          <a:pt x="871" y="438"/>
                        </a:lnTo>
                        <a:lnTo>
                          <a:pt x="870" y="442"/>
                        </a:lnTo>
                        <a:lnTo>
                          <a:pt x="870" y="443"/>
                        </a:lnTo>
                        <a:lnTo>
                          <a:pt x="870" y="445"/>
                        </a:lnTo>
                        <a:lnTo>
                          <a:pt x="875" y="450"/>
                        </a:lnTo>
                        <a:lnTo>
                          <a:pt x="878" y="454"/>
                        </a:lnTo>
                        <a:lnTo>
                          <a:pt x="880" y="457"/>
                        </a:lnTo>
                        <a:lnTo>
                          <a:pt x="880" y="460"/>
                        </a:lnTo>
                        <a:lnTo>
                          <a:pt x="880" y="462"/>
                        </a:lnTo>
                        <a:lnTo>
                          <a:pt x="880" y="464"/>
                        </a:lnTo>
                        <a:lnTo>
                          <a:pt x="878" y="464"/>
                        </a:lnTo>
                        <a:lnTo>
                          <a:pt x="888" y="474"/>
                        </a:lnTo>
                        <a:lnTo>
                          <a:pt x="888" y="476"/>
                        </a:lnTo>
                        <a:lnTo>
                          <a:pt x="888" y="479"/>
                        </a:lnTo>
                        <a:lnTo>
                          <a:pt x="890" y="484"/>
                        </a:lnTo>
                        <a:lnTo>
                          <a:pt x="890" y="491"/>
                        </a:lnTo>
                        <a:lnTo>
                          <a:pt x="890" y="498"/>
                        </a:lnTo>
                        <a:lnTo>
                          <a:pt x="890" y="508"/>
                        </a:lnTo>
                        <a:lnTo>
                          <a:pt x="890" y="518"/>
                        </a:lnTo>
                        <a:lnTo>
                          <a:pt x="890" y="526"/>
                        </a:lnTo>
                        <a:lnTo>
                          <a:pt x="890" y="536"/>
                        </a:lnTo>
                        <a:lnTo>
                          <a:pt x="890" y="547"/>
                        </a:lnTo>
                        <a:lnTo>
                          <a:pt x="890" y="555"/>
                        </a:lnTo>
                        <a:lnTo>
                          <a:pt x="890" y="564"/>
                        </a:lnTo>
                        <a:lnTo>
                          <a:pt x="890" y="570"/>
                        </a:lnTo>
                        <a:lnTo>
                          <a:pt x="890" y="575"/>
                        </a:lnTo>
                        <a:lnTo>
                          <a:pt x="890" y="580"/>
                        </a:lnTo>
                        <a:lnTo>
                          <a:pt x="886" y="586"/>
                        </a:lnTo>
                        <a:lnTo>
                          <a:pt x="883" y="589"/>
                        </a:lnTo>
                        <a:lnTo>
                          <a:pt x="881" y="594"/>
                        </a:lnTo>
                        <a:lnTo>
                          <a:pt x="880" y="599"/>
                        </a:lnTo>
                        <a:lnTo>
                          <a:pt x="878" y="604"/>
                        </a:lnTo>
                        <a:lnTo>
                          <a:pt x="876" y="609"/>
                        </a:lnTo>
                        <a:lnTo>
                          <a:pt x="876" y="614"/>
                        </a:lnTo>
                        <a:lnTo>
                          <a:pt x="876" y="619"/>
                        </a:lnTo>
                        <a:lnTo>
                          <a:pt x="876" y="623"/>
                        </a:lnTo>
                        <a:lnTo>
                          <a:pt x="876" y="628"/>
                        </a:lnTo>
                        <a:lnTo>
                          <a:pt x="876" y="631"/>
                        </a:lnTo>
                        <a:lnTo>
                          <a:pt x="876" y="635"/>
                        </a:lnTo>
                        <a:lnTo>
                          <a:pt x="876" y="638"/>
                        </a:lnTo>
                        <a:lnTo>
                          <a:pt x="876" y="640"/>
                        </a:lnTo>
                        <a:lnTo>
                          <a:pt x="878" y="641"/>
                        </a:lnTo>
                        <a:lnTo>
                          <a:pt x="876" y="650"/>
                        </a:lnTo>
                        <a:lnTo>
                          <a:pt x="875" y="657"/>
                        </a:lnTo>
                        <a:lnTo>
                          <a:pt x="871" y="660"/>
                        </a:lnTo>
                        <a:lnTo>
                          <a:pt x="868" y="662"/>
                        </a:lnTo>
                        <a:lnTo>
                          <a:pt x="864" y="663"/>
                        </a:lnTo>
                        <a:lnTo>
                          <a:pt x="861" y="663"/>
                        </a:lnTo>
                        <a:lnTo>
                          <a:pt x="858" y="663"/>
                        </a:lnTo>
                        <a:lnTo>
                          <a:pt x="856" y="663"/>
                        </a:lnTo>
                        <a:lnTo>
                          <a:pt x="849" y="668"/>
                        </a:lnTo>
                        <a:lnTo>
                          <a:pt x="842" y="674"/>
                        </a:lnTo>
                        <a:lnTo>
                          <a:pt x="837" y="675"/>
                        </a:lnTo>
                        <a:lnTo>
                          <a:pt x="834" y="675"/>
                        </a:lnTo>
                        <a:lnTo>
                          <a:pt x="831" y="675"/>
                        </a:lnTo>
                        <a:lnTo>
                          <a:pt x="827" y="674"/>
                        </a:lnTo>
                        <a:lnTo>
                          <a:pt x="826" y="674"/>
                        </a:lnTo>
                        <a:lnTo>
                          <a:pt x="817" y="680"/>
                        </a:lnTo>
                        <a:lnTo>
                          <a:pt x="810" y="684"/>
                        </a:lnTo>
                        <a:lnTo>
                          <a:pt x="805" y="684"/>
                        </a:lnTo>
                        <a:lnTo>
                          <a:pt x="800" y="684"/>
                        </a:lnTo>
                        <a:lnTo>
                          <a:pt x="797" y="684"/>
                        </a:lnTo>
                        <a:lnTo>
                          <a:pt x="793" y="680"/>
                        </a:lnTo>
                        <a:lnTo>
                          <a:pt x="792" y="680"/>
                        </a:lnTo>
                        <a:lnTo>
                          <a:pt x="792" y="679"/>
                        </a:lnTo>
                        <a:lnTo>
                          <a:pt x="787" y="670"/>
                        </a:lnTo>
                        <a:lnTo>
                          <a:pt x="787" y="667"/>
                        </a:lnTo>
                        <a:lnTo>
                          <a:pt x="788" y="663"/>
                        </a:lnTo>
                        <a:lnTo>
                          <a:pt x="790" y="665"/>
                        </a:lnTo>
                        <a:lnTo>
                          <a:pt x="795" y="667"/>
                        </a:lnTo>
                        <a:lnTo>
                          <a:pt x="798" y="668"/>
                        </a:lnTo>
                        <a:lnTo>
                          <a:pt x="802" y="670"/>
                        </a:lnTo>
                        <a:lnTo>
                          <a:pt x="802" y="672"/>
                        </a:lnTo>
                        <a:lnTo>
                          <a:pt x="820" y="665"/>
                        </a:lnTo>
                        <a:lnTo>
                          <a:pt x="810" y="653"/>
                        </a:lnTo>
                        <a:lnTo>
                          <a:pt x="812" y="652"/>
                        </a:lnTo>
                        <a:lnTo>
                          <a:pt x="814" y="650"/>
                        </a:lnTo>
                        <a:lnTo>
                          <a:pt x="815" y="648"/>
                        </a:lnTo>
                        <a:lnTo>
                          <a:pt x="810" y="640"/>
                        </a:lnTo>
                        <a:lnTo>
                          <a:pt x="807" y="635"/>
                        </a:lnTo>
                        <a:lnTo>
                          <a:pt x="804" y="633"/>
                        </a:lnTo>
                        <a:lnTo>
                          <a:pt x="802" y="631"/>
                        </a:lnTo>
                        <a:lnTo>
                          <a:pt x="800" y="633"/>
                        </a:lnTo>
                        <a:lnTo>
                          <a:pt x="798" y="635"/>
                        </a:lnTo>
                        <a:lnTo>
                          <a:pt x="798" y="636"/>
                        </a:lnTo>
                        <a:lnTo>
                          <a:pt x="798" y="638"/>
                        </a:lnTo>
                        <a:lnTo>
                          <a:pt x="802" y="645"/>
                        </a:lnTo>
                        <a:lnTo>
                          <a:pt x="802" y="650"/>
                        </a:lnTo>
                        <a:lnTo>
                          <a:pt x="800" y="652"/>
                        </a:lnTo>
                        <a:lnTo>
                          <a:pt x="797" y="653"/>
                        </a:lnTo>
                        <a:lnTo>
                          <a:pt x="793" y="653"/>
                        </a:lnTo>
                        <a:lnTo>
                          <a:pt x="790" y="653"/>
                        </a:lnTo>
                        <a:lnTo>
                          <a:pt x="788" y="652"/>
                        </a:lnTo>
                        <a:lnTo>
                          <a:pt x="787" y="652"/>
                        </a:lnTo>
                        <a:lnTo>
                          <a:pt x="780" y="640"/>
                        </a:lnTo>
                        <a:lnTo>
                          <a:pt x="775" y="630"/>
                        </a:lnTo>
                        <a:lnTo>
                          <a:pt x="768" y="621"/>
                        </a:lnTo>
                        <a:lnTo>
                          <a:pt x="763" y="614"/>
                        </a:lnTo>
                        <a:lnTo>
                          <a:pt x="756" y="609"/>
                        </a:lnTo>
                        <a:lnTo>
                          <a:pt x="749" y="606"/>
                        </a:lnTo>
                        <a:lnTo>
                          <a:pt x="744" y="602"/>
                        </a:lnTo>
                        <a:lnTo>
                          <a:pt x="739" y="599"/>
                        </a:lnTo>
                        <a:lnTo>
                          <a:pt x="734" y="597"/>
                        </a:lnTo>
                        <a:lnTo>
                          <a:pt x="729" y="597"/>
                        </a:lnTo>
                        <a:lnTo>
                          <a:pt x="724" y="597"/>
                        </a:lnTo>
                        <a:lnTo>
                          <a:pt x="721" y="597"/>
                        </a:lnTo>
                        <a:lnTo>
                          <a:pt x="719" y="597"/>
                        </a:lnTo>
                        <a:lnTo>
                          <a:pt x="716" y="597"/>
                        </a:lnTo>
                        <a:lnTo>
                          <a:pt x="714" y="597"/>
                        </a:lnTo>
                        <a:lnTo>
                          <a:pt x="714" y="599"/>
                        </a:lnTo>
                        <a:lnTo>
                          <a:pt x="712" y="597"/>
                        </a:lnTo>
                        <a:lnTo>
                          <a:pt x="710" y="594"/>
                        </a:lnTo>
                        <a:lnTo>
                          <a:pt x="707" y="592"/>
                        </a:lnTo>
                        <a:lnTo>
                          <a:pt x="705" y="589"/>
                        </a:lnTo>
                        <a:lnTo>
                          <a:pt x="704" y="586"/>
                        </a:lnTo>
                        <a:lnTo>
                          <a:pt x="702" y="584"/>
                        </a:lnTo>
                        <a:lnTo>
                          <a:pt x="700" y="580"/>
                        </a:lnTo>
                        <a:lnTo>
                          <a:pt x="697" y="564"/>
                        </a:lnTo>
                        <a:lnTo>
                          <a:pt x="692" y="550"/>
                        </a:lnTo>
                        <a:lnTo>
                          <a:pt x="687" y="542"/>
                        </a:lnTo>
                        <a:lnTo>
                          <a:pt x="683" y="536"/>
                        </a:lnTo>
                        <a:lnTo>
                          <a:pt x="680" y="535"/>
                        </a:lnTo>
                        <a:lnTo>
                          <a:pt x="677" y="535"/>
                        </a:lnTo>
                        <a:lnTo>
                          <a:pt x="675" y="535"/>
                        </a:lnTo>
                        <a:lnTo>
                          <a:pt x="666" y="526"/>
                        </a:lnTo>
                        <a:lnTo>
                          <a:pt x="661" y="514"/>
                        </a:lnTo>
                        <a:lnTo>
                          <a:pt x="661" y="498"/>
                        </a:lnTo>
                        <a:lnTo>
                          <a:pt x="653" y="486"/>
                        </a:lnTo>
                        <a:lnTo>
                          <a:pt x="661" y="472"/>
                        </a:lnTo>
                        <a:lnTo>
                          <a:pt x="646" y="481"/>
                        </a:lnTo>
                        <a:lnTo>
                          <a:pt x="646" y="479"/>
                        </a:lnTo>
                        <a:lnTo>
                          <a:pt x="644" y="479"/>
                        </a:lnTo>
                        <a:lnTo>
                          <a:pt x="641" y="477"/>
                        </a:lnTo>
                        <a:lnTo>
                          <a:pt x="639" y="476"/>
                        </a:lnTo>
                        <a:lnTo>
                          <a:pt x="636" y="474"/>
                        </a:lnTo>
                        <a:lnTo>
                          <a:pt x="634" y="474"/>
                        </a:lnTo>
                        <a:lnTo>
                          <a:pt x="633" y="472"/>
                        </a:lnTo>
                        <a:lnTo>
                          <a:pt x="633" y="474"/>
                        </a:lnTo>
                        <a:lnTo>
                          <a:pt x="638" y="482"/>
                        </a:lnTo>
                        <a:lnTo>
                          <a:pt x="643" y="489"/>
                        </a:lnTo>
                        <a:lnTo>
                          <a:pt x="644" y="494"/>
                        </a:lnTo>
                        <a:lnTo>
                          <a:pt x="644" y="498"/>
                        </a:lnTo>
                        <a:lnTo>
                          <a:pt x="643" y="498"/>
                        </a:lnTo>
                        <a:lnTo>
                          <a:pt x="641" y="498"/>
                        </a:lnTo>
                        <a:lnTo>
                          <a:pt x="638" y="496"/>
                        </a:lnTo>
                        <a:lnTo>
                          <a:pt x="636" y="494"/>
                        </a:lnTo>
                        <a:lnTo>
                          <a:pt x="631" y="491"/>
                        </a:lnTo>
                        <a:lnTo>
                          <a:pt x="628" y="487"/>
                        </a:lnTo>
                        <a:lnTo>
                          <a:pt x="622" y="484"/>
                        </a:lnTo>
                        <a:lnTo>
                          <a:pt x="619" y="481"/>
                        </a:lnTo>
                        <a:lnTo>
                          <a:pt x="616" y="477"/>
                        </a:lnTo>
                        <a:lnTo>
                          <a:pt x="612" y="474"/>
                        </a:lnTo>
                        <a:lnTo>
                          <a:pt x="611" y="472"/>
                        </a:lnTo>
                        <a:lnTo>
                          <a:pt x="607" y="457"/>
                        </a:lnTo>
                        <a:lnTo>
                          <a:pt x="582" y="425"/>
                        </a:lnTo>
                        <a:lnTo>
                          <a:pt x="584" y="425"/>
                        </a:lnTo>
                        <a:lnTo>
                          <a:pt x="585" y="423"/>
                        </a:lnTo>
                        <a:lnTo>
                          <a:pt x="587" y="423"/>
                        </a:lnTo>
                        <a:lnTo>
                          <a:pt x="589" y="421"/>
                        </a:lnTo>
                        <a:lnTo>
                          <a:pt x="590" y="421"/>
                        </a:lnTo>
                        <a:lnTo>
                          <a:pt x="592" y="420"/>
                        </a:lnTo>
                        <a:lnTo>
                          <a:pt x="594" y="420"/>
                        </a:lnTo>
                        <a:lnTo>
                          <a:pt x="589" y="418"/>
                        </a:lnTo>
                        <a:lnTo>
                          <a:pt x="587" y="413"/>
                        </a:lnTo>
                        <a:lnTo>
                          <a:pt x="587" y="408"/>
                        </a:lnTo>
                        <a:lnTo>
                          <a:pt x="587" y="401"/>
                        </a:lnTo>
                        <a:lnTo>
                          <a:pt x="589" y="394"/>
                        </a:lnTo>
                        <a:lnTo>
                          <a:pt x="590" y="388"/>
                        </a:lnTo>
                        <a:lnTo>
                          <a:pt x="590" y="382"/>
                        </a:lnTo>
                        <a:lnTo>
                          <a:pt x="590" y="379"/>
                        </a:lnTo>
                        <a:lnTo>
                          <a:pt x="587" y="371"/>
                        </a:lnTo>
                        <a:lnTo>
                          <a:pt x="585" y="364"/>
                        </a:lnTo>
                        <a:lnTo>
                          <a:pt x="582" y="360"/>
                        </a:lnTo>
                        <a:lnTo>
                          <a:pt x="580" y="359"/>
                        </a:lnTo>
                        <a:lnTo>
                          <a:pt x="578" y="359"/>
                        </a:lnTo>
                        <a:lnTo>
                          <a:pt x="577" y="360"/>
                        </a:lnTo>
                        <a:lnTo>
                          <a:pt x="577" y="364"/>
                        </a:lnTo>
                        <a:lnTo>
                          <a:pt x="575" y="367"/>
                        </a:lnTo>
                        <a:lnTo>
                          <a:pt x="575" y="372"/>
                        </a:lnTo>
                        <a:lnTo>
                          <a:pt x="575" y="377"/>
                        </a:lnTo>
                        <a:lnTo>
                          <a:pt x="575" y="382"/>
                        </a:lnTo>
                        <a:lnTo>
                          <a:pt x="575" y="388"/>
                        </a:lnTo>
                        <a:lnTo>
                          <a:pt x="575" y="393"/>
                        </a:lnTo>
                        <a:lnTo>
                          <a:pt x="575" y="396"/>
                        </a:lnTo>
                        <a:lnTo>
                          <a:pt x="575" y="399"/>
                        </a:lnTo>
                        <a:lnTo>
                          <a:pt x="572" y="398"/>
                        </a:lnTo>
                        <a:lnTo>
                          <a:pt x="568" y="394"/>
                        </a:lnTo>
                        <a:lnTo>
                          <a:pt x="565" y="391"/>
                        </a:lnTo>
                        <a:lnTo>
                          <a:pt x="560" y="388"/>
                        </a:lnTo>
                        <a:lnTo>
                          <a:pt x="558" y="384"/>
                        </a:lnTo>
                        <a:lnTo>
                          <a:pt x="555" y="382"/>
                        </a:lnTo>
                        <a:lnTo>
                          <a:pt x="555" y="381"/>
                        </a:lnTo>
                        <a:lnTo>
                          <a:pt x="556" y="374"/>
                        </a:lnTo>
                        <a:lnTo>
                          <a:pt x="558" y="366"/>
                        </a:lnTo>
                        <a:lnTo>
                          <a:pt x="558" y="359"/>
                        </a:lnTo>
                        <a:lnTo>
                          <a:pt x="558" y="352"/>
                        </a:lnTo>
                        <a:lnTo>
                          <a:pt x="556" y="345"/>
                        </a:lnTo>
                        <a:lnTo>
                          <a:pt x="556" y="340"/>
                        </a:lnTo>
                        <a:lnTo>
                          <a:pt x="555" y="337"/>
                        </a:lnTo>
                        <a:lnTo>
                          <a:pt x="555" y="335"/>
                        </a:lnTo>
                        <a:lnTo>
                          <a:pt x="558" y="328"/>
                        </a:lnTo>
                        <a:lnTo>
                          <a:pt x="560" y="323"/>
                        </a:lnTo>
                        <a:lnTo>
                          <a:pt x="562" y="316"/>
                        </a:lnTo>
                        <a:lnTo>
                          <a:pt x="562" y="311"/>
                        </a:lnTo>
                        <a:lnTo>
                          <a:pt x="563" y="305"/>
                        </a:lnTo>
                        <a:lnTo>
                          <a:pt x="563" y="300"/>
                        </a:lnTo>
                        <a:lnTo>
                          <a:pt x="563" y="293"/>
                        </a:lnTo>
                        <a:lnTo>
                          <a:pt x="563" y="288"/>
                        </a:lnTo>
                        <a:lnTo>
                          <a:pt x="562" y="283"/>
                        </a:lnTo>
                        <a:lnTo>
                          <a:pt x="562" y="278"/>
                        </a:lnTo>
                        <a:lnTo>
                          <a:pt x="560" y="274"/>
                        </a:lnTo>
                        <a:lnTo>
                          <a:pt x="560" y="269"/>
                        </a:lnTo>
                        <a:lnTo>
                          <a:pt x="560" y="267"/>
                        </a:lnTo>
                        <a:lnTo>
                          <a:pt x="558" y="264"/>
                        </a:lnTo>
                        <a:lnTo>
                          <a:pt x="558" y="262"/>
                        </a:lnTo>
                        <a:lnTo>
                          <a:pt x="558" y="261"/>
                        </a:lnTo>
                        <a:lnTo>
                          <a:pt x="558" y="257"/>
                        </a:lnTo>
                        <a:lnTo>
                          <a:pt x="558" y="256"/>
                        </a:lnTo>
                        <a:lnTo>
                          <a:pt x="556" y="252"/>
                        </a:lnTo>
                        <a:lnTo>
                          <a:pt x="556" y="249"/>
                        </a:lnTo>
                        <a:lnTo>
                          <a:pt x="555" y="247"/>
                        </a:lnTo>
                        <a:lnTo>
                          <a:pt x="551" y="245"/>
                        </a:lnTo>
                        <a:lnTo>
                          <a:pt x="548" y="242"/>
                        </a:lnTo>
                        <a:lnTo>
                          <a:pt x="545" y="239"/>
                        </a:lnTo>
                        <a:lnTo>
                          <a:pt x="541" y="232"/>
                        </a:lnTo>
                        <a:lnTo>
                          <a:pt x="538" y="227"/>
                        </a:lnTo>
                        <a:lnTo>
                          <a:pt x="534" y="223"/>
                        </a:lnTo>
                        <a:lnTo>
                          <a:pt x="533" y="220"/>
                        </a:lnTo>
                        <a:lnTo>
                          <a:pt x="533" y="218"/>
                        </a:lnTo>
                        <a:lnTo>
                          <a:pt x="521" y="222"/>
                        </a:lnTo>
                        <a:lnTo>
                          <a:pt x="514" y="222"/>
                        </a:lnTo>
                        <a:lnTo>
                          <a:pt x="509" y="222"/>
                        </a:lnTo>
                        <a:lnTo>
                          <a:pt x="507" y="220"/>
                        </a:lnTo>
                        <a:lnTo>
                          <a:pt x="506" y="217"/>
                        </a:lnTo>
                        <a:lnTo>
                          <a:pt x="506" y="215"/>
                        </a:lnTo>
                        <a:lnTo>
                          <a:pt x="507" y="215"/>
                        </a:lnTo>
                        <a:lnTo>
                          <a:pt x="507" y="213"/>
                        </a:lnTo>
                        <a:lnTo>
                          <a:pt x="497" y="206"/>
                        </a:lnTo>
                        <a:lnTo>
                          <a:pt x="484" y="191"/>
                        </a:lnTo>
                        <a:lnTo>
                          <a:pt x="467" y="179"/>
                        </a:lnTo>
                        <a:lnTo>
                          <a:pt x="465" y="179"/>
                        </a:lnTo>
                        <a:lnTo>
                          <a:pt x="463" y="176"/>
                        </a:lnTo>
                        <a:lnTo>
                          <a:pt x="458" y="173"/>
                        </a:lnTo>
                        <a:lnTo>
                          <a:pt x="455" y="168"/>
                        </a:lnTo>
                        <a:lnTo>
                          <a:pt x="450" y="162"/>
                        </a:lnTo>
                        <a:lnTo>
                          <a:pt x="446" y="157"/>
                        </a:lnTo>
                        <a:lnTo>
                          <a:pt x="445" y="154"/>
                        </a:lnTo>
                        <a:lnTo>
                          <a:pt x="443" y="152"/>
                        </a:lnTo>
                        <a:lnTo>
                          <a:pt x="433" y="144"/>
                        </a:lnTo>
                        <a:lnTo>
                          <a:pt x="424" y="139"/>
                        </a:lnTo>
                        <a:lnTo>
                          <a:pt x="418" y="132"/>
                        </a:lnTo>
                        <a:lnTo>
                          <a:pt x="411" y="129"/>
                        </a:lnTo>
                        <a:lnTo>
                          <a:pt x="404" y="125"/>
                        </a:lnTo>
                        <a:lnTo>
                          <a:pt x="399" y="124"/>
                        </a:lnTo>
                        <a:lnTo>
                          <a:pt x="396" y="124"/>
                        </a:lnTo>
                        <a:lnTo>
                          <a:pt x="394" y="122"/>
                        </a:lnTo>
                        <a:lnTo>
                          <a:pt x="377" y="122"/>
                        </a:lnTo>
                        <a:lnTo>
                          <a:pt x="367" y="122"/>
                        </a:lnTo>
                        <a:lnTo>
                          <a:pt x="360" y="127"/>
                        </a:lnTo>
                        <a:lnTo>
                          <a:pt x="355" y="132"/>
                        </a:lnTo>
                        <a:lnTo>
                          <a:pt x="355" y="139"/>
                        </a:lnTo>
                        <a:lnTo>
                          <a:pt x="355" y="144"/>
                        </a:lnTo>
                        <a:lnTo>
                          <a:pt x="357" y="147"/>
                        </a:lnTo>
                        <a:lnTo>
                          <a:pt x="357" y="149"/>
                        </a:lnTo>
                        <a:lnTo>
                          <a:pt x="350" y="147"/>
                        </a:lnTo>
                        <a:lnTo>
                          <a:pt x="342" y="149"/>
                        </a:lnTo>
                        <a:lnTo>
                          <a:pt x="335" y="152"/>
                        </a:lnTo>
                        <a:lnTo>
                          <a:pt x="330" y="156"/>
                        </a:lnTo>
                        <a:lnTo>
                          <a:pt x="325" y="161"/>
                        </a:lnTo>
                        <a:lnTo>
                          <a:pt x="320" y="164"/>
                        </a:lnTo>
                        <a:lnTo>
                          <a:pt x="316" y="168"/>
                        </a:lnTo>
                        <a:lnTo>
                          <a:pt x="316" y="169"/>
                        </a:lnTo>
                        <a:lnTo>
                          <a:pt x="309" y="176"/>
                        </a:lnTo>
                        <a:lnTo>
                          <a:pt x="306" y="178"/>
                        </a:lnTo>
                        <a:lnTo>
                          <a:pt x="304" y="178"/>
                        </a:lnTo>
                        <a:lnTo>
                          <a:pt x="304" y="176"/>
                        </a:lnTo>
                        <a:lnTo>
                          <a:pt x="304" y="174"/>
                        </a:lnTo>
                        <a:lnTo>
                          <a:pt x="306" y="171"/>
                        </a:lnTo>
                        <a:lnTo>
                          <a:pt x="308" y="169"/>
                        </a:lnTo>
                        <a:lnTo>
                          <a:pt x="308" y="168"/>
                        </a:lnTo>
                        <a:lnTo>
                          <a:pt x="306" y="168"/>
                        </a:lnTo>
                        <a:lnTo>
                          <a:pt x="306" y="169"/>
                        </a:lnTo>
                        <a:lnTo>
                          <a:pt x="303" y="173"/>
                        </a:lnTo>
                        <a:lnTo>
                          <a:pt x="299" y="174"/>
                        </a:lnTo>
                        <a:lnTo>
                          <a:pt x="298" y="178"/>
                        </a:lnTo>
                        <a:lnTo>
                          <a:pt x="294" y="179"/>
                        </a:lnTo>
                        <a:lnTo>
                          <a:pt x="293" y="181"/>
                        </a:lnTo>
                        <a:lnTo>
                          <a:pt x="291" y="183"/>
                        </a:lnTo>
                        <a:lnTo>
                          <a:pt x="284" y="181"/>
                        </a:lnTo>
                        <a:lnTo>
                          <a:pt x="277" y="181"/>
                        </a:lnTo>
                        <a:lnTo>
                          <a:pt x="271" y="183"/>
                        </a:lnTo>
                        <a:lnTo>
                          <a:pt x="265" y="186"/>
                        </a:lnTo>
                        <a:lnTo>
                          <a:pt x="260" y="188"/>
                        </a:lnTo>
                        <a:lnTo>
                          <a:pt x="257" y="190"/>
                        </a:lnTo>
                        <a:lnTo>
                          <a:pt x="254" y="191"/>
                        </a:lnTo>
                        <a:lnTo>
                          <a:pt x="247" y="184"/>
                        </a:lnTo>
                        <a:lnTo>
                          <a:pt x="243" y="179"/>
                        </a:lnTo>
                        <a:lnTo>
                          <a:pt x="245" y="179"/>
                        </a:lnTo>
                        <a:lnTo>
                          <a:pt x="249" y="181"/>
                        </a:lnTo>
                        <a:lnTo>
                          <a:pt x="252" y="184"/>
                        </a:lnTo>
                        <a:lnTo>
                          <a:pt x="255" y="186"/>
                        </a:lnTo>
                        <a:lnTo>
                          <a:pt x="257" y="186"/>
                        </a:lnTo>
                        <a:lnTo>
                          <a:pt x="257" y="176"/>
                        </a:lnTo>
                        <a:lnTo>
                          <a:pt x="247" y="162"/>
                        </a:lnTo>
                        <a:lnTo>
                          <a:pt x="218" y="140"/>
                        </a:lnTo>
                        <a:lnTo>
                          <a:pt x="232" y="142"/>
                        </a:lnTo>
                        <a:lnTo>
                          <a:pt x="238" y="144"/>
                        </a:lnTo>
                        <a:lnTo>
                          <a:pt x="238" y="142"/>
                        </a:lnTo>
                        <a:lnTo>
                          <a:pt x="235" y="140"/>
                        </a:lnTo>
                        <a:lnTo>
                          <a:pt x="230" y="137"/>
                        </a:lnTo>
                        <a:lnTo>
                          <a:pt x="223" y="135"/>
                        </a:lnTo>
                        <a:lnTo>
                          <a:pt x="218" y="132"/>
                        </a:lnTo>
                        <a:lnTo>
                          <a:pt x="216" y="132"/>
                        </a:lnTo>
                        <a:lnTo>
                          <a:pt x="223" y="117"/>
                        </a:lnTo>
                        <a:lnTo>
                          <a:pt x="205" y="120"/>
                        </a:lnTo>
                        <a:lnTo>
                          <a:pt x="205" y="122"/>
                        </a:lnTo>
                        <a:lnTo>
                          <a:pt x="206" y="125"/>
                        </a:lnTo>
                        <a:lnTo>
                          <a:pt x="206" y="127"/>
                        </a:lnTo>
                        <a:lnTo>
                          <a:pt x="206" y="130"/>
                        </a:lnTo>
                        <a:lnTo>
                          <a:pt x="208" y="134"/>
                        </a:lnTo>
                        <a:lnTo>
                          <a:pt x="208" y="135"/>
                        </a:lnTo>
                        <a:lnTo>
                          <a:pt x="201" y="130"/>
                        </a:lnTo>
                        <a:lnTo>
                          <a:pt x="193" y="127"/>
                        </a:lnTo>
                        <a:lnTo>
                          <a:pt x="186" y="124"/>
                        </a:lnTo>
                        <a:lnTo>
                          <a:pt x="179" y="122"/>
                        </a:lnTo>
                        <a:lnTo>
                          <a:pt x="172" y="118"/>
                        </a:lnTo>
                        <a:lnTo>
                          <a:pt x="164" y="117"/>
                        </a:lnTo>
                        <a:lnTo>
                          <a:pt x="159" y="115"/>
                        </a:lnTo>
                        <a:lnTo>
                          <a:pt x="152" y="115"/>
                        </a:lnTo>
                        <a:lnTo>
                          <a:pt x="147" y="113"/>
                        </a:lnTo>
                        <a:lnTo>
                          <a:pt x="142" y="113"/>
                        </a:lnTo>
                        <a:lnTo>
                          <a:pt x="137" y="113"/>
                        </a:lnTo>
                        <a:lnTo>
                          <a:pt x="133" y="113"/>
                        </a:lnTo>
                        <a:lnTo>
                          <a:pt x="130" y="113"/>
                        </a:lnTo>
                        <a:lnTo>
                          <a:pt x="128" y="113"/>
                        </a:lnTo>
                        <a:lnTo>
                          <a:pt x="127" y="113"/>
                        </a:lnTo>
                        <a:lnTo>
                          <a:pt x="128" y="113"/>
                        </a:lnTo>
                        <a:lnTo>
                          <a:pt x="130" y="112"/>
                        </a:lnTo>
                        <a:lnTo>
                          <a:pt x="133" y="112"/>
                        </a:lnTo>
                        <a:lnTo>
                          <a:pt x="137" y="112"/>
                        </a:lnTo>
                        <a:lnTo>
                          <a:pt x="140" y="110"/>
                        </a:lnTo>
                        <a:lnTo>
                          <a:pt x="142" y="110"/>
                        </a:lnTo>
                        <a:lnTo>
                          <a:pt x="144" y="110"/>
                        </a:lnTo>
                        <a:lnTo>
                          <a:pt x="157" y="110"/>
                        </a:lnTo>
                        <a:lnTo>
                          <a:pt x="164" y="108"/>
                        </a:lnTo>
                        <a:lnTo>
                          <a:pt x="162" y="105"/>
                        </a:lnTo>
                        <a:lnTo>
                          <a:pt x="155" y="105"/>
                        </a:lnTo>
                        <a:lnTo>
                          <a:pt x="149" y="103"/>
                        </a:lnTo>
                        <a:lnTo>
                          <a:pt x="145" y="102"/>
                        </a:lnTo>
                        <a:lnTo>
                          <a:pt x="142" y="102"/>
                        </a:lnTo>
                        <a:lnTo>
                          <a:pt x="111" y="108"/>
                        </a:lnTo>
                        <a:lnTo>
                          <a:pt x="101" y="113"/>
                        </a:lnTo>
                        <a:lnTo>
                          <a:pt x="98" y="115"/>
                        </a:lnTo>
                        <a:lnTo>
                          <a:pt x="95" y="115"/>
                        </a:lnTo>
                        <a:lnTo>
                          <a:pt x="89" y="115"/>
                        </a:lnTo>
                        <a:lnTo>
                          <a:pt x="86" y="115"/>
                        </a:lnTo>
                        <a:lnTo>
                          <a:pt x="81" y="115"/>
                        </a:lnTo>
                        <a:lnTo>
                          <a:pt x="79" y="117"/>
                        </a:lnTo>
                        <a:lnTo>
                          <a:pt x="78" y="117"/>
                        </a:lnTo>
                        <a:lnTo>
                          <a:pt x="64" y="122"/>
                        </a:lnTo>
                        <a:lnTo>
                          <a:pt x="56" y="125"/>
                        </a:lnTo>
                        <a:lnTo>
                          <a:pt x="52" y="125"/>
                        </a:lnTo>
                        <a:lnTo>
                          <a:pt x="54" y="124"/>
                        </a:lnTo>
                        <a:lnTo>
                          <a:pt x="57" y="122"/>
                        </a:lnTo>
                        <a:lnTo>
                          <a:pt x="62" y="118"/>
                        </a:lnTo>
                        <a:lnTo>
                          <a:pt x="66" y="117"/>
                        </a:lnTo>
                        <a:lnTo>
                          <a:pt x="67" y="115"/>
                        </a:lnTo>
                        <a:lnTo>
                          <a:pt x="73" y="110"/>
                        </a:lnTo>
                        <a:lnTo>
                          <a:pt x="74" y="107"/>
                        </a:lnTo>
                        <a:lnTo>
                          <a:pt x="74" y="105"/>
                        </a:lnTo>
                        <a:lnTo>
                          <a:pt x="71" y="105"/>
                        </a:lnTo>
                        <a:lnTo>
                          <a:pt x="67" y="105"/>
                        </a:lnTo>
                        <a:lnTo>
                          <a:pt x="64" y="107"/>
                        </a:lnTo>
                        <a:lnTo>
                          <a:pt x="61" y="107"/>
                        </a:lnTo>
                        <a:lnTo>
                          <a:pt x="59" y="107"/>
                        </a:lnTo>
                        <a:lnTo>
                          <a:pt x="51" y="100"/>
                        </a:lnTo>
                        <a:lnTo>
                          <a:pt x="45" y="96"/>
                        </a:lnTo>
                        <a:lnTo>
                          <a:pt x="44" y="98"/>
                        </a:lnTo>
                        <a:lnTo>
                          <a:pt x="44" y="102"/>
                        </a:lnTo>
                        <a:lnTo>
                          <a:pt x="45" y="105"/>
                        </a:lnTo>
                        <a:lnTo>
                          <a:pt x="49" y="110"/>
                        </a:lnTo>
                        <a:lnTo>
                          <a:pt x="51" y="113"/>
                        </a:lnTo>
                        <a:lnTo>
                          <a:pt x="51" y="115"/>
                        </a:lnTo>
                        <a:lnTo>
                          <a:pt x="44" y="122"/>
                        </a:lnTo>
                        <a:lnTo>
                          <a:pt x="37" y="130"/>
                        </a:lnTo>
                        <a:lnTo>
                          <a:pt x="35" y="132"/>
                        </a:lnTo>
                        <a:lnTo>
                          <a:pt x="32" y="132"/>
                        </a:lnTo>
                        <a:lnTo>
                          <a:pt x="29" y="134"/>
                        </a:lnTo>
                        <a:lnTo>
                          <a:pt x="27" y="135"/>
                        </a:lnTo>
                        <a:lnTo>
                          <a:pt x="23" y="137"/>
                        </a:lnTo>
                        <a:lnTo>
                          <a:pt x="22" y="137"/>
                        </a:lnTo>
                        <a:lnTo>
                          <a:pt x="27" y="130"/>
                        </a:lnTo>
                        <a:lnTo>
                          <a:pt x="29" y="127"/>
                        </a:lnTo>
                        <a:lnTo>
                          <a:pt x="30" y="122"/>
                        </a:lnTo>
                        <a:lnTo>
                          <a:pt x="29" y="120"/>
                        </a:lnTo>
                        <a:lnTo>
                          <a:pt x="27" y="117"/>
                        </a:lnTo>
                        <a:lnTo>
                          <a:pt x="25" y="117"/>
                        </a:lnTo>
                        <a:lnTo>
                          <a:pt x="23" y="115"/>
                        </a:lnTo>
                        <a:lnTo>
                          <a:pt x="23" y="117"/>
                        </a:lnTo>
                        <a:lnTo>
                          <a:pt x="23" y="115"/>
                        </a:lnTo>
                        <a:lnTo>
                          <a:pt x="23" y="113"/>
                        </a:lnTo>
                        <a:lnTo>
                          <a:pt x="23" y="112"/>
                        </a:lnTo>
                        <a:lnTo>
                          <a:pt x="22" y="108"/>
                        </a:lnTo>
                        <a:lnTo>
                          <a:pt x="22" y="107"/>
                        </a:lnTo>
                        <a:lnTo>
                          <a:pt x="22" y="105"/>
                        </a:lnTo>
                        <a:lnTo>
                          <a:pt x="25" y="100"/>
                        </a:lnTo>
                        <a:lnTo>
                          <a:pt x="25" y="93"/>
                        </a:lnTo>
                        <a:lnTo>
                          <a:pt x="22" y="88"/>
                        </a:lnTo>
                        <a:lnTo>
                          <a:pt x="17" y="83"/>
                        </a:lnTo>
                        <a:lnTo>
                          <a:pt x="12" y="80"/>
                        </a:lnTo>
                        <a:lnTo>
                          <a:pt x="7" y="74"/>
                        </a:lnTo>
                        <a:lnTo>
                          <a:pt x="3" y="73"/>
                        </a:lnTo>
                        <a:lnTo>
                          <a:pt x="1" y="73"/>
                        </a:lnTo>
                        <a:lnTo>
                          <a:pt x="0" y="51"/>
                        </a:lnTo>
                        <a:lnTo>
                          <a:pt x="276" y="24"/>
                        </a:lnTo>
                        <a:lnTo>
                          <a:pt x="293" y="56"/>
                        </a:lnTo>
                        <a:lnTo>
                          <a:pt x="572" y="37"/>
                        </a:lnTo>
                        <a:lnTo>
                          <a:pt x="582" y="59"/>
                        </a:lnTo>
                        <a:lnTo>
                          <a:pt x="597" y="59"/>
                        </a:lnTo>
                        <a:lnTo>
                          <a:pt x="597" y="58"/>
                        </a:lnTo>
                        <a:lnTo>
                          <a:pt x="595" y="54"/>
                        </a:lnTo>
                        <a:lnTo>
                          <a:pt x="595" y="51"/>
                        </a:lnTo>
                        <a:lnTo>
                          <a:pt x="595" y="46"/>
                        </a:lnTo>
                        <a:lnTo>
                          <a:pt x="594" y="41"/>
                        </a:lnTo>
                        <a:lnTo>
                          <a:pt x="594" y="36"/>
                        </a:lnTo>
                        <a:lnTo>
                          <a:pt x="594" y="32"/>
                        </a:lnTo>
                        <a:lnTo>
                          <a:pt x="594" y="30"/>
                        </a:lnTo>
                        <a:lnTo>
                          <a:pt x="589" y="22"/>
                        </a:lnTo>
                        <a:lnTo>
                          <a:pt x="589" y="14"/>
                        </a:lnTo>
                        <a:lnTo>
                          <a:pt x="589" y="8"/>
                        </a:lnTo>
                        <a:lnTo>
                          <a:pt x="592" y="5"/>
                        </a:lnTo>
                        <a:lnTo>
                          <a:pt x="595" y="2"/>
                        </a:lnTo>
                        <a:lnTo>
                          <a:pt x="597" y="0"/>
                        </a:lnTo>
                        <a:lnTo>
                          <a:pt x="600" y="0"/>
                        </a:lnTo>
                        <a:lnTo>
                          <a:pt x="602" y="0"/>
                        </a:lnTo>
                        <a:lnTo>
                          <a:pt x="607" y="3"/>
                        </a:lnTo>
                        <a:lnTo>
                          <a:pt x="616" y="5"/>
                        </a:lnTo>
                        <a:lnTo>
                          <a:pt x="622" y="7"/>
                        </a:lnTo>
                        <a:lnTo>
                          <a:pt x="629" y="8"/>
                        </a:lnTo>
                        <a:lnTo>
                          <a:pt x="636" y="8"/>
                        </a:lnTo>
                        <a:lnTo>
                          <a:pt x="639" y="8"/>
                        </a:lnTo>
                        <a:lnTo>
                          <a:pt x="643" y="8"/>
                        </a:lnTo>
                        <a:lnTo>
                          <a:pt x="644" y="8"/>
                        </a:lnTo>
                        <a:lnTo>
                          <a:pt x="650" y="14"/>
                        </a:lnTo>
                      </a:path>
                    </a:pathLst>
                  </a:custGeom>
                  <a:solidFill>
                    <a:srgbClr val="2D73FF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44" name="Freeform 19"/>
                  <p:cNvSpPr>
                    <a:spLocks/>
                  </p:cNvSpPr>
                  <p:nvPr/>
                </p:nvSpPr>
                <p:spPr bwMode="auto">
                  <a:xfrm>
                    <a:off x="4568" y="3099"/>
                    <a:ext cx="95" cy="174"/>
                  </a:xfrm>
                  <a:custGeom>
                    <a:avLst/>
                    <a:gdLst>
                      <a:gd name="T0" fmla="*/ 34 w 95"/>
                      <a:gd name="T1" fmla="*/ 32 h 174"/>
                      <a:gd name="T2" fmla="*/ 0 w 95"/>
                      <a:gd name="T3" fmla="*/ 0 h 174"/>
                      <a:gd name="T4" fmla="*/ 2 w 95"/>
                      <a:gd name="T5" fmla="*/ 7 h 174"/>
                      <a:gd name="T6" fmla="*/ 29 w 95"/>
                      <a:gd name="T7" fmla="*/ 37 h 174"/>
                      <a:gd name="T8" fmla="*/ 27 w 95"/>
                      <a:gd name="T9" fmla="*/ 40 h 174"/>
                      <a:gd name="T10" fmla="*/ 25 w 95"/>
                      <a:gd name="T11" fmla="*/ 40 h 174"/>
                      <a:gd name="T12" fmla="*/ 24 w 95"/>
                      <a:gd name="T13" fmla="*/ 39 h 174"/>
                      <a:gd name="T14" fmla="*/ 20 w 95"/>
                      <a:gd name="T15" fmla="*/ 39 h 174"/>
                      <a:gd name="T16" fmla="*/ 17 w 95"/>
                      <a:gd name="T17" fmla="*/ 37 h 174"/>
                      <a:gd name="T18" fmla="*/ 15 w 95"/>
                      <a:gd name="T19" fmla="*/ 37 h 174"/>
                      <a:gd name="T20" fmla="*/ 15 w 95"/>
                      <a:gd name="T21" fmla="*/ 39 h 174"/>
                      <a:gd name="T22" fmla="*/ 17 w 95"/>
                      <a:gd name="T23" fmla="*/ 42 h 174"/>
                      <a:gd name="T24" fmla="*/ 24 w 95"/>
                      <a:gd name="T25" fmla="*/ 49 h 174"/>
                      <a:gd name="T26" fmla="*/ 25 w 95"/>
                      <a:gd name="T27" fmla="*/ 49 h 174"/>
                      <a:gd name="T28" fmla="*/ 29 w 95"/>
                      <a:gd name="T29" fmla="*/ 49 h 174"/>
                      <a:gd name="T30" fmla="*/ 32 w 95"/>
                      <a:gd name="T31" fmla="*/ 47 h 174"/>
                      <a:gd name="T32" fmla="*/ 34 w 95"/>
                      <a:gd name="T33" fmla="*/ 45 h 174"/>
                      <a:gd name="T34" fmla="*/ 34 w 95"/>
                      <a:gd name="T35" fmla="*/ 45 h 174"/>
                      <a:gd name="T36" fmla="*/ 36 w 95"/>
                      <a:gd name="T37" fmla="*/ 45 h 174"/>
                      <a:gd name="T38" fmla="*/ 37 w 95"/>
                      <a:gd name="T39" fmla="*/ 47 h 174"/>
                      <a:gd name="T40" fmla="*/ 39 w 95"/>
                      <a:gd name="T41" fmla="*/ 49 h 174"/>
                      <a:gd name="T42" fmla="*/ 41 w 95"/>
                      <a:gd name="T43" fmla="*/ 54 h 174"/>
                      <a:gd name="T44" fmla="*/ 41 w 95"/>
                      <a:gd name="T45" fmla="*/ 61 h 174"/>
                      <a:gd name="T46" fmla="*/ 42 w 95"/>
                      <a:gd name="T47" fmla="*/ 73 h 174"/>
                      <a:gd name="T48" fmla="*/ 42 w 95"/>
                      <a:gd name="T49" fmla="*/ 89 h 174"/>
                      <a:gd name="T50" fmla="*/ 42 w 95"/>
                      <a:gd name="T51" fmla="*/ 91 h 174"/>
                      <a:gd name="T52" fmla="*/ 44 w 95"/>
                      <a:gd name="T53" fmla="*/ 93 h 174"/>
                      <a:gd name="T54" fmla="*/ 46 w 95"/>
                      <a:gd name="T55" fmla="*/ 96 h 174"/>
                      <a:gd name="T56" fmla="*/ 47 w 95"/>
                      <a:gd name="T57" fmla="*/ 101 h 174"/>
                      <a:gd name="T58" fmla="*/ 47 w 95"/>
                      <a:gd name="T59" fmla="*/ 105 h 174"/>
                      <a:gd name="T60" fmla="*/ 49 w 95"/>
                      <a:gd name="T61" fmla="*/ 108 h 174"/>
                      <a:gd name="T62" fmla="*/ 51 w 95"/>
                      <a:gd name="T63" fmla="*/ 110 h 174"/>
                      <a:gd name="T64" fmla="*/ 51 w 95"/>
                      <a:gd name="T65" fmla="*/ 111 h 174"/>
                      <a:gd name="T66" fmla="*/ 69 w 95"/>
                      <a:gd name="T67" fmla="*/ 135 h 174"/>
                      <a:gd name="T68" fmla="*/ 88 w 95"/>
                      <a:gd name="T69" fmla="*/ 174 h 174"/>
                      <a:gd name="T70" fmla="*/ 95 w 95"/>
                      <a:gd name="T71" fmla="*/ 171 h 174"/>
                      <a:gd name="T72" fmla="*/ 73 w 95"/>
                      <a:gd name="T73" fmla="*/ 133 h 174"/>
                      <a:gd name="T74" fmla="*/ 73 w 95"/>
                      <a:gd name="T75" fmla="*/ 132 h 174"/>
                      <a:gd name="T76" fmla="*/ 71 w 95"/>
                      <a:gd name="T77" fmla="*/ 132 h 174"/>
                      <a:gd name="T78" fmla="*/ 69 w 95"/>
                      <a:gd name="T79" fmla="*/ 130 h 174"/>
                      <a:gd name="T80" fmla="*/ 68 w 95"/>
                      <a:gd name="T81" fmla="*/ 127 h 174"/>
                      <a:gd name="T82" fmla="*/ 66 w 95"/>
                      <a:gd name="T83" fmla="*/ 123 h 174"/>
                      <a:gd name="T84" fmla="*/ 63 w 95"/>
                      <a:gd name="T85" fmla="*/ 120 h 174"/>
                      <a:gd name="T86" fmla="*/ 61 w 95"/>
                      <a:gd name="T87" fmla="*/ 117 h 174"/>
                      <a:gd name="T88" fmla="*/ 58 w 95"/>
                      <a:gd name="T89" fmla="*/ 111 h 174"/>
                      <a:gd name="T90" fmla="*/ 56 w 95"/>
                      <a:gd name="T91" fmla="*/ 106 h 174"/>
                      <a:gd name="T92" fmla="*/ 52 w 95"/>
                      <a:gd name="T93" fmla="*/ 101 h 174"/>
                      <a:gd name="T94" fmla="*/ 51 w 95"/>
                      <a:gd name="T95" fmla="*/ 96 h 174"/>
                      <a:gd name="T96" fmla="*/ 49 w 95"/>
                      <a:gd name="T97" fmla="*/ 89 h 174"/>
                      <a:gd name="T98" fmla="*/ 47 w 95"/>
                      <a:gd name="T99" fmla="*/ 83 h 174"/>
                      <a:gd name="T100" fmla="*/ 47 w 95"/>
                      <a:gd name="T101" fmla="*/ 78 h 174"/>
                      <a:gd name="T102" fmla="*/ 47 w 95"/>
                      <a:gd name="T103" fmla="*/ 71 h 174"/>
                      <a:gd name="T104" fmla="*/ 49 w 95"/>
                      <a:gd name="T105" fmla="*/ 64 h 174"/>
                      <a:gd name="T106" fmla="*/ 49 w 95"/>
                      <a:gd name="T107" fmla="*/ 62 h 174"/>
                      <a:gd name="T108" fmla="*/ 49 w 95"/>
                      <a:gd name="T109" fmla="*/ 61 h 174"/>
                      <a:gd name="T110" fmla="*/ 47 w 95"/>
                      <a:gd name="T111" fmla="*/ 57 h 174"/>
                      <a:gd name="T112" fmla="*/ 47 w 95"/>
                      <a:gd name="T113" fmla="*/ 54 h 174"/>
                      <a:gd name="T114" fmla="*/ 46 w 95"/>
                      <a:gd name="T115" fmla="*/ 52 h 174"/>
                      <a:gd name="T116" fmla="*/ 46 w 95"/>
                      <a:gd name="T117" fmla="*/ 49 h 174"/>
                      <a:gd name="T118" fmla="*/ 44 w 95"/>
                      <a:gd name="T119" fmla="*/ 47 h 174"/>
                      <a:gd name="T120" fmla="*/ 44 w 95"/>
                      <a:gd name="T121" fmla="*/ 47 h 174"/>
                      <a:gd name="T122" fmla="*/ 39 w 95"/>
                      <a:gd name="T123" fmla="*/ 39 h 174"/>
                      <a:gd name="T124" fmla="*/ 34 w 95"/>
                      <a:gd name="T125" fmla="*/ 32 h 174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60000 65536"/>
                      <a:gd name="T169" fmla="*/ 0 60000 65536"/>
                      <a:gd name="T170" fmla="*/ 0 60000 65536"/>
                      <a:gd name="T171" fmla="*/ 0 60000 65536"/>
                      <a:gd name="T172" fmla="*/ 0 60000 65536"/>
                      <a:gd name="T173" fmla="*/ 0 60000 65536"/>
                      <a:gd name="T174" fmla="*/ 0 60000 65536"/>
                      <a:gd name="T175" fmla="*/ 0 60000 65536"/>
                      <a:gd name="T176" fmla="*/ 0 60000 65536"/>
                      <a:gd name="T177" fmla="*/ 0 60000 65536"/>
                      <a:gd name="T178" fmla="*/ 0 60000 65536"/>
                      <a:gd name="T179" fmla="*/ 0 60000 65536"/>
                      <a:gd name="T180" fmla="*/ 0 60000 65536"/>
                      <a:gd name="T181" fmla="*/ 0 60000 65536"/>
                      <a:gd name="T182" fmla="*/ 0 60000 65536"/>
                      <a:gd name="T183" fmla="*/ 0 60000 65536"/>
                      <a:gd name="T184" fmla="*/ 0 60000 65536"/>
                      <a:gd name="T185" fmla="*/ 0 60000 65536"/>
                      <a:gd name="T186" fmla="*/ 0 60000 65536"/>
                      <a:gd name="T187" fmla="*/ 0 60000 65536"/>
                      <a:gd name="T188" fmla="*/ 0 60000 65536"/>
                      <a:gd name="T189" fmla="*/ 0 w 95"/>
                      <a:gd name="T190" fmla="*/ 0 h 174"/>
                      <a:gd name="T191" fmla="*/ 95 w 95"/>
                      <a:gd name="T192" fmla="*/ 174 h 174"/>
                    </a:gdLst>
                    <a:ahLst/>
                    <a:cxnLst>
                      <a:cxn ang="T126">
                        <a:pos x="T0" y="T1"/>
                      </a:cxn>
                      <a:cxn ang="T127">
                        <a:pos x="T2" y="T3"/>
                      </a:cxn>
                      <a:cxn ang="T128">
                        <a:pos x="T4" y="T5"/>
                      </a:cxn>
                      <a:cxn ang="T129">
                        <a:pos x="T6" y="T7"/>
                      </a:cxn>
                      <a:cxn ang="T130">
                        <a:pos x="T8" y="T9"/>
                      </a:cxn>
                      <a:cxn ang="T131">
                        <a:pos x="T10" y="T11"/>
                      </a:cxn>
                      <a:cxn ang="T132">
                        <a:pos x="T12" y="T13"/>
                      </a:cxn>
                      <a:cxn ang="T133">
                        <a:pos x="T14" y="T15"/>
                      </a:cxn>
                      <a:cxn ang="T134">
                        <a:pos x="T16" y="T17"/>
                      </a:cxn>
                      <a:cxn ang="T135">
                        <a:pos x="T18" y="T19"/>
                      </a:cxn>
                      <a:cxn ang="T136">
                        <a:pos x="T20" y="T21"/>
                      </a:cxn>
                      <a:cxn ang="T137">
                        <a:pos x="T22" y="T23"/>
                      </a:cxn>
                      <a:cxn ang="T138">
                        <a:pos x="T24" y="T25"/>
                      </a:cxn>
                      <a:cxn ang="T139">
                        <a:pos x="T26" y="T27"/>
                      </a:cxn>
                      <a:cxn ang="T140">
                        <a:pos x="T28" y="T29"/>
                      </a:cxn>
                      <a:cxn ang="T141">
                        <a:pos x="T30" y="T31"/>
                      </a:cxn>
                      <a:cxn ang="T142">
                        <a:pos x="T32" y="T33"/>
                      </a:cxn>
                      <a:cxn ang="T143">
                        <a:pos x="T34" y="T35"/>
                      </a:cxn>
                      <a:cxn ang="T144">
                        <a:pos x="T36" y="T37"/>
                      </a:cxn>
                      <a:cxn ang="T145">
                        <a:pos x="T38" y="T39"/>
                      </a:cxn>
                      <a:cxn ang="T146">
                        <a:pos x="T40" y="T41"/>
                      </a:cxn>
                      <a:cxn ang="T147">
                        <a:pos x="T42" y="T43"/>
                      </a:cxn>
                      <a:cxn ang="T148">
                        <a:pos x="T44" y="T45"/>
                      </a:cxn>
                      <a:cxn ang="T149">
                        <a:pos x="T46" y="T47"/>
                      </a:cxn>
                      <a:cxn ang="T150">
                        <a:pos x="T48" y="T49"/>
                      </a:cxn>
                      <a:cxn ang="T151">
                        <a:pos x="T50" y="T51"/>
                      </a:cxn>
                      <a:cxn ang="T152">
                        <a:pos x="T52" y="T53"/>
                      </a:cxn>
                      <a:cxn ang="T153">
                        <a:pos x="T54" y="T55"/>
                      </a:cxn>
                      <a:cxn ang="T154">
                        <a:pos x="T56" y="T57"/>
                      </a:cxn>
                      <a:cxn ang="T155">
                        <a:pos x="T58" y="T59"/>
                      </a:cxn>
                      <a:cxn ang="T156">
                        <a:pos x="T60" y="T61"/>
                      </a:cxn>
                      <a:cxn ang="T157">
                        <a:pos x="T62" y="T63"/>
                      </a:cxn>
                      <a:cxn ang="T158">
                        <a:pos x="T64" y="T65"/>
                      </a:cxn>
                      <a:cxn ang="T159">
                        <a:pos x="T66" y="T67"/>
                      </a:cxn>
                      <a:cxn ang="T160">
                        <a:pos x="T68" y="T69"/>
                      </a:cxn>
                      <a:cxn ang="T161">
                        <a:pos x="T70" y="T71"/>
                      </a:cxn>
                      <a:cxn ang="T162">
                        <a:pos x="T72" y="T73"/>
                      </a:cxn>
                      <a:cxn ang="T163">
                        <a:pos x="T74" y="T75"/>
                      </a:cxn>
                      <a:cxn ang="T164">
                        <a:pos x="T76" y="T77"/>
                      </a:cxn>
                      <a:cxn ang="T165">
                        <a:pos x="T78" y="T79"/>
                      </a:cxn>
                      <a:cxn ang="T166">
                        <a:pos x="T80" y="T81"/>
                      </a:cxn>
                      <a:cxn ang="T167">
                        <a:pos x="T82" y="T83"/>
                      </a:cxn>
                      <a:cxn ang="T168">
                        <a:pos x="T84" y="T85"/>
                      </a:cxn>
                      <a:cxn ang="T169">
                        <a:pos x="T86" y="T87"/>
                      </a:cxn>
                      <a:cxn ang="T170">
                        <a:pos x="T88" y="T89"/>
                      </a:cxn>
                      <a:cxn ang="T171">
                        <a:pos x="T90" y="T91"/>
                      </a:cxn>
                      <a:cxn ang="T172">
                        <a:pos x="T92" y="T93"/>
                      </a:cxn>
                      <a:cxn ang="T173">
                        <a:pos x="T94" y="T95"/>
                      </a:cxn>
                      <a:cxn ang="T174">
                        <a:pos x="T96" y="T97"/>
                      </a:cxn>
                      <a:cxn ang="T175">
                        <a:pos x="T98" y="T99"/>
                      </a:cxn>
                      <a:cxn ang="T176">
                        <a:pos x="T100" y="T101"/>
                      </a:cxn>
                      <a:cxn ang="T177">
                        <a:pos x="T102" y="T103"/>
                      </a:cxn>
                      <a:cxn ang="T178">
                        <a:pos x="T104" y="T105"/>
                      </a:cxn>
                      <a:cxn ang="T179">
                        <a:pos x="T106" y="T107"/>
                      </a:cxn>
                      <a:cxn ang="T180">
                        <a:pos x="T108" y="T109"/>
                      </a:cxn>
                      <a:cxn ang="T181">
                        <a:pos x="T110" y="T111"/>
                      </a:cxn>
                      <a:cxn ang="T182">
                        <a:pos x="T112" y="T113"/>
                      </a:cxn>
                      <a:cxn ang="T183">
                        <a:pos x="T114" y="T115"/>
                      </a:cxn>
                      <a:cxn ang="T184">
                        <a:pos x="T116" y="T117"/>
                      </a:cxn>
                      <a:cxn ang="T185">
                        <a:pos x="T118" y="T119"/>
                      </a:cxn>
                      <a:cxn ang="T186">
                        <a:pos x="T120" y="T121"/>
                      </a:cxn>
                      <a:cxn ang="T187">
                        <a:pos x="T122" y="T123"/>
                      </a:cxn>
                      <a:cxn ang="T188">
                        <a:pos x="T124" y="T125"/>
                      </a:cxn>
                    </a:cxnLst>
                    <a:rect l="T189" t="T190" r="T191" b="T192"/>
                    <a:pathLst>
                      <a:path w="95" h="174">
                        <a:moveTo>
                          <a:pt x="34" y="32"/>
                        </a:moveTo>
                        <a:lnTo>
                          <a:pt x="0" y="0"/>
                        </a:lnTo>
                        <a:lnTo>
                          <a:pt x="2" y="7"/>
                        </a:lnTo>
                        <a:lnTo>
                          <a:pt x="29" y="37"/>
                        </a:lnTo>
                        <a:lnTo>
                          <a:pt x="27" y="40"/>
                        </a:lnTo>
                        <a:lnTo>
                          <a:pt x="25" y="40"/>
                        </a:lnTo>
                        <a:lnTo>
                          <a:pt x="24" y="39"/>
                        </a:lnTo>
                        <a:lnTo>
                          <a:pt x="20" y="39"/>
                        </a:lnTo>
                        <a:lnTo>
                          <a:pt x="17" y="37"/>
                        </a:lnTo>
                        <a:lnTo>
                          <a:pt x="15" y="37"/>
                        </a:lnTo>
                        <a:lnTo>
                          <a:pt x="15" y="39"/>
                        </a:lnTo>
                        <a:lnTo>
                          <a:pt x="17" y="42"/>
                        </a:lnTo>
                        <a:lnTo>
                          <a:pt x="24" y="49"/>
                        </a:lnTo>
                        <a:lnTo>
                          <a:pt x="25" y="49"/>
                        </a:lnTo>
                        <a:lnTo>
                          <a:pt x="29" y="49"/>
                        </a:lnTo>
                        <a:lnTo>
                          <a:pt x="32" y="47"/>
                        </a:lnTo>
                        <a:lnTo>
                          <a:pt x="34" y="45"/>
                        </a:lnTo>
                        <a:lnTo>
                          <a:pt x="36" y="45"/>
                        </a:lnTo>
                        <a:lnTo>
                          <a:pt x="37" y="47"/>
                        </a:lnTo>
                        <a:lnTo>
                          <a:pt x="39" y="49"/>
                        </a:lnTo>
                        <a:lnTo>
                          <a:pt x="41" y="54"/>
                        </a:lnTo>
                        <a:lnTo>
                          <a:pt x="41" y="61"/>
                        </a:lnTo>
                        <a:lnTo>
                          <a:pt x="42" y="73"/>
                        </a:lnTo>
                        <a:lnTo>
                          <a:pt x="42" y="89"/>
                        </a:lnTo>
                        <a:lnTo>
                          <a:pt x="42" y="91"/>
                        </a:lnTo>
                        <a:lnTo>
                          <a:pt x="44" y="93"/>
                        </a:lnTo>
                        <a:lnTo>
                          <a:pt x="46" y="96"/>
                        </a:lnTo>
                        <a:lnTo>
                          <a:pt x="47" y="101"/>
                        </a:lnTo>
                        <a:lnTo>
                          <a:pt x="47" y="105"/>
                        </a:lnTo>
                        <a:lnTo>
                          <a:pt x="49" y="108"/>
                        </a:lnTo>
                        <a:lnTo>
                          <a:pt x="51" y="110"/>
                        </a:lnTo>
                        <a:lnTo>
                          <a:pt x="51" y="111"/>
                        </a:lnTo>
                        <a:lnTo>
                          <a:pt x="69" y="135"/>
                        </a:lnTo>
                        <a:lnTo>
                          <a:pt x="88" y="174"/>
                        </a:lnTo>
                        <a:lnTo>
                          <a:pt x="95" y="171"/>
                        </a:lnTo>
                        <a:lnTo>
                          <a:pt x="73" y="133"/>
                        </a:lnTo>
                        <a:lnTo>
                          <a:pt x="73" y="132"/>
                        </a:lnTo>
                        <a:lnTo>
                          <a:pt x="71" y="132"/>
                        </a:lnTo>
                        <a:lnTo>
                          <a:pt x="69" y="130"/>
                        </a:lnTo>
                        <a:lnTo>
                          <a:pt x="68" y="127"/>
                        </a:lnTo>
                        <a:lnTo>
                          <a:pt x="66" y="123"/>
                        </a:lnTo>
                        <a:lnTo>
                          <a:pt x="63" y="120"/>
                        </a:lnTo>
                        <a:lnTo>
                          <a:pt x="61" y="117"/>
                        </a:lnTo>
                        <a:lnTo>
                          <a:pt x="58" y="111"/>
                        </a:lnTo>
                        <a:lnTo>
                          <a:pt x="56" y="106"/>
                        </a:lnTo>
                        <a:lnTo>
                          <a:pt x="52" y="101"/>
                        </a:lnTo>
                        <a:lnTo>
                          <a:pt x="51" y="96"/>
                        </a:lnTo>
                        <a:lnTo>
                          <a:pt x="49" y="89"/>
                        </a:lnTo>
                        <a:lnTo>
                          <a:pt x="47" y="83"/>
                        </a:lnTo>
                        <a:lnTo>
                          <a:pt x="47" y="78"/>
                        </a:lnTo>
                        <a:lnTo>
                          <a:pt x="47" y="71"/>
                        </a:lnTo>
                        <a:lnTo>
                          <a:pt x="49" y="64"/>
                        </a:lnTo>
                        <a:lnTo>
                          <a:pt x="49" y="62"/>
                        </a:lnTo>
                        <a:lnTo>
                          <a:pt x="49" y="61"/>
                        </a:lnTo>
                        <a:lnTo>
                          <a:pt x="47" y="57"/>
                        </a:lnTo>
                        <a:lnTo>
                          <a:pt x="47" y="54"/>
                        </a:lnTo>
                        <a:lnTo>
                          <a:pt x="46" y="52"/>
                        </a:lnTo>
                        <a:lnTo>
                          <a:pt x="46" y="49"/>
                        </a:lnTo>
                        <a:lnTo>
                          <a:pt x="44" y="47"/>
                        </a:lnTo>
                        <a:lnTo>
                          <a:pt x="39" y="39"/>
                        </a:lnTo>
                        <a:lnTo>
                          <a:pt x="34" y="32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45" name="Freeform 20"/>
                  <p:cNvSpPr>
                    <a:spLocks/>
                  </p:cNvSpPr>
                  <p:nvPr/>
                </p:nvSpPr>
                <p:spPr bwMode="auto">
                  <a:xfrm>
                    <a:off x="4568" y="3099"/>
                    <a:ext cx="95" cy="174"/>
                  </a:xfrm>
                  <a:custGeom>
                    <a:avLst/>
                    <a:gdLst>
                      <a:gd name="T0" fmla="*/ 0 w 95"/>
                      <a:gd name="T1" fmla="*/ 0 h 174"/>
                      <a:gd name="T2" fmla="*/ 29 w 95"/>
                      <a:gd name="T3" fmla="*/ 37 h 174"/>
                      <a:gd name="T4" fmla="*/ 27 w 95"/>
                      <a:gd name="T5" fmla="*/ 40 h 174"/>
                      <a:gd name="T6" fmla="*/ 24 w 95"/>
                      <a:gd name="T7" fmla="*/ 39 h 174"/>
                      <a:gd name="T8" fmla="*/ 17 w 95"/>
                      <a:gd name="T9" fmla="*/ 37 h 174"/>
                      <a:gd name="T10" fmla="*/ 15 w 95"/>
                      <a:gd name="T11" fmla="*/ 39 h 174"/>
                      <a:gd name="T12" fmla="*/ 24 w 95"/>
                      <a:gd name="T13" fmla="*/ 49 h 174"/>
                      <a:gd name="T14" fmla="*/ 25 w 95"/>
                      <a:gd name="T15" fmla="*/ 49 h 174"/>
                      <a:gd name="T16" fmla="*/ 32 w 95"/>
                      <a:gd name="T17" fmla="*/ 47 h 174"/>
                      <a:gd name="T18" fmla="*/ 34 w 95"/>
                      <a:gd name="T19" fmla="*/ 45 h 174"/>
                      <a:gd name="T20" fmla="*/ 36 w 95"/>
                      <a:gd name="T21" fmla="*/ 45 h 174"/>
                      <a:gd name="T22" fmla="*/ 39 w 95"/>
                      <a:gd name="T23" fmla="*/ 49 h 174"/>
                      <a:gd name="T24" fmla="*/ 41 w 95"/>
                      <a:gd name="T25" fmla="*/ 61 h 174"/>
                      <a:gd name="T26" fmla="*/ 42 w 95"/>
                      <a:gd name="T27" fmla="*/ 89 h 174"/>
                      <a:gd name="T28" fmla="*/ 42 w 95"/>
                      <a:gd name="T29" fmla="*/ 91 h 174"/>
                      <a:gd name="T30" fmla="*/ 46 w 95"/>
                      <a:gd name="T31" fmla="*/ 96 h 174"/>
                      <a:gd name="T32" fmla="*/ 47 w 95"/>
                      <a:gd name="T33" fmla="*/ 105 h 174"/>
                      <a:gd name="T34" fmla="*/ 51 w 95"/>
                      <a:gd name="T35" fmla="*/ 110 h 174"/>
                      <a:gd name="T36" fmla="*/ 69 w 95"/>
                      <a:gd name="T37" fmla="*/ 135 h 174"/>
                      <a:gd name="T38" fmla="*/ 95 w 95"/>
                      <a:gd name="T39" fmla="*/ 171 h 174"/>
                      <a:gd name="T40" fmla="*/ 73 w 95"/>
                      <a:gd name="T41" fmla="*/ 133 h 174"/>
                      <a:gd name="T42" fmla="*/ 71 w 95"/>
                      <a:gd name="T43" fmla="*/ 132 h 174"/>
                      <a:gd name="T44" fmla="*/ 68 w 95"/>
                      <a:gd name="T45" fmla="*/ 127 h 174"/>
                      <a:gd name="T46" fmla="*/ 63 w 95"/>
                      <a:gd name="T47" fmla="*/ 120 h 174"/>
                      <a:gd name="T48" fmla="*/ 58 w 95"/>
                      <a:gd name="T49" fmla="*/ 111 h 174"/>
                      <a:gd name="T50" fmla="*/ 52 w 95"/>
                      <a:gd name="T51" fmla="*/ 101 h 174"/>
                      <a:gd name="T52" fmla="*/ 49 w 95"/>
                      <a:gd name="T53" fmla="*/ 89 h 174"/>
                      <a:gd name="T54" fmla="*/ 47 w 95"/>
                      <a:gd name="T55" fmla="*/ 78 h 174"/>
                      <a:gd name="T56" fmla="*/ 49 w 95"/>
                      <a:gd name="T57" fmla="*/ 64 h 174"/>
                      <a:gd name="T58" fmla="*/ 49 w 95"/>
                      <a:gd name="T59" fmla="*/ 62 h 174"/>
                      <a:gd name="T60" fmla="*/ 47 w 95"/>
                      <a:gd name="T61" fmla="*/ 57 h 174"/>
                      <a:gd name="T62" fmla="*/ 46 w 95"/>
                      <a:gd name="T63" fmla="*/ 52 h 174"/>
                      <a:gd name="T64" fmla="*/ 44 w 95"/>
                      <a:gd name="T65" fmla="*/ 47 h 174"/>
                      <a:gd name="T66" fmla="*/ 39 w 95"/>
                      <a:gd name="T67" fmla="*/ 39 h 174"/>
                      <a:gd name="T68" fmla="*/ 0 60000 65536"/>
                      <a:gd name="T69" fmla="*/ 0 60000 65536"/>
                      <a:gd name="T70" fmla="*/ 0 60000 65536"/>
                      <a:gd name="T71" fmla="*/ 0 60000 65536"/>
                      <a:gd name="T72" fmla="*/ 0 60000 65536"/>
                      <a:gd name="T73" fmla="*/ 0 60000 65536"/>
                      <a:gd name="T74" fmla="*/ 0 60000 65536"/>
                      <a:gd name="T75" fmla="*/ 0 60000 65536"/>
                      <a:gd name="T76" fmla="*/ 0 60000 65536"/>
                      <a:gd name="T77" fmla="*/ 0 60000 65536"/>
                      <a:gd name="T78" fmla="*/ 0 60000 65536"/>
                      <a:gd name="T79" fmla="*/ 0 60000 65536"/>
                      <a:gd name="T80" fmla="*/ 0 60000 65536"/>
                      <a:gd name="T81" fmla="*/ 0 60000 65536"/>
                      <a:gd name="T82" fmla="*/ 0 60000 65536"/>
                      <a:gd name="T83" fmla="*/ 0 60000 65536"/>
                      <a:gd name="T84" fmla="*/ 0 60000 65536"/>
                      <a:gd name="T85" fmla="*/ 0 60000 65536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w 95"/>
                      <a:gd name="T103" fmla="*/ 0 h 174"/>
                      <a:gd name="T104" fmla="*/ 95 w 95"/>
                      <a:gd name="T105" fmla="*/ 174 h 174"/>
                    </a:gdLst>
                    <a:ahLst/>
                    <a:cxnLst>
                      <a:cxn ang="T68">
                        <a:pos x="T0" y="T1"/>
                      </a:cxn>
                      <a:cxn ang="T69">
                        <a:pos x="T2" y="T3"/>
                      </a:cxn>
                      <a:cxn ang="T70">
                        <a:pos x="T4" y="T5"/>
                      </a:cxn>
                      <a:cxn ang="T71">
                        <a:pos x="T6" y="T7"/>
                      </a:cxn>
                      <a:cxn ang="T72">
                        <a:pos x="T8" y="T9"/>
                      </a:cxn>
                      <a:cxn ang="T73">
                        <a:pos x="T10" y="T11"/>
                      </a:cxn>
                      <a:cxn ang="T74">
                        <a:pos x="T12" y="T13"/>
                      </a:cxn>
                      <a:cxn ang="T75">
                        <a:pos x="T14" y="T15"/>
                      </a:cxn>
                      <a:cxn ang="T76">
                        <a:pos x="T16" y="T17"/>
                      </a:cxn>
                      <a:cxn ang="T77">
                        <a:pos x="T18" y="T19"/>
                      </a:cxn>
                      <a:cxn ang="T78">
                        <a:pos x="T20" y="T21"/>
                      </a:cxn>
                      <a:cxn ang="T79">
                        <a:pos x="T22" y="T23"/>
                      </a:cxn>
                      <a:cxn ang="T80">
                        <a:pos x="T24" y="T25"/>
                      </a:cxn>
                      <a:cxn ang="T81">
                        <a:pos x="T26" y="T27"/>
                      </a:cxn>
                      <a:cxn ang="T82">
                        <a:pos x="T28" y="T29"/>
                      </a:cxn>
                      <a:cxn ang="T83">
                        <a:pos x="T30" y="T31"/>
                      </a:cxn>
                      <a:cxn ang="T84">
                        <a:pos x="T32" y="T33"/>
                      </a:cxn>
                      <a:cxn ang="T85">
                        <a:pos x="T34" y="T35"/>
                      </a:cxn>
                      <a:cxn ang="T86">
                        <a:pos x="T36" y="T37"/>
                      </a:cxn>
                      <a:cxn ang="T87">
                        <a:pos x="T38" y="T39"/>
                      </a:cxn>
                      <a:cxn ang="T88">
                        <a:pos x="T40" y="T41"/>
                      </a:cxn>
                      <a:cxn ang="T89">
                        <a:pos x="T42" y="T43"/>
                      </a:cxn>
                      <a:cxn ang="T90">
                        <a:pos x="T44" y="T45"/>
                      </a:cxn>
                      <a:cxn ang="T91">
                        <a:pos x="T46" y="T47"/>
                      </a:cxn>
                      <a:cxn ang="T92">
                        <a:pos x="T48" y="T49"/>
                      </a:cxn>
                      <a:cxn ang="T93">
                        <a:pos x="T50" y="T51"/>
                      </a:cxn>
                      <a:cxn ang="T94">
                        <a:pos x="T52" y="T53"/>
                      </a:cxn>
                      <a:cxn ang="T95">
                        <a:pos x="T54" y="T55"/>
                      </a:cxn>
                      <a:cxn ang="T96">
                        <a:pos x="T56" y="T57"/>
                      </a:cxn>
                      <a:cxn ang="T97">
                        <a:pos x="T58" y="T59"/>
                      </a:cxn>
                      <a:cxn ang="T98">
                        <a:pos x="T60" y="T61"/>
                      </a:cxn>
                      <a:cxn ang="T99">
                        <a:pos x="T62" y="T63"/>
                      </a:cxn>
                      <a:cxn ang="T100">
                        <a:pos x="T64" y="T65"/>
                      </a:cxn>
                      <a:cxn ang="T101">
                        <a:pos x="T66" y="T67"/>
                      </a:cxn>
                    </a:cxnLst>
                    <a:rect l="T102" t="T103" r="T104" b="T105"/>
                    <a:pathLst>
                      <a:path w="95" h="174">
                        <a:moveTo>
                          <a:pt x="34" y="32"/>
                        </a:moveTo>
                        <a:lnTo>
                          <a:pt x="0" y="0"/>
                        </a:lnTo>
                        <a:lnTo>
                          <a:pt x="2" y="7"/>
                        </a:lnTo>
                        <a:lnTo>
                          <a:pt x="29" y="37"/>
                        </a:lnTo>
                        <a:lnTo>
                          <a:pt x="27" y="40"/>
                        </a:lnTo>
                        <a:lnTo>
                          <a:pt x="25" y="40"/>
                        </a:lnTo>
                        <a:lnTo>
                          <a:pt x="24" y="39"/>
                        </a:lnTo>
                        <a:lnTo>
                          <a:pt x="20" y="39"/>
                        </a:lnTo>
                        <a:lnTo>
                          <a:pt x="17" y="37"/>
                        </a:lnTo>
                        <a:lnTo>
                          <a:pt x="15" y="37"/>
                        </a:lnTo>
                        <a:lnTo>
                          <a:pt x="15" y="39"/>
                        </a:lnTo>
                        <a:lnTo>
                          <a:pt x="17" y="42"/>
                        </a:lnTo>
                        <a:lnTo>
                          <a:pt x="24" y="49"/>
                        </a:lnTo>
                        <a:lnTo>
                          <a:pt x="25" y="49"/>
                        </a:lnTo>
                        <a:lnTo>
                          <a:pt x="29" y="49"/>
                        </a:lnTo>
                        <a:lnTo>
                          <a:pt x="32" y="47"/>
                        </a:lnTo>
                        <a:lnTo>
                          <a:pt x="34" y="45"/>
                        </a:lnTo>
                        <a:lnTo>
                          <a:pt x="36" y="45"/>
                        </a:lnTo>
                        <a:lnTo>
                          <a:pt x="37" y="47"/>
                        </a:lnTo>
                        <a:lnTo>
                          <a:pt x="39" y="49"/>
                        </a:lnTo>
                        <a:lnTo>
                          <a:pt x="41" y="54"/>
                        </a:lnTo>
                        <a:lnTo>
                          <a:pt x="41" y="61"/>
                        </a:lnTo>
                        <a:lnTo>
                          <a:pt x="42" y="73"/>
                        </a:lnTo>
                        <a:lnTo>
                          <a:pt x="42" y="89"/>
                        </a:lnTo>
                        <a:lnTo>
                          <a:pt x="42" y="91"/>
                        </a:lnTo>
                        <a:lnTo>
                          <a:pt x="44" y="93"/>
                        </a:lnTo>
                        <a:lnTo>
                          <a:pt x="46" y="96"/>
                        </a:lnTo>
                        <a:lnTo>
                          <a:pt x="47" y="101"/>
                        </a:lnTo>
                        <a:lnTo>
                          <a:pt x="47" y="105"/>
                        </a:lnTo>
                        <a:lnTo>
                          <a:pt x="49" y="108"/>
                        </a:lnTo>
                        <a:lnTo>
                          <a:pt x="51" y="110"/>
                        </a:lnTo>
                        <a:lnTo>
                          <a:pt x="51" y="111"/>
                        </a:lnTo>
                        <a:lnTo>
                          <a:pt x="69" y="135"/>
                        </a:lnTo>
                        <a:lnTo>
                          <a:pt x="88" y="174"/>
                        </a:lnTo>
                        <a:lnTo>
                          <a:pt x="95" y="171"/>
                        </a:lnTo>
                        <a:lnTo>
                          <a:pt x="73" y="133"/>
                        </a:lnTo>
                        <a:lnTo>
                          <a:pt x="73" y="132"/>
                        </a:lnTo>
                        <a:lnTo>
                          <a:pt x="71" y="132"/>
                        </a:lnTo>
                        <a:lnTo>
                          <a:pt x="69" y="130"/>
                        </a:lnTo>
                        <a:lnTo>
                          <a:pt x="68" y="127"/>
                        </a:lnTo>
                        <a:lnTo>
                          <a:pt x="66" y="123"/>
                        </a:lnTo>
                        <a:lnTo>
                          <a:pt x="63" y="120"/>
                        </a:lnTo>
                        <a:lnTo>
                          <a:pt x="61" y="117"/>
                        </a:lnTo>
                        <a:lnTo>
                          <a:pt x="58" y="111"/>
                        </a:lnTo>
                        <a:lnTo>
                          <a:pt x="56" y="106"/>
                        </a:lnTo>
                        <a:lnTo>
                          <a:pt x="52" y="101"/>
                        </a:lnTo>
                        <a:lnTo>
                          <a:pt x="51" y="96"/>
                        </a:lnTo>
                        <a:lnTo>
                          <a:pt x="49" y="89"/>
                        </a:lnTo>
                        <a:lnTo>
                          <a:pt x="47" y="83"/>
                        </a:lnTo>
                        <a:lnTo>
                          <a:pt x="47" y="78"/>
                        </a:lnTo>
                        <a:lnTo>
                          <a:pt x="47" y="71"/>
                        </a:lnTo>
                        <a:lnTo>
                          <a:pt x="49" y="64"/>
                        </a:lnTo>
                        <a:lnTo>
                          <a:pt x="49" y="62"/>
                        </a:lnTo>
                        <a:lnTo>
                          <a:pt x="49" y="61"/>
                        </a:lnTo>
                        <a:lnTo>
                          <a:pt x="47" y="57"/>
                        </a:lnTo>
                        <a:lnTo>
                          <a:pt x="47" y="54"/>
                        </a:lnTo>
                        <a:lnTo>
                          <a:pt x="46" y="52"/>
                        </a:lnTo>
                        <a:lnTo>
                          <a:pt x="46" y="49"/>
                        </a:lnTo>
                        <a:lnTo>
                          <a:pt x="44" y="47"/>
                        </a:lnTo>
                        <a:lnTo>
                          <a:pt x="39" y="39"/>
                        </a:lnTo>
                        <a:lnTo>
                          <a:pt x="34" y="32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46" name="Freeform 21"/>
                  <p:cNvSpPr>
                    <a:spLocks/>
                  </p:cNvSpPr>
                  <p:nvPr/>
                </p:nvSpPr>
                <p:spPr bwMode="auto">
                  <a:xfrm>
                    <a:off x="4595" y="3150"/>
                    <a:ext cx="12" cy="37"/>
                  </a:xfrm>
                  <a:custGeom>
                    <a:avLst/>
                    <a:gdLst>
                      <a:gd name="T0" fmla="*/ 10 w 12"/>
                      <a:gd name="T1" fmla="*/ 10 h 37"/>
                      <a:gd name="T2" fmla="*/ 10 w 12"/>
                      <a:gd name="T3" fmla="*/ 8 h 37"/>
                      <a:gd name="T4" fmla="*/ 9 w 12"/>
                      <a:gd name="T5" fmla="*/ 6 h 37"/>
                      <a:gd name="T6" fmla="*/ 9 w 12"/>
                      <a:gd name="T7" fmla="*/ 3 h 37"/>
                      <a:gd name="T8" fmla="*/ 9 w 12"/>
                      <a:gd name="T9" fmla="*/ 1 h 37"/>
                      <a:gd name="T10" fmla="*/ 7 w 12"/>
                      <a:gd name="T11" fmla="*/ 0 h 37"/>
                      <a:gd name="T12" fmla="*/ 5 w 12"/>
                      <a:gd name="T13" fmla="*/ 0 h 37"/>
                      <a:gd name="T14" fmla="*/ 2 w 12"/>
                      <a:gd name="T15" fmla="*/ 3 h 37"/>
                      <a:gd name="T16" fmla="*/ 0 w 12"/>
                      <a:gd name="T17" fmla="*/ 10 h 37"/>
                      <a:gd name="T18" fmla="*/ 0 w 12"/>
                      <a:gd name="T19" fmla="*/ 11 h 37"/>
                      <a:gd name="T20" fmla="*/ 0 w 12"/>
                      <a:gd name="T21" fmla="*/ 13 h 37"/>
                      <a:gd name="T22" fmla="*/ 2 w 12"/>
                      <a:gd name="T23" fmla="*/ 15 h 37"/>
                      <a:gd name="T24" fmla="*/ 2 w 12"/>
                      <a:gd name="T25" fmla="*/ 18 h 37"/>
                      <a:gd name="T26" fmla="*/ 3 w 12"/>
                      <a:gd name="T27" fmla="*/ 20 h 37"/>
                      <a:gd name="T28" fmla="*/ 3 w 12"/>
                      <a:gd name="T29" fmla="*/ 22 h 37"/>
                      <a:gd name="T30" fmla="*/ 5 w 12"/>
                      <a:gd name="T31" fmla="*/ 23 h 37"/>
                      <a:gd name="T32" fmla="*/ 5 w 12"/>
                      <a:gd name="T33" fmla="*/ 25 h 37"/>
                      <a:gd name="T34" fmla="*/ 12 w 12"/>
                      <a:gd name="T35" fmla="*/ 37 h 37"/>
                      <a:gd name="T36" fmla="*/ 10 w 12"/>
                      <a:gd name="T37" fmla="*/ 10 h 37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w 12"/>
                      <a:gd name="T58" fmla="*/ 0 h 37"/>
                      <a:gd name="T59" fmla="*/ 12 w 12"/>
                      <a:gd name="T60" fmla="*/ 37 h 37"/>
                    </a:gdLst>
                    <a:ahLst/>
                    <a:cxnLst>
                      <a:cxn ang="T38">
                        <a:pos x="T0" y="T1"/>
                      </a:cxn>
                      <a:cxn ang="T39">
                        <a:pos x="T2" y="T3"/>
                      </a:cxn>
                      <a:cxn ang="T40">
                        <a:pos x="T4" y="T5"/>
                      </a:cxn>
                      <a:cxn ang="T41">
                        <a:pos x="T6" y="T7"/>
                      </a:cxn>
                      <a:cxn ang="T42">
                        <a:pos x="T8" y="T9"/>
                      </a:cxn>
                      <a:cxn ang="T43">
                        <a:pos x="T10" y="T11"/>
                      </a:cxn>
                      <a:cxn ang="T44">
                        <a:pos x="T12" y="T13"/>
                      </a:cxn>
                      <a:cxn ang="T45">
                        <a:pos x="T14" y="T15"/>
                      </a:cxn>
                      <a:cxn ang="T46">
                        <a:pos x="T16" y="T17"/>
                      </a:cxn>
                      <a:cxn ang="T47">
                        <a:pos x="T18" y="T19"/>
                      </a:cxn>
                      <a:cxn ang="T48">
                        <a:pos x="T20" y="T21"/>
                      </a:cxn>
                      <a:cxn ang="T49">
                        <a:pos x="T22" y="T23"/>
                      </a:cxn>
                      <a:cxn ang="T50">
                        <a:pos x="T24" y="T25"/>
                      </a:cxn>
                      <a:cxn ang="T51">
                        <a:pos x="T26" y="T27"/>
                      </a:cxn>
                      <a:cxn ang="T52">
                        <a:pos x="T28" y="T29"/>
                      </a:cxn>
                      <a:cxn ang="T53">
                        <a:pos x="T30" y="T31"/>
                      </a:cxn>
                      <a:cxn ang="T54">
                        <a:pos x="T32" y="T33"/>
                      </a:cxn>
                      <a:cxn ang="T55">
                        <a:pos x="T34" y="T35"/>
                      </a:cxn>
                      <a:cxn ang="T56">
                        <a:pos x="T36" y="T37"/>
                      </a:cxn>
                    </a:cxnLst>
                    <a:rect l="T57" t="T58" r="T59" b="T60"/>
                    <a:pathLst>
                      <a:path w="12" h="37">
                        <a:moveTo>
                          <a:pt x="10" y="10"/>
                        </a:moveTo>
                        <a:lnTo>
                          <a:pt x="10" y="8"/>
                        </a:lnTo>
                        <a:lnTo>
                          <a:pt x="9" y="6"/>
                        </a:lnTo>
                        <a:lnTo>
                          <a:pt x="9" y="3"/>
                        </a:lnTo>
                        <a:lnTo>
                          <a:pt x="9" y="1"/>
                        </a:lnTo>
                        <a:lnTo>
                          <a:pt x="7" y="0"/>
                        </a:lnTo>
                        <a:lnTo>
                          <a:pt x="5" y="0"/>
                        </a:lnTo>
                        <a:lnTo>
                          <a:pt x="2" y="3"/>
                        </a:lnTo>
                        <a:lnTo>
                          <a:pt x="0" y="10"/>
                        </a:lnTo>
                        <a:lnTo>
                          <a:pt x="0" y="11"/>
                        </a:lnTo>
                        <a:lnTo>
                          <a:pt x="0" y="13"/>
                        </a:lnTo>
                        <a:lnTo>
                          <a:pt x="2" y="15"/>
                        </a:lnTo>
                        <a:lnTo>
                          <a:pt x="2" y="18"/>
                        </a:lnTo>
                        <a:lnTo>
                          <a:pt x="3" y="20"/>
                        </a:lnTo>
                        <a:lnTo>
                          <a:pt x="3" y="22"/>
                        </a:lnTo>
                        <a:lnTo>
                          <a:pt x="5" y="23"/>
                        </a:lnTo>
                        <a:lnTo>
                          <a:pt x="5" y="25"/>
                        </a:lnTo>
                        <a:lnTo>
                          <a:pt x="12" y="37"/>
                        </a:lnTo>
                        <a:lnTo>
                          <a:pt x="10" y="10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47" name="Freeform 22"/>
                  <p:cNvSpPr>
                    <a:spLocks/>
                  </p:cNvSpPr>
                  <p:nvPr/>
                </p:nvSpPr>
                <p:spPr bwMode="auto">
                  <a:xfrm>
                    <a:off x="4595" y="3150"/>
                    <a:ext cx="12" cy="37"/>
                  </a:xfrm>
                  <a:custGeom>
                    <a:avLst/>
                    <a:gdLst>
                      <a:gd name="T0" fmla="*/ 10 w 12"/>
                      <a:gd name="T1" fmla="*/ 10 h 37"/>
                      <a:gd name="T2" fmla="*/ 10 w 12"/>
                      <a:gd name="T3" fmla="*/ 10 h 37"/>
                      <a:gd name="T4" fmla="*/ 10 w 12"/>
                      <a:gd name="T5" fmla="*/ 8 h 37"/>
                      <a:gd name="T6" fmla="*/ 9 w 12"/>
                      <a:gd name="T7" fmla="*/ 6 h 37"/>
                      <a:gd name="T8" fmla="*/ 9 w 12"/>
                      <a:gd name="T9" fmla="*/ 3 h 37"/>
                      <a:gd name="T10" fmla="*/ 9 w 12"/>
                      <a:gd name="T11" fmla="*/ 1 h 37"/>
                      <a:gd name="T12" fmla="*/ 7 w 12"/>
                      <a:gd name="T13" fmla="*/ 0 h 37"/>
                      <a:gd name="T14" fmla="*/ 5 w 12"/>
                      <a:gd name="T15" fmla="*/ 0 h 37"/>
                      <a:gd name="T16" fmla="*/ 2 w 12"/>
                      <a:gd name="T17" fmla="*/ 3 h 37"/>
                      <a:gd name="T18" fmla="*/ 0 w 12"/>
                      <a:gd name="T19" fmla="*/ 10 h 37"/>
                      <a:gd name="T20" fmla="*/ 0 w 12"/>
                      <a:gd name="T21" fmla="*/ 10 h 37"/>
                      <a:gd name="T22" fmla="*/ 0 w 12"/>
                      <a:gd name="T23" fmla="*/ 11 h 37"/>
                      <a:gd name="T24" fmla="*/ 0 w 12"/>
                      <a:gd name="T25" fmla="*/ 13 h 37"/>
                      <a:gd name="T26" fmla="*/ 2 w 12"/>
                      <a:gd name="T27" fmla="*/ 15 h 37"/>
                      <a:gd name="T28" fmla="*/ 2 w 12"/>
                      <a:gd name="T29" fmla="*/ 18 h 37"/>
                      <a:gd name="T30" fmla="*/ 3 w 12"/>
                      <a:gd name="T31" fmla="*/ 20 h 37"/>
                      <a:gd name="T32" fmla="*/ 3 w 12"/>
                      <a:gd name="T33" fmla="*/ 22 h 37"/>
                      <a:gd name="T34" fmla="*/ 5 w 12"/>
                      <a:gd name="T35" fmla="*/ 23 h 37"/>
                      <a:gd name="T36" fmla="*/ 5 w 12"/>
                      <a:gd name="T37" fmla="*/ 25 h 37"/>
                      <a:gd name="T38" fmla="*/ 12 w 12"/>
                      <a:gd name="T39" fmla="*/ 37 h 37"/>
                      <a:gd name="T40" fmla="*/ 10 w 12"/>
                      <a:gd name="T41" fmla="*/ 10 h 37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12"/>
                      <a:gd name="T64" fmla="*/ 0 h 37"/>
                      <a:gd name="T65" fmla="*/ 12 w 12"/>
                      <a:gd name="T66" fmla="*/ 37 h 37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12" h="37">
                        <a:moveTo>
                          <a:pt x="10" y="10"/>
                        </a:moveTo>
                        <a:lnTo>
                          <a:pt x="10" y="10"/>
                        </a:lnTo>
                        <a:lnTo>
                          <a:pt x="10" y="8"/>
                        </a:lnTo>
                        <a:lnTo>
                          <a:pt x="9" y="6"/>
                        </a:lnTo>
                        <a:lnTo>
                          <a:pt x="9" y="3"/>
                        </a:lnTo>
                        <a:lnTo>
                          <a:pt x="9" y="1"/>
                        </a:lnTo>
                        <a:lnTo>
                          <a:pt x="7" y="0"/>
                        </a:lnTo>
                        <a:lnTo>
                          <a:pt x="5" y="0"/>
                        </a:lnTo>
                        <a:lnTo>
                          <a:pt x="2" y="3"/>
                        </a:lnTo>
                        <a:lnTo>
                          <a:pt x="0" y="10"/>
                        </a:lnTo>
                        <a:lnTo>
                          <a:pt x="0" y="11"/>
                        </a:lnTo>
                        <a:lnTo>
                          <a:pt x="0" y="13"/>
                        </a:lnTo>
                        <a:lnTo>
                          <a:pt x="2" y="15"/>
                        </a:lnTo>
                        <a:lnTo>
                          <a:pt x="2" y="18"/>
                        </a:lnTo>
                        <a:lnTo>
                          <a:pt x="3" y="20"/>
                        </a:lnTo>
                        <a:lnTo>
                          <a:pt x="3" y="22"/>
                        </a:lnTo>
                        <a:lnTo>
                          <a:pt x="5" y="23"/>
                        </a:lnTo>
                        <a:lnTo>
                          <a:pt x="5" y="25"/>
                        </a:lnTo>
                        <a:lnTo>
                          <a:pt x="12" y="37"/>
                        </a:lnTo>
                        <a:lnTo>
                          <a:pt x="10" y="10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48" name="Freeform 23"/>
                  <p:cNvSpPr>
                    <a:spLocks/>
                  </p:cNvSpPr>
                  <p:nvPr/>
                </p:nvSpPr>
                <p:spPr bwMode="auto">
                  <a:xfrm>
                    <a:off x="4673" y="3539"/>
                    <a:ext cx="35" cy="61"/>
                  </a:xfrm>
                  <a:custGeom>
                    <a:avLst/>
                    <a:gdLst>
                      <a:gd name="T0" fmla="*/ 35 w 35"/>
                      <a:gd name="T1" fmla="*/ 0 h 61"/>
                      <a:gd name="T2" fmla="*/ 35 w 35"/>
                      <a:gd name="T3" fmla="*/ 0 h 61"/>
                      <a:gd name="T4" fmla="*/ 35 w 35"/>
                      <a:gd name="T5" fmla="*/ 1 h 61"/>
                      <a:gd name="T6" fmla="*/ 35 w 35"/>
                      <a:gd name="T7" fmla="*/ 3 h 61"/>
                      <a:gd name="T8" fmla="*/ 35 w 35"/>
                      <a:gd name="T9" fmla="*/ 5 h 61"/>
                      <a:gd name="T10" fmla="*/ 34 w 35"/>
                      <a:gd name="T11" fmla="*/ 8 h 61"/>
                      <a:gd name="T12" fmla="*/ 34 w 35"/>
                      <a:gd name="T13" fmla="*/ 12 h 61"/>
                      <a:gd name="T14" fmla="*/ 32 w 35"/>
                      <a:gd name="T15" fmla="*/ 15 h 61"/>
                      <a:gd name="T16" fmla="*/ 30 w 35"/>
                      <a:gd name="T17" fmla="*/ 20 h 61"/>
                      <a:gd name="T18" fmla="*/ 29 w 35"/>
                      <a:gd name="T19" fmla="*/ 23 h 61"/>
                      <a:gd name="T20" fmla="*/ 27 w 35"/>
                      <a:gd name="T21" fmla="*/ 29 h 61"/>
                      <a:gd name="T22" fmla="*/ 24 w 35"/>
                      <a:gd name="T23" fmla="*/ 34 h 61"/>
                      <a:gd name="T24" fmla="*/ 20 w 35"/>
                      <a:gd name="T25" fmla="*/ 39 h 61"/>
                      <a:gd name="T26" fmla="*/ 17 w 35"/>
                      <a:gd name="T27" fmla="*/ 44 h 61"/>
                      <a:gd name="T28" fmla="*/ 12 w 35"/>
                      <a:gd name="T29" fmla="*/ 49 h 61"/>
                      <a:gd name="T30" fmla="*/ 7 w 35"/>
                      <a:gd name="T31" fmla="*/ 56 h 61"/>
                      <a:gd name="T32" fmla="*/ 2 w 35"/>
                      <a:gd name="T33" fmla="*/ 61 h 61"/>
                      <a:gd name="T34" fmla="*/ 0 w 35"/>
                      <a:gd name="T35" fmla="*/ 61 h 61"/>
                      <a:gd name="T36" fmla="*/ 0 w 35"/>
                      <a:gd name="T37" fmla="*/ 59 h 61"/>
                      <a:gd name="T38" fmla="*/ 0 w 35"/>
                      <a:gd name="T39" fmla="*/ 57 h 61"/>
                      <a:gd name="T40" fmla="*/ 0 w 35"/>
                      <a:gd name="T41" fmla="*/ 56 h 61"/>
                      <a:gd name="T42" fmla="*/ 19 w 35"/>
                      <a:gd name="T43" fmla="*/ 35 h 61"/>
                      <a:gd name="T44" fmla="*/ 19 w 35"/>
                      <a:gd name="T45" fmla="*/ 27 h 61"/>
                      <a:gd name="T46" fmla="*/ 19 w 35"/>
                      <a:gd name="T47" fmla="*/ 25 h 61"/>
                      <a:gd name="T48" fmla="*/ 20 w 35"/>
                      <a:gd name="T49" fmla="*/ 25 h 61"/>
                      <a:gd name="T50" fmla="*/ 22 w 35"/>
                      <a:gd name="T51" fmla="*/ 23 h 61"/>
                      <a:gd name="T52" fmla="*/ 24 w 35"/>
                      <a:gd name="T53" fmla="*/ 22 h 61"/>
                      <a:gd name="T54" fmla="*/ 25 w 35"/>
                      <a:gd name="T55" fmla="*/ 18 h 61"/>
                      <a:gd name="T56" fmla="*/ 27 w 35"/>
                      <a:gd name="T57" fmla="*/ 15 h 61"/>
                      <a:gd name="T58" fmla="*/ 29 w 35"/>
                      <a:gd name="T59" fmla="*/ 12 h 61"/>
                      <a:gd name="T60" fmla="*/ 29 w 35"/>
                      <a:gd name="T61" fmla="*/ 5 h 61"/>
                      <a:gd name="T62" fmla="*/ 30 w 35"/>
                      <a:gd name="T63" fmla="*/ 3 h 61"/>
                      <a:gd name="T64" fmla="*/ 32 w 35"/>
                      <a:gd name="T65" fmla="*/ 1 h 61"/>
                      <a:gd name="T66" fmla="*/ 34 w 35"/>
                      <a:gd name="T67" fmla="*/ 0 h 61"/>
                      <a:gd name="T68" fmla="*/ 35 w 35"/>
                      <a:gd name="T69" fmla="*/ 0 h 61"/>
                      <a:gd name="T70" fmla="*/ 0 60000 65536"/>
                      <a:gd name="T71" fmla="*/ 0 60000 65536"/>
                      <a:gd name="T72" fmla="*/ 0 60000 65536"/>
                      <a:gd name="T73" fmla="*/ 0 60000 65536"/>
                      <a:gd name="T74" fmla="*/ 0 60000 65536"/>
                      <a:gd name="T75" fmla="*/ 0 60000 65536"/>
                      <a:gd name="T76" fmla="*/ 0 60000 65536"/>
                      <a:gd name="T77" fmla="*/ 0 60000 65536"/>
                      <a:gd name="T78" fmla="*/ 0 60000 65536"/>
                      <a:gd name="T79" fmla="*/ 0 60000 65536"/>
                      <a:gd name="T80" fmla="*/ 0 60000 65536"/>
                      <a:gd name="T81" fmla="*/ 0 60000 65536"/>
                      <a:gd name="T82" fmla="*/ 0 60000 65536"/>
                      <a:gd name="T83" fmla="*/ 0 60000 65536"/>
                      <a:gd name="T84" fmla="*/ 0 60000 65536"/>
                      <a:gd name="T85" fmla="*/ 0 60000 65536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w 35"/>
                      <a:gd name="T106" fmla="*/ 0 h 61"/>
                      <a:gd name="T107" fmla="*/ 35 w 35"/>
                      <a:gd name="T108" fmla="*/ 61 h 61"/>
                    </a:gdLst>
                    <a:ahLst/>
                    <a:cxnLst>
                      <a:cxn ang="T70">
                        <a:pos x="T0" y="T1"/>
                      </a:cxn>
                      <a:cxn ang="T71">
                        <a:pos x="T2" y="T3"/>
                      </a:cxn>
                      <a:cxn ang="T72">
                        <a:pos x="T4" y="T5"/>
                      </a:cxn>
                      <a:cxn ang="T73">
                        <a:pos x="T6" y="T7"/>
                      </a:cxn>
                      <a:cxn ang="T74">
                        <a:pos x="T8" y="T9"/>
                      </a:cxn>
                      <a:cxn ang="T75">
                        <a:pos x="T10" y="T11"/>
                      </a:cxn>
                      <a:cxn ang="T76">
                        <a:pos x="T12" y="T13"/>
                      </a:cxn>
                      <a:cxn ang="T77">
                        <a:pos x="T14" y="T15"/>
                      </a:cxn>
                      <a:cxn ang="T78">
                        <a:pos x="T16" y="T17"/>
                      </a:cxn>
                      <a:cxn ang="T79">
                        <a:pos x="T18" y="T19"/>
                      </a:cxn>
                      <a:cxn ang="T80">
                        <a:pos x="T20" y="T21"/>
                      </a:cxn>
                      <a:cxn ang="T81">
                        <a:pos x="T22" y="T23"/>
                      </a:cxn>
                      <a:cxn ang="T82">
                        <a:pos x="T24" y="T25"/>
                      </a:cxn>
                      <a:cxn ang="T83">
                        <a:pos x="T26" y="T27"/>
                      </a:cxn>
                      <a:cxn ang="T84">
                        <a:pos x="T28" y="T29"/>
                      </a:cxn>
                      <a:cxn ang="T85">
                        <a:pos x="T30" y="T31"/>
                      </a:cxn>
                      <a:cxn ang="T86">
                        <a:pos x="T32" y="T33"/>
                      </a:cxn>
                      <a:cxn ang="T87">
                        <a:pos x="T34" y="T35"/>
                      </a:cxn>
                      <a:cxn ang="T88">
                        <a:pos x="T36" y="T37"/>
                      </a:cxn>
                      <a:cxn ang="T89">
                        <a:pos x="T38" y="T39"/>
                      </a:cxn>
                      <a:cxn ang="T90">
                        <a:pos x="T40" y="T41"/>
                      </a:cxn>
                      <a:cxn ang="T91">
                        <a:pos x="T42" y="T43"/>
                      </a:cxn>
                      <a:cxn ang="T92">
                        <a:pos x="T44" y="T45"/>
                      </a:cxn>
                      <a:cxn ang="T93">
                        <a:pos x="T46" y="T47"/>
                      </a:cxn>
                      <a:cxn ang="T94">
                        <a:pos x="T48" y="T49"/>
                      </a:cxn>
                      <a:cxn ang="T95">
                        <a:pos x="T50" y="T51"/>
                      </a:cxn>
                      <a:cxn ang="T96">
                        <a:pos x="T52" y="T53"/>
                      </a:cxn>
                      <a:cxn ang="T97">
                        <a:pos x="T54" y="T55"/>
                      </a:cxn>
                      <a:cxn ang="T98">
                        <a:pos x="T56" y="T57"/>
                      </a:cxn>
                      <a:cxn ang="T99">
                        <a:pos x="T58" y="T59"/>
                      </a:cxn>
                      <a:cxn ang="T100">
                        <a:pos x="T60" y="T61"/>
                      </a:cxn>
                      <a:cxn ang="T101">
                        <a:pos x="T62" y="T63"/>
                      </a:cxn>
                      <a:cxn ang="T102">
                        <a:pos x="T64" y="T65"/>
                      </a:cxn>
                      <a:cxn ang="T103">
                        <a:pos x="T66" y="T67"/>
                      </a:cxn>
                      <a:cxn ang="T104">
                        <a:pos x="T68" y="T69"/>
                      </a:cxn>
                    </a:cxnLst>
                    <a:rect l="T105" t="T106" r="T107" b="T108"/>
                    <a:pathLst>
                      <a:path w="35" h="61">
                        <a:moveTo>
                          <a:pt x="35" y="0"/>
                        </a:moveTo>
                        <a:lnTo>
                          <a:pt x="35" y="0"/>
                        </a:lnTo>
                        <a:lnTo>
                          <a:pt x="35" y="1"/>
                        </a:lnTo>
                        <a:lnTo>
                          <a:pt x="35" y="3"/>
                        </a:lnTo>
                        <a:lnTo>
                          <a:pt x="35" y="5"/>
                        </a:lnTo>
                        <a:lnTo>
                          <a:pt x="34" y="8"/>
                        </a:lnTo>
                        <a:lnTo>
                          <a:pt x="34" y="12"/>
                        </a:lnTo>
                        <a:lnTo>
                          <a:pt x="32" y="15"/>
                        </a:lnTo>
                        <a:lnTo>
                          <a:pt x="30" y="20"/>
                        </a:lnTo>
                        <a:lnTo>
                          <a:pt x="29" y="23"/>
                        </a:lnTo>
                        <a:lnTo>
                          <a:pt x="27" y="29"/>
                        </a:lnTo>
                        <a:lnTo>
                          <a:pt x="24" y="34"/>
                        </a:lnTo>
                        <a:lnTo>
                          <a:pt x="20" y="39"/>
                        </a:lnTo>
                        <a:lnTo>
                          <a:pt x="17" y="44"/>
                        </a:lnTo>
                        <a:lnTo>
                          <a:pt x="12" y="49"/>
                        </a:lnTo>
                        <a:lnTo>
                          <a:pt x="7" y="56"/>
                        </a:lnTo>
                        <a:lnTo>
                          <a:pt x="2" y="61"/>
                        </a:lnTo>
                        <a:lnTo>
                          <a:pt x="0" y="61"/>
                        </a:lnTo>
                        <a:lnTo>
                          <a:pt x="0" y="59"/>
                        </a:lnTo>
                        <a:lnTo>
                          <a:pt x="0" y="57"/>
                        </a:lnTo>
                        <a:lnTo>
                          <a:pt x="0" y="56"/>
                        </a:lnTo>
                        <a:lnTo>
                          <a:pt x="19" y="35"/>
                        </a:lnTo>
                        <a:lnTo>
                          <a:pt x="19" y="27"/>
                        </a:lnTo>
                        <a:lnTo>
                          <a:pt x="19" y="25"/>
                        </a:lnTo>
                        <a:lnTo>
                          <a:pt x="20" y="25"/>
                        </a:lnTo>
                        <a:lnTo>
                          <a:pt x="22" y="23"/>
                        </a:lnTo>
                        <a:lnTo>
                          <a:pt x="24" y="22"/>
                        </a:lnTo>
                        <a:lnTo>
                          <a:pt x="25" y="18"/>
                        </a:lnTo>
                        <a:lnTo>
                          <a:pt x="27" y="15"/>
                        </a:lnTo>
                        <a:lnTo>
                          <a:pt x="29" y="12"/>
                        </a:lnTo>
                        <a:lnTo>
                          <a:pt x="29" y="5"/>
                        </a:lnTo>
                        <a:lnTo>
                          <a:pt x="30" y="3"/>
                        </a:lnTo>
                        <a:lnTo>
                          <a:pt x="32" y="1"/>
                        </a:lnTo>
                        <a:lnTo>
                          <a:pt x="34" y="0"/>
                        </a:lnTo>
                        <a:lnTo>
                          <a:pt x="35" y="0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49" name="Freeform 24"/>
                  <p:cNvSpPr>
                    <a:spLocks/>
                  </p:cNvSpPr>
                  <p:nvPr/>
                </p:nvSpPr>
                <p:spPr bwMode="auto">
                  <a:xfrm>
                    <a:off x="4673" y="3539"/>
                    <a:ext cx="35" cy="61"/>
                  </a:xfrm>
                  <a:custGeom>
                    <a:avLst/>
                    <a:gdLst>
                      <a:gd name="T0" fmla="*/ 35 w 35"/>
                      <a:gd name="T1" fmla="*/ 0 h 61"/>
                      <a:gd name="T2" fmla="*/ 35 w 35"/>
                      <a:gd name="T3" fmla="*/ 0 h 61"/>
                      <a:gd name="T4" fmla="*/ 35 w 35"/>
                      <a:gd name="T5" fmla="*/ 0 h 61"/>
                      <a:gd name="T6" fmla="*/ 35 w 35"/>
                      <a:gd name="T7" fmla="*/ 1 h 61"/>
                      <a:gd name="T8" fmla="*/ 35 w 35"/>
                      <a:gd name="T9" fmla="*/ 3 h 61"/>
                      <a:gd name="T10" fmla="*/ 35 w 35"/>
                      <a:gd name="T11" fmla="*/ 5 h 61"/>
                      <a:gd name="T12" fmla="*/ 34 w 35"/>
                      <a:gd name="T13" fmla="*/ 8 h 61"/>
                      <a:gd name="T14" fmla="*/ 34 w 35"/>
                      <a:gd name="T15" fmla="*/ 12 h 61"/>
                      <a:gd name="T16" fmla="*/ 32 w 35"/>
                      <a:gd name="T17" fmla="*/ 15 h 61"/>
                      <a:gd name="T18" fmla="*/ 30 w 35"/>
                      <a:gd name="T19" fmla="*/ 20 h 61"/>
                      <a:gd name="T20" fmla="*/ 29 w 35"/>
                      <a:gd name="T21" fmla="*/ 23 h 61"/>
                      <a:gd name="T22" fmla="*/ 27 w 35"/>
                      <a:gd name="T23" fmla="*/ 29 h 61"/>
                      <a:gd name="T24" fmla="*/ 24 w 35"/>
                      <a:gd name="T25" fmla="*/ 34 h 61"/>
                      <a:gd name="T26" fmla="*/ 20 w 35"/>
                      <a:gd name="T27" fmla="*/ 39 h 61"/>
                      <a:gd name="T28" fmla="*/ 17 w 35"/>
                      <a:gd name="T29" fmla="*/ 44 h 61"/>
                      <a:gd name="T30" fmla="*/ 12 w 35"/>
                      <a:gd name="T31" fmla="*/ 49 h 61"/>
                      <a:gd name="T32" fmla="*/ 7 w 35"/>
                      <a:gd name="T33" fmla="*/ 56 h 61"/>
                      <a:gd name="T34" fmla="*/ 2 w 35"/>
                      <a:gd name="T35" fmla="*/ 61 h 61"/>
                      <a:gd name="T36" fmla="*/ 2 w 35"/>
                      <a:gd name="T37" fmla="*/ 61 h 61"/>
                      <a:gd name="T38" fmla="*/ 0 w 35"/>
                      <a:gd name="T39" fmla="*/ 61 h 61"/>
                      <a:gd name="T40" fmla="*/ 0 w 35"/>
                      <a:gd name="T41" fmla="*/ 59 h 61"/>
                      <a:gd name="T42" fmla="*/ 0 w 35"/>
                      <a:gd name="T43" fmla="*/ 57 h 61"/>
                      <a:gd name="T44" fmla="*/ 0 w 35"/>
                      <a:gd name="T45" fmla="*/ 56 h 61"/>
                      <a:gd name="T46" fmla="*/ 19 w 35"/>
                      <a:gd name="T47" fmla="*/ 35 h 61"/>
                      <a:gd name="T48" fmla="*/ 19 w 35"/>
                      <a:gd name="T49" fmla="*/ 27 h 61"/>
                      <a:gd name="T50" fmla="*/ 19 w 35"/>
                      <a:gd name="T51" fmla="*/ 27 h 61"/>
                      <a:gd name="T52" fmla="*/ 19 w 35"/>
                      <a:gd name="T53" fmla="*/ 25 h 61"/>
                      <a:gd name="T54" fmla="*/ 20 w 35"/>
                      <a:gd name="T55" fmla="*/ 25 h 61"/>
                      <a:gd name="T56" fmla="*/ 22 w 35"/>
                      <a:gd name="T57" fmla="*/ 23 h 61"/>
                      <a:gd name="T58" fmla="*/ 24 w 35"/>
                      <a:gd name="T59" fmla="*/ 22 h 61"/>
                      <a:gd name="T60" fmla="*/ 25 w 35"/>
                      <a:gd name="T61" fmla="*/ 18 h 61"/>
                      <a:gd name="T62" fmla="*/ 27 w 35"/>
                      <a:gd name="T63" fmla="*/ 15 h 61"/>
                      <a:gd name="T64" fmla="*/ 29 w 35"/>
                      <a:gd name="T65" fmla="*/ 12 h 61"/>
                      <a:gd name="T66" fmla="*/ 29 w 35"/>
                      <a:gd name="T67" fmla="*/ 5 h 61"/>
                      <a:gd name="T68" fmla="*/ 29 w 35"/>
                      <a:gd name="T69" fmla="*/ 5 h 61"/>
                      <a:gd name="T70" fmla="*/ 30 w 35"/>
                      <a:gd name="T71" fmla="*/ 3 h 61"/>
                      <a:gd name="T72" fmla="*/ 32 w 35"/>
                      <a:gd name="T73" fmla="*/ 1 h 61"/>
                      <a:gd name="T74" fmla="*/ 34 w 35"/>
                      <a:gd name="T75" fmla="*/ 0 h 61"/>
                      <a:gd name="T76" fmla="*/ 35 w 35"/>
                      <a:gd name="T77" fmla="*/ 0 h 61"/>
                      <a:gd name="T78" fmla="*/ 0 60000 65536"/>
                      <a:gd name="T79" fmla="*/ 0 60000 65536"/>
                      <a:gd name="T80" fmla="*/ 0 60000 65536"/>
                      <a:gd name="T81" fmla="*/ 0 60000 65536"/>
                      <a:gd name="T82" fmla="*/ 0 60000 65536"/>
                      <a:gd name="T83" fmla="*/ 0 60000 65536"/>
                      <a:gd name="T84" fmla="*/ 0 60000 65536"/>
                      <a:gd name="T85" fmla="*/ 0 60000 65536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w 35"/>
                      <a:gd name="T118" fmla="*/ 0 h 61"/>
                      <a:gd name="T119" fmla="*/ 35 w 35"/>
                      <a:gd name="T120" fmla="*/ 61 h 61"/>
                    </a:gdLst>
                    <a:ahLst/>
                    <a:cxnLst>
                      <a:cxn ang="T78">
                        <a:pos x="T0" y="T1"/>
                      </a:cxn>
                      <a:cxn ang="T79">
                        <a:pos x="T2" y="T3"/>
                      </a:cxn>
                      <a:cxn ang="T80">
                        <a:pos x="T4" y="T5"/>
                      </a:cxn>
                      <a:cxn ang="T81">
                        <a:pos x="T6" y="T7"/>
                      </a:cxn>
                      <a:cxn ang="T82">
                        <a:pos x="T8" y="T9"/>
                      </a:cxn>
                      <a:cxn ang="T83">
                        <a:pos x="T10" y="T11"/>
                      </a:cxn>
                      <a:cxn ang="T84">
                        <a:pos x="T12" y="T13"/>
                      </a:cxn>
                      <a:cxn ang="T85">
                        <a:pos x="T14" y="T15"/>
                      </a:cxn>
                      <a:cxn ang="T86">
                        <a:pos x="T16" y="T17"/>
                      </a:cxn>
                      <a:cxn ang="T87">
                        <a:pos x="T18" y="T19"/>
                      </a:cxn>
                      <a:cxn ang="T88">
                        <a:pos x="T20" y="T21"/>
                      </a:cxn>
                      <a:cxn ang="T89">
                        <a:pos x="T22" y="T23"/>
                      </a:cxn>
                      <a:cxn ang="T90">
                        <a:pos x="T24" y="T25"/>
                      </a:cxn>
                      <a:cxn ang="T91">
                        <a:pos x="T26" y="T27"/>
                      </a:cxn>
                      <a:cxn ang="T92">
                        <a:pos x="T28" y="T29"/>
                      </a:cxn>
                      <a:cxn ang="T93">
                        <a:pos x="T30" y="T31"/>
                      </a:cxn>
                      <a:cxn ang="T94">
                        <a:pos x="T32" y="T33"/>
                      </a:cxn>
                      <a:cxn ang="T95">
                        <a:pos x="T34" y="T35"/>
                      </a:cxn>
                      <a:cxn ang="T96">
                        <a:pos x="T36" y="T37"/>
                      </a:cxn>
                      <a:cxn ang="T97">
                        <a:pos x="T38" y="T39"/>
                      </a:cxn>
                      <a:cxn ang="T98">
                        <a:pos x="T40" y="T41"/>
                      </a:cxn>
                      <a:cxn ang="T99">
                        <a:pos x="T42" y="T43"/>
                      </a:cxn>
                      <a:cxn ang="T100">
                        <a:pos x="T44" y="T45"/>
                      </a:cxn>
                      <a:cxn ang="T101">
                        <a:pos x="T46" y="T47"/>
                      </a:cxn>
                      <a:cxn ang="T102">
                        <a:pos x="T48" y="T49"/>
                      </a:cxn>
                      <a:cxn ang="T103">
                        <a:pos x="T50" y="T51"/>
                      </a:cxn>
                      <a:cxn ang="T104">
                        <a:pos x="T52" y="T53"/>
                      </a:cxn>
                      <a:cxn ang="T105">
                        <a:pos x="T54" y="T55"/>
                      </a:cxn>
                      <a:cxn ang="T106">
                        <a:pos x="T56" y="T57"/>
                      </a:cxn>
                      <a:cxn ang="T107">
                        <a:pos x="T58" y="T59"/>
                      </a:cxn>
                      <a:cxn ang="T108">
                        <a:pos x="T60" y="T61"/>
                      </a:cxn>
                      <a:cxn ang="T109">
                        <a:pos x="T62" y="T63"/>
                      </a:cxn>
                      <a:cxn ang="T110">
                        <a:pos x="T64" y="T65"/>
                      </a:cxn>
                      <a:cxn ang="T111">
                        <a:pos x="T66" y="T67"/>
                      </a:cxn>
                      <a:cxn ang="T112">
                        <a:pos x="T68" y="T69"/>
                      </a:cxn>
                      <a:cxn ang="T113">
                        <a:pos x="T70" y="T71"/>
                      </a:cxn>
                      <a:cxn ang="T114">
                        <a:pos x="T72" y="T73"/>
                      </a:cxn>
                      <a:cxn ang="T115">
                        <a:pos x="T74" y="T75"/>
                      </a:cxn>
                      <a:cxn ang="T116">
                        <a:pos x="T76" y="T77"/>
                      </a:cxn>
                    </a:cxnLst>
                    <a:rect l="T117" t="T118" r="T119" b="T120"/>
                    <a:pathLst>
                      <a:path w="35" h="61">
                        <a:moveTo>
                          <a:pt x="35" y="0"/>
                        </a:moveTo>
                        <a:lnTo>
                          <a:pt x="35" y="0"/>
                        </a:lnTo>
                        <a:lnTo>
                          <a:pt x="35" y="1"/>
                        </a:lnTo>
                        <a:lnTo>
                          <a:pt x="35" y="3"/>
                        </a:lnTo>
                        <a:lnTo>
                          <a:pt x="35" y="5"/>
                        </a:lnTo>
                        <a:lnTo>
                          <a:pt x="34" y="8"/>
                        </a:lnTo>
                        <a:lnTo>
                          <a:pt x="34" y="12"/>
                        </a:lnTo>
                        <a:lnTo>
                          <a:pt x="32" y="15"/>
                        </a:lnTo>
                        <a:lnTo>
                          <a:pt x="30" y="20"/>
                        </a:lnTo>
                        <a:lnTo>
                          <a:pt x="29" y="23"/>
                        </a:lnTo>
                        <a:lnTo>
                          <a:pt x="27" y="29"/>
                        </a:lnTo>
                        <a:lnTo>
                          <a:pt x="24" y="34"/>
                        </a:lnTo>
                        <a:lnTo>
                          <a:pt x="20" y="39"/>
                        </a:lnTo>
                        <a:lnTo>
                          <a:pt x="17" y="44"/>
                        </a:lnTo>
                        <a:lnTo>
                          <a:pt x="12" y="49"/>
                        </a:lnTo>
                        <a:lnTo>
                          <a:pt x="7" y="56"/>
                        </a:lnTo>
                        <a:lnTo>
                          <a:pt x="2" y="61"/>
                        </a:lnTo>
                        <a:lnTo>
                          <a:pt x="0" y="61"/>
                        </a:lnTo>
                        <a:lnTo>
                          <a:pt x="0" y="59"/>
                        </a:lnTo>
                        <a:lnTo>
                          <a:pt x="0" y="57"/>
                        </a:lnTo>
                        <a:lnTo>
                          <a:pt x="0" y="56"/>
                        </a:lnTo>
                        <a:lnTo>
                          <a:pt x="19" y="35"/>
                        </a:lnTo>
                        <a:lnTo>
                          <a:pt x="19" y="27"/>
                        </a:lnTo>
                        <a:lnTo>
                          <a:pt x="19" y="25"/>
                        </a:lnTo>
                        <a:lnTo>
                          <a:pt x="20" y="25"/>
                        </a:lnTo>
                        <a:lnTo>
                          <a:pt x="22" y="23"/>
                        </a:lnTo>
                        <a:lnTo>
                          <a:pt x="24" y="22"/>
                        </a:lnTo>
                        <a:lnTo>
                          <a:pt x="25" y="18"/>
                        </a:lnTo>
                        <a:lnTo>
                          <a:pt x="27" y="15"/>
                        </a:lnTo>
                        <a:lnTo>
                          <a:pt x="29" y="12"/>
                        </a:lnTo>
                        <a:lnTo>
                          <a:pt x="29" y="5"/>
                        </a:lnTo>
                        <a:lnTo>
                          <a:pt x="30" y="3"/>
                        </a:lnTo>
                        <a:lnTo>
                          <a:pt x="32" y="1"/>
                        </a:lnTo>
                        <a:lnTo>
                          <a:pt x="34" y="0"/>
                        </a:lnTo>
                        <a:lnTo>
                          <a:pt x="35" y="0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50" name="Freeform 25"/>
                  <p:cNvSpPr>
                    <a:spLocks/>
                  </p:cNvSpPr>
                  <p:nvPr/>
                </p:nvSpPr>
                <p:spPr bwMode="auto">
                  <a:xfrm>
                    <a:off x="4710" y="3513"/>
                    <a:ext cx="7" cy="19"/>
                  </a:xfrm>
                  <a:custGeom>
                    <a:avLst/>
                    <a:gdLst>
                      <a:gd name="T0" fmla="*/ 0 w 7"/>
                      <a:gd name="T1" fmla="*/ 11 h 19"/>
                      <a:gd name="T2" fmla="*/ 2 w 7"/>
                      <a:gd name="T3" fmla="*/ 5 h 19"/>
                      <a:gd name="T4" fmla="*/ 2 w 7"/>
                      <a:gd name="T5" fmla="*/ 4 h 19"/>
                      <a:gd name="T6" fmla="*/ 2 w 7"/>
                      <a:gd name="T7" fmla="*/ 0 h 19"/>
                      <a:gd name="T8" fmla="*/ 4 w 7"/>
                      <a:gd name="T9" fmla="*/ 0 h 19"/>
                      <a:gd name="T10" fmla="*/ 5 w 7"/>
                      <a:gd name="T11" fmla="*/ 0 h 19"/>
                      <a:gd name="T12" fmla="*/ 7 w 7"/>
                      <a:gd name="T13" fmla="*/ 4 h 19"/>
                      <a:gd name="T14" fmla="*/ 7 w 7"/>
                      <a:gd name="T15" fmla="*/ 5 h 19"/>
                      <a:gd name="T16" fmla="*/ 7 w 7"/>
                      <a:gd name="T17" fmla="*/ 11 h 19"/>
                      <a:gd name="T18" fmla="*/ 7 w 7"/>
                      <a:gd name="T19" fmla="*/ 14 h 19"/>
                      <a:gd name="T20" fmla="*/ 7 w 7"/>
                      <a:gd name="T21" fmla="*/ 17 h 19"/>
                      <a:gd name="T22" fmla="*/ 5 w 7"/>
                      <a:gd name="T23" fmla="*/ 19 h 19"/>
                      <a:gd name="T24" fmla="*/ 4 w 7"/>
                      <a:gd name="T25" fmla="*/ 19 h 19"/>
                      <a:gd name="T26" fmla="*/ 2 w 7"/>
                      <a:gd name="T27" fmla="*/ 19 h 19"/>
                      <a:gd name="T28" fmla="*/ 2 w 7"/>
                      <a:gd name="T29" fmla="*/ 17 h 19"/>
                      <a:gd name="T30" fmla="*/ 2 w 7"/>
                      <a:gd name="T31" fmla="*/ 14 h 19"/>
                      <a:gd name="T32" fmla="*/ 0 w 7"/>
                      <a:gd name="T33" fmla="*/ 11 h 19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7"/>
                      <a:gd name="T52" fmla="*/ 0 h 19"/>
                      <a:gd name="T53" fmla="*/ 7 w 7"/>
                      <a:gd name="T54" fmla="*/ 19 h 19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7" h="19">
                        <a:moveTo>
                          <a:pt x="0" y="11"/>
                        </a:moveTo>
                        <a:lnTo>
                          <a:pt x="2" y="5"/>
                        </a:lnTo>
                        <a:lnTo>
                          <a:pt x="2" y="4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5" y="0"/>
                        </a:lnTo>
                        <a:lnTo>
                          <a:pt x="7" y="4"/>
                        </a:lnTo>
                        <a:lnTo>
                          <a:pt x="7" y="5"/>
                        </a:lnTo>
                        <a:lnTo>
                          <a:pt x="7" y="11"/>
                        </a:lnTo>
                        <a:lnTo>
                          <a:pt x="7" y="14"/>
                        </a:lnTo>
                        <a:lnTo>
                          <a:pt x="7" y="17"/>
                        </a:lnTo>
                        <a:lnTo>
                          <a:pt x="5" y="19"/>
                        </a:lnTo>
                        <a:lnTo>
                          <a:pt x="4" y="19"/>
                        </a:lnTo>
                        <a:lnTo>
                          <a:pt x="2" y="19"/>
                        </a:lnTo>
                        <a:lnTo>
                          <a:pt x="2" y="17"/>
                        </a:lnTo>
                        <a:lnTo>
                          <a:pt x="2" y="14"/>
                        </a:lnTo>
                        <a:lnTo>
                          <a:pt x="0" y="11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51" name="Freeform 26"/>
                  <p:cNvSpPr>
                    <a:spLocks/>
                  </p:cNvSpPr>
                  <p:nvPr/>
                </p:nvSpPr>
                <p:spPr bwMode="auto">
                  <a:xfrm>
                    <a:off x="4710" y="3513"/>
                    <a:ext cx="7" cy="19"/>
                  </a:xfrm>
                  <a:custGeom>
                    <a:avLst/>
                    <a:gdLst>
                      <a:gd name="T0" fmla="*/ 0 w 7"/>
                      <a:gd name="T1" fmla="*/ 11 h 19"/>
                      <a:gd name="T2" fmla="*/ 0 w 7"/>
                      <a:gd name="T3" fmla="*/ 11 h 19"/>
                      <a:gd name="T4" fmla="*/ 2 w 7"/>
                      <a:gd name="T5" fmla="*/ 5 h 19"/>
                      <a:gd name="T6" fmla="*/ 2 w 7"/>
                      <a:gd name="T7" fmla="*/ 4 h 19"/>
                      <a:gd name="T8" fmla="*/ 2 w 7"/>
                      <a:gd name="T9" fmla="*/ 0 h 19"/>
                      <a:gd name="T10" fmla="*/ 4 w 7"/>
                      <a:gd name="T11" fmla="*/ 0 h 19"/>
                      <a:gd name="T12" fmla="*/ 4 w 7"/>
                      <a:gd name="T13" fmla="*/ 0 h 19"/>
                      <a:gd name="T14" fmla="*/ 5 w 7"/>
                      <a:gd name="T15" fmla="*/ 0 h 19"/>
                      <a:gd name="T16" fmla="*/ 7 w 7"/>
                      <a:gd name="T17" fmla="*/ 4 h 19"/>
                      <a:gd name="T18" fmla="*/ 7 w 7"/>
                      <a:gd name="T19" fmla="*/ 5 h 19"/>
                      <a:gd name="T20" fmla="*/ 7 w 7"/>
                      <a:gd name="T21" fmla="*/ 11 h 19"/>
                      <a:gd name="T22" fmla="*/ 7 w 7"/>
                      <a:gd name="T23" fmla="*/ 11 h 19"/>
                      <a:gd name="T24" fmla="*/ 7 w 7"/>
                      <a:gd name="T25" fmla="*/ 14 h 19"/>
                      <a:gd name="T26" fmla="*/ 7 w 7"/>
                      <a:gd name="T27" fmla="*/ 17 h 19"/>
                      <a:gd name="T28" fmla="*/ 5 w 7"/>
                      <a:gd name="T29" fmla="*/ 19 h 19"/>
                      <a:gd name="T30" fmla="*/ 4 w 7"/>
                      <a:gd name="T31" fmla="*/ 19 h 19"/>
                      <a:gd name="T32" fmla="*/ 4 w 7"/>
                      <a:gd name="T33" fmla="*/ 19 h 19"/>
                      <a:gd name="T34" fmla="*/ 2 w 7"/>
                      <a:gd name="T35" fmla="*/ 19 h 19"/>
                      <a:gd name="T36" fmla="*/ 2 w 7"/>
                      <a:gd name="T37" fmla="*/ 17 h 19"/>
                      <a:gd name="T38" fmla="*/ 2 w 7"/>
                      <a:gd name="T39" fmla="*/ 14 h 19"/>
                      <a:gd name="T40" fmla="*/ 0 w 7"/>
                      <a:gd name="T41" fmla="*/ 11 h 19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7"/>
                      <a:gd name="T64" fmla="*/ 0 h 19"/>
                      <a:gd name="T65" fmla="*/ 7 w 7"/>
                      <a:gd name="T66" fmla="*/ 19 h 19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7" h="19">
                        <a:moveTo>
                          <a:pt x="0" y="11"/>
                        </a:moveTo>
                        <a:lnTo>
                          <a:pt x="0" y="11"/>
                        </a:lnTo>
                        <a:lnTo>
                          <a:pt x="2" y="5"/>
                        </a:lnTo>
                        <a:lnTo>
                          <a:pt x="2" y="4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5" y="0"/>
                        </a:lnTo>
                        <a:lnTo>
                          <a:pt x="7" y="4"/>
                        </a:lnTo>
                        <a:lnTo>
                          <a:pt x="7" y="5"/>
                        </a:lnTo>
                        <a:lnTo>
                          <a:pt x="7" y="11"/>
                        </a:lnTo>
                        <a:lnTo>
                          <a:pt x="7" y="14"/>
                        </a:lnTo>
                        <a:lnTo>
                          <a:pt x="7" y="17"/>
                        </a:lnTo>
                        <a:lnTo>
                          <a:pt x="5" y="19"/>
                        </a:lnTo>
                        <a:lnTo>
                          <a:pt x="4" y="19"/>
                        </a:lnTo>
                        <a:lnTo>
                          <a:pt x="2" y="19"/>
                        </a:lnTo>
                        <a:lnTo>
                          <a:pt x="2" y="17"/>
                        </a:lnTo>
                        <a:lnTo>
                          <a:pt x="2" y="14"/>
                        </a:lnTo>
                        <a:lnTo>
                          <a:pt x="0" y="11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52" name="Freeform 27"/>
                  <p:cNvSpPr>
                    <a:spLocks/>
                  </p:cNvSpPr>
                  <p:nvPr/>
                </p:nvSpPr>
                <p:spPr bwMode="auto">
                  <a:xfrm>
                    <a:off x="4714" y="3488"/>
                    <a:ext cx="5" cy="10"/>
                  </a:xfrm>
                  <a:custGeom>
                    <a:avLst/>
                    <a:gdLst>
                      <a:gd name="T0" fmla="*/ 0 w 5"/>
                      <a:gd name="T1" fmla="*/ 5 h 10"/>
                      <a:gd name="T2" fmla="*/ 0 w 5"/>
                      <a:gd name="T3" fmla="*/ 3 h 10"/>
                      <a:gd name="T4" fmla="*/ 0 w 5"/>
                      <a:gd name="T5" fmla="*/ 2 h 10"/>
                      <a:gd name="T6" fmla="*/ 1 w 5"/>
                      <a:gd name="T7" fmla="*/ 2 h 10"/>
                      <a:gd name="T8" fmla="*/ 1 w 5"/>
                      <a:gd name="T9" fmla="*/ 0 h 10"/>
                      <a:gd name="T10" fmla="*/ 3 w 5"/>
                      <a:gd name="T11" fmla="*/ 2 h 10"/>
                      <a:gd name="T12" fmla="*/ 3 w 5"/>
                      <a:gd name="T13" fmla="*/ 2 h 10"/>
                      <a:gd name="T14" fmla="*/ 3 w 5"/>
                      <a:gd name="T15" fmla="*/ 3 h 10"/>
                      <a:gd name="T16" fmla="*/ 5 w 5"/>
                      <a:gd name="T17" fmla="*/ 5 h 10"/>
                      <a:gd name="T18" fmla="*/ 3 w 5"/>
                      <a:gd name="T19" fmla="*/ 7 h 10"/>
                      <a:gd name="T20" fmla="*/ 3 w 5"/>
                      <a:gd name="T21" fmla="*/ 8 h 10"/>
                      <a:gd name="T22" fmla="*/ 3 w 5"/>
                      <a:gd name="T23" fmla="*/ 10 h 10"/>
                      <a:gd name="T24" fmla="*/ 1 w 5"/>
                      <a:gd name="T25" fmla="*/ 10 h 10"/>
                      <a:gd name="T26" fmla="*/ 1 w 5"/>
                      <a:gd name="T27" fmla="*/ 10 h 10"/>
                      <a:gd name="T28" fmla="*/ 0 w 5"/>
                      <a:gd name="T29" fmla="*/ 8 h 10"/>
                      <a:gd name="T30" fmla="*/ 0 w 5"/>
                      <a:gd name="T31" fmla="*/ 7 h 10"/>
                      <a:gd name="T32" fmla="*/ 0 w 5"/>
                      <a:gd name="T33" fmla="*/ 5 h 10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5"/>
                      <a:gd name="T52" fmla="*/ 0 h 10"/>
                      <a:gd name="T53" fmla="*/ 5 w 5"/>
                      <a:gd name="T54" fmla="*/ 10 h 10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5" h="10">
                        <a:moveTo>
                          <a:pt x="0" y="5"/>
                        </a:moveTo>
                        <a:lnTo>
                          <a:pt x="0" y="3"/>
                        </a:lnTo>
                        <a:lnTo>
                          <a:pt x="0" y="2"/>
                        </a:lnTo>
                        <a:lnTo>
                          <a:pt x="1" y="2"/>
                        </a:lnTo>
                        <a:lnTo>
                          <a:pt x="1" y="0"/>
                        </a:lnTo>
                        <a:lnTo>
                          <a:pt x="3" y="2"/>
                        </a:lnTo>
                        <a:lnTo>
                          <a:pt x="3" y="3"/>
                        </a:lnTo>
                        <a:lnTo>
                          <a:pt x="5" y="5"/>
                        </a:lnTo>
                        <a:lnTo>
                          <a:pt x="3" y="7"/>
                        </a:lnTo>
                        <a:lnTo>
                          <a:pt x="3" y="8"/>
                        </a:lnTo>
                        <a:lnTo>
                          <a:pt x="3" y="10"/>
                        </a:lnTo>
                        <a:lnTo>
                          <a:pt x="1" y="10"/>
                        </a:lnTo>
                        <a:lnTo>
                          <a:pt x="0" y="8"/>
                        </a:lnTo>
                        <a:lnTo>
                          <a:pt x="0" y="7"/>
                        </a:lnTo>
                        <a:lnTo>
                          <a:pt x="0" y="5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53" name="Freeform 28"/>
                  <p:cNvSpPr>
                    <a:spLocks/>
                  </p:cNvSpPr>
                  <p:nvPr/>
                </p:nvSpPr>
                <p:spPr bwMode="auto">
                  <a:xfrm>
                    <a:off x="4714" y="3488"/>
                    <a:ext cx="5" cy="10"/>
                  </a:xfrm>
                  <a:custGeom>
                    <a:avLst/>
                    <a:gdLst>
                      <a:gd name="T0" fmla="*/ 0 w 5"/>
                      <a:gd name="T1" fmla="*/ 5 h 10"/>
                      <a:gd name="T2" fmla="*/ 0 w 5"/>
                      <a:gd name="T3" fmla="*/ 5 h 10"/>
                      <a:gd name="T4" fmla="*/ 0 w 5"/>
                      <a:gd name="T5" fmla="*/ 3 h 10"/>
                      <a:gd name="T6" fmla="*/ 0 w 5"/>
                      <a:gd name="T7" fmla="*/ 2 h 10"/>
                      <a:gd name="T8" fmla="*/ 1 w 5"/>
                      <a:gd name="T9" fmla="*/ 2 h 10"/>
                      <a:gd name="T10" fmla="*/ 1 w 5"/>
                      <a:gd name="T11" fmla="*/ 0 h 10"/>
                      <a:gd name="T12" fmla="*/ 1 w 5"/>
                      <a:gd name="T13" fmla="*/ 0 h 10"/>
                      <a:gd name="T14" fmla="*/ 3 w 5"/>
                      <a:gd name="T15" fmla="*/ 2 h 10"/>
                      <a:gd name="T16" fmla="*/ 3 w 5"/>
                      <a:gd name="T17" fmla="*/ 2 h 10"/>
                      <a:gd name="T18" fmla="*/ 3 w 5"/>
                      <a:gd name="T19" fmla="*/ 3 h 10"/>
                      <a:gd name="T20" fmla="*/ 5 w 5"/>
                      <a:gd name="T21" fmla="*/ 5 h 10"/>
                      <a:gd name="T22" fmla="*/ 5 w 5"/>
                      <a:gd name="T23" fmla="*/ 5 h 10"/>
                      <a:gd name="T24" fmla="*/ 3 w 5"/>
                      <a:gd name="T25" fmla="*/ 7 h 10"/>
                      <a:gd name="T26" fmla="*/ 3 w 5"/>
                      <a:gd name="T27" fmla="*/ 8 h 10"/>
                      <a:gd name="T28" fmla="*/ 3 w 5"/>
                      <a:gd name="T29" fmla="*/ 10 h 10"/>
                      <a:gd name="T30" fmla="*/ 1 w 5"/>
                      <a:gd name="T31" fmla="*/ 10 h 10"/>
                      <a:gd name="T32" fmla="*/ 1 w 5"/>
                      <a:gd name="T33" fmla="*/ 10 h 10"/>
                      <a:gd name="T34" fmla="*/ 1 w 5"/>
                      <a:gd name="T35" fmla="*/ 10 h 10"/>
                      <a:gd name="T36" fmla="*/ 0 w 5"/>
                      <a:gd name="T37" fmla="*/ 8 h 10"/>
                      <a:gd name="T38" fmla="*/ 0 w 5"/>
                      <a:gd name="T39" fmla="*/ 7 h 10"/>
                      <a:gd name="T40" fmla="*/ 0 w 5"/>
                      <a:gd name="T41" fmla="*/ 5 h 10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5"/>
                      <a:gd name="T64" fmla="*/ 0 h 10"/>
                      <a:gd name="T65" fmla="*/ 5 w 5"/>
                      <a:gd name="T66" fmla="*/ 10 h 10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5" h="10">
                        <a:moveTo>
                          <a:pt x="0" y="5"/>
                        </a:moveTo>
                        <a:lnTo>
                          <a:pt x="0" y="5"/>
                        </a:lnTo>
                        <a:lnTo>
                          <a:pt x="0" y="3"/>
                        </a:lnTo>
                        <a:lnTo>
                          <a:pt x="0" y="2"/>
                        </a:lnTo>
                        <a:lnTo>
                          <a:pt x="1" y="2"/>
                        </a:lnTo>
                        <a:lnTo>
                          <a:pt x="1" y="0"/>
                        </a:lnTo>
                        <a:lnTo>
                          <a:pt x="3" y="2"/>
                        </a:lnTo>
                        <a:lnTo>
                          <a:pt x="3" y="3"/>
                        </a:lnTo>
                        <a:lnTo>
                          <a:pt x="5" y="5"/>
                        </a:lnTo>
                        <a:lnTo>
                          <a:pt x="3" y="7"/>
                        </a:lnTo>
                        <a:lnTo>
                          <a:pt x="3" y="8"/>
                        </a:lnTo>
                        <a:lnTo>
                          <a:pt x="3" y="10"/>
                        </a:lnTo>
                        <a:lnTo>
                          <a:pt x="1" y="10"/>
                        </a:lnTo>
                        <a:lnTo>
                          <a:pt x="0" y="8"/>
                        </a:lnTo>
                        <a:lnTo>
                          <a:pt x="0" y="7"/>
                        </a:lnTo>
                        <a:lnTo>
                          <a:pt x="0" y="5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54" name="Freeform 29"/>
                  <p:cNvSpPr>
                    <a:spLocks/>
                  </p:cNvSpPr>
                  <p:nvPr/>
                </p:nvSpPr>
                <p:spPr bwMode="auto">
                  <a:xfrm>
                    <a:off x="4590" y="3632"/>
                    <a:ext cx="8" cy="10"/>
                  </a:xfrm>
                  <a:custGeom>
                    <a:avLst/>
                    <a:gdLst>
                      <a:gd name="T0" fmla="*/ 0 w 8"/>
                      <a:gd name="T1" fmla="*/ 5 h 10"/>
                      <a:gd name="T2" fmla="*/ 2 w 8"/>
                      <a:gd name="T3" fmla="*/ 3 h 10"/>
                      <a:gd name="T4" fmla="*/ 2 w 8"/>
                      <a:gd name="T5" fmla="*/ 0 h 10"/>
                      <a:gd name="T6" fmla="*/ 3 w 8"/>
                      <a:gd name="T7" fmla="*/ 0 h 10"/>
                      <a:gd name="T8" fmla="*/ 5 w 8"/>
                      <a:gd name="T9" fmla="*/ 0 h 10"/>
                      <a:gd name="T10" fmla="*/ 5 w 8"/>
                      <a:gd name="T11" fmla="*/ 0 h 10"/>
                      <a:gd name="T12" fmla="*/ 7 w 8"/>
                      <a:gd name="T13" fmla="*/ 0 h 10"/>
                      <a:gd name="T14" fmla="*/ 8 w 8"/>
                      <a:gd name="T15" fmla="*/ 3 h 10"/>
                      <a:gd name="T16" fmla="*/ 8 w 8"/>
                      <a:gd name="T17" fmla="*/ 5 h 10"/>
                      <a:gd name="T18" fmla="*/ 8 w 8"/>
                      <a:gd name="T19" fmla="*/ 7 h 10"/>
                      <a:gd name="T20" fmla="*/ 7 w 8"/>
                      <a:gd name="T21" fmla="*/ 8 h 10"/>
                      <a:gd name="T22" fmla="*/ 5 w 8"/>
                      <a:gd name="T23" fmla="*/ 10 h 10"/>
                      <a:gd name="T24" fmla="*/ 5 w 8"/>
                      <a:gd name="T25" fmla="*/ 10 h 10"/>
                      <a:gd name="T26" fmla="*/ 3 w 8"/>
                      <a:gd name="T27" fmla="*/ 10 h 10"/>
                      <a:gd name="T28" fmla="*/ 2 w 8"/>
                      <a:gd name="T29" fmla="*/ 8 h 10"/>
                      <a:gd name="T30" fmla="*/ 2 w 8"/>
                      <a:gd name="T31" fmla="*/ 7 h 10"/>
                      <a:gd name="T32" fmla="*/ 0 w 8"/>
                      <a:gd name="T33" fmla="*/ 5 h 10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8"/>
                      <a:gd name="T52" fmla="*/ 0 h 10"/>
                      <a:gd name="T53" fmla="*/ 8 w 8"/>
                      <a:gd name="T54" fmla="*/ 10 h 10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8" h="10">
                        <a:moveTo>
                          <a:pt x="0" y="5"/>
                        </a:moveTo>
                        <a:lnTo>
                          <a:pt x="2" y="3"/>
                        </a:lnTo>
                        <a:lnTo>
                          <a:pt x="2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7" y="0"/>
                        </a:lnTo>
                        <a:lnTo>
                          <a:pt x="8" y="3"/>
                        </a:lnTo>
                        <a:lnTo>
                          <a:pt x="8" y="5"/>
                        </a:lnTo>
                        <a:lnTo>
                          <a:pt x="8" y="7"/>
                        </a:lnTo>
                        <a:lnTo>
                          <a:pt x="7" y="8"/>
                        </a:lnTo>
                        <a:lnTo>
                          <a:pt x="5" y="10"/>
                        </a:lnTo>
                        <a:lnTo>
                          <a:pt x="3" y="10"/>
                        </a:lnTo>
                        <a:lnTo>
                          <a:pt x="2" y="8"/>
                        </a:lnTo>
                        <a:lnTo>
                          <a:pt x="2" y="7"/>
                        </a:lnTo>
                        <a:lnTo>
                          <a:pt x="0" y="5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55" name="Freeform 30"/>
                  <p:cNvSpPr>
                    <a:spLocks/>
                  </p:cNvSpPr>
                  <p:nvPr/>
                </p:nvSpPr>
                <p:spPr bwMode="auto">
                  <a:xfrm>
                    <a:off x="4590" y="3632"/>
                    <a:ext cx="8" cy="10"/>
                  </a:xfrm>
                  <a:custGeom>
                    <a:avLst/>
                    <a:gdLst>
                      <a:gd name="T0" fmla="*/ 0 w 8"/>
                      <a:gd name="T1" fmla="*/ 5 h 10"/>
                      <a:gd name="T2" fmla="*/ 0 w 8"/>
                      <a:gd name="T3" fmla="*/ 5 h 10"/>
                      <a:gd name="T4" fmla="*/ 2 w 8"/>
                      <a:gd name="T5" fmla="*/ 3 h 10"/>
                      <a:gd name="T6" fmla="*/ 2 w 8"/>
                      <a:gd name="T7" fmla="*/ 0 h 10"/>
                      <a:gd name="T8" fmla="*/ 3 w 8"/>
                      <a:gd name="T9" fmla="*/ 0 h 10"/>
                      <a:gd name="T10" fmla="*/ 5 w 8"/>
                      <a:gd name="T11" fmla="*/ 0 h 10"/>
                      <a:gd name="T12" fmla="*/ 5 w 8"/>
                      <a:gd name="T13" fmla="*/ 0 h 10"/>
                      <a:gd name="T14" fmla="*/ 5 w 8"/>
                      <a:gd name="T15" fmla="*/ 0 h 10"/>
                      <a:gd name="T16" fmla="*/ 7 w 8"/>
                      <a:gd name="T17" fmla="*/ 0 h 10"/>
                      <a:gd name="T18" fmla="*/ 8 w 8"/>
                      <a:gd name="T19" fmla="*/ 3 h 10"/>
                      <a:gd name="T20" fmla="*/ 8 w 8"/>
                      <a:gd name="T21" fmla="*/ 5 h 10"/>
                      <a:gd name="T22" fmla="*/ 8 w 8"/>
                      <a:gd name="T23" fmla="*/ 5 h 10"/>
                      <a:gd name="T24" fmla="*/ 8 w 8"/>
                      <a:gd name="T25" fmla="*/ 7 h 10"/>
                      <a:gd name="T26" fmla="*/ 7 w 8"/>
                      <a:gd name="T27" fmla="*/ 8 h 10"/>
                      <a:gd name="T28" fmla="*/ 5 w 8"/>
                      <a:gd name="T29" fmla="*/ 10 h 10"/>
                      <a:gd name="T30" fmla="*/ 5 w 8"/>
                      <a:gd name="T31" fmla="*/ 10 h 10"/>
                      <a:gd name="T32" fmla="*/ 5 w 8"/>
                      <a:gd name="T33" fmla="*/ 10 h 10"/>
                      <a:gd name="T34" fmla="*/ 3 w 8"/>
                      <a:gd name="T35" fmla="*/ 10 h 10"/>
                      <a:gd name="T36" fmla="*/ 2 w 8"/>
                      <a:gd name="T37" fmla="*/ 8 h 10"/>
                      <a:gd name="T38" fmla="*/ 2 w 8"/>
                      <a:gd name="T39" fmla="*/ 7 h 10"/>
                      <a:gd name="T40" fmla="*/ 0 w 8"/>
                      <a:gd name="T41" fmla="*/ 5 h 10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8"/>
                      <a:gd name="T64" fmla="*/ 0 h 10"/>
                      <a:gd name="T65" fmla="*/ 8 w 8"/>
                      <a:gd name="T66" fmla="*/ 10 h 10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8" h="10">
                        <a:moveTo>
                          <a:pt x="0" y="5"/>
                        </a:moveTo>
                        <a:lnTo>
                          <a:pt x="0" y="5"/>
                        </a:lnTo>
                        <a:lnTo>
                          <a:pt x="2" y="3"/>
                        </a:lnTo>
                        <a:lnTo>
                          <a:pt x="2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7" y="0"/>
                        </a:lnTo>
                        <a:lnTo>
                          <a:pt x="8" y="3"/>
                        </a:lnTo>
                        <a:lnTo>
                          <a:pt x="8" y="5"/>
                        </a:lnTo>
                        <a:lnTo>
                          <a:pt x="8" y="7"/>
                        </a:lnTo>
                        <a:lnTo>
                          <a:pt x="7" y="8"/>
                        </a:lnTo>
                        <a:lnTo>
                          <a:pt x="5" y="10"/>
                        </a:lnTo>
                        <a:lnTo>
                          <a:pt x="3" y="10"/>
                        </a:lnTo>
                        <a:lnTo>
                          <a:pt x="2" y="8"/>
                        </a:lnTo>
                        <a:lnTo>
                          <a:pt x="2" y="7"/>
                        </a:lnTo>
                        <a:lnTo>
                          <a:pt x="0" y="5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56" name="Freeform 31"/>
                  <p:cNvSpPr>
                    <a:spLocks/>
                  </p:cNvSpPr>
                  <p:nvPr/>
                </p:nvSpPr>
                <p:spPr bwMode="auto">
                  <a:xfrm>
                    <a:off x="4582" y="3637"/>
                    <a:ext cx="6" cy="8"/>
                  </a:xfrm>
                  <a:custGeom>
                    <a:avLst/>
                    <a:gdLst>
                      <a:gd name="T0" fmla="*/ 0 w 6"/>
                      <a:gd name="T1" fmla="*/ 3 h 8"/>
                      <a:gd name="T2" fmla="*/ 0 w 6"/>
                      <a:gd name="T3" fmla="*/ 3 h 8"/>
                      <a:gd name="T4" fmla="*/ 0 w 6"/>
                      <a:gd name="T5" fmla="*/ 2 h 8"/>
                      <a:gd name="T6" fmla="*/ 1 w 6"/>
                      <a:gd name="T7" fmla="*/ 0 h 8"/>
                      <a:gd name="T8" fmla="*/ 3 w 6"/>
                      <a:gd name="T9" fmla="*/ 0 h 8"/>
                      <a:gd name="T10" fmla="*/ 5 w 6"/>
                      <a:gd name="T11" fmla="*/ 0 h 8"/>
                      <a:gd name="T12" fmla="*/ 5 w 6"/>
                      <a:gd name="T13" fmla="*/ 2 h 8"/>
                      <a:gd name="T14" fmla="*/ 6 w 6"/>
                      <a:gd name="T15" fmla="*/ 3 h 8"/>
                      <a:gd name="T16" fmla="*/ 6 w 6"/>
                      <a:gd name="T17" fmla="*/ 3 h 8"/>
                      <a:gd name="T18" fmla="*/ 6 w 6"/>
                      <a:gd name="T19" fmla="*/ 5 h 8"/>
                      <a:gd name="T20" fmla="*/ 5 w 6"/>
                      <a:gd name="T21" fmla="*/ 7 h 8"/>
                      <a:gd name="T22" fmla="*/ 5 w 6"/>
                      <a:gd name="T23" fmla="*/ 7 h 8"/>
                      <a:gd name="T24" fmla="*/ 3 w 6"/>
                      <a:gd name="T25" fmla="*/ 8 h 8"/>
                      <a:gd name="T26" fmla="*/ 1 w 6"/>
                      <a:gd name="T27" fmla="*/ 7 h 8"/>
                      <a:gd name="T28" fmla="*/ 0 w 6"/>
                      <a:gd name="T29" fmla="*/ 7 h 8"/>
                      <a:gd name="T30" fmla="*/ 0 w 6"/>
                      <a:gd name="T31" fmla="*/ 5 h 8"/>
                      <a:gd name="T32" fmla="*/ 0 w 6"/>
                      <a:gd name="T33" fmla="*/ 3 h 8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6"/>
                      <a:gd name="T52" fmla="*/ 0 h 8"/>
                      <a:gd name="T53" fmla="*/ 6 w 6"/>
                      <a:gd name="T54" fmla="*/ 8 h 8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6" h="8">
                        <a:moveTo>
                          <a:pt x="0" y="3"/>
                        </a:moveTo>
                        <a:lnTo>
                          <a:pt x="0" y="3"/>
                        </a:lnTo>
                        <a:lnTo>
                          <a:pt x="0" y="2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5" y="2"/>
                        </a:lnTo>
                        <a:lnTo>
                          <a:pt x="6" y="3"/>
                        </a:lnTo>
                        <a:lnTo>
                          <a:pt x="6" y="5"/>
                        </a:lnTo>
                        <a:lnTo>
                          <a:pt x="5" y="7"/>
                        </a:lnTo>
                        <a:lnTo>
                          <a:pt x="3" y="8"/>
                        </a:lnTo>
                        <a:lnTo>
                          <a:pt x="1" y="7"/>
                        </a:lnTo>
                        <a:lnTo>
                          <a:pt x="0" y="7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57" name="Freeform 32"/>
                  <p:cNvSpPr>
                    <a:spLocks/>
                  </p:cNvSpPr>
                  <p:nvPr/>
                </p:nvSpPr>
                <p:spPr bwMode="auto">
                  <a:xfrm>
                    <a:off x="4582" y="3637"/>
                    <a:ext cx="6" cy="8"/>
                  </a:xfrm>
                  <a:custGeom>
                    <a:avLst/>
                    <a:gdLst>
                      <a:gd name="T0" fmla="*/ 0 w 6"/>
                      <a:gd name="T1" fmla="*/ 3 h 8"/>
                      <a:gd name="T2" fmla="*/ 0 w 6"/>
                      <a:gd name="T3" fmla="*/ 3 h 8"/>
                      <a:gd name="T4" fmla="*/ 0 w 6"/>
                      <a:gd name="T5" fmla="*/ 3 h 8"/>
                      <a:gd name="T6" fmla="*/ 0 w 6"/>
                      <a:gd name="T7" fmla="*/ 2 h 8"/>
                      <a:gd name="T8" fmla="*/ 1 w 6"/>
                      <a:gd name="T9" fmla="*/ 0 h 8"/>
                      <a:gd name="T10" fmla="*/ 3 w 6"/>
                      <a:gd name="T11" fmla="*/ 0 h 8"/>
                      <a:gd name="T12" fmla="*/ 3 w 6"/>
                      <a:gd name="T13" fmla="*/ 0 h 8"/>
                      <a:gd name="T14" fmla="*/ 5 w 6"/>
                      <a:gd name="T15" fmla="*/ 0 h 8"/>
                      <a:gd name="T16" fmla="*/ 5 w 6"/>
                      <a:gd name="T17" fmla="*/ 2 h 8"/>
                      <a:gd name="T18" fmla="*/ 6 w 6"/>
                      <a:gd name="T19" fmla="*/ 3 h 8"/>
                      <a:gd name="T20" fmla="*/ 6 w 6"/>
                      <a:gd name="T21" fmla="*/ 3 h 8"/>
                      <a:gd name="T22" fmla="*/ 6 w 6"/>
                      <a:gd name="T23" fmla="*/ 3 h 8"/>
                      <a:gd name="T24" fmla="*/ 6 w 6"/>
                      <a:gd name="T25" fmla="*/ 5 h 8"/>
                      <a:gd name="T26" fmla="*/ 5 w 6"/>
                      <a:gd name="T27" fmla="*/ 7 h 8"/>
                      <a:gd name="T28" fmla="*/ 5 w 6"/>
                      <a:gd name="T29" fmla="*/ 7 h 8"/>
                      <a:gd name="T30" fmla="*/ 3 w 6"/>
                      <a:gd name="T31" fmla="*/ 8 h 8"/>
                      <a:gd name="T32" fmla="*/ 3 w 6"/>
                      <a:gd name="T33" fmla="*/ 8 h 8"/>
                      <a:gd name="T34" fmla="*/ 1 w 6"/>
                      <a:gd name="T35" fmla="*/ 7 h 8"/>
                      <a:gd name="T36" fmla="*/ 0 w 6"/>
                      <a:gd name="T37" fmla="*/ 7 h 8"/>
                      <a:gd name="T38" fmla="*/ 0 w 6"/>
                      <a:gd name="T39" fmla="*/ 5 h 8"/>
                      <a:gd name="T40" fmla="*/ 0 w 6"/>
                      <a:gd name="T41" fmla="*/ 3 h 8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6"/>
                      <a:gd name="T64" fmla="*/ 0 h 8"/>
                      <a:gd name="T65" fmla="*/ 6 w 6"/>
                      <a:gd name="T66" fmla="*/ 8 h 8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6" h="8">
                        <a:moveTo>
                          <a:pt x="0" y="3"/>
                        </a:moveTo>
                        <a:lnTo>
                          <a:pt x="0" y="3"/>
                        </a:lnTo>
                        <a:lnTo>
                          <a:pt x="0" y="2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5" y="2"/>
                        </a:lnTo>
                        <a:lnTo>
                          <a:pt x="6" y="3"/>
                        </a:lnTo>
                        <a:lnTo>
                          <a:pt x="6" y="5"/>
                        </a:lnTo>
                        <a:lnTo>
                          <a:pt x="5" y="7"/>
                        </a:lnTo>
                        <a:lnTo>
                          <a:pt x="3" y="8"/>
                        </a:lnTo>
                        <a:lnTo>
                          <a:pt x="1" y="7"/>
                        </a:lnTo>
                        <a:lnTo>
                          <a:pt x="0" y="7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58" name="Freeform 33"/>
                  <p:cNvSpPr>
                    <a:spLocks/>
                  </p:cNvSpPr>
                  <p:nvPr/>
                </p:nvSpPr>
                <p:spPr bwMode="auto">
                  <a:xfrm>
                    <a:off x="4575" y="3644"/>
                    <a:ext cx="3" cy="5"/>
                  </a:xfrm>
                  <a:custGeom>
                    <a:avLst/>
                    <a:gdLst>
                      <a:gd name="T0" fmla="*/ 0 w 3"/>
                      <a:gd name="T1" fmla="*/ 1 h 5"/>
                      <a:gd name="T2" fmla="*/ 0 w 3"/>
                      <a:gd name="T3" fmla="*/ 1 h 5"/>
                      <a:gd name="T4" fmla="*/ 0 w 3"/>
                      <a:gd name="T5" fmla="*/ 0 h 5"/>
                      <a:gd name="T6" fmla="*/ 1 w 3"/>
                      <a:gd name="T7" fmla="*/ 0 h 5"/>
                      <a:gd name="T8" fmla="*/ 1 w 3"/>
                      <a:gd name="T9" fmla="*/ 0 h 5"/>
                      <a:gd name="T10" fmla="*/ 1 w 3"/>
                      <a:gd name="T11" fmla="*/ 0 h 5"/>
                      <a:gd name="T12" fmla="*/ 3 w 3"/>
                      <a:gd name="T13" fmla="*/ 0 h 5"/>
                      <a:gd name="T14" fmla="*/ 3 w 3"/>
                      <a:gd name="T15" fmla="*/ 1 h 5"/>
                      <a:gd name="T16" fmla="*/ 3 w 3"/>
                      <a:gd name="T17" fmla="*/ 1 h 5"/>
                      <a:gd name="T18" fmla="*/ 3 w 3"/>
                      <a:gd name="T19" fmla="*/ 3 h 5"/>
                      <a:gd name="T20" fmla="*/ 3 w 3"/>
                      <a:gd name="T21" fmla="*/ 5 h 5"/>
                      <a:gd name="T22" fmla="*/ 1 w 3"/>
                      <a:gd name="T23" fmla="*/ 5 h 5"/>
                      <a:gd name="T24" fmla="*/ 1 w 3"/>
                      <a:gd name="T25" fmla="*/ 5 h 5"/>
                      <a:gd name="T26" fmla="*/ 1 w 3"/>
                      <a:gd name="T27" fmla="*/ 5 h 5"/>
                      <a:gd name="T28" fmla="*/ 0 w 3"/>
                      <a:gd name="T29" fmla="*/ 5 h 5"/>
                      <a:gd name="T30" fmla="*/ 0 w 3"/>
                      <a:gd name="T31" fmla="*/ 3 h 5"/>
                      <a:gd name="T32" fmla="*/ 0 w 3"/>
                      <a:gd name="T33" fmla="*/ 1 h 5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3"/>
                      <a:gd name="T52" fmla="*/ 0 h 5"/>
                      <a:gd name="T53" fmla="*/ 3 w 3"/>
                      <a:gd name="T54" fmla="*/ 5 h 5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3" h="5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3" y="1"/>
                        </a:lnTo>
                        <a:lnTo>
                          <a:pt x="3" y="3"/>
                        </a:lnTo>
                        <a:lnTo>
                          <a:pt x="3" y="5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59" name="Freeform 34"/>
                  <p:cNvSpPr>
                    <a:spLocks/>
                  </p:cNvSpPr>
                  <p:nvPr/>
                </p:nvSpPr>
                <p:spPr bwMode="auto">
                  <a:xfrm>
                    <a:off x="4575" y="3644"/>
                    <a:ext cx="3" cy="5"/>
                  </a:xfrm>
                  <a:custGeom>
                    <a:avLst/>
                    <a:gdLst>
                      <a:gd name="T0" fmla="*/ 0 w 3"/>
                      <a:gd name="T1" fmla="*/ 1 h 5"/>
                      <a:gd name="T2" fmla="*/ 0 w 3"/>
                      <a:gd name="T3" fmla="*/ 1 h 5"/>
                      <a:gd name="T4" fmla="*/ 0 w 3"/>
                      <a:gd name="T5" fmla="*/ 1 h 5"/>
                      <a:gd name="T6" fmla="*/ 0 w 3"/>
                      <a:gd name="T7" fmla="*/ 0 h 5"/>
                      <a:gd name="T8" fmla="*/ 1 w 3"/>
                      <a:gd name="T9" fmla="*/ 0 h 5"/>
                      <a:gd name="T10" fmla="*/ 1 w 3"/>
                      <a:gd name="T11" fmla="*/ 0 h 5"/>
                      <a:gd name="T12" fmla="*/ 1 w 3"/>
                      <a:gd name="T13" fmla="*/ 0 h 5"/>
                      <a:gd name="T14" fmla="*/ 1 w 3"/>
                      <a:gd name="T15" fmla="*/ 0 h 5"/>
                      <a:gd name="T16" fmla="*/ 3 w 3"/>
                      <a:gd name="T17" fmla="*/ 0 h 5"/>
                      <a:gd name="T18" fmla="*/ 3 w 3"/>
                      <a:gd name="T19" fmla="*/ 1 h 5"/>
                      <a:gd name="T20" fmla="*/ 3 w 3"/>
                      <a:gd name="T21" fmla="*/ 1 h 5"/>
                      <a:gd name="T22" fmla="*/ 3 w 3"/>
                      <a:gd name="T23" fmla="*/ 1 h 5"/>
                      <a:gd name="T24" fmla="*/ 3 w 3"/>
                      <a:gd name="T25" fmla="*/ 3 h 5"/>
                      <a:gd name="T26" fmla="*/ 3 w 3"/>
                      <a:gd name="T27" fmla="*/ 5 h 5"/>
                      <a:gd name="T28" fmla="*/ 1 w 3"/>
                      <a:gd name="T29" fmla="*/ 5 h 5"/>
                      <a:gd name="T30" fmla="*/ 1 w 3"/>
                      <a:gd name="T31" fmla="*/ 5 h 5"/>
                      <a:gd name="T32" fmla="*/ 1 w 3"/>
                      <a:gd name="T33" fmla="*/ 5 h 5"/>
                      <a:gd name="T34" fmla="*/ 1 w 3"/>
                      <a:gd name="T35" fmla="*/ 5 h 5"/>
                      <a:gd name="T36" fmla="*/ 0 w 3"/>
                      <a:gd name="T37" fmla="*/ 5 h 5"/>
                      <a:gd name="T38" fmla="*/ 0 w 3"/>
                      <a:gd name="T39" fmla="*/ 3 h 5"/>
                      <a:gd name="T40" fmla="*/ 0 w 3"/>
                      <a:gd name="T41" fmla="*/ 1 h 5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3"/>
                      <a:gd name="T64" fmla="*/ 0 h 5"/>
                      <a:gd name="T65" fmla="*/ 3 w 3"/>
                      <a:gd name="T66" fmla="*/ 5 h 5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3" h="5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3" y="1"/>
                        </a:lnTo>
                        <a:lnTo>
                          <a:pt x="3" y="3"/>
                        </a:lnTo>
                        <a:lnTo>
                          <a:pt x="3" y="5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60" name="Freeform 35"/>
                  <p:cNvSpPr>
                    <a:spLocks/>
                  </p:cNvSpPr>
                  <p:nvPr/>
                </p:nvSpPr>
                <p:spPr bwMode="auto">
                  <a:xfrm>
                    <a:off x="4566" y="3649"/>
                    <a:ext cx="5" cy="5"/>
                  </a:xfrm>
                  <a:custGeom>
                    <a:avLst/>
                    <a:gdLst>
                      <a:gd name="T0" fmla="*/ 0 w 5"/>
                      <a:gd name="T1" fmla="*/ 3 h 5"/>
                      <a:gd name="T2" fmla="*/ 0 w 5"/>
                      <a:gd name="T3" fmla="*/ 1 h 5"/>
                      <a:gd name="T4" fmla="*/ 2 w 5"/>
                      <a:gd name="T5" fmla="*/ 0 h 5"/>
                      <a:gd name="T6" fmla="*/ 2 w 5"/>
                      <a:gd name="T7" fmla="*/ 0 h 5"/>
                      <a:gd name="T8" fmla="*/ 4 w 5"/>
                      <a:gd name="T9" fmla="*/ 0 h 5"/>
                      <a:gd name="T10" fmla="*/ 4 w 5"/>
                      <a:gd name="T11" fmla="*/ 0 h 5"/>
                      <a:gd name="T12" fmla="*/ 5 w 5"/>
                      <a:gd name="T13" fmla="*/ 0 h 5"/>
                      <a:gd name="T14" fmla="*/ 5 w 5"/>
                      <a:gd name="T15" fmla="*/ 1 h 5"/>
                      <a:gd name="T16" fmla="*/ 5 w 5"/>
                      <a:gd name="T17" fmla="*/ 3 h 5"/>
                      <a:gd name="T18" fmla="*/ 5 w 5"/>
                      <a:gd name="T19" fmla="*/ 3 h 5"/>
                      <a:gd name="T20" fmla="*/ 5 w 5"/>
                      <a:gd name="T21" fmla="*/ 5 h 5"/>
                      <a:gd name="T22" fmla="*/ 4 w 5"/>
                      <a:gd name="T23" fmla="*/ 5 h 5"/>
                      <a:gd name="T24" fmla="*/ 4 w 5"/>
                      <a:gd name="T25" fmla="*/ 5 h 5"/>
                      <a:gd name="T26" fmla="*/ 2 w 5"/>
                      <a:gd name="T27" fmla="*/ 5 h 5"/>
                      <a:gd name="T28" fmla="*/ 2 w 5"/>
                      <a:gd name="T29" fmla="*/ 5 h 5"/>
                      <a:gd name="T30" fmla="*/ 0 w 5"/>
                      <a:gd name="T31" fmla="*/ 3 h 5"/>
                      <a:gd name="T32" fmla="*/ 0 w 5"/>
                      <a:gd name="T33" fmla="*/ 3 h 5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5"/>
                      <a:gd name="T52" fmla="*/ 0 h 5"/>
                      <a:gd name="T53" fmla="*/ 5 w 5"/>
                      <a:gd name="T54" fmla="*/ 5 h 5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5" h="5">
                        <a:moveTo>
                          <a:pt x="0" y="3"/>
                        </a:moveTo>
                        <a:lnTo>
                          <a:pt x="0" y="1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5" y="0"/>
                        </a:lnTo>
                        <a:lnTo>
                          <a:pt x="5" y="1"/>
                        </a:lnTo>
                        <a:lnTo>
                          <a:pt x="5" y="3"/>
                        </a:lnTo>
                        <a:lnTo>
                          <a:pt x="5" y="5"/>
                        </a:lnTo>
                        <a:lnTo>
                          <a:pt x="4" y="5"/>
                        </a:lnTo>
                        <a:lnTo>
                          <a:pt x="2" y="5"/>
                        </a:lnTo>
                        <a:lnTo>
                          <a:pt x="0" y="3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61" name="Freeform 36"/>
                  <p:cNvSpPr>
                    <a:spLocks/>
                  </p:cNvSpPr>
                  <p:nvPr/>
                </p:nvSpPr>
                <p:spPr bwMode="auto">
                  <a:xfrm>
                    <a:off x="4566" y="3649"/>
                    <a:ext cx="5" cy="5"/>
                  </a:xfrm>
                  <a:custGeom>
                    <a:avLst/>
                    <a:gdLst>
                      <a:gd name="T0" fmla="*/ 0 w 5"/>
                      <a:gd name="T1" fmla="*/ 3 h 5"/>
                      <a:gd name="T2" fmla="*/ 0 w 5"/>
                      <a:gd name="T3" fmla="*/ 3 h 5"/>
                      <a:gd name="T4" fmla="*/ 0 w 5"/>
                      <a:gd name="T5" fmla="*/ 1 h 5"/>
                      <a:gd name="T6" fmla="*/ 2 w 5"/>
                      <a:gd name="T7" fmla="*/ 0 h 5"/>
                      <a:gd name="T8" fmla="*/ 2 w 5"/>
                      <a:gd name="T9" fmla="*/ 0 h 5"/>
                      <a:gd name="T10" fmla="*/ 4 w 5"/>
                      <a:gd name="T11" fmla="*/ 0 h 5"/>
                      <a:gd name="T12" fmla="*/ 4 w 5"/>
                      <a:gd name="T13" fmla="*/ 0 h 5"/>
                      <a:gd name="T14" fmla="*/ 4 w 5"/>
                      <a:gd name="T15" fmla="*/ 0 h 5"/>
                      <a:gd name="T16" fmla="*/ 5 w 5"/>
                      <a:gd name="T17" fmla="*/ 0 h 5"/>
                      <a:gd name="T18" fmla="*/ 5 w 5"/>
                      <a:gd name="T19" fmla="*/ 1 h 5"/>
                      <a:gd name="T20" fmla="*/ 5 w 5"/>
                      <a:gd name="T21" fmla="*/ 3 h 5"/>
                      <a:gd name="T22" fmla="*/ 5 w 5"/>
                      <a:gd name="T23" fmla="*/ 3 h 5"/>
                      <a:gd name="T24" fmla="*/ 5 w 5"/>
                      <a:gd name="T25" fmla="*/ 3 h 5"/>
                      <a:gd name="T26" fmla="*/ 5 w 5"/>
                      <a:gd name="T27" fmla="*/ 5 h 5"/>
                      <a:gd name="T28" fmla="*/ 4 w 5"/>
                      <a:gd name="T29" fmla="*/ 5 h 5"/>
                      <a:gd name="T30" fmla="*/ 4 w 5"/>
                      <a:gd name="T31" fmla="*/ 5 h 5"/>
                      <a:gd name="T32" fmla="*/ 4 w 5"/>
                      <a:gd name="T33" fmla="*/ 5 h 5"/>
                      <a:gd name="T34" fmla="*/ 2 w 5"/>
                      <a:gd name="T35" fmla="*/ 5 h 5"/>
                      <a:gd name="T36" fmla="*/ 2 w 5"/>
                      <a:gd name="T37" fmla="*/ 5 h 5"/>
                      <a:gd name="T38" fmla="*/ 0 w 5"/>
                      <a:gd name="T39" fmla="*/ 3 h 5"/>
                      <a:gd name="T40" fmla="*/ 0 w 5"/>
                      <a:gd name="T41" fmla="*/ 3 h 5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5"/>
                      <a:gd name="T64" fmla="*/ 0 h 5"/>
                      <a:gd name="T65" fmla="*/ 5 w 5"/>
                      <a:gd name="T66" fmla="*/ 5 h 5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5" h="5">
                        <a:moveTo>
                          <a:pt x="0" y="3"/>
                        </a:moveTo>
                        <a:lnTo>
                          <a:pt x="0" y="3"/>
                        </a:lnTo>
                        <a:lnTo>
                          <a:pt x="0" y="1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5" y="0"/>
                        </a:lnTo>
                        <a:lnTo>
                          <a:pt x="5" y="1"/>
                        </a:lnTo>
                        <a:lnTo>
                          <a:pt x="5" y="3"/>
                        </a:lnTo>
                        <a:lnTo>
                          <a:pt x="5" y="5"/>
                        </a:lnTo>
                        <a:lnTo>
                          <a:pt x="4" y="5"/>
                        </a:lnTo>
                        <a:lnTo>
                          <a:pt x="2" y="5"/>
                        </a:lnTo>
                        <a:lnTo>
                          <a:pt x="0" y="3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62" name="Freeform 37"/>
                  <p:cNvSpPr>
                    <a:spLocks/>
                  </p:cNvSpPr>
                  <p:nvPr/>
                </p:nvSpPr>
                <p:spPr bwMode="auto">
                  <a:xfrm>
                    <a:off x="4560" y="3656"/>
                    <a:ext cx="5" cy="3"/>
                  </a:xfrm>
                  <a:custGeom>
                    <a:avLst/>
                    <a:gdLst>
                      <a:gd name="T0" fmla="*/ 0 w 5"/>
                      <a:gd name="T1" fmla="*/ 1 h 3"/>
                      <a:gd name="T2" fmla="*/ 0 w 5"/>
                      <a:gd name="T3" fmla="*/ 1 h 3"/>
                      <a:gd name="T4" fmla="*/ 0 w 5"/>
                      <a:gd name="T5" fmla="*/ 0 h 3"/>
                      <a:gd name="T6" fmla="*/ 1 w 5"/>
                      <a:gd name="T7" fmla="*/ 0 h 3"/>
                      <a:gd name="T8" fmla="*/ 1 w 5"/>
                      <a:gd name="T9" fmla="*/ 0 h 3"/>
                      <a:gd name="T10" fmla="*/ 3 w 5"/>
                      <a:gd name="T11" fmla="*/ 0 h 3"/>
                      <a:gd name="T12" fmla="*/ 3 w 5"/>
                      <a:gd name="T13" fmla="*/ 0 h 3"/>
                      <a:gd name="T14" fmla="*/ 5 w 5"/>
                      <a:gd name="T15" fmla="*/ 1 h 3"/>
                      <a:gd name="T16" fmla="*/ 5 w 5"/>
                      <a:gd name="T17" fmla="*/ 1 h 3"/>
                      <a:gd name="T18" fmla="*/ 5 w 5"/>
                      <a:gd name="T19" fmla="*/ 1 h 3"/>
                      <a:gd name="T20" fmla="*/ 3 w 5"/>
                      <a:gd name="T21" fmla="*/ 3 h 3"/>
                      <a:gd name="T22" fmla="*/ 3 w 5"/>
                      <a:gd name="T23" fmla="*/ 3 h 3"/>
                      <a:gd name="T24" fmla="*/ 1 w 5"/>
                      <a:gd name="T25" fmla="*/ 3 h 3"/>
                      <a:gd name="T26" fmla="*/ 1 w 5"/>
                      <a:gd name="T27" fmla="*/ 3 h 3"/>
                      <a:gd name="T28" fmla="*/ 0 w 5"/>
                      <a:gd name="T29" fmla="*/ 3 h 3"/>
                      <a:gd name="T30" fmla="*/ 0 w 5"/>
                      <a:gd name="T31" fmla="*/ 1 h 3"/>
                      <a:gd name="T32" fmla="*/ 0 w 5"/>
                      <a:gd name="T33" fmla="*/ 1 h 3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5"/>
                      <a:gd name="T52" fmla="*/ 0 h 3"/>
                      <a:gd name="T53" fmla="*/ 5 w 5"/>
                      <a:gd name="T54" fmla="*/ 3 h 3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5" h="3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1"/>
                        </a:lnTo>
                        <a:lnTo>
                          <a:pt x="3" y="3"/>
                        </a:lnTo>
                        <a:lnTo>
                          <a:pt x="1" y="3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63" name="Freeform 38"/>
                  <p:cNvSpPr>
                    <a:spLocks/>
                  </p:cNvSpPr>
                  <p:nvPr/>
                </p:nvSpPr>
                <p:spPr bwMode="auto">
                  <a:xfrm>
                    <a:off x="4560" y="3656"/>
                    <a:ext cx="5" cy="3"/>
                  </a:xfrm>
                  <a:custGeom>
                    <a:avLst/>
                    <a:gdLst>
                      <a:gd name="T0" fmla="*/ 0 w 5"/>
                      <a:gd name="T1" fmla="*/ 1 h 3"/>
                      <a:gd name="T2" fmla="*/ 0 w 5"/>
                      <a:gd name="T3" fmla="*/ 1 h 3"/>
                      <a:gd name="T4" fmla="*/ 0 w 5"/>
                      <a:gd name="T5" fmla="*/ 1 h 3"/>
                      <a:gd name="T6" fmla="*/ 0 w 5"/>
                      <a:gd name="T7" fmla="*/ 0 h 3"/>
                      <a:gd name="T8" fmla="*/ 1 w 5"/>
                      <a:gd name="T9" fmla="*/ 0 h 3"/>
                      <a:gd name="T10" fmla="*/ 1 w 5"/>
                      <a:gd name="T11" fmla="*/ 0 h 3"/>
                      <a:gd name="T12" fmla="*/ 1 w 5"/>
                      <a:gd name="T13" fmla="*/ 0 h 3"/>
                      <a:gd name="T14" fmla="*/ 3 w 5"/>
                      <a:gd name="T15" fmla="*/ 0 h 3"/>
                      <a:gd name="T16" fmla="*/ 3 w 5"/>
                      <a:gd name="T17" fmla="*/ 0 h 3"/>
                      <a:gd name="T18" fmla="*/ 5 w 5"/>
                      <a:gd name="T19" fmla="*/ 1 h 3"/>
                      <a:gd name="T20" fmla="*/ 5 w 5"/>
                      <a:gd name="T21" fmla="*/ 1 h 3"/>
                      <a:gd name="T22" fmla="*/ 5 w 5"/>
                      <a:gd name="T23" fmla="*/ 1 h 3"/>
                      <a:gd name="T24" fmla="*/ 5 w 5"/>
                      <a:gd name="T25" fmla="*/ 1 h 3"/>
                      <a:gd name="T26" fmla="*/ 3 w 5"/>
                      <a:gd name="T27" fmla="*/ 3 h 3"/>
                      <a:gd name="T28" fmla="*/ 3 w 5"/>
                      <a:gd name="T29" fmla="*/ 3 h 3"/>
                      <a:gd name="T30" fmla="*/ 1 w 5"/>
                      <a:gd name="T31" fmla="*/ 3 h 3"/>
                      <a:gd name="T32" fmla="*/ 1 w 5"/>
                      <a:gd name="T33" fmla="*/ 3 h 3"/>
                      <a:gd name="T34" fmla="*/ 1 w 5"/>
                      <a:gd name="T35" fmla="*/ 3 h 3"/>
                      <a:gd name="T36" fmla="*/ 0 w 5"/>
                      <a:gd name="T37" fmla="*/ 3 h 3"/>
                      <a:gd name="T38" fmla="*/ 0 w 5"/>
                      <a:gd name="T39" fmla="*/ 1 h 3"/>
                      <a:gd name="T40" fmla="*/ 0 w 5"/>
                      <a:gd name="T41" fmla="*/ 1 h 3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5"/>
                      <a:gd name="T64" fmla="*/ 0 h 3"/>
                      <a:gd name="T65" fmla="*/ 5 w 5"/>
                      <a:gd name="T66" fmla="*/ 3 h 3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5" h="3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1"/>
                        </a:lnTo>
                        <a:lnTo>
                          <a:pt x="3" y="3"/>
                        </a:lnTo>
                        <a:lnTo>
                          <a:pt x="1" y="3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64" name="Freeform 39"/>
                  <p:cNvSpPr>
                    <a:spLocks/>
                  </p:cNvSpPr>
                  <p:nvPr/>
                </p:nvSpPr>
                <p:spPr bwMode="auto">
                  <a:xfrm>
                    <a:off x="4664" y="3600"/>
                    <a:ext cx="4" cy="5"/>
                  </a:xfrm>
                  <a:custGeom>
                    <a:avLst/>
                    <a:gdLst>
                      <a:gd name="T0" fmla="*/ 0 w 4"/>
                      <a:gd name="T1" fmla="*/ 1 h 5"/>
                      <a:gd name="T2" fmla="*/ 0 w 4"/>
                      <a:gd name="T3" fmla="*/ 1 h 5"/>
                      <a:gd name="T4" fmla="*/ 0 w 4"/>
                      <a:gd name="T5" fmla="*/ 0 h 5"/>
                      <a:gd name="T6" fmla="*/ 2 w 4"/>
                      <a:gd name="T7" fmla="*/ 0 h 5"/>
                      <a:gd name="T8" fmla="*/ 2 w 4"/>
                      <a:gd name="T9" fmla="*/ 0 h 5"/>
                      <a:gd name="T10" fmla="*/ 2 w 4"/>
                      <a:gd name="T11" fmla="*/ 0 h 5"/>
                      <a:gd name="T12" fmla="*/ 4 w 4"/>
                      <a:gd name="T13" fmla="*/ 0 h 5"/>
                      <a:gd name="T14" fmla="*/ 4 w 4"/>
                      <a:gd name="T15" fmla="*/ 1 h 5"/>
                      <a:gd name="T16" fmla="*/ 4 w 4"/>
                      <a:gd name="T17" fmla="*/ 1 h 5"/>
                      <a:gd name="T18" fmla="*/ 4 w 4"/>
                      <a:gd name="T19" fmla="*/ 3 h 5"/>
                      <a:gd name="T20" fmla="*/ 4 w 4"/>
                      <a:gd name="T21" fmla="*/ 5 h 5"/>
                      <a:gd name="T22" fmla="*/ 2 w 4"/>
                      <a:gd name="T23" fmla="*/ 5 h 5"/>
                      <a:gd name="T24" fmla="*/ 2 w 4"/>
                      <a:gd name="T25" fmla="*/ 5 h 5"/>
                      <a:gd name="T26" fmla="*/ 2 w 4"/>
                      <a:gd name="T27" fmla="*/ 5 h 5"/>
                      <a:gd name="T28" fmla="*/ 0 w 4"/>
                      <a:gd name="T29" fmla="*/ 5 h 5"/>
                      <a:gd name="T30" fmla="*/ 0 w 4"/>
                      <a:gd name="T31" fmla="*/ 3 h 5"/>
                      <a:gd name="T32" fmla="*/ 0 w 4"/>
                      <a:gd name="T33" fmla="*/ 1 h 5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4"/>
                      <a:gd name="T52" fmla="*/ 0 h 5"/>
                      <a:gd name="T53" fmla="*/ 4 w 4"/>
                      <a:gd name="T54" fmla="*/ 5 h 5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4" h="5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4" y="1"/>
                        </a:lnTo>
                        <a:lnTo>
                          <a:pt x="4" y="3"/>
                        </a:lnTo>
                        <a:lnTo>
                          <a:pt x="4" y="5"/>
                        </a:lnTo>
                        <a:lnTo>
                          <a:pt x="2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65" name="Freeform 40"/>
                  <p:cNvSpPr>
                    <a:spLocks/>
                  </p:cNvSpPr>
                  <p:nvPr/>
                </p:nvSpPr>
                <p:spPr bwMode="auto">
                  <a:xfrm>
                    <a:off x="4664" y="3600"/>
                    <a:ext cx="4" cy="5"/>
                  </a:xfrm>
                  <a:custGeom>
                    <a:avLst/>
                    <a:gdLst>
                      <a:gd name="T0" fmla="*/ 0 w 4"/>
                      <a:gd name="T1" fmla="*/ 1 h 5"/>
                      <a:gd name="T2" fmla="*/ 0 w 4"/>
                      <a:gd name="T3" fmla="*/ 1 h 5"/>
                      <a:gd name="T4" fmla="*/ 0 w 4"/>
                      <a:gd name="T5" fmla="*/ 1 h 5"/>
                      <a:gd name="T6" fmla="*/ 0 w 4"/>
                      <a:gd name="T7" fmla="*/ 0 h 5"/>
                      <a:gd name="T8" fmla="*/ 2 w 4"/>
                      <a:gd name="T9" fmla="*/ 0 h 5"/>
                      <a:gd name="T10" fmla="*/ 2 w 4"/>
                      <a:gd name="T11" fmla="*/ 0 h 5"/>
                      <a:gd name="T12" fmla="*/ 2 w 4"/>
                      <a:gd name="T13" fmla="*/ 0 h 5"/>
                      <a:gd name="T14" fmla="*/ 2 w 4"/>
                      <a:gd name="T15" fmla="*/ 0 h 5"/>
                      <a:gd name="T16" fmla="*/ 4 w 4"/>
                      <a:gd name="T17" fmla="*/ 0 h 5"/>
                      <a:gd name="T18" fmla="*/ 4 w 4"/>
                      <a:gd name="T19" fmla="*/ 1 h 5"/>
                      <a:gd name="T20" fmla="*/ 4 w 4"/>
                      <a:gd name="T21" fmla="*/ 1 h 5"/>
                      <a:gd name="T22" fmla="*/ 4 w 4"/>
                      <a:gd name="T23" fmla="*/ 1 h 5"/>
                      <a:gd name="T24" fmla="*/ 4 w 4"/>
                      <a:gd name="T25" fmla="*/ 3 h 5"/>
                      <a:gd name="T26" fmla="*/ 4 w 4"/>
                      <a:gd name="T27" fmla="*/ 5 h 5"/>
                      <a:gd name="T28" fmla="*/ 2 w 4"/>
                      <a:gd name="T29" fmla="*/ 5 h 5"/>
                      <a:gd name="T30" fmla="*/ 2 w 4"/>
                      <a:gd name="T31" fmla="*/ 5 h 5"/>
                      <a:gd name="T32" fmla="*/ 2 w 4"/>
                      <a:gd name="T33" fmla="*/ 5 h 5"/>
                      <a:gd name="T34" fmla="*/ 2 w 4"/>
                      <a:gd name="T35" fmla="*/ 5 h 5"/>
                      <a:gd name="T36" fmla="*/ 0 w 4"/>
                      <a:gd name="T37" fmla="*/ 5 h 5"/>
                      <a:gd name="T38" fmla="*/ 0 w 4"/>
                      <a:gd name="T39" fmla="*/ 3 h 5"/>
                      <a:gd name="T40" fmla="*/ 0 w 4"/>
                      <a:gd name="T41" fmla="*/ 1 h 5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4"/>
                      <a:gd name="T64" fmla="*/ 0 h 5"/>
                      <a:gd name="T65" fmla="*/ 4 w 4"/>
                      <a:gd name="T66" fmla="*/ 5 h 5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4" h="5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4" y="1"/>
                        </a:lnTo>
                        <a:lnTo>
                          <a:pt x="4" y="3"/>
                        </a:lnTo>
                        <a:lnTo>
                          <a:pt x="4" y="5"/>
                        </a:lnTo>
                        <a:lnTo>
                          <a:pt x="2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66" name="Freeform 41"/>
                  <p:cNvSpPr>
                    <a:spLocks/>
                  </p:cNvSpPr>
                  <p:nvPr/>
                </p:nvSpPr>
                <p:spPr bwMode="auto">
                  <a:xfrm>
                    <a:off x="4653" y="3608"/>
                    <a:ext cx="8" cy="7"/>
                  </a:xfrm>
                  <a:custGeom>
                    <a:avLst/>
                    <a:gdLst>
                      <a:gd name="T0" fmla="*/ 0 w 8"/>
                      <a:gd name="T1" fmla="*/ 4 h 7"/>
                      <a:gd name="T2" fmla="*/ 0 w 8"/>
                      <a:gd name="T3" fmla="*/ 2 h 7"/>
                      <a:gd name="T4" fmla="*/ 1 w 8"/>
                      <a:gd name="T5" fmla="*/ 2 h 7"/>
                      <a:gd name="T6" fmla="*/ 1 w 8"/>
                      <a:gd name="T7" fmla="*/ 0 h 7"/>
                      <a:gd name="T8" fmla="*/ 3 w 8"/>
                      <a:gd name="T9" fmla="*/ 0 h 7"/>
                      <a:gd name="T10" fmla="*/ 5 w 8"/>
                      <a:gd name="T11" fmla="*/ 0 h 7"/>
                      <a:gd name="T12" fmla="*/ 6 w 8"/>
                      <a:gd name="T13" fmla="*/ 2 h 7"/>
                      <a:gd name="T14" fmla="*/ 6 w 8"/>
                      <a:gd name="T15" fmla="*/ 2 h 7"/>
                      <a:gd name="T16" fmla="*/ 8 w 8"/>
                      <a:gd name="T17" fmla="*/ 4 h 7"/>
                      <a:gd name="T18" fmla="*/ 6 w 8"/>
                      <a:gd name="T19" fmla="*/ 5 h 7"/>
                      <a:gd name="T20" fmla="*/ 6 w 8"/>
                      <a:gd name="T21" fmla="*/ 5 h 7"/>
                      <a:gd name="T22" fmla="*/ 5 w 8"/>
                      <a:gd name="T23" fmla="*/ 5 h 7"/>
                      <a:gd name="T24" fmla="*/ 3 w 8"/>
                      <a:gd name="T25" fmla="*/ 7 h 7"/>
                      <a:gd name="T26" fmla="*/ 1 w 8"/>
                      <a:gd name="T27" fmla="*/ 5 h 7"/>
                      <a:gd name="T28" fmla="*/ 1 w 8"/>
                      <a:gd name="T29" fmla="*/ 5 h 7"/>
                      <a:gd name="T30" fmla="*/ 0 w 8"/>
                      <a:gd name="T31" fmla="*/ 5 h 7"/>
                      <a:gd name="T32" fmla="*/ 0 w 8"/>
                      <a:gd name="T33" fmla="*/ 4 h 7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8"/>
                      <a:gd name="T52" fmla="*/ 0 h 7"/>
                      <a:gd name="T53" fmla="*/ 8 w 8"/>
                      <a:gd name="T54" fmla="*/ 7 h 7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8" h="7">
                        <a:moveTo>
                          <a:pt x="0" y="4"/>
                        </a:moveTo>
                        <a:lnTo>
                          <a:pt x="0" y="2"/>
                        </a:lnTo>
                        <a:lnTo>
                          <a:pt x="1" y="2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6" y="2"/>
                        </a:lnTo>
                        <a:lnTo>
                          <a:pt x="8" y="4"/>
                        </a:lnTo>
                        <a:lnTo>
                          <a:pt x="6" y="5"/>
                        </a:lnTo>
                        <a:lnTo>
                          <a:pt x="5" y="5"/>
                        </a:lnTo>
                        <a:lnTo>
                          <a:pt x="3" y="7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4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67" name="Freeform 42"/>
                  <p:cNvSpPr>
                    <a:spLocks/>
                  </p:cNvSpPr>
                  <p:nvPr/>
                </p:nvSpPr>
                <p:spPr bwMode="auto">
                  <a:xfrm>
                    <a:off x="4653" y="3608"/>
                    <a:ext cx="8" cy="7"/>
                  </a:xfrm>
                  <a:custGeom>
                    <a:avLst/>
                    <a:gdLst>
                      <a:gd name="T0" fmla="*/ 0 w 8"/>
                      <a:gd name="T1" fmla="*/ 4 h 7"/>
                      <a:gd name="T2" fmla="*/ 0 w 8"/>
                      <a:gd name="T3" fmla="*/ 4 h 7"/>
                      <a:gd name="T4" fmla="*/ 0 w 8"/>
                      <a:gd name="T5" fmla="*/ 2 h 7"/>
                      <a:gd name="T6" fmla="*/ 1 w 8"/>
                      <a:gd name="T7" fmla="*/ 2 h 7"/>
                      <a:gd name="T8" fmla="*/ 1 w 8"/>
                      <a:gd name="T9" fmla="*/ 0 h 7"/>
                      <a:gd name="T10" fmla="*/ 3 w 8"/>
                      <a:gd name="T11" fmla="*/ 0 h 7"/>
                      <a:gd name="T12" fmla="*/ 3 w 8"/>
                      <a:gd name="T13" fmla="*/ 0 h 7"/>
                      <a:gd name="T14" fmla="*/ 5 w 8"/>
                      <a:gd name="T15" fmla="*/ 0 h 7"/>
                      <a:gd name="T16" fmla="*/ 6 w 8"/>
                      <a:gd name="T17" fmla="*/ 2 h 7"/>
                      <a:gd name="T18" fmla="*/ 6 w 8"/>
                      <a:gd name="T19" fmla="*/ 2 h 7"/>
                      <a:gd name="T20" fmla="*/ 8 w 8"/>
                      <a:gd name="T21" fmla="*/ 4 h 7"/>
                      <a:gd name="T22" fmla="*/ 8 w 8"/>
                      <a:gd name="T23" fmla="*/ 4 h 7"/>
                      <a:gd name="T24" fmla="*/ 6 w 8"/>
                      <a:gd name="T25" fmla="*/ 5 h 7"/>
                      <a:gd name="T26" fmla="*/ 6 w 8"/>
                      <a:gd name="T27" fmla="*/ 5 h 7"/>
                      <a:gd name="T28" fmla="*/ 5 w 8"/>
                      <a:gd name="T29" fmla="*/ 5 h 7"/>
                      <a:gd name="T30" fmla="*/ 3 w 8"/>
                      <a:gd name="T31" fmla="*/ 7 h 7"/>
                      <a:gd name="T32" fmla="*/ 3 w 8"/>
                      <a:gd name="T33" fmla="*/ 7 h 7"/>
                      <a:gd name="T34" fmla="*/ 1 w 8"/>
                      <a:gd name="T35" fmla="*/ 5 h 7"/>
                      <a:gd name="T36" fmla="*/ 1 w 8"/>
                      <a:gd name="T37" fmla="*/ 5 h 7"/>
                      <a:gd name="T38" fmla="*/ 0 w 8"/>
                      <a:gd name="T39" fmla="*/ 5 h 7"/>
                      <a:gd name="T40" fmla="*/ 0 w 8"/>
                      <a:gd name="T41" fmla="*/ 4 h 7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8"/>
                      <a:gd name="T64" fmla="*/ 0 h 7"/>
                      <a:gd name="T65" fmla="*/ 8 w 8"/>
                      <a:gd name="T66" fmla="*/ 7 h 7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8" h="7">
                        <a:moveTo>
                          <a:pt x="0" y="4"/>
                        </a:moveTo>
                        <a:lnTo>
                          <a:pt x="0" y="4"/>
                        </a:lnTo>
                        <a:lnTo>
                          <a:pt x="0" y="2"/>
                        </a:lnTo>
                        <a:lnTo>
                          <a:pt x="1" y="2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6" y="2"/>
                        </a:lnTo>
                        <a:lnTo>
                          <a:pt x="8" y="4"/>
                        </a:lnTo>
                        <a:lnTo>
                          <a:pt x="6" y="5"/>
                        </a:lnTo>
                        <a:lnTo>
                          <a:pt x="5" y="5"/>
                        </a:lnTo>
                        <a:lnTo>
                          <a:pt x="3" y="7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4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68" name="Freeform 43"/>
                  <p:cNvSpPr>
                    <a:spLocks/>
                  </p:cNvSpPr>
                  <p:nvPr/>
                </p:nvSpPr>
                <p:spPr bwMode="auto">
                  <a:xfrm>
                    <a:off x="4626" y="3627"/>
                    <a:ext cx="8" cy="5"/>
                  </a:xfrm>
                  <a:custGeom>
                    <a:avLst/>
                    <a:gdLst>
                      <a:gd name="T0" fmla="*/ 0 w 8"/>
                      <a:gd name="T1" fmla="*/ 3 h 5"/>
                      <a:gd name="T2" fmla="*/ 0 w 8"/>
                      <a:gd name="T3" fmla="*/ 1 h 5"/>
                      <a:gd name="T4" fmla="*/ 0 w 8"/>
                      <a:gd name="T5" fmla="*/ 0 h 5"/>
                      <a:gd name="T6" fmla="*/ 1 w 8"/>
                      <a:gd name="T7" fmla="*/ 0 h 5"/>
                      <a:gd name="T8" fmla="*/ 3 w 8"/>
                      <a:gd name="T9" fmla="*/ 0 h 5"/>
                      <a:gd name="T10" fmla="*/ 6 w 8"/>
                      <a:gd name="T11" fmla="*/ 0 h 5"/>
                      <a:gd name="T12" fmla="*/ 6 w 8"/>
                      <a:gd name="T13" fmla="*/ 0 h 5"/>
                      <a:gd name="T14" fmla="*/ 8 w 8"/>
                      <a:gd name="T15" fmla="*/ 1 h 5"/>
                      <a:gd name="T16" fmla="*/ 8 w 8"/>
                      <a:gd name="T17" fmla="*/ 3 h 5"/>
                      <a:gd name="T18" fmla="*/ 8 w 8"/>
                      <a:gd name="T19" fmla="*/ 3 h 5"/>
                      <a:gd name="T20" fmla="*/ 6 w 8"/>
                      <a:gd name="T21" fmla="*/ 5 h 5"/>
                      <a:gd name="T22" fmla="*/ 6 w 8"/>
                      <a:gd name="T23" fmla="*/ 5 h 5"/>
                      <a:gd name="T24" fmla="*/ 3 w 8"/>
                      <a:gd name="T25" fmla="*/ 5 h 5"/>
                      <a:gd name="T26" fmla="*/ 1 w 8"/>
                      <a:gd name="T27" fmla="*/ 5 h 5"/>
                      <a:gd name="T28" fmla="*/ 0 w 8"/>
                      <a:gd name="T29" fmla="*/ 5 h 5"/>
                      <a:gd name="T30" fmla="*/ 0 w 8"/>
                      <a:gd name="T31" fmla="*/ 3 h 5"/>
                      <a:gd name="T32" fmla="*/ 0 w 8"/>
                      <a:gd name="T33" fmla="*/ 3 h 5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8"/>
                      <a:gd name="T52" fmla="*/ 0 h 5"/>
                      <a:gd name="T53" fmla="*/ 8 w 8"/>
                      <a:gd name="T54" fmla="*/ 5 h 5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8" h="5">
                        <a:moveTo>
                          <a:pt x="0" y="3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6" y="0"/>
                        </a:lnTo>
                        <a:lnTo>
                          <a:pt x="8" y="1"/>
                        </a:lnTo>
                        <a:lnTo>
                          <a:pt x="8" y="3"/>
                        </a:lnTo>
                        <a:lnTo>
                          <a:pt x="6" y="5"/>
                        </a:lnTo>
                        <a:lnTo>
                          <a:pt x="3" y="5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69" name="Freeform 44"/>
                  <p:cNvSpPr>
                    <a:spLocks/>
                  </p:cNvSpPr>
                  <p:nvPr/>
                </p:nvSpPr>
                <p:spPr bwMode="auto">
                  <a:xfrm>
                    <a:off x="4626" y="3627"/>
                    <a:ext cx="8" cy="5"/>
                  </a:xfrm>
                  <a:custGeom>
                    <a:avLst/>
                    <a:gdLst>
                      <a:gd name="T0" fmla="*/ 0 w 8"/>
                      <a:gd name="T1" fmla="*/ 3 h 5"/>
                      <a:gd name="T2" fmla="*/ 0 w 8"/>
                      <a:gd name="T3" fmla="*/ 3 h 5"/>
                      <a:gd name="T4" fmla="*/ 0 w 8"/>
                      <a:gd name="T5" fmla="*/ 1 h 5"/>
                      <a:gd name="T6" fmla="*/ 0 w 8"/>
                      <a:gd name="T7" fmla="*/ 0 h 5"/>
                      <a:gd name="T8" fmla="*/ 1 w 8"/>
                      <a:gd name="T9" fmla="*/ 0 h 5"/>
                      <a:gd name="T10" fmla="*/ 3 w 8"/>
                      <a:gd name="T11" fmla="*/ 0 h 5"/>
                      <a:gd name="T12" fmla="*/ 3 w 8"/>
                      <a:gd name="T13" fmla="*/ 0 h 5"/>
                      <a:gd name="T14" fmla="*/ 6 w 8"/>
                      <a:gd name="T15" fmla="*/ 0 h 5"/>
                      <a:gd name="T16" fmla="*/ 6 w 8"/>
                      <a:gd name="T17" fmla="*/ 0 h 5"/>
                      <a:gd name="T18" fmla="*/ 8 w 8"/>
                      <a:gd name="T19" fmla="*/ 1 h 5"/>
                      <a:gd name="T20" fmla="*/ 8 w 8"/>
                      <a:gd name="T21" fmla="*/ 3 h 5"/>
                      <a:gd name="T22" fmla="*/ 8 w 8"/>
                      <a:gd name="T23" fmla="*/ 3 h 5"/>
                      <a:gd name="T24" fmla="*/ 8 w 8"/>
                      <a:gd name="T25" fmla="*/ 3 h 5"/>
                      <a:gd name="T26" fmla="*/ 6 w 8"/>
                      <a:gd name="T27" fmla="*/ 5 h 5"/>
                      <a:gd name="T28" fmla="*/ 6 w 8"/>
                      <a:gd name="T29" fmla="*/ 5 h 5"/>
                      <a:gd name="T30" fmla="*/ 3 w 8"/>
                      <a:gd name="T31" fmla="*/ 5 h 5"/>
                      <a:gd name="T32" fmla="*/ 3 w 8"/>
                      <a:gd name="T33" fmla="*/ 5 h 5"/>
                      <a:gd name="T34" fmla="*/ 1 w 8"/>
                      <a:gd name="T35" fmla="*/ 5 h 5"/>
                      <a:gd name="T36" fmla="*/ 0 w 8"/>
                      <a:gd name="T37" fmla="*/ 5 h 5"/>
                      <a:gd name="T38" fmla="*/ 0 w 8"/>
                      <a:gd name="T39" fmla="*/ 3 h 5"/>
                      <a:gd name="T40" fmla="*/ 0 w 8"/>
                      <a:gd name="T41" fmla="*/ 3 h 5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8"/>
                      <a:gd name="T64" fmla="*/ 0 h 5"/>
                      <a:gd name="T65" fmla="*/ 8 w 8"/>
                      <a:gd name="T66" fmla="*/ 5 h 5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8" h="5">
                        <a:moveTo>
                          <a:pt x="0" y="3"/>
                        </a:moveTo>
                        <a:lnTo>
                          <a:pt x="0" y="3"/>
                        </a:ln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6" y="0"/>
                        </a:lnTo>
                        <a:lnTo>
                          <a:pt x="8" y="1"/>
                        </a:lnTo>
                        <a:lnTo>
                          <a:pt x="8" y="3"/>
                        </a:lnTo>
                        <a:lnTo>
                          <a:pt x="6" y="5"/>
                        </a:lnTo>
                        <a:lnTo>
                          <a:pt x="3" y="5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</p:grpSp>
            <p:sp>
              <p:nvSpPr>
                <p:cNvPr id="537" name="Freeform 45"/>
                <p:cNvSpPr>
                  <a:spLocks/>
                </p:cNvSpPr>
                <p:nvPr/>
              </p:nvSpPr>
              <p:spPr bwMode="auto">
                <a:xfrm>
                  <a:off x="3079" y="1947"/>
                  <a:ext cx="384" cy="676"/>
                </a:xfrm>
                <a:custGeom>
                  <a:avLst/>
                  <a:gdLst>
                    <a:gd name="T0" fmla="*/ 192 w 395"/>
                    <a:gd name="T1" fmla="*/ 439 h 697"/>
                    <a:gd name="T2" fmla="*/ 218 w 395"/>
                    <a:gd name="T3" fmla="*/ 444 h 697"/>
                    <a:gd name="T4" fmla="*/ 212 w 395"/>
                    <a:gd name="T5" fmla="*/ 429 h 697"/>
                    <a:gd name="T6" fmla="*/ 227 w 395"/>
                    <a:gd name="T7" fmla="*/ 415 h 697"/>
                    <a:gd name="T8" fmla="*/ 238 w 395"/>
                    <a:gd name="T9" fmla="*/ 406 h 697"/>
                    <a:gd name="T10" fmla="*/ 235 w 395"/>
                    <a:gd name="T11" fmla="*/ 393 h 697"/>
                    <a:gd name="T12" fmla="*/ 240 w 395"/>
                    <a:gd name="T13" fmla="*/ 386 h 697"/>
                    <a:gd name="T14" fmla="*/ 238 w 395"/>
                    <a:gd name="T15" fmla="*/ 370 h 697"/>
                    <a:gd name="T16" fmla="*/ 242 w 395"/>
                    <a:gd name="T17" fmla="*/ 359 h 697"/>
                    <a:gd name="T18" fmla="*/ 244 w 395"/>
                    <a:gd name="T19" fmla="*/ 345 h 697"/>
                    <a:gd name="T20" fmla="*/ 260 w 395"/>
                    <a:gd name="T21" fmla="*/ 318 h 697"/>
                    <a:gd name="T22" fmla="*/ 265 w 395"/>
                    <a:gd name="T23" fmla="*/ 308 h 697"/>
                    <a:gd name="T24" fmla="*/ 258 w 395"/>
                    <a:gd name="T25" fmla="*/ 279 h 697"/>
                    <a:gd name="T26" fmla="*/ 258 w 395"/>
                    <a:gd name="T27" fmla="*/ 254 h 697"/>
                    <a:gd name="T28" fmla="*/ 257 w 395"/>
                    <a:gd name="T29" fmla="*/ 230 h 697"/>
                    <a:gd name="T30" fmla="*/ 254 w 395"/>
                    <a:gd name="T31" fmla="*/ 185 h 697"/>
                    <a:gd name="T32" fmla="*/ 249 w 395"/>
                    <a:gd name="T33" fmla="*/ 131 h 697"/>
                    <a:gd name="T34" fmla="*/ 244 w 395"/>
                    <a:gd name="T35" fmla="*/ 86 h 697"/>
                    <a:gd name="T36" fmla="*/ 242 w 395"/>
                    <a:gd name="T37" fmla="*/ 63 h 697"/>
                    <a:gd name="T38" fmla="*/ 233 w 395"/>
                    <a:gd name="T39" fmla="*/ 45 h 697"/>
                    <a:gd name="T40" fmla="*/ 230 w 395"/>
                    <a:gd name="T41" fmla="*/ 37 h 697"/>
                    <a:gd name="T42" fmla="*/ 219 w 395"/>
                    <a:gd name="T43" fmla="*/ 16 h 697"/>
                    <a:gd name="T44" fmla="*/ 45 w 395"/>
                    <a:gd name="T45" fmla="*/ 16 h 697"/>
                    <a:gd name="T46" fmla="*/ 49 w 395"/>
                    <a:gd name="T47" fmla="*/ 16 h 697"/>
                    <a:gd name="T48" fmla="*/ 61 w 395"/>
                    <a:gd name="T49" fmla="*/ 31 h 697"/>
                    <a:gd name="T50" fmla="*/ 68 w 395"/>
                    <a:gd name="T51" fmla="*/ 39 h 697"/>
                    <a:gd name="T52" fmla="*/ 77 w 395"/>
                    <a:gd name="T53" fmla="*/ 55 h 697"/>
                    <a:gd name="T54" fmla="*/ 67 w 395"/>
                    <a:gd name="T55" fmla="*/ 72 h 697"/>
                    <a:gd name="T56" fmla="*/ 66 w 395"/>
                    <a:gd name="T57" fmla="*/ 88 h 697"/>
                    <a:gd name="T58" fmla="*/ 51 w 395"/>
                    <a:gd name="T59" fmla="*/ 93 h 697"/>
                    <a:gd name="T60" fmla="*/ 47 w 395"/>
                    <a:gd name="T61" fmla="*/ 98 h 697"/>
                    <a:gd name="T62" fmla="*/ 20 w 395"/>
                    <a:gd name="T63" fmla="*/ 107 h 697"/>
                    <a:gd name="T64" fmla="*/ 34 w 395"/>
                    <a:gd name="T65" fmla="*/ 133 h 697"/>
                    <a:gd name="T66" fmla="*/ 27 w 395"/>
                    <a:gd name="T67" fmla="*/ 147 h 697"/>
                    <a:gd name="T68" fmla="*/ 22 w 395"/>
                    <a:gd name="T69" fmla="*/ 157 h 697"/>
                    <a:gd name="T70" fmla="*/ 18 w 395"/>
                    <a:gd name="T71" fmla="*/ 164 h 697"/>
                    <a:gd name="T72" fmla="*/ 9 w 395"/>
                    <a:gd name="T73" fmla="*/ 172 h 697"/>
                    <a:gd name="T74" fmla="*/ 14 w 395"/>
                    <a:gd name="T75" fmla="*/ 180 h 697"/>
                    <a:gd name="T76" fmla="*/ 7 w 395"/>
                    <a:gd name="T77" fmla="*/ 190 h 697"/>
                    <a:gd name="T78" fmla="*/ 2 w 395"/>
                    <a:gd name="T79" fmla="*/ 198 h 697"/>
                    <a:gd name="T80" fmla="*/ 7 w 395"/>
                    <a:gd name="T81" fmla="*/ 229 h 697"/>
                    <a:gd name="T82" fmla="*/ 42 w 395"/>
                    <a:gd name="T83" fmla="*/ 268 h 697"/>
                    <a:gd name="T84" fmla="*/ 54 w 395"/>
                    <a:gd name="T85" fmla="*/ 280 h 697"/>
                    <a:gd name="T86" fmla="*/ 63 w 395"/>
                    <a:gd name="T87" fmla="*/ 308 h 697"/>
                    <a:gd name="T88" fmla="*/ 79 w 395"/>
                    <a:gd name="T89" fmla="*/ 301 h 697"/>
                    <a:gd name="T90" fmla="*/ 95 w 395"/>
                    <a:gd name="T91" fmla="*/ 314 h 697"/>
                    <a:gd name="T92" fmla="*/ 87 w 395"/>
                    <a:gd name="T93" fmla="*/ 340 h 697"/>
                    <a:gd name="T94" fmla="*/ 84 w 395"/>
                    <a:gd name="T95" fmla="*/ 356 h 697"/>
                    <a:gd name="T96" fmla="*/ 108 w 395"/>
                    <a:gd name="T97" fmla="*/ 378 h 697"/>
                    <a:gd name="T98" fmla="*/ 113 w 395"/>
                    <a:gd name="T99" fmla="*/ 380 h 697"/>
                    <a:gd name="T100" fmla="*/ 149 w 395"/>
                    <a:gd name="T101" fmla="*/ 422 h 697"/>
                    <a:gd name="T102" fmla="*/ 159 w 395"/>
                    <a:gd name="T103" fmla="*/ 455 h 697"/>
                    <a:gd name="T104" fmla="*/ 162 w 395"/>
                    <a:gd name="T105" fmla="*/ 448 h 697"/>
                    <a:gd name="T106" fmla="*/ 170 w 395"/>
                    <a:gd name="T107" fmla="*/ 444 h 697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w 395"/>
                    <a:gd name="T163" fmla="*/ 0 h 697"/>
                    <a:gd name="T164" fmla="*/ 395 w 395"/>
                    <a:gd name="T165" fmla="*/ 697 h 697"/>
                  </a:gdLst>
                  <a:ahLst/>
                  <a:cxnLst>
                    <a:cxn ang="T108">
                      <a:pos x="T0" y="T1"/>
                    </a:cxn>
                    <a:cxn ang="T109">
                      <a:pos x="T2" y="T3"/>
                    </a:cxn>
                    <a:cxn ang="T110">
                      <a:pos x="T4" y="T5"/>
                    </a:cxn>
                    <a:cxn ang="T111">
                      <a:pos x="T6" y="T7"/>
                    </a:cxn>
                    <a:cxn ang="T112">
                      <a:pos x="T8" y="T9"/>
                    </a:cxn>
                    <a:cxn ang="T113">
                      <a:pos x="T10" y="T11"/>
                    </a:cxn>
                    <a:cxn ang="T114">
                      <a:pos x="T12" y="T13"/>
                    </a:cxn>
                    <a:cxn ang="T115">
                      <a:pos x="T14" y="T15"/>
                    </a:cxn>
                    <a:cxn ang="T116">
                      <a:pos x="T16" y="T17"/>
                    </a:cxn>
                    <a:cxn ang="T117">
                      <a:pos x="T18" y="T19"/>
                    </a:cxn>
                    <a:cxn ang="T118">
                      <a:pos x="T20" y="T21"/>
                    </a:cxn>
                    <a:cxn ang="T119">
                      <a:pos x="T22" y="T23"/>
                    </a:cxn>
                    <a:cxn ang="T120">
                      <a:pos x="T24" y="T25"/>
                    </a:cxn>
                    <a:cxn ang="T121">
                      <a:pos x="T26" y="T27"/>
                    </a:cxn>
                    <a:cxn ang="T122">
                      <a:pos x="T28" y="T29"/>
                    </a:cxn>
                    <a:cxn ang="T123">
                      <a:pos x="T30" y="T31"/>
                    </a:cxn>
                    <a:cxn ang="T124">
                      <a:pos x="T32" y="T33"/>
                    </a:cxn>
                    <a:cxn ang="T125">
                      <a:pos x="T34" y="T35"/>
                    </a:cxn>
                    <a:cxn ang="T126">
                      <a:pos x="T36" y="T37"/>
                    </a:cxn>
                    <a:cxn ang="T127">
                      <a:pos x="T38" y="T39"/>
                    </a:cxn>
                    <a:cxn ang="T128">
                      <a:pos x="T40" y="T41"/>
                    </a:cxn>
                    <a:cxn ang="T129">
                      <a:pos x="T42" y="T43"/>
                    </a:cxn>
                    <a:cxn ang="T130">
                      <a:pos x="T44" y="T45"/>
                    </a:cxn>
                    <a:cxn ang="T131">
                      <a:pos x="T46" y="T47"/>
                    </a:cxn>
                    <a:cxn ang="T132">
                      <a:pos x="T48" y="T49"/>
                    </a:cxn>
                    <a:cxn ang="T133">
                      <a:pos x="T50" y="T51"/>
                    </a:cxn>
                    <a:cxn ang="T134">
                      <a:pos x="T52" y="T53"/>
                    </a:cxn>
                    <a:cxn ang="T135">
                      <a:pos x="T54" y="T55"/>
                    </a:cxn>
                    <a:cxn ang="T136">
                      <a:pos x="T56" y="T57"/>
                    </a:cxn>
                    <a:cxn ang="T137">
                      <a:pos x="T58" y="T59"/>
                    </a:cxn>
                    <a:cxn ang="T138">
                      <a:pos x="T60" y="T61"/>
                    </a:cxn>
                    <a:cxn ang="T139">
                      <a:pos x="T62" y="T63"/>
                    </a:cxn>
                    <a:cxn ang="T140">
                      <a:pos x="T64" y="T65"/>
                    </a:cxn>
                    <a:cxn ang="T141">
                      <a:pos x="T66" y="T67"/>
                    </a:cxn>
                    <a:cxn ang="T142">
                      <a:pos x="T68" y="T69"/>
                    </a:cxn>
                    <a:cxn ang="T143">
                      <a:pos x="T70" y="T71"/>
                    </a:cxn>
                    <a:cxn ang="T144">
                      <a:pos x="T72" y="T73"/>
                    </a:cxn>
                    <a:cxn ang="T145">
                      <a:pos x="T74" y="T75"/>
                    </a:cxn>
                    <a:cxn ang="T146">
                      <a:pos x="T76" y="T77"/>
                    </a:cxn>
                    <a:cxn ang="T147">
                      <a:pos x="T78" y="T79"/>
                    </a:cxn>
                    <a:cxn ang="T148">
                      <a:pos x="T80" y="T81"/>
                    </a:cxn>
                    <a:cxn ang="T149">
                      <a:pos x="T82" y="T83"/>
                    </a:cxn>
                    <a:cxn ang="T150">
                      <a:pos x="T84" y="T85"/>
                    </a:cxn>
                    <a:cxn ang="T151">
                      <a:pos x="T86" y="T87"/>
                    </a:cxn>
                    <a:cxn ang="T152">
                      <a:pos x="T88" y="T89"/>
                    </a:cxn>
                    <a:cxn ang="T153">
                      <a:pos x="T90" y="T91"/>
                    </a:cxn>
                    <a:cxn ang="T154">
                      <a:pos x="T92" y="T93"/>
                    </a:cxn>
                    <a:cxn ang="T155">
                      <a:pos x="T94" y="T95"/>
                    </a:cxn>
                    <a:cxn ang="T156">
                      <a:pos x="T96" y="T97"/>
                    </a:cxn>
                    <a:cxn ang="T157">
                      <a:pos x="T98" y="T99"/>
                    </a:cxn>
                    <a:cxn ang="T158">
                      <a:pos x="T100" y="T101"/>
                    </a:cxn>
                    <a:cxn ang="T159">
                      <a:pos x="T102" y="T103"/>
                    </a:cxn>
                    <a:cxn ang="T160">
                      <a:pos x="T104" y="T105"/>
                    </a:cxn>
                    <a:cxn ang="T161">
                      <a:pos x="T106" y="T107"/>
                    </a:cxn>
                  </a:cxnLst>
                  <a:rect l="T162" t="T163" r="T164" b="T165"/>
                  <a:pathLst>
                    <a:path w="395" h="697">
                      <a:moveTo>
                        <a:pt x="258" y="678"/>
                      </a:moveTo>
                      <a:lnTo>
                        <a:pt x="264" y="672"/>
                      </a:lnTo>
                      <a:lnTo>
                        <a:pt x="269" y="668"/>
                      </a:lnTo>
                      <a:lnTo>
                        <a:pt x="274" y="668"/>
                      </a:lnTo>
                      <a:lnTo>
                        <a:pt x="280" y="668"/>
                      </a:lnTo>
                      <a:lnTo>
                        <a:pt x="285" y="672"/>
                      </a:lnTo>
                      <a:lnTo>
                        <a:pt x="288" y="673"/>
                      </a:lnTo>
                      <a:lnTo>
                        <a:pt x="291" y="677"/>
                      </a:lnTo>
                      <a:lnTo>
                        <a:pt x="295" y="678"/>
                      </a:lnTo>
                      <a:lnTo>
                        <a:pt x="308" y="683"/>
                      </a:lnTo>
                      <a:lnTo>
                        <a:pt x="318" y="685"/>
                      </a:lnTo>
                      <a:lnTo>
                        <a:pt x="324" y="683"/>
                      </a:lnTo>
                      <a:lnTo>
                        <a:pt x="325" y="680"/>
                      </a:lnTo>
                      <a:lnTo>
                        <a:pt x="324" y="677"/>
                      </a:lnTo>
                      <a:lnTo>
                        <a:pt x="324" y="673"/>
                      </a:lnTo>
                      <a:lnTo>
                        <a:pt x="320" y="670"/>
                      </a:lnTo>
                      <a:lnTo>
                        <a:pt x="320" y="668"/>
                      </a:lnTo>
                      <a:lnTo>
                        <a:pt x="315" y="660"/>
                      </a:lnTo>
                      <a:lnTo>
                        <a:pt x="315" y="651"/>
                      </a:lnTo>
                      <a:lnTo>
                        <a:pt x="317" y="646"/>
                      </a:lnTo>
                      <a:lnTo>
                        <a:pt x="322" y="641"/>
                      </a:lnTo>
                      <a:lnTo>
                        <a:pt x="327" y="639"/>
                      </a:lnTo>
                      <a:lnTo>
                        <a:pt x="332" y="636"/>
                      </a:lnTo>
                      <a:lnTo>
                        <a:pt x="337" y="636"/>
                      </a:lnTo>
                      <a:lnTo>
                        <a:pt x="339" y="636"/>
                      </a:lnTo>
                      <a:lnTo>
                        <a:pt x="347" y="634"/>
                      </a:lnTo>
                      <a:lnTo>
                        <a:pt x="354" y="633"/>
                      </a:lnTo>
                      <a:lnTo>
                        <a:pt x="356" y="631"/>
                      </a:lnTo>
                      <a:lnTo>
                        <a:pt x="356" y="628"/>
                      </a:lnTo>
                      <a:lnTo>
                        <a:pt x="354" y="624"/>
                      </a:lnTo>
                      <a:lnTo>
                        <a:pt x="354" y="622"/>
                      </a:lnTo>
                      <a:lnTo>
                        <a:pt x="352" y="621"/>
                      </a:lnTo>
                      <a:lnTo>
                        <a:pt x="351" y="619"/>
                      </a:lnTo>
                      <a:lnTo>
                        <a:pt x="347" y="614"/>
                      </a:lnTo>
                      <a:lnTo>
                        <a:pt x="349" y="606"/>
                      </a:lnTo>
                      <a:lnTo>
                        <a:pt x="349" y="604"/>
                      </a:lnTo>
                      <a:lnTo>
                        <a:pt x="351" y="602"/>
                      </a:lnTo>
                      <a:lnTo>
                        <a:pt x="352" y="600"/>
                      </a:lnTo>
                      <a:lnTo>
                        <a:pt x="354" y="597"/>
                      </a:lnTo>
                      <a:lnTo>
                        <a:pt x="354" y="595"/>
                      </a:lnTo>
                      <a:lnTo>
                        <a:pt x="356" y="594"/>
                      </a:lnTo>
                      <a:lnTo>
                        <a:pt x="356" y="592"/>
                      </a:lnTo>
                      <a:lnTo>
                        <a:pt x="356" y="590"/>
                      </a:lnTo>
                      <a:lnTo>
                        <a:pt x="352" y="585"/>
                      </a:lnTo>
                      <a:lnTo>
                        <a:pt x="351" y="580"/>
                      </a:lnTo>
                      <a:lnTo>
                        <a:pt x="351" y="575"/>
                      </a:lnTo>
                      <a:lnTo>
                        <a:pt x="351" y="572"/>
                      </a:lnTo>
                      <a:lnTo>
                        <a:pt x="354" y="568"/>
                      </a:lnTo>
                      <a:lnTo>
                        <a:pt x="356" y="567"/>
                      </a:lnTo>
                      <a:lnTo>
                        <a:pt x="356" y="565"/>
                      </a:lnTo>
                      <a:lnTo>
                        <a:pt x="357" y="565"/>
                      </a:lnTo>
                      <a:lnTo>
                        <a:pt x="359" y="555"/>
                      </a:lnTo>
                      <a:lnTo>
                        <a:pt x="359" y="553"/>
                      </a:lnTo>
                      <a:lnTo>
                        <a:pt x="359" y="551"/>
                      </a:lnTo>
                      <a:lnTo>
                        <a:pt x="359" y="548"/>
                      </a:lnTo>
                      <a:lnTo>
                        <a:pt x="361" y="543"/>
                      </a:lnTo>
                      <a:lnTo>
                        <a:pt x="361" y="540"/>
                      </a:lnTo>
                      <a:lnTo>
                        <a:pt x="362" y="536"/>
                      </a:lnTo>
                      <a:lnTo>
                        <a:pt x="362" y="533"/>
                      </a:lnTo>
                      <a:lnTo>
                        <a:pt x="362" y="531"/>
                      </a:lnTo>
                      <a:lnTo>
                        <a:pt x="369" y="526"/>
                      </a:lnTo>
                      <a:lnTo>
                        <a:pt x="374" y="518"/>
                      </a:lnTo>
                      <a:lnTo>
                        <a:pt x="378" y="509"/>
                      </a:lnTo>
                      <a:lnTo>
                        <a:pt x="381" y="502"/>
                      </a:lnTo>
                      <a:lnTo>
                        <a:pt x="384" y="494"/>
                      </a:lnTo>
                      <a:lnTo>
                        <a:pt x="386" y="489"/>
                      </a:lnTo>
                      <a:lnTo>
                        <a:pt x="388" y="484"/>
                      </a:lnTo>
                      <a:lnTo>
                        <a:pt x="388" y="482"/>
                      </a:lnTo>
                      <a:lnTo>
                        <a:pt x="390" y="479"/>
                      </a:lnTo>
                      <a:lnTo>
                        <a:pt x="391" y="475"/>
                      </a:lnTo>
                      <a:lnTo>
                        <a:pt x="393" y="474"/>
                      </a:lnTo>
                      <a:lnTo>
                        <a:pt x="395" y="463"/>
                      </a:lnTo>
                      <a:lnTo>
                        <a:pt x="395" y="455"/>
                      </a:lnTo>
                      <a:lnTo>
                        <a:pt x="393" y="446"/>
                      </a:lnTo>
                      <a:lnTo>
                        <a:pt x="390" y="440"/>
                      </a:lnTo>
                      <a:lnTo>
                        <a:pt x="388" y="433"/>
                      </a:lnTo>
                      <a:lnTo>
                        <a:pt x="384" y="428"/>
                      </a:lnTo>
                      <a:lnTo>
                        <a:pt x="383" y="424"/>
                      </a:lnTo>
                      <a:lnTo>
                        <a:pt x="381" y="423"/>
                      </a:lnTo>
                      <a:lnTo>
                        <a:pt x="381" y="419"/>
                      </a:lnTo>
                      <a:lnTo>
                        <a:pt x="381" y="396"/>
                      </a:lnTo>
                      <a:lnTo>
                        <a:pt x="384" y="391"/>
                      </a:lnTo>
                      <a:lnTo>
                        <a:pt x="384" y="389"/>
                      </a:lnTo>
                      <a:lnTo>
                        <a:pt x="384" y="387"/>
                      </a:lnTo>
                      <a:lnTo>
                        <a:pt x="384" y="382"/>
                      </a:lnTo>
                      <a:lnTo>
                        <a:pt x="383" y="377"/>
                      </a:lnTo>
                      <a:lnTo>
                        <a:pt x="383" y="370"/>
                      </a:lnTo>
                      <a:lnTo>
                        <a:pt x="383" y="362"/>
                      </a:lnTo>
                      <a:lnTo>
                        <a:pt x="381" y="353"/>
                      </a:lnTo>
                      <a:lnTo>
                        <a:pt x="381" y="343"/>
                      </a:lnTo>
                      <a:lnTo>
                        <a:pt x="379" y="333"/>
                      </a:lnTo>
                      <a:lnTo>
                        <a:pt x="379" y="321"/>
                      </a:lnTo>
                      <a:lnTo>
                        <a:pt x="378" y="309"/>
                      </a:lnTo>
                      <a:lnTo>
                        <a:pt x="376" y="296"/>
                      </a:lnTo>
                      <a:lnTo>
                        <a:pt x="376" y="284"/>
                      </a:lnTo>
                      <a:lnTo>
                        <a:pt x="374" y="270"/>
                      </a:lnTo>
                      <a:lnTo>
                        <a:pt x="373" y="257"/>
                      </a:lnTo>
                      <a:lnTo>
                        <a:pt x="373" y="243"/>
                      </a:lnTo>
                      <a:lnTo>
                        <a:pt x="371" y="228"/>
                      </a:lnTo>
                      <a:lnTo>
                        <a:pt x="369" y="215"/>
                      </a:lnTo>
                      <a:lnTo>
                        <a:pt x="369" y="201"/>
                      </a:lnTo>
                      <a:lnTo>
                        <a:pt x="368" y="189"/>
                      </a:lnTo>
                      <a:lnTo>
                        <a:pt x="366" y="176"/>
                      </a:lnTo>
                      <a:lnTo>
                        <a:pt x="366" y="164"/>
                      </a:lnTo>
                      <a:lnTo>
                        <a:pt x="364" y="152"/>
                      </a:lnTo>
                      <a:lnTo>
                        <a:pt x="364" y="142"/>
                      </a:lnTo>
                      <a:lnTo>
                        <a:pt x="362" y="132"/>
                      </a:lnTo>
                      <a:lnTo>
                        <a:pt x="362" y="122"/>
                      </a:lnTo>
                      <a:lnTo>
                        <a:pt x="361" y="115"/>
                      </a:lnTo>
                      <a:lnTo>
                        <a:pt x="361" y="108"/>
                      </a:lnTo>
                      <a:lnTo>
                        <a:pt x="361" y="103"/>
                      </a:lnTo>
                      <a:lnTo>
                        <a:pt x="359" y="98"/>
                      </a:lnTo>
                      <a:lnTo>
                        <a:pt x="359" y="96"/>
                      </a:lnTo>
                      <a:lnTo>
                        <a:pt x="359" y="94"/>
                      </a:lnTo>
                      <a:lnTo>
                        <a:pt x="354" y="89"/>
                      </a:lnTo>
                      <a:lnTo>
                        <a:pt x="351" y="84"/>
                      </a:lnTo>
                      <a:lnTo>
                        <a:pt x="349" y="79"/>
                      </a:lnTo>
                      <a:lnTo>
                        <a:pt x="347" y="74"/>
                      </a:lnTo>
                      <a:lnTo>
                        <a:pt x="346" y="69"/>
                      </a:lnTo>
                      <a:lnTo>
                        <a:pt x="346" y="66"/>
                      </a:lnTo>
                      <a:lnTo>
                        <a:pt x="346" y="64"/>
                      </a:lnTo>
                      <a:lnTo>
                        <a:pt x="346" y="62"/>
                      </a:lnTo>
                      <a:lnTo>
                        <a:pt x="344" y="61"/>
                      </a:lnTo>
                      <a:lnTo>
                        <a:pt x="344" y="57"/>
                      </a:lnTo>
                      <a:lnTo>
                        <a:pt x="342" y="54"/>
                      </a:lnTo>
                      <a:lnTo>
                        <a:pt x="342" y="52"/>
                      </a:lnTo>
                      <a:lnTo>
                        <a:pt x="334" y="47"/>
                      </a:lnTo>
                      <a:lnTo>
                        <a:pt x="329" y="42"/>
                      </a:lnTo>
                      <a:lnTo>
                        <a:pt x="325" y="37"/>
                      </a:lnTo>
                      <a:lnTo>
                        <a:pt x="325" y="30"/>
                      </a:lnTo>
                      <a:lnTo>
                        <a:pt x="325" y="25"/>
                      </a:lnTo>
                      <a:lnTo>
                        <a:pt x="325" y="22"/>
                      </a:lnTo>
                      <a:lnTo>
                        <a:pt x="325" y="18"/>
                      </a:lnTo>
                      <a:lnTo>
                        <a:pt x="325" y="0"/>
                      </a:lnTo>
                      <a:lnTo>
                        <a:pt x="325" y="1"/>
                      </a:lnTo>
                      <a:lnTo>
                        <a:pt x="66" y="20"/>
                      </a:lnTo>
                      <a:lnTo>
                        <a:pt x="66" y="22"/>
                      </a:lnTo>
                      <a:lnTo>
                        <a:pt x="66" y="23"/>
                      </a:lnTo>
                      <a:lnTo>
                        <a:pt x="68" y="25"/>
                      </a:lnTo>
                      <a:lnTo>
                        <a:pt x="71" y="27"/>
                      </a:lnTo>
                      <a:lnTo>
                        <a:pt x="73" y="28"/>
                      </a:lnTo>
                      <a:lnTo>
                        <a:pt x="78" y="30"/>
                      </a:lnTo>
                      <a:lnTo>
                        <a:pt x="82" y="34"/>
                      </a:lnTo>
                      <a:lnTo>
                        <a:pt x="87" y="37"/>
                      </a:lnTo>
                      <a:lnTo>
                        <a:pt x="90" y="40"/>
                      </a:lnTo>
                      <a:lnTo>
                        <a:pt x="90" y="44"/>
                      </a:lnTo>
                      <a:lnTo>
                        <a:pt x="90" y="45"/>
                      </a:lnTo>
                      <a:lnTo>
                        <a:pt x="90" y="47"/>
                      </a:lnTo>
                      <a:lnTo>
                        <a:pt x="88" y="49"/>
                      </a:lnTo>
                      <a:lnTo>
                        <a:pt x="88" y="50"/>
                      </a:lnTo>
                      <a:lnTo>
                        <a:pt x="98" y="57"/>
                      </a:lnTo>
                      <a:lnTo>
                        <a:pt x="100" y="57"/>
                      </a:lnTo>
                      <a:lnTo>
                        <a:pt x="102" y="59"/>
                      </a:lnTo>
                      <a:lnTo>
                        <a:pt x="105" y="61"/>
                      </a:lnTo>
                      <a:lnTo>
                        <a:pt x="110" y="64"/>
                      </a:lnTo>
                      <a:lnTo>
                        <a:pt x="112" y="69"/>
                      </a:lnTo>
                      <a:lnTo>
                        <a:pt x="114" y="76"/>
                      </a:lnTo>
                      <a:lnTo>
                        <a:pt x="114" y="84"/>
                      </a:lnTo>
                      <a:lnTo>
                        <a:pt x="112" y="96"/>
                      </a:lnTo>
                      <a:lnTo>
                        <a:pt x="109" y="105"/>
                      </a:lnTo>
                      <a:lnTo>
                        <a:pt x="105" y="108"/>
                      </a:lnTo>
                      <a:lnTo>
                        <a:pt x="102" y="110"/>
                      </a:lnTo>
                      <a:lnTo>
                        <a:pt x="100" y="108"/>
                      </a:lnTo>
                      <a:lnTo>
                        <a:pt x="98" y="110"/>
                      </a:lnTo>
                      <a:lnTo>
                        <a:pt x="98" y="111"/>
                      </a:lnTo>
                      <a:lnTo>
                        <a:pt x="97" y="120"/>
                      </a:lnTo>
                      <a:lnTo>
                        <a:pt x="97" y="133"/>
                      </a:lnTo>
                      <a:lnTo>
                        <a:pt x="97" y="135"/>
                      </a:lnTo>
                      <a:lnTo>
                        <a:pt x="95" y="137"/>
                      </a:lnTo>
                      <a:lnTo>
                        <a:pt x="93" y="138"/>
                      </a:lnTo>
                      <a:lnTo>
                        <a:pt x="90" y="140"/>
                      </a:lnTo>
                      <a:lnTo>
                        <a:pt x="87" y="142"/>
                      </a:lnTo>
                      <a:lnTo>
                        <a:pt x="80" y="142"/>
                      </a:lnTo>
                      <a:lnTo>
                        <a:pt x="78" y="142"/>
                      </a:lnTo>
                      <a:lnTo>
                        <a:pt x="78" y="144"/>
                      </a:lnTo>
                      <a:lnTo>
                        <a:pt x="78" y="145"/>
                      </a:lnTo>
                      <a:lnTo>
                        <a:pt x="76" y="147"/>
                      </a:lnTo>
                      <a:lnTo>
                        <a:pt x="75" y="149"/>
                      </a:lnTo>
                      <a:lnTo>
                        <a:pt x="70" y="150"/>
                      </a:lnTo>
                      <a:lnTo>
                        <a:pt x="63" y="152"/>
                      </a:lnTo>
                      <a:lnTo>
                        <a:pt x="56" y="152"/>
                      </a:lnTo>
                      <a:lnTo>
                        <a:pt x="49" y="154"/>
                      </a:lnTo>
                      <a:lnTo>
                        <a:pt x="43" y="157"/>
                      </a:lnTo>
                      <a:lnTo>
                        <a:pt x="38" y="160"/>
                      </a:lnTo>
                      <a:lnTo>
                        <a:pt x="34" y="164"/>
                      </a:lnTo>
                      <a:lnTo>
                        <a:pt x="34" y="171"/>
                      </a:lnTo>
                      <a:lnTo>
                        <a:pt x="34" y="177"/>
                      </a:lnTo>
                      <a:lnTo>
                        <a:pt x="38" y="186"/>
                      </a:lnTo>
                      <a:lnTo>
                        <a:pt x="41" y="194"/>
                      </a:lnTo>
                      <a:lnTo>
                        <a:pt x="46" y="199"/>
                      </a:lnTo>
                      <a:lnTo>
                        <a:pt x="48" y="204"/>
                      </a:lnTo>
                      <a:lnTo>
                        <a:pt x="49" y="208"/>
                      </a:lnTo>
                      <a:lnTo>
                        <a:pt x="51" y="213"/>
                      </a:lnTo>
                      <a:lnTo>
                        <a:pt x="49" y="216"/>
                      </a:lnTo>
                      <a:lnTo>
                        <a:pt x="46" y="220"/>
                      </a:lnTo>
                      <a:lnTo>
                        <a:pt x="41" y="226"/>
                      </a:lnTo>
                      <a:lnTo>
                        <a:pt x="41" y="230"/>
                      </a:lnTo>
                      <a:lnTo>
                        <a:pt x="39" y="232"/>
                      </a:lnTo>
                      <a:lnTo>
                        <a:pt x="38" y="235"/>
                      </a:lnTo>
                      <a:lnTo>
                        <a:pt x="38" y="237"/>
                      </a:lnTo>
                      <a:lnTo>
                        <a:pt x="36" y="238"/>
                      </a:lnTo>
                      <a:lnTo>
                        <a:pt x="36" y="240"/>
                      </a:lnTo>
                      <a:lnTo>
                        <a:pt x="36" y="242"/>
                      </a:lnTo>
                      <a:lnTo>
                        <a:pt x="34" y="243"/>
                      </a:lnTo>
                      <a:lnTo>
                        <a:pt x="34" y="247"/>
                      </a:lnTo>
                      <a:lnTo>
                        <a:pt x="34" y="248"/>
                      </a:lnTo>
                      <a:lnTo>
                        <a:pt x="32" y="252"/>
                      </a:lnTo>
                      <a:lnTo>
                        <a:pt x="29" y="254"/>
                      </a:lnTo>
                      <a:lnTo>
                        <a:pt x="24" y="255"/>
                      </a:lnTo>
                      <a:lnTo>
                        <a:pt x="19" y="257"/>
                      </a:lnTo>
                      <a:lnTo>
                        <a:pt x="14" y="259"/>
                      </a:lnTo>
                      <a:lnTo>
                        <a:pt x="10" y="260"/>
                      </a:lnTo>
                      <a:lnTo>
                        <a:pt x="9" y="264"/>
                      </a:lnTo>
                      <a:lnTo>
                        <a:pt x="9" y="267"/>
                      </a:lnTo>
                      <a:lnTo>
                        <a:pt x="9" y="270"/>
                      </a:lnTo>
                      <a:lnTo>
                        <a:pt x="10" y="272"/>
                      </a:lnTo>
                      <a:lnTo>
                        <a:pt x="12" y="276"/>
                      </a:lnTo>
                      <a:lnTo>
                        <a:pt x="14" y="277"/>
                      </a:lnTo>
                      <a:lnTo>
                        <a:pt x="14" y="279"/>
                      </a:lnTo>
                      <a:lnTo>
                        <a:pt x="14" y="282"/>
                      </a:lnTo>
                      <a:lnTo>
                        <a:pt x="12" y="284"/>
                      </a:lnTo>
                      <a:lnTo>
                        <a:pt x="10" y="287"/>
                      </a:lnTo>
                      <a:lnTo>
                        <a:pt x="9" y="289"/>
                      </a:lnTo>
                      <a:lnTo>
                        <a:pt x="7" y="291"/>
                      </a:lnTo>
                      <a:lnTo>
                        <a:pt x="5" y="292"/>
                      </a:lnTo>
                      <a:lnTo>
                        <a:pt x="4" y="294"/>
                      </a:lnTo>
                      <a:lnTo>
                        <a:pt x="4" y="296"/>
                      </a:lnTo>
                      <a:lnTo>
                        <a:pt x="4" y="299"/>
                      </a:lnTo>
                      <a:lnTo>
                        <a:pt x="2" y="304"/>
                      </a:lnTo>
                      <a:lnTo>
                        <a:pt x="2" y="309"/>
                      </a:lnTo>
                      <a:lnTo>
                        <a:pt x="0" y="316"/>
                      </a:lnTo>
                      <a:lnTo>
                        <a:pt x="2" y="325"/>
                      </a:lnTo>
                      <a:lnTo>
                        <a:pt x="2" y="333"/>
                      </a:lnTo>
                      <a:lnTo>
                        <a:pt x="4" y="342"/>
                      </a:lnTo>
                      <a:lnTo>
                        <a:pt x="7" y="352"/>
                      </a:lnTo>
                      <a:lnTo>
                        <a:pt x="12" y="360"/>
                      </a:lnTo>
                      <a:lnTo>
                        <a:pt x="17" y="370"/>
                      </a:lnTo>
                      <a:lnTo>
                        <a:pt x="26" y="380"/>
                      </a:lnTo>
                      <a:lnTo>
                        <a:pt x="34" y="391"/>
                      </a:lnTo>
                      <a:lnTo>
                        <a:pt x="46" y="401"/>
                      </a:lnTo>
                      <a:lnTo>
                        <a:pt x="60" y="411"/>
                      </a:lnTo>
                      <a:lnTo>
                        <a:pt x="63" y="413"/>
                      </a:lnTo>
                      <a:lnTo>
                        <a:pt x="68" y="414"/>
                      </a:lnTo>
                      <a:lnTo>
                        <a:pt x="71" y="416"/>
                      </a:lnTo>
                      <a:lnTo>
                        <a:pt x="75" y="419"/>
                      </a:lnTo>
                      <a:lnTo>
                        <a:pt x="78" y="423"/>
                      </a:lnTo>
                      <a:lnTo>
                        <a:pt x="82" y="430"/>
                      </a:lnTo>
                      <a:lnTo>
                        <a:pt x="83" y="440"/>
                      </a:lnTo>
                      <a:lnTo>
                        <a:pt x="85" y="453"/>
                      </a:lnTo>
                      <a:lnTo>
                        <a:pt x="85" y="462"/>
                      </a:lnTo>
                      <a:lnTo>
                        <a:pt x="88" y="468"/>
                      </a:lnTo>
                      <a:lnTo>
                        <a:pt x="90" y="472"/>
                      </a:lnTo>
                      <a:lnTo>
                        <a:pt x="93" y="474"/>
                      </a:lnTo>
                      <a:lnTo>
                        <a:pt x="97" y="474"/>
                      </a:lnTo>
                      <a:lnTo>
                        <a:pt x="102" y="470"/>
                      </a:lnTo>
                      <a:lnTo>
                        <a:pt x="105" y="467"/>
                      </a:lnTo>
                      <a:lnTo>
                        <a:pt x="109" y="463"/>
                      </a:lnTo>
                      <a:lnTo>
                        <a:pt x="112" y="462"/>
                      </a:lnTo>
                      <a:lnTo>
                        <a:pt x="117" y="462"/>
                      </a:lnTo>
                      <a:lnTo>
                        <a:pt x="122" y="463"/>
                      </a:lnTo>
                      <a:lnTo>
                        <a:pt x="129" y="467"/>
                      </a:lnTo>
                      <a:lnTo>
                        <a:pt x="134" y="470"/>
                      </a:lnTo>
                      <a:lnTo>
                        <a:pt x="137" y="475"/>
                      </a:lnTo>
                      <a:lnTo>
                        <a:pt x="141" y="479"/>
                      </a:lnTo>
                      <a:lnTo>
                        <a:pt x="141" y="482"/>
                      </a:lnTo>
                      <a:lnTo>
                        <a:pt x="141" y="485"/>
                      </a:lnTo>
                      <a:lnTo>
                        <a:pt x="137" y="492"/>
                      </a:lnTo>
                      <a:lnTo>
                        <a:pt x="136" y="499"/>
                      </a:lnTo>
                      <a:lnTo>
                        <a:pt x="134" y="507"/>
                      </a:lnTo>
                      <a:lnTo>
                        <a:pt x="132" y="516"/>
                      </a:lnTo>
                      <a:lnTo>
                        <a:pt x="131" y="523"/>
                      </a:lnTo>
                      <a:lnTo>
                        <a:pt x="129" y="526"/>
                      </a:lnTo>
                      <a:lnTo>
                        <a:pt x="129" y="528"/>
                      </a:lnTo>
                      <a:lnTo>
                        <a:pt x="127" y="529"/>
                      </a:lnTo>
                      <a:lnTo>
                        <a:pt x="126" y="533"/>
                      </a:lnTo>
                      <a:lnTo>
                        <a:pt x="124" y="540"/>
                      </a:lnTo>
                      <a:lnTo>
                        <a:pt x="124" y="546"/>
                      </a:lnTo>
                      <a:lnTo>
                        <a:pt x="126" y="553"/>
                      </a:lnTo>
                      <a:lnTo>
                        <a:pt x="129" y="562"/>
                      </a:lnTo>
                      <a:lnTo>
                        <a:pt x="139" y="570"/>
                      </a:lnTo>
                      <a:lnTo>
                        <a:pt x="153" y="577"/>
                      </a:lnTo>
                      <a:lnTo>
                        <a:pt x="156" y="578"/>
                      </a:lnTo>
                      <a:lnTo>
                        <a:pt x="159" y="580"/>
                      </a:lnTo>
                      <a:lnTo>
                        <a:pt x="163" y="582"/>
                      </a:lnTo>
                      <a:lnTo>
                        <a:pt x="164" y="584"/>
                      </a:lnTo>
                      <a:lnTo>
                        <a:pt x="166" y="585"/>
                      </a:lnTo>
                      <a:lnTo>
                        <a:pt x="166" y="594"/>
                      </a:lnTo>
                      <a:lnTo>
                        <a:pt x="183" y="594"/>
                      </a:lnTo>
                      <a:lnTo>
                        <a:pt x="198" y="609"/>
                      </a:lnTo>
                      <a:lnTo>
                        <a:pt x="214" y="614"/>
                      </a:lnTo>
                      <a:lnTo>
                        <a:pt x="215" y="636"/>
                      </a:lnTo>
                      <a:lnTo>
                        <a:pt x="222" y="648"/>
                      </a:lnTo>
                      <a:lnTo>
                        <a:pt x="217" y="665"/>
                      </a:lnTo>
                      <a:lnTo>
                        <a:pt x="217" y="673"/>
                      </a:lnTo>
                      <a:lnTo>
                        <a:pt x="227" y="683"/>
                      </a:lnTo>
                      <a:lnTo>
                        <a:pt x="230" y="692"/>
                      </a:lnTo>
                      <a:lnTo>
                        <a:pt x="237" y="697"/>
                      </a:lnTo>
                      <a:lnTo>
                        <a:pt x="237" y="694"/>
                      </a:lnTo>
                      <a:lnTo>
                        <a:pt x="237" y="690"/>
                      </a:lnTo>
                      <a:lnTo>
                        <a:pt x="237" y="687"/>
                      </a:lnTo>
                      <a:lnTo>
                        <a:pt x="237" y="685"/>
                      </a:lnTo>
                      <a:lnTo>
                        <a:pt x="239" y="685"/>
                      </a:lnTo>
                      <a:lnTo>
                        <a:pt x="242" y="687"/>
                      </a:lnTo>
                      <a:lnTo>
                        <a:pt x="244" y="692"/>
                      </a:lnTo>
                      <a:lnTo>
                        <a:pt x="246" y="692"/>
                      </a:lnTo>
                      <a:lnTo>
                        <a:pt x="246" y="690"/>
                      </a:lnTo>
                      <a:lnTo>
                        <a:pt x="247" y="688"/>
                      </a:lnTo>
                      <a:lnTo>
                        <a:pt x="251" y="685"/>
                      </a:lnTo>
                      <a:lnTo>
                        <a:pt x="252" y="683"/>
                      </a:lnTo>
                      <a:lnTo>
                        <a:pt x="256" y="682"/>
                      </a:lnTo>
                      <a:lnTo>
                        <a:pt x="258" y="680"/>
                      </a:lnTo>
                      <a:lnTo>
                        <a:pt x="258" y="678"/>
                      </a:lnTo>
                      <a:close/>
                    </a:path>
                  </a:pathLst>
                </a:custGeom>
                <a:solidFill>
                  <a:srgbClr val="00206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38" name="Freeform 46"/>
                <p:cNvSpPr>
                  <a:spLocks/>
                </p:cNvSpPr>
                <p:nvPr/>
              </p:nvSpPr>
              <p:spPr bwMode="auto">
                <a:xfrm>
                  <a:off x="2691" y="2198"/>
                  <a:ext cx="644" cy="564"/>
                </a:xfrm>
                <a:custGeom>
                  <a:avLst/>
                  <a:gdLst>
                    <a:gd name="T0" fmla="*/ 79 w 662"/>
                    <a:gd name="T1" fmla="*/ 448 h 570"/>
                    <a:gd name="T2" fmla="*/ 79 w 662"/>
                    <a:gd name="T3" fmla="*/ 427 h 570"/>
                    <a:gd name="T4" fmla="*/ 79 w 662"/>
                    <a:gd name="T5" fmla="*/ 409 h 570"/>
                    <a:gd name="T6" fmla="*/ 79 w 662"/>
                    <a:gd name="T7" fmla="*/ 399 h 570"/>
                    <a:gd name="T8" fmla="*/ 57 w 662"/>
                    <a:gd name="T9" fmla="*/ 146 h 570"/>
                    <a:gd name="T10" fmla="*/ 46 w 662"/>
                    <a:gd name="T11" fmla="*/ 123 h 570"/>
                    <a:gd name="T12" fmla="*/ 55 w 662"/>
                    <a:gd name="T13" fmla="*/ 91 h 570"/>
                    <a:gd name="T14" fmla="*/ 50 w 662"/>
                    <a:gd name="T15" fmla="*/ 86 h 570"/>
                    <a:gd name="T16" fmla="*/ 23 w 662"/>
                    <a:gd name="T17" fmla="*/ 69 h 570"/>
                    <a:gd name="T18" fmla="*/ 10 w 662"/>
                    <a:gd name="T19" fmla="*/ 32 h 570"/>
                    <a:gd name="T20" fmla="*/ 5 w 662"/>
                    <a:gd name="T21" fmla="*/ 22 h 570"/>
                    <a:gd name="T22" fmla="*/ 0 w 662"/>
                    <a:gd name="T23" fmla="*/ 10 h 570"/>
                    <a:gd name="T24" fmla="*/ 263 w 662"/>
                    <a:gd name="T25" fmla="*/ 10 h 570"/>
                    <a:gd name="T26" fmla="*/ 273 w 662"/>
                    <a:gd name="T27" fmla="*/ 28 h 570"/>
                    <a:gd name="T28" fmla="*/ 273 w 662"/>
                    <a:gd name="T29" fmla="*/ 32 h 570"/>
                    <a:gd name="T30" fmla="*/ 271 w 662"/>
                    <a:gd name="T31" fmla="*/ 47 h 570"/>
                    <a:gd name="T32" fmla="*/ 276 w 662"/>
                    <a:gd name="T33" fmla="*/ 74 h 570"/>
                    <a:gd name="T34" fmla="*/ 295 w 662"/>
                    <a:gd name="T35" fmla="*/ 113 h 570"/>
                    <a:gd name="T36" fmla="*/ 318 w 662"/>
                    <a:gd name="T37" fmla="*/ 132 h 570"/>
                    <a:gd name="T38" fmla="*/ 328 w 662"/>
                    <a:gd name="T39" fmla="*/ 140 h 570"/>
                    <a:gd name="T40" fmla="*/ 331 w 662"/>
                    <a:gd name="T41" fmla="*/ 176 h 570"/>
                    <a:gd name="T42" fmla="*/ 340 w 662"/>
                    <a:gd name="T43" fmla="*/ 178 h 570"/>
                    <a:gd name="T44" fmla="*/ 350 w 662"/>
                    <a:gd name="T45" fmla="*/ 170 h 570"/>
                    <a:gd name="T46" fmla="*/ 365 w 662"/>
                    <a:gd name="T47" fmla="*/ 183 h 570"/>
                    <a:gd name="T48" fmla="*/ 365 w 662"/>
                    <a:gd name="T49" fmla="*/ 200 h 570"/>
                    <a:gd name="T50" fmla="*/ 360 w 662"/>
                    <a:gd name="T51" fmla="*/ 223 h 570"/>
                    <a:gd name="T52" fmla="*/ 357 w 662"/>
                    <a:gd name="T53" fmla="*/ 230 h 570"/>
                    <a:gd name="T54" fmla="*/ 358 w 662"/>
                    <a:gd name="T55" fmla="*/ 256 h 570"/>
                    <a:gd name="T56" fmla="*/ 378 w 662"/>
                    <a:gd name="T57" fmla="*/ 274 h 570"/>
                    <a:gd name="T58" fmla="*/ 384 w 662"/>
                    <a:gd name="T59" fmla="*/ 279 h 570"/>
                    <a:gd name="T60" fmla="*/ 396 w 662"/>
                    <a:gd name="T61" fmla="*/ 288 h 570"/>
                    <a:gd name="T62" fmla="*/ 422 w 662"/>
                    <a:gd name="T63" fmla="*/ 329 h 570"/>
                    <a:gd name="T64" fmla="*/ 428 w 662"/>
                    <a:gd name="T65" fmla="*/ 371 h 570"/>
                    <a:gd name="T66" fmla="*/ 433 w 662"/>
                    <a:gd name="T67" fmla="*/ 370 h 570"/>
                    <a:gd name="T68" fmla="*/ 435 w 662"/>
                    <a:gd name="T69" fmla="*/ 367 h 570"/>
                    <a:gd name="T70" fmla="*/ 443 w 662"/>
                    <a:gd name="T71" fmla="*/ 377 h 570"/>
                    <a:gd name="T72" fmla="*/ 447 w 662"/>
                    <a:gd name="T73" fmla="*/ 419 h 570"/>
                    <a:gd name="T74" fmla="*/ 419 w 662"/>
                    <a:gd name="T75" fmla="*/ 459 h 570"/>
                    <a:gd name="T76" fmla="*/ 411 w 662"/>
                    <a:gd name="T77" fmla="*/ 461 h 570"/>
                    <a:gd name="T78" fmla="*/ 421 w 662"/>
                    <a:gd name="T79" fmla="*/ 471 h 570"/>
                    <a:gd name="T80" fmla="*/ 421 w 662"/>
                    <a:gd name="T81" fmla="*/ 475 h 570"/>
                    <a:gd name="T82" fmla="*/ 411 w 662"/>
                    <a:gd name="T83" fmla="*/ 489 h 570"/>
                    <a:gd name="T84" fmla="*/ 370 w 662"/>
                    <a:gd name="T85" fmla="*/ 485 h 570"/>
                    <a:gd name="T86" fmla="*/ 378 w 662"/>
                    <a:gd name="T87" fmla="*/ 465 h 570"/>
                    <a:gd name="T88" fmla="*/ 386 w 662"/>
                    <a:gd name="T89" fmla="*/ 448 h 570"/>
                    <a:gd name="T90" fmla="*/ 376 w 662"/>
                    <a:gd name="T91" fmla="*/ 434 h 570"/>
                    <a:gd name="T92" fmla="*/ 365 w 662"/>
                    <a:gd name="T93" fmla="*/ 436 h 570"/>
                    <a:gd name="T94" fmla="*/ 337 w 662"/>
                    <a:gd name="T95" fmla="*/ 437 h 570"/>
                    <a:gd name="T96" fmla="*/ 294 w 662"/>
                    <a:gd name="T97" fmla="*/ 441 h 570"/>
                    <a:gd name="T98" fmla="*/ 241 w 662"/>
                    <a:gd name="T99" fmla="*/ 444 h 570"/>
                    <a:gd name="T100" fmla="*/ 188 w 662"/>
                    <a:gd name="T101" fmla="*/ 448 h 570"/>
                    <a:gd name="T102" fmla="*/ 140 w 662"/>
                    <a:gd name="T103" fmla="*/ 451 h 570"/>
                    <a:gd name="T104" fmla="*/ 101 w 662"/>
                    <a:gd name="T105" fmla="*/ 452 h 570"/>
                    <a:gd name="T106" fmla="*/ 81 w 662"/>
                    <a:gd name="T107" fmla="*/ 453 h 570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w 662"/>
                    <a:gd name="T163" fmla="*/ 0 h 570"/>
                    <a:gd name="T164" fmla="*/ 662 w 662"/>
                    <a:gd name="T165" fmla="*/ 570 h 570"/>
                  </a:gdLst>
                  <a:ahLst/>
                  <a:cxnLst>
                    <a:cxn ang="T108">
                      <a:pos x="T0" y="T1"/>
                    </a:cxn>
                    <a:cxn ang="T109">
                      <a:pos x="T2" y="T3"/>
                    </a:cxn>
                    <a:cxn ang="T110">
                      <a:pos x="T4" y="T5"/>
                    </a:cxn>
                    <a:cxn ang="T111">
                      <a:pos x="T6" y="T7"/>
                    </a:cxn>
                    <a:cxn ang="T112">
                      <a:pos x="T8" y="T9"/>
                    </a:cxn>
                    <a:cxn ang="T113">
                      <a:pos x="T10" y="T11"/>
                    </a:cxn>
                    <a:cxn ang="T114">
                      <a:pos x="T12" y="T13"/>
                    </a:cxn>
                    <a:cxn ang="T115">
                      <a:pos x="T14" y="T15"/>
                    </a:cxn>
                    <a:cxn ang="T116">
                      <a:pos x="T16" y="T17"/>
                    </a:cxn>
                    <a:cxn ang="T117">
                      <a:pos x="T18" y="T19"/>
                    </a:cxn>
                    <a:cxn ang="T118">
                      <a:pos x="T20" y="T21"/>
                    </a:cxn>
                    <a:cxn ang="T119">
                      <a:pos x="T22" y="T23"/>
                    </a:cxn>
                    <a:cxn ang="T120">
                      <a:pos x="T24" y="T25"/>
                    </a:cxn>
                    <a:cxn ang="T121">
                      <a:pos x="T26" y="T27"/>
                    </a:cxn>
                    <a:cxn ang="T122">
                      <a:pos x="T28" y="T29"/>
                    </a:cxn>
                    <a:cxn ang="T123">
                      <a:pos x="T30" y="T31"/>
                    </a:cxn>
                    <a:cxn ang="T124">
                      <a:pos x="T32" y="T33"/>
                    </a:cxn>
                    <a:cxn ang="T125">
                      <a:pos x="T34" y="T35"/>
                    </a:cxn>
                    <a:cxn ang="T126">
                      <a:pos x="T36" y="T37"/>
                    </a:cxn>
                    <a:cxn ang="T127">
                      <a:pos x="T38" y="T39"/>
                    </a:cxn>
                    <a:cxn ang="T128">
                      <a:pos x="T40" y="T41"/>
                    </a:cxn>
                    <a:cxn ang="T129">
                      <a:pos x="T42" y="T43"/>
                    </a:cxn>
                    <a:cxn ang="T130">
                      <a:pos x="T44" y="T45"/>
                    </a:cxn>
                    <a:cxn ang="T131">
                      <a:pos x="T46" y="T47"/>
                    </a:cxn>
                    <a:cxn ang="T132">
                      <a:pos x="T48" y="T49"/>
                    </a:cxn>
                    <a:cxn ang="T133">
                      <a:pos x="T50" y="T51"/>
                    </a:cxn>
                    <a:cxn ang="T134">
                      <a:pos x="T52" y="T53"/>
                    </a:cxn>
                    <a:cxn ang="T135">
                      <a:pos x="T54" y="T55"/>
                    </a:cxn>
                    <a:cxn ang="T136">
                      <a:pos x="T56" y="T57"/>
                    </a:cxn>
                    <a:cxn ang="T137">
                      <a:pos x="T58" y="T59"/>
                    </a:cxn>
                    <a:cxn ang="T138">
                      <a:pos x="T60" y="T61"/>
                    </a:cxn>
                    <a:cxn ang="T139">
                      <a:pos x="T62" y="T63"/>
                    </a:cxn>
                    <a:cxn ang="T140">
                      <a:pos x="T64" y="T65"/>
                    </a:cxn>
                    <a:cxn ang="T141">
                      <a:pos x="T66" y="T67"/>
                    </a:cxn>
                    <a:cxn ang="T142">
                      <a:pos x="T68" y="T69"/>
                    </a:cxn>
                    <a:cxn ang="T143">
                      <a:pos x="T70" y="T71"/>
                    </a:cxn>
                    <a:cxn ang="T144">
                      <a:pos x="T72" y="T73"/>
                    </a:cxn>
                    <a:cxn ang="T145">
                      <a:pos x="T74" y="T75"/>
                    </a:cxn>
                    <a:cxn ang="T146">
                      <a:pos x="T76" y="T77"/>
                    </a:cxn>
                    <a:cxn ang="T147">
                      <a:pos x="T78" y="T79"/>
                    </a:cxn>
                    <a:cxn ang="T148">
                      <a:pos x="T80" y="T81"/>
                    </a:cxn>
                    <a:cxn ang="T149">
                      <a:pos x="T82" y="T83"/>
                    </a:cxn>
                    <a:cxn ang="T150">
                      <a:pos x="T84" y="T85"/>
                    </a:cxn>
                    <a:cxn ang="T151">
                      <a:pos x="T86" y="T87"/>
                    </a:cxn>
                    <a:cxn ang="T152">
                      <a:pos x="T88" y="T89"/>
                    </a:cxn>
                    <a:cxn ang="T153">
                      <a:pos x="T90" y="T91"/>
                    </a:cxn>
                    <a:cxn ang="T154">
                      <a:pos x="T92" y="T93"/>
                    </a:cxn>
                    <a:cxn ang="T155">
                      <a:pos x="T94" y="T95"/>
                    </a:cxn>
                    <a:cxn ang="T156">
                      <a:pos x="T96" y="T97"/>
                    </a:cxn>
                    <a:cxn ang="T157">
                      <a:pos x="T98" y="T99"/>
                    </a:cxn>
                    <a:cxn ang="T158">
                      <a:pos x="T100" y="T101"/>
                    </a:cxn>
                    <a:cxn ang="T159">
                      <a:pos x="T102" y="T103"/>
                    </a:cxn>
                    <a:cxn ang="T160">
                      <a:pos x="T104" y="T105"/>
                    </a:cxn>
                    <a:cxn ang="T161">
                      <a:pos x="T106" y="T107"/>
                    </a:cxn>
                  </a:cxnLst>
                  <a:rect l="T162" t="T163" r="T164" b="T165"/>
                  <a:pathLst>
                    <a:path w="662" h="570">
                      <a:moveTo>
                        <a:pt x="117" y="524"/>
                      </a:moveTo>
                      <a:lnTo>
                        <a:pt x="117" y="523"/>
                      </a:lnTo>
                      <a:lnTo>
                        <a:pt x="115" y="521"/>
                      </a:lnTo>
                      <a:lnTo>
                        <a:pt x="115" y="518"/>
                      </a:lnTo>
                      <a:lnTo>
                        <a:pt x="115" y="514"/>
                      </a:lnTo>
                      <a:lnTo>
                        <a:pt x="115" y="509"/>
                      </a:lnTo>
                      <a:lnTo>
                        <a:pt x="115" y="504"/>
                      </a:lnTo>
                      <a:lnTo>
                        <a:pt x="115" y="497"/>
                      </a:lnTo>
                      <a:lnTo>
                        <a:pt x="115" y="492"/>
                      </a:lnTo>
                      <a:lnTo>
                        <a:pt x="115" y="487"/>
                      </a:lnTo>
                      <a:lnTo>
                        <a:pt x="115" y="480"/>
                      </a:lnTo>
                      <a:lnTo>
                        <a:pt x="115" y="475"/>
                      </a:lnTo>
                      <a:lnTo>
                        <a:pt x="115" y="470"/>
                      </a:lnTo>
                      <a:lnTo>
                        <a:pt x="115" y="467"/>
                      </a:lnTo>
                      <a:lnTo>
                        <a:pt x="115" y="463"/>
                      </a:lnTo>
                      <a:lnTo>
                        <a:pt x="115" y="462"/>
                      </a:lnTo>
                      <a:lnTo>
                        <a:pt x="115" y="460"/>
                      </a:lnTo>
                      <a:lnTo>
                        <a:pt x="113" y="188"/>
                      </a:lnTo>
                      <a:lnTo>
                        <a:pt x="96" y="188"/>
                      </a:lnTo>
                      <a:lnTo>
                        <a:pt x="85" y="174"/>
                      </a:lnTo>
                      <a:lnTo>
                        <a:pt x="83" y="162"/>
                      </a:lnTo>
                      <a:lnTo>
                        <a:pt x="79" y="155"/>
                      </a:lnTo>
                      <a:lnTo>
                        <a:pt x="66" y="145"/>
                      </a:lnTo>
                      <a:lnTo>
                        <a:pt x="66" y="137"/>
                      </a:lnTo>
                      <a:lnTo>
                        <a:pt x="79" y="118"/>
                      </a:lnTo>
                      <a:lnTo>
                        <a:pt x="83" y="113"/>
                      </a:lnTo>
                      <a:lnTo>
                        <a:pt x="85" y="108"/>
                      </a:lnTo>
                      <a:lnTo>
                        <a:pt x="83" y="105"/>
                      </a:lnTo>
                      <a:lnTo>
                        <a:pt x="81" y="103"/>
                      </a:lnTo>
                      <a:lnTo>
                        <a:pt x="78" y="101"/>
                      </a:lnTo>
                      <a:lnTo>
                        <a:pt x="74" y="100"/>
                      </a:lnTo>
                      <a:lnTo>
                        <a:pt x="73" y="100"/>
                      </a:lnTo>
                      <a:lnTo>
                        <a:pt x="71" y="98"/>
                      </a:lnTo>
                      <a:lnTo>
                        <a:pt x="61" y="100"/>
                      </a:lnTo>
                      <a:lnTo>
                        <a:pt x="49" y="89"/>
                      </a:lnTo>
                      <a:lnTo>
                        <a:pt x="37" y="83"/>
                      </a:lnTo>
                      <a:lnTo>
                        <a:pt x="39" y="84"/>
                      </a:lnTo>
                      <a:lnTo>
                        <a:pt x="27" y="56"/>
                      </a:lnTo>
                      <a:lnTo>
                        <a:pt x="13" y="44"/>
                      </a:lnTo>
                      <a:lnTo>
                        <a:pt x="10" y="32"/>
                      </a:lnTo>
                      <a:lnTo>
                        <a:pt x="10" y="30"/>
                      </a:lnTo>
                      <a:lnTo>
                        <a:pt x="8" y="28"/>
                      </a:lnTo>
                      <a:lnTo>
                        <a:pt x="7" y="25"/>
                      </a:lnTo>
                      <a:lnTo>
                        <a:pt x="5" y="22"/>
                      </a:lnTo>
                      <a:lnTo>
                        <a:pt x="3" y="17"/>
                      </a:lnTo>
                      <a:lnTo>
                        <a:pt x="2" y="13"/>
                      </a:lnTo>
                      <a:lnTo>
                        <a:pt x="0" y="10"/>
                      </a:lnTo>
                      <a:lnTo>
                        <a:pt x="379" y="0"/>
                      </a:lnTo>
                      <a:lnTo>
                        <a:pt x="381" y="1"/>
                      </a:lnTo>
                      <a:lnTo>
                        <a:pt x="382" y="5"/>
                      </a:lnTo>
                      <a:lnTo>
                        <a:pt x="387" y="10"/>
                      </a:lnTo>
                      <a:lnTo>
                        <a:pt x="391" y="15"/>
                      </a:lnTo>
                      <a:lnTo>
                        <a:pt x="396" y="20"/>
                      </a:lnTo>
                      <a:lnTo>
                        <a:pt x="401" y="25"/>
                      </a:lnTo>
                      <a:lnTo>
                        <a:pt x="403" y="28"/>
                      </a:lnTo>
                      <a:lnTo>
                        <a:pt x="404" y="28"/>
                      </a:lnTo>
                      <a:lnTo>
                        <a:pt x="403" y="30"/>
                      </a:lnTo>
                      <a:lnTo>
                        <a:pt x="403" y="32"/>
                      </a:lnTo>
                      <a:lnTo>
                        <a:pt x="403" y="35"/>
                      </a:lnTo>
                      <a:lnTo>
                        <a:pt x="401" y="40"/>
                      </a:lnTo>
                      <a:lnTo>
                        <a:pt x="401" y="45"/>
                      </a:lnTo>
                      <a:lnTo>
                        <a:pt x="399" y="52"/>
                      </a:lnTo>
                      <a:lnTo>
                        <a:pt x="401" y="61"/>
                      </a:lnTo>
                      <a:lnTo>
                        <a:pt x="401" y="69"/>
                      </a:lnTo>
                      <a:lnTo>
                        <a:pt x="403" y="78"/>
                      </a:lnTo>
                      <a:lnTo>
                        <a:pt x="406" y="88"/>
                      </a:lnTo>
                      <a:lnTo>
                        <a:pt x="411" y="96"/>
                      </a:lnTo>
                      <a:lnTo>
                        <a:pt x="416" y="106"/>
                      </a:lnTo>
                      <a:lnTo>
                        <a:pt x="425" y="116"/>
                      </a:lnTo>
                      <a:lnTo>
                        <a:pt x="433" y="127"/>
                      </a:lnTo>
                      <a:lnTo>
                        <a:pt x="445" y="137"/>
                      </a:lnTo>
                      <a:lnTo>
                        <a:pt x="459" y="147"/>
                      </a:lnTo>
                      <a:lnTo>
                        <a:pt x="462" y="149"/>
                      </a:lnTo>
                      <a:lnTo>
                        <a:pt x="467" y="150"/>
                      </a:lnTo>
                      <a:lnTo>
                        <a:pt x="470" y="152"/>
                      </a:lnTo>
                      <a:lnTo>
                        <a:pt x="474" y="155"/>
                      </a:lnTo>
                      <a:lnTo>
                        <a:pt x="477" y="159"/>
                      </a:lnTo>
                      <a:lnTo>
                        <a:pt x="481" y="166"/>
                      </a:lnTo>
                      <a:lnTo>
                        <a:pt x="482" y="176"/>
                      </a:lnTo>
                      <a:lnTo>
                        <a:pt x="484" y="189"/>
                      </a:lnTo>
                      <a:lnTo>
                        <a:pt x="484" y="198"/>
                      </a:lnTo>
                      <a:lnTo>
                        <a:pt x="487" y="204"/>
                      </a:lnTo>
                      <a:lnTo>
                        <a:pt x="489" y="208"/>
                      </a:lnTo>
                      <a:lnTo>
                        <a:pt x="492" y="210"/>
                      </a:lnTo>
                      <a:lnTo>
                        <a:pt x="496" y="210"/>
                      </a:lnTo>
                      <a:lnTo>
                        <a:pt x="501" y="206"/>
                      </a:lnTo>
                      <a:lnTo>
                        <a:pt x="504" y="203"/>
                      </a:lnTo>
                      <a:lnTo>
                        <a:pt x="508" y="199"/>
                      </a:lnTo>
                      <a:lnTo>
                        <a:pt x="511" y="198"/>
                      </a:lnTo>
                      <a:lnTo>
                        <a:pt x="516" y="198"/>
                      </a:lnTo>
                      <a:lnTo>
                        <a:pt x="521" y="199"/>
                      </a:lnTo>
                      <a:lnTo>
                        <a:pt x="528" y="203"/>
                      </a:lnTo>
                      <a:lnTo>
                        <a:pt x="533" y="206"/>
                      </a:lnTo>
                      <a:lnTo>
                        <a:pt x="536" y="211"/>
                      </a:lnTo>
                      <a:lnTo>
                        <a:pt x="540" y="215"/>
                      </a:lnTo>
                      <a:lnTo>
                        <a:pt x="540" y="218"/>
                      </a:lnTo>
                      <a:lnTo>
                        <a:pt x="540" y="221"/>
                      </a:lnTo>
                      <a:lnTo>
                        <a:pt x="536" y="228"/>
                      </a:lnTo>
                      <a:lnTo>
                        <a:pt x="535" y="235"/>
                      </a:lnTo>
                      <a:lnTo>
                        <a:pt x="533" y="243"/>
                      </a:lnTo>
                      <a:lnTo>
                        <a:pt x="531" y="252"/>
                      </a:lnTo>
                      <a:lnTo>
                        <a:pt x="530" y="259"/>
                      </a:lnTo>
                      <a:lnTo>
                        <a:pt x="528" y="262"/>
                      </a:lnTo>
                      <a:lnTo>
                        <a:pt x="528" y="264"/>
                      </a:lnTo>
                      <a:lnTo>
                        <a:pt x="526" y="265"/>
                      </a:lnTo>
                      <a:lnTo>
                        <a:pt x="525" y="269"/>
                      </a:lnTo>
                      <a:lnTo>
                        <a:pt x="523" y="276"/>
                      </a:lnTo>
                      <a:lnTo>
                        <a:pt x="523" y="282"/>
                      </a:lnTo>
                      <a:lnTo>
                        <a:pt x="525" y="289"/>
                      </a:lnTo>
                      <a:lnTo>
                        <a:pt x="528" y="298"/>
                      </a:lnTo>
                      <a:lnTo>
                        <a:pt x="538" y="306"/>
                      </a:lnTo>
                      <a:lnTo>
                        <a:pt x="552" y="313"/>
                      </a:lnTo>
                      <a:lnTo>
                        <a:pt x="555" y="314"/>
                      </a:lnTo>
                      <a:lnTo>
                        <a:pt x="558" y="316"/>
                      </a:lnTo>
                      <a:lnTo>
                        <a:pt x="562" y="318"/>
                      </a:lnTo>
                      <a:lnTo>
                        <a:pt x="563" y="320"/>
                      </a:lnTo>
                      <a:lnTo>
                        <a:pt x="565" y="321"/>
                      </a:lnTo>
                      <a:lnTo>
                        <a:pt x="565" y="330"/>
                      </a:lnTo>
                      <a:lnTo>
                        <a:pt x="582" y="330"/>
                      </a:lnTo>
                      <a:lnTo>
                        <a:pt x="597" y="345"/>
                      </a:lnTo>
                      <a:lnTo>
                        <a:pt x="613" y="350"/>
                      </a:lnTo>
                      <a:lnTo>
                        <a:pt x="614" y="372"/>
                      </a:lnTo>
                      <a:lnTo>
                        <a:pt x="621" y="384"/>
                      </a:lnTo>
                      <a:lnTo>
                        <a:pt x="616" y="401"/>
                      </a:lnTo>
                      <a:lnTo>
                        <a:pt x="616" y="409"/>
                      </a:lnTo>
                      <a:lnTo>
                        <a:pt x="626" y="419"/>
                      </a:lnTo>
                      <a:lnTo>
                        <a:pt x="629" y="428"/>
                      </a:lnTo>
                      <a:lnTo>
                        <a:pt x="636" y="433"/>
                      </a:lnTo>
                      <a:lnTo>
                        <a:pt x="636" y="430"/>
                      </a:lnTo>
                      <a:lnTo>
                        <a:pt x="636" y="426"/>
                      </a:lnTo>
                      <a:lnTo>
                        <a:pt x="636" y="423"/>
                      </a:lnTo>
                      <a:lnTo>
                        <a:pt x="636" y="421"/>
                      </a:lnTo>
                      <a:lnTo>
                        <a:pt x="638" y="421"/>
                      </a:lnTo>
                      <a:lnTo>
                        <a:pt x="641" y="423"/>
                      </a:lnTo>
                      <a:lnTo>
                        <a:pt x="643" y="428"/>
                      </a:lnTo>
                      <a:lnTo>
                        <a:pt x="645" y="430"/>
                      </a:lnTo>
                      <a:lnTo>
                        <a:pt x="648" y="433"/>
                      </a:lnTo>
                      <a:lnTo>
                        <a:pt x="651" y="435"/>
                      </a:lnTo>
                      <a:lnTo>
                        <a:pt x="653" y="436"/>
                      </a:lnTo>
                      <a:lnTo>
                        <a:pt x="662" y="443"/>
                      </a:lnTo>
                      <a:lnTo>
                        <a:pt x="657" y="452"/>
                      </a:lnTo>
                      <a:lnTo>
                        <a:pt x="657" y="487"/>
                      </a:lnTo>
                      <a:lnTo>
                        <a:pt x="638" y="489"/>
                      </a:lnTo>
                      <a:lnTo>
                        <a:pt x="619" y="502"/>
                      </a:lnTo>
                      <a:lnTo>
                        <a:pt x="618" y="531"/>
                      </a:lnTo>
                      <a:lnTo>
                        <a:pt x="616" y="531"/>
                      </a:lnTo>
                      <a:lnTo>
                        <a:pt x="614" y="531"/>
                      </a:lnTo>
                      <a:lnTo>
                        <a:pt x="613" y="531"/>
                      </a:lnTo>
                      <a:lnTo>
                        <a:pt x="609" y="531"/>
                      </a:lnTo>
                      <a:lnTo>
                        <a:pt x="607" y="533"/>
                      </a:lnTo>
                      <a:lnTo>
                        <a:pt x="607" y="534"/>
                      </a:lnTo>
                      <a:lnTo>
                        <a:pt x="609" y="538"/>
                      </a:lnTo>
                      <a:lnTo>
                        <a:pt x="613" y="541"/>
                      </a:lnTo>
                      <a:lnTo>
                        <a:pt x="618" y="545"/>
                      </a:lnTo>
                      <a:lnTo>
                        <a:pt x="619" y="548"/>
                      </a:lnTo>
                      <a:lnTo>
                        <a:pt x="619" y="550"/>
                      </a:lnTo>
                      <a:lnTo>
                        <a:pt x="618" y="550"/>
                      </a:lnTo>
                      <a:lnTo>
                        <a:pt x="616" y="550"/>
                      </a:lnTo>
                      <a:lnTo>
                        <a:pt x="606" y="567"/>
                      </a:lnTo>
                      <a:lnTo>
                        <a:pt x="541" y="570"/>
                      </a:lnTo>
                      <a:lnTo>
                        <a:pt x="541" y="568"/>
                      </a:lnTo>
                      <a:lnTo>
                        <a:pt x="543" y="565"/>
                      </a:lnTo>
                      <a:lnTo>
                        <a:pt x="545" y="562"/>
                      </a:lnTo>
                      <a:lnTo>
                        <a:pt x="547" y="555"/>
                      </a:lnTo>
                      <a:lnTo>
                        <a:pt x="550" y="550"/>
                      </a:lnTo>
                      <a:lnTo>
                        <a:pt x="553" y="543"/>
                      </a:lnTo>
                      <a:lnTo>
                        <a:pt x="557" y="538"/>
                      </a:lnTo>
                      <a:lnTo>
                        <a:pt x="563" y="533"/>
                      </a:lnTo>
                      <a:lnTo>
                        <a:pt x="567" y="528"/>
                      </a:lnTo>
                      <a:lnTo>
                        <a:pt x="569" y="523"/>
                      </a:lnTo>
                      <a:lnTo>
                        <a:pt x="567" y="518"/>
                      </a:lnTo>
                      <a:lnTo>
                        <a:pt x="563" y="512"/>
                      </a:lnTo>
                      <a:lnTo>
                        <a:pt x="560" y="509"/>
                      </a:lnTo>
                      <a:lnTo>
                        <a:pt x="555" y="506"/>
                      </a:lnTo>
                      <a:lnTo>
                        <a:pt x="552" y="504"/>
                      </a:lnTo>
                      <a:lnTo>
                        <a:pt x="548" y="504"/>
                      </a:lnTo>
                      <a:lnTo>
                        <a:pt x="547" y="506"/>
                      </a:lnTo>
                      <a:lnTo>
                        <a:pt x="543" y="506"/>
                      </a:lnTo>
                      <a:lnTo>
                        <a:pt x="536" y="506"/>
                      </a:lnTo>
                      <a:lnTo>
                        <a:pt x="528" y="506"/>
                      </a:lnTo>
                      <a:lnTo>
                        <a:pt x="519" y="507"/>
                      </a:lnTo>
                      <a:lnTo>
                        <a:pt x="508" y="507"/>
                      </a:lnTo>
                      <a:lnTo>
                        <a:pt x="494" y="507"/>
                      </a:lnTo>
                      <a:lnTo>
                        <a:pt x="481" y="509"/>
                      </a:lnTo>
                      <a:lnTo>
                        <a:pt x="465" y="509"/>
                      </a:lnTo>
                      <a:lnTo>
                        <a:pt x="448" y="511"/>
                      </a:lnTo>
                      <a:lnTo>
                        <a:pt x="431" y="511"/>
                      </a:lnTo>
                      <a:lnTo>
                        <a:pt x="413" y="511"/>
                      </a:lnTo>
                      <a:lnTo>
                        <a:pt x="394" y="512"/>
                      </a:lnTo>
                      <a:lnTo>
                        <a:pt x="376" y="512"/>
                      </a:lnTo>
                      <a:lnTo>
                        <a:pt x="355" y="514"/>
                      </a:lnTo>
                      <a:lnTo>
                        <a:pt x="337" y="514"/>
                      </a:lnTo>
                      <a:lnTo>
                        <a:pt x="316" y="516"/>
                      </a:lnTo>
                      <a:lnTo>
                        <a:pt x="296" y="516"/>
                      </a:lnTo>
                      <a:lnTo>
                        <a:pt x="277" y="518"/>
                      </a:lnTo>
                      <a:lnTo>
                        <a:pt x="259" y="518"/>
                      </a:lnTo>
                      <a:lnTo>
                        <a:pt x="240" y="519"/>
                      </a:lnTo>
                      <a:lnTo>
                        <a:pt x="222" y="519"/>
                      </a:lnTo>
                      <a:lnTo>
                        <a:pt x="205" y="521"/>
                      </a:lnTo>
                      <a:lnTo>
                        <a:pt x="189" y="521"/>
                      </a:lnTo>
                      <a:lnTo>
                        <a:pt x="174" y="521"/>
                      </a:lnTo>
                      <a:lnTo>
                        <a:pt x="162" y="523"/>
                      </a:lnTo>
                      <a:lnTo>
                        <a:pt x="149" y="523"/>
                      </a:lnTo>
                      <a:lnTo>
                        <a:pt x="139" y="523"/>
                      </a:lnTo>
                      <a:lnTo>
                        <a:pt x="130" y="523"/>
                      </a:lnTo>
                      <a:lnTo>
                        <a:pt x="123" y="523"/>
                      </a:lnTo>
                      <a:lnTo>
                        <a:pt x="118" y="524"/>
                      </a:lnTo>
                      <a:lnTo>
                        <a:pt x="117" y="524"/>
                      </a:lnTo>
                      <a:close/>
                    </a:path>
                  </a:pathLst>
                </a:custGeom>
                <a:solidFill>
                  <a:schemeClr val="bg2">
                    <a:lumMod val="85000"/>
                  </a:schemeClr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grpSp>
              <p:nvGrpSpPr>
                <p:cNvPr id="539" name="Group 47"/>
                <p:cNvGrpSpPr>
                  <a:grpSpLocks/>
                </p:cNvGrpSpPr>
                <p:nvPr/>
              </p:nvGrpSpPr>
              <p:grpSpPr bwMode="auto">
                <a:xfrm>
                  <a:off x="4042" y="1840"/>
                  <a:ext cx="558" cy="359"/>
                  <a:chOff x="4341" y="1400"/>
                  <a:chExt cx="574" cy="370"/>
                </a:xfrm>
              </p:grpSpPr>
              <p:sp>
                <p:nvSpPr>
                  <p:cNvPr id="540" name="Freeform 48"/>
                  <p:cNvSpPr>
                    <a:spLocks/>
                  </p:cNvSpPr>
                  <p:nvPr/>
                </p:nvSpPr>
                <p:spPr bwMode="auto">
                  <a:xfrm>
                    <a:off x="4341" y="1400"/>
                    <a:ext cx="574" cy="370"/>
                  </a:xfrm>
                  <a:custGeom>
                    <a:avLst/>
                    <a:gdLst>
                      <a:gd name="T0" fmla="*/ 491 w 574"/>
                      <a:gd name="T1" fmla="*/ 287 h 370"/>
                      <a:gd name="T2" fmla="*/ 501 w 574"/>
                      <a:gd name="T3" fmla="*/ 269 h 370"/>
                      <a:gd name="T4" fmla="*/ 518 w 574"/>
                      <a:gd name="T5" fmla="*/ 265 h 370"/>
                      <a:gd name="T6" fmla="*/ 523 w 574"/>
                      <a:gd name="T7" fmla="*/ 265 h 370"/>
                      <a:gd name="T8" fmla="*/ 535 w 574"/>
                      <a:gd name="T9" fmla="*/ 257 h 370"/>
                      <a:gd name="T10" fmla="*/ 545 w 574"/>
                      <a:gd name="T11" fmla="*/ 248 h 370"/>
                      <a:gd name="T12" fmla="*/ 550 w 574"/>
                      <a:gd name="T13" fmla="*/ 238 h 370"/>
                      <a:gd name="T14" fmla="*/ 560 w 574"/>
                      <a:gd name="T15" fmla="*/ 225 h 370"/>
                      <a:gd name="T16" fmla="*/ 569 w 574"/>
                      <a:gd name="T17" fmla="*/ 218 h 370"/>
                      <a:gd name="T18" fmla="*/ 574 w 574"/>
                      <a:gd name="T19" fmla="*/ 211 h 370"/>
                      <a:gd name="T20" fmla="*/ 571 w 574"/>
                      <a:gd name="T21" fmla="*/ 204 h 370"/>
                      <a:gd name="T22" fmla="*/ 567 w 574"/>
                      <a:gd name="T23" fmla="*/ 201 h 370"/>
                      <a:gd name="T24" fmla="*/ 554 w 574"/>
                      <a:gd name="T25" fmla="*/ 189 h 370"/>
                      <a:gd name="T26" fmla="*/ 537 w 574"/>
                      <a:gd name="T27" fmla="*/ 176 h 370"/>
                      <a:gd name="T28" fmla="*/ 520 w 574"/>
                      <a:gd name="T29" fmla="*/ 162 h 370"/>
                      <a:gd name="T30" fmla="*/ 520 w 574"/>
                      <a:gd name="T31" fmla="*/ 144 h 370"/>
                      <a:gd name="T32" fmla="*/ 525 w 574"/>
                      <a:gd name="T33" fmla="*/ 135 h 370"/>
                      <a:gd name="T34" fmla="*/ 538 w 574"/>
                      <a:gd name="T35" fmla="*/ 71 h 370"/>
                      <a:gd name="T36" fmla="*/ 525 w 574"/>
                      <a:gd name="T37" fmla="*/ 56 h 370"/>
                      <a:gd name="T38" fmla="*/ 520 w 574"/>
                      <a:gd name="T39" fmla="*/ 54 h 370"/>
                      <a:gd name="T40" fmla="*/ 511 w 574"/>
                      <a:gd name="T41" fmla="*/ 44 h 370"/>
                      <a:gd name="T42" fmla="*/ 503 w 574"/>
                      <a:gd name="T43" fmla="*/ 30 h 370"/>
                      <a:gd name="T44" fmla="*/ 501 w 574"/>
                      <a:gd name="T45" fmla="*/ 22 h 370"/>
                      <a:gd name="T46" fmla="*/ 493 w 574"/>
                      <a:gd name="T47" fmla="*/ 15 h 370"/>
                      <a:gd name="T48" fmla="*/ 483 w 574"/>
                      <a:gd name="T49" fmla="*/ 12 h 370"/>
                      <a:gd name="T50" fmla="*/ 476 w 574"/>
                      <a:gd name="T51" fmla="*/ 1 h 370"/>
                      <a:gd name="T52" fmla="*/ 459 w 574"/>
                      <a:gd name="T53" fmla="*/ 0 h 370"/>
                      <a:gd name="T54" fmla="*/ 449 w 574"/>
                      <a:gd name="T55" fmla="*/ 3 h 370"/>
                      <a:gd name="T56" fmla="*/ 422 w 574"/>
                      <a:gd name="T57" fmla="*/ 8 h 370"/>
                      <a:gd name="T58" fmla="*/ 383 w 574"/>
                      <a:gd name="T59" fmla="*/ 15 h 370"/>
                      <a:gd name="T60" fmla="*/ 335 w 574"/>
                      <a:gd name="T61" fmla="*/ 25 h 370"/>
                      <a:gd name="T62" fmla="*/ 283 w 574"/>
                      <a:gd name="T63" fmla="*/ 35 h 370"/>
                      <a:gd name="T64" fmla="*/ 230 w 574"/>
                      <a:gd name="T65" fmla="*/ 45 h 370"/>
                      <a:gd name="T66" fmla="*/ 178 w 574"/>
                      <a:gd name="T67" fmla="*/ 56 h 370"/>
                      <a:gd name="T68" fmla="*/ 134 w 574"/>
                      <a:gd name="T69" fmla="*/ 64 h 370"/>
                      <a:gd name="T70" fmla="*/ 98 w 574"/>
                      <a:gd name="T71" fmla="*/ 71 h 370"/>
                      <a:gd name="T72" fmla="*/ 78 w 574"/>
                      <a:gd name="T73" fmla="*/ 74 h 370"/>
                      <a:gd name="T74" fmla="*/ 66 w 574"/>
                      <a:gd name="T75" fmla="*/ 44 h 370"/>
                      <a:gd name="T76" fmla="*/ 49 w 574"/>
                      <a:gd name="T77" fmla="*/ 56 h 370"/>
                      <a:gd name="T78" fmla="*/ 34 w 574"/>
                      <a:gd name="T79" fmla="*/ 67 h 370"/>
                      <a:gd name="T80" fmla="*/ 21 w 574"/>
                      <a:gd name="T81" fmla="*/ 78 h 370"/>
                      <a:gd name="T82" fmla="*/ 9 w 574"/>
                      <a:gd name="T83" fmla="*/ 86 h 370"/>
                      <a:gd name="T84" fmla="*/ 2 w 574"/>
                      <a:gd name="T85" fmla="*/ 91 h 370"/>
                      <a:gd name="T86" fmla="*/ 32 w 574"/>
                      <a:gd name="T87" fmla="*/ 259 h 370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w 574"/>
                      <a:gd name="T133" fmla="*/ 0 h 370"/>
                      <a:gd name="T134" fmla="*/ 574 w 574"/>
                      <a:gd name="T135" fmla="*/ 370 h 370"/>
                    </a:gdLst>
                    <a:ahLst/>
                    <a:cxnLst>
                      <a:cxn ang="T88">
                        <a:pos x="T0" y="T1"/>
                      </a:cxn>
                      <a:cxn ang="T89">
                        <a:pos x="T2" y="T3"/>
                      </a:cxn>
                      <a:cxn ang="T90">
                        <a:pos x="T4" y="T5"/>
                      </a:cxn>
                      <a:cxn ang="T91">
                        <a:pos x="T6" y="T7"/>
                      </a:cxn>
                      <a:cxn ang="T92">
                        <a:pos x="T8" y="T9"/>
                      </a:cxn>
                      <a:cxn ang="T93">
                        <a:pos x="T10" y="T11"/>
                      </a:cxn>
                      <a:cxn ang="T94">
                        <a:pos x="T12" y="T13"/>
                      </a:cxn>
                      <a:cxn ang="T95">
                        <a:pos x="T14" y="T15"/>
                      </a:cxn>
                      <a:cxn ang="T96">
                        <a:pos x="T16" y="T17"/>
                      </a:cxn>
                      <a:cxn ang="T97">
                        <a:pos x="T18" y="T19"/>
                      </a:cxn>
                      <a:cxn ang="T98">
                        <a:pos x="T20" y="T21"/>
                      </a:cxn>
                      <a:cxn ang="T99">
                        <a:pos x="T22" y="T23"/>
                      </a:cxn>
                      <a:cxn ang="T100">
                        <a:pos x="T24" y="T25"/>
                      </a:cxn>
                      <a:cxn ang="T101">
                        <a:pos x="T26" y="T27"/>
                      </a:cxn>
                      <a:cxn ang="T102">
                        <a:pos x="T28" y="T29"/>
                      </a:cxn>
                      <a:cxn ang="T103">
                        <a:pos x="T30" y="T31"/>
                      </a:cxn>
                      <a:cxn ang="T104">
                        <a:pos x="T32" y="T33"/>
                      </a:cxn>
                      <a:cxn ang="T105">
                        <a:pos x="T34" y="T35"/>
                      </a:cxn>
                      <a:cxn ang="T106">
                        <a:pos x="T36" y="T37"/>
                      </a:cxn>
                      <a:cxn ang="T107">
                        <a:pos x="T38" y="T39"/>
                      </a:cxn>
                      <a:cxn ang="T108">
                        <a:pos x="T40" y="T41"/>
                      </a:cxn>
                      <a:cxn ang="T109">
                        <a:pos x="T42" y="T43"/>
                      </a:cxn>
                      <a:cxn ang="T110">
                        <a:pos x="T44" y="T45"/>
                      </a:cxn>
                      <a:cxn ang="T111">
                        <a:pos x="T46" y="T47"/>
                      </a:cxn>
                      <a:cxn ang="T112">
                        <a:pos x="T48" y="T49"/>
                      </a:cxn>
                      <a:cxn ang="T113">
                        <a:pos x="T50" y="T51"/>
                      </a:cxn>
                      <a:cxn ang="T114">
                        <a:pos x="T52" y="T53"/>
                      </a:cxn>
                      <a:cxn ang="T115">
                        <a:pos x="T54" y="T55"/>
                      </a:cxn>
                      <a:cxn ang="T116">
                        <a:pos x="T56" y="T57"/>
                      </a:cxn>
                      <a:cxn ang="T117">
                        <a:pos x="T58" y="T59"/>
                      </a:cxn>
                      <a:cxn ang="T118">
                        <a:pos x="T60" y="T61"/>
                      </a:cxn>
                      <a:cxn ang="T119">
                        <a:pos x="T62" y="T63"/>
                      </a:cxn>
                      <a:cxn ang="T120">
                        <a:pos x="T64" y="T65"/>
                      </a:cxn>
                      <a:cxn ang="T121">
                        <a:pos x="T66" y="T67"/>
                      </a:cxn>
                      <a:cxn ang="T122">
                        <a:pos x="T68" y="T69"/>
                      </a:cxn>
                      <a:cxn ang="T123">
                        <a:pos x="T70" y="T71"/>
                      </a:cxn>
                      <a:cxn ang="T124">
                        <a:pos x="T72" y="T73"/>
                      </a:cxn>
                      <a:cxn ang="T125">
                        <a:pos x="T74" y="T75"/>
                      </a:cxn>
                      <a:cxn ang="T126">
                        <a:pos x="T76" y="T77"/>
                      </a:cxn>
                      <a:cxn ang="T127">
                        <a:pos x="T78" y="T79"/>
                      </a:cxn>
                      <a:cxn ang="T128">
                        <a:pos x="T80" y="T81"/>
                      </a:cxn>
                      <a:cxn ang="T129">
                        <a:pos x="T82" y="T83"/>
                      </a:cxn>
                      <a:cxn ang="T130">
                        <a:pos x="T84" y="T85"/>
                      </a:cxn>
                      <a:cxn ang="T131">
                        <a:pos x="T86" y="T87"/>
                      </a:cxn>
                    </a:cxnLst>
                    <a:rect l="T132" t="T133" r="T134" b="T135"/>
                    <a:pathLst>
                      <a:path w="574" h="370">
                        <a:moveTo>
                          <a:pt x="51" y="370"/>
                        </a:moveTo>
                        <a:lnTo>
                          <a:pt x="146" y="352"/>
                        </a:lnTo>
                        <a:lnTo>
                          <a:pt x="491" y="287"/>
                        </a:lnTo>
                        <a:lnTo>
                          <a:pt x="493" y="277"/>
                        </a:lnTo>
                        <a:lnTo>
                          <a:pt x="496" y="272"/>
                        </a:lnTo>
                        <a:lnTo>
                          <a:pt x="501" y="269"/>
                        </a:lnTo>
                        <a:lnTo>
                          <a:pt x="506" y="265"/>
                        </a:lnTo>
                        <a:lnTo>
                          <a:pt x="513" y="265"/>
                        </a:lnTo>
                        <a:lnTo>
                          <a:pt x="518" y="265"/>
                        </a:lnTo>
                        <a:lnTo>
                          <a:pt x="521" y="265"/>
                        </a:lnTo>
                        <a:lnTo>
                          <a:pt x="523" y="267"/>
                        </a:lnTo>
                        <a:lnTo>
                          <a:pt x="523" y="265"/>
                        </a:lnTo>
                        <a:lnTo>
                          <a:pt x="527" y="264"/>
                        </a:lnTo>
                        <a:lnTo>
                          <a:pt x="530" y="260"/>
                        </a:lnTo>
                        <a:lnTo>
                          <a:pt x="535" y="257"/>
                        </a:lnTo>
                        <a:lnTo>
                          <a:pt x="538" y="254"/>
                        </a:lnTo>
                        <a:lnTo>
                          <a:pt x="543" y="252"/>
                        </a:lnTo>
                        <a:lnTo>
                          <a:pt x="545" y="248"/>
                        </a:lnTo>
                        <a:lnTo>
                          <a:pt x="547" y="248"/>
                        </a:lnTo>
                        <a:lnTo>
                          <a:pt x="547" y="243"/>
                        </a:lnTo>
                        <a:lnTo>
                          <a:pt x="550" y="238"/>
                        </a:lnTo>
                        <a:lnTo>
                          <a:pt x="554" y="233"/>
                        </a:lnTo>
                        <a:lnTo>
                          <a:pt x="557" y="228"/>
                        </a:lnTo>
                        <a:lnTo>
                          <a:pt x="560" y="225"/>
                        </a:lnTo>
                        <a:lnTo>
                          <a:pt x="564" y="221"/>
                        </a:lnTo>
                        <a:lnTo>
                          <a:pt x="567" y="220"/>
                        </a:lnTo>
                        <a:lnTo>
                          <a:pt x="569" y="218"/>
                        </a:lnTo>
                        <a:lnTo>
                          <a:pt x="572" y="216"/>
                        </a:lnTo>
                        <a:lnTo>
                          <a:pt x="574" y="213"/>
                        </a:lnTo>
                        <a:lnTo>
                          <a:pt x="574" y="211"/>
                        </a:lnTo>
                        <a:lnTo>
                          <a:pt x="574" y="208"/>
                        </a:lnTo>
                        <a:lnTo>
                          <a:pt x="572" y="206"/>
                        </a:lnTo>
                        <a:lnTo>
                          <a:pt x="571" y="204"/>
                        </a:lnTo>
                        <a:lnTo>
                          <a:pt x="571" y="203"/>
                        </a:lnTo>
                        <a:lnTo>
                          <a:pt x="569" y="203"/>
                        </a:lnTo>
                        <a:lnTo>
                          <a:pt x="567" y="201"/>
                        </a:lnTo>
                        <a:lnTo>
                          <a:pt x="564" y="199"/>
                        </a:lnTo>
                        <a:lnTo>
                          <a:pt x="559" y="194"/>
                        </a:lnTo>
                        <a:lnTo>
                          <a:pt x="554" y="189"/>
                        </a:lnTo>
                        <a:lnTo>
                          <a:pt x="547" y="184"/>
                        </a:lnTo>
                        <a:lnTo>
                          <a:pt x="542" y="179"/>
                        </a:lnTo>
                        <a:lnTo>
                          <a:pt x="537" y="176"/>
                        </a:lnTo>
                        <a:lnTo>
                          <a:pt x="535" y="174"/>
                        </a:lnTo>
                        <a:lnTo>
                          <a:pt x="525" y="169"/>
                        </a:lnTo>
                        <a:lnTo>
                          <a:pt x="520" y="162"/>
                        </a:lnTo>
                        <a:lnTo>
                          <a:pt x="518" y="155"/>
                        </a:lnTo>
                        <a:lnTo>
                          <a:pt x="518" y="149"/>
                        </a:lnTo>
                        <a:lnTo>
                          <a:pt x="520" y="144"/>
                        </a:lnTo>
                        <a:lnTo>
                          <a:pt x="521" y="138"/>
                        </a:lnTo>
                        <a:lnTo>
                          <a:pt x="523" y="135"/>
                        </a:lnTo>
                        <a:lnTo>
                          <a:pt x="525" y="135"/>
                        </a:lnTo>
                        <a:lnTo>
                          <a:pt x="515" y="118"/>
                        </a:lnTo>
                        <a:lnTo>
                          <a:pt x="532" y="93"/>
                        </a:lnTo>
                        <a:lnTo>
                          <a:pt x="538" y="71"/>
                        </a:lnTo>
                        <a:lnTo>
                          <a:pt x="543" y="62"/>
                        </a:lnTo>
                        <a:lnTo>
                          <a:pt x="525" y="56"/>
                        </a:lnTo>
                        <a:lnTo>
                          <a:pt x="523" y="56"/>
                        </a:lnTo>
                        <a:lnTo>
                          <a:pt x="520" y="54"/>
                        </a:lnTo>
                        <a:lnTo>
                          <a:pt x="518" y="50"/>
                        </a:lnTo>
                        <a:lnTo>
                          <a:pt x="515" y="47"/>
                        </a:lnTo>
                        <a:lnTo>
                          <a:pt x="511" y="44"/>
                        </a:lnTo>
                        <a:lnTo>
                          <a:pt x="508" y="39"/>
                        </a:lnTo>
                        <a:lnTo>
                          <a:pt x="505" y="32"/>
                        </a:lnTo>
                        <a:lnTo>
                          <a:pt x="503" y="30"/>
                        </a:lnTo>
                        <a:lnTo>
                          <a:pt x="503" y="28"/>
                        </a:lnTo>
                        <a:lnTo>
                          <a:pt x="503" y="25"/>
                        </a:lnTo>
                        <a:lnTo>
                          <a:pt x="501" y="22"/>
                        </a:lnTo>
                        <a:lnTo>
                          <a:pt x="499" y="20"/>
                        </a:lnTo>
                        <a:lnTo>
                          <a:pt x="496" y="17"/>
                        </a:lnTo>
                        <a:lnTo>
                          <a:pt x="493" y="15"/>
                        </a:lnTo>
                        <a:lnTo>
                          <a:pt x="486" y="15"/>
                        </a:lnTo>
                        <a:lnTo>
                          <a:pt x="484" y="13"/>
                        </a:lnTo>
                        <a:lnTo>
                          <a:pt x="483" y="12"/>
                        </a:lnTo>
                        <a:lnTo>
                          <a:pt x="481" y="8"/>
                        </a:lnTo>
                        <a:lnTo>
                          <a:pt x="479" y="5"/>
                        </a:lnTo>
                        <a:lnTo>
                          <a:pt x="476" y="1"/>
                        </a:lnTo>
                        <a:lnTo>
                          <a:pt x="471" y="0"/>
                        </a:lnTo>
                        <a:lnTo>
                          <a:pt x="466" y="0"/>
                        </a:lnTo>
                        <a:lnTo>
                          <a:pt x="459" y="0"/>
                        </a:lnTo>
                        <a:lnTo>
                          <a:pt x="457" y="0"/>
                        </a:lnTo>
                        <a:lnTo>
                          <a:pt x="454" y="1"/>
                        </a:lnTo>
                        <a:lnTo>
                          <a:pt x="449" y="3"/>
                        </a:lnTo>
                        <a:lnTo>
                          <a:pt x="442" y="3"/>
                        </a:lnTo>
                        <a:lnTo>
                          <a:pt x="432" y="5"/>
                        </a:lnTo>
                        <a:lnTo>
                          <a:pt x="422" y="8"/>
                        </a:lnTo>
                        <a:lnTo>
                          <a:pt x="410" y="10"/>
                        </a:lnTo>
                        <a:lnTo>
                          <a:pt x="398" y="12"/>
                        </a:lnTo>
                        <a:lnTo>
                          <a:pt x="383" y="15"/>
                        </a:lnTo>
                        <a:lnTo>
                          <a:pt x="367" y="18"/>
                        </a:lnTo>
                        <a:lnTo>
                          <a:pt x="352" y="22"/>
                        </a:lnTo>
                        <a:lnTo>
                          <a:pt x="335" y="25"/>
                        </a:lnTo>
                        <a:lnTo>
                          <a:pt x="318" y="28"/>
                        </a:lnTo>
                        <a:lnTo>
                          <a:pt x="301" y="32"/>
                        </a:lnTo>
                        <a:lnTo>
                          <a:pt x="283" y="35"/>
                        </a:lnTo>
                        <a:lnTo>
                          <a:pt x="266" y="39"/>
                        </a:lnTo>
                        <a:lnTo>
                          <a:pt x="247" y="42"/>
                        </a:lnTo>
                        <a:lnTo>
                          <a:pt x="230" y="45"/>
                        </a:lnTo>
                        <a:lnTo>
                          <a:pt x="212" y="49"/>
                        </a:lnTo>
                        <a:lnTo>
                          <a:pt x="195" y="52"/>
                        </a:lnTo>
                        <a:lnTo>
                          <a:pt x="178" y="56"/>
                        </a:lnTo>
                        <a:lnTo>
                          <a:pt x="163" y="59"/>
                        </a:lnTo>
                        <a:lnTo>
                          <a:pt x="147" y="61"/>
                        </a:lnTo>
                        <a:lnTo>
                          <a:pt x="134" y="64"/>
                        </a:lnTo>
                        <a:lnTo>
                          <a:pt x="120" y="66"/>
                        </a:lnTo>
                        <a:lnTo>
                          <a:pt x="109" y="69"/>
                        </a:lnTo>
                        <a:lnTo>
                          <a:pt x="98" y="71"/>
                        </a:lnTo>
                        <a:lnTo>
                          <a:pt x="90" y="72"/>
                        </a:lnTo>
                        <a:lnTo>
                          <a:pt x="83" y="74"/>
                        </a:lnTo>
                        <a:lnTo>
                          <a:pt x="78" y="74"/>
                        </a:lnTo>
                        <a:lnTo>
                          <a:pt x="75" y="74"/>
                        </a:lnTo>
                        <a:lnTo>
                          <a:pt x="75" y="76"/>
                        </a:lnTo>
                        <a:lnTo>
                          <a:pt x="66" y="44"/>
                        </a:lnTo>
                        <a:lnTo>
                          <a:pt x="61" y="47"/>
                        </a:lnTo>
                        <a:lnTo>
                          <a:pt x="56" y="52"/>
                        </a:lnTo>
                        <a:lnTo>
                          <a:pt x="49" y="56"/>
                        </a:lnTo>
                        <a:lnTo>
                          <a:pt x="44" y="59"/>
                        </a:lnTo>
                        <a:lnTo>
                          <a:pt x="39" y="64"/>
                        </a:lnTo>
                        <a:lnTo>
                          <a:pt x="34" y="67"/>
                        </a:lnTo>
                        <a:lnTo>
                          <a:pt x="29" y="71"/>
                        </a:lnTo>
                        <a:lnTo>
                          <a:pt x="26" y="74"/>
                        </a:lnTo>
                        <a:lnTo>
                          <a:pt x="21" y="78"/>
                        </a:lnTo>
                        <a:lnTo>
                          <a:pt x="15" y="81"/>
                        </a:lnTo>
                        <a:lnTo>
                          <a:pt x="12" y="84"/>
                        </a:lnTo>
                        <a:lnTo>
                          <a:pt x="9" y="86"/>
                        </a:lnTo>
                        <a:lnTo>
                          <a:pt x="7" y="89"/>
                        </a:lnTo>
                        <a:lnTo>
                          <a:pt x="4" y="91"/>
                        </a:lnTo>
                        <a:lnTo>
                          <a:pt x="2" y="91"/>
                        </a:lnTo>
                        <a:lnTo>
                          <a:pt x="2" y="93"/>
                        </a:lnTo>
                        <a:lnTo>
                          <a:pt x="0" y="93"/>
                        </a:lnTo>
                        <a:lnTo>
                          <a:pt x="32" y="259"/>
                        </a:lnTo>
                        <a:lnTo>
                          <a:pt x="51" y="370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541" name="Freeform 49"/>
                  <p:cNvSpPr>
                    <a:spLocks/>
                  </p:cNvSpPr>
                  <p:nvPr/>
                </p:nvSpPr>
                <p:spPr bwMode="auto">
                  <a:xfrm>
                    <a:off x="4341" y="1400"/>
                    <a:ext cx="574" cy="370"/>
                  </a:xfrm>
                  <a:custGeom>
                    <a:avLst/>
                    <a:gdLst>
                      <a:gd name="T0" fmla="*/ 491 w 574"/>
                      <a:gd name="T1" fmla="*/ 287 h 370"/>
                      <a:gd name="T2" fmla="*/ 496 w 574"/>
                      <a:gd name="T3" fmla="*/ 272 h 370"/>
                      <a:gd name="T4" fmla="*/ 513 w 574"/>
                      <a:gd name="T5" fmla="*/ 265 h 370"/>
                      <a:gd name="T6" fmla="*/ 523 w 574"/>
                      <a:gd name="T7" fmla="*/ 267 h 370"/>
                      <a:gd name="T8" fmla="*/ 527 w 574"/>
                      <a:gd name="T9" fmla="*/ 264 h 370"/>
                      <a:gd name="T10" fmla="*/ 538 w 574"/>
                      <a:gd name="T11" fmla="*/ 254 h 370"/>
                      <a:gd name="T12" fmla="*/ 547 w 574"/>
                      <a:gd name="T13" fmla="*/ 248 h 370"/>
                      <a:gd name="T14" fmla="*/ 550 w 574"/>
                      <a:gd name="T15" fmla="*/ 238 h 370"/>
                      <a:gd name="T16" fmla="*/ 560 w 574"/>
                      <a:gd name="T17" fmla="*/ 225 h 370"/>
                      <a:gd name="T18" fmla="*/ 569 w 574"/>
                      <a:gd name="T19" fmla="*/ 218 h 370"/>
                      <a:gd name="T20" fmla="*/ 574 w 574"/>
                      <a:gd name="T21" fmla="*/ 213 h 370"/>
                      <a:gd name="T22" fmla="*/ 572 w 574"/>
                      <a:gd name="T23" fmla="*/ 206 h 370"/>
                      <a:gd name="T24" fmla="*/ 569 w 574"/>
                      <a:gd name="T25" fmla="*/ 203 h 370"/>
                      <a:gd name="T26" fmla="*/ 564 w 574"/>
                      <a:gd name="T27" fmla="*/ 199 h 370"/>
                      <a:gd name="T28" fmla="*/ 547 w 574"/>
                      <a:gd name="T29" fmla="*/ 184 h 370"/>
                      <a:gd name="T30" fmla="*/ 535 w 574"/>
                      <a:gd name="T31" fmla="*/ 174 h 370"/>
                      <a:gd name="T32" fmla="*/ 520 w 574"/>
                      <a:gd name="T33" fmla="*/ 162 h 370"/>
                      <a:gd name="T34" fmla="*/ 520 w 574"/>
                      <a:gd name="T35" fmla="*/ 144 h 370"/>
                      <a:gd name="T36" fmla="*/ 525 w 574"/>
                      <a:gd name="T37" fmla="*/ 135 h 370"/>
                      <a:gd name="T38" fmla="*/ 538 w 574"/>
                      <a:gd name="T39" fmla="*/ 71 h 370"/>
                      <a:gd name="T40" fmla="*/ 525 w 574"/>
                      <a:gd name="T41" fmla="*/ 56 h 370"/>
                      <a:gd name="T42" fmla="*/ 523 w 574"/>
                      <a:gd name="T43" fmla="*/ 56 h 370"/>
                      <a:gd name="T44" fmla="*/ 515 w 574"/>
                      <a:gd name="T45" fmla="*/ 47 h 370"/>
                      <a:gd name="T46" fmla="*/ 505 w 574"/>
                      <a:gd name="T47" fmla="*/ 32 h 370"/>
                      <a:gd name="T48" fmla="*/ 503 w 574"/>
                      <a:gd name="T49" fmla="*/ 28 h 370"/>
                      <a:gd name="T50" fmla="*/ 499 w 574"/>
                      <a:gd name="T51" fmla="*/ 20 h 370"/>
                      <a:gd name="T52" fmla="*/ 486 w 574"/>
                      <a:gd name="T53" fmla="*/ 15 h 370"/>
                      <a:gd name="T54" fmla="*/ 483 w 574"/>
                      <a:gd name="T55" fmla="*/ 12 h 370"/>
                      <a:gd name="T56" fmla="*/ 476 w 574"/>
                      <a:gd name="T57" fmla="*/ 1 h 370"/>
                      <a:gd name="T58" fmla="*/ 459 w 574"/>
                      <a:gd name="T59" fmla="*/ 0 h 370"/>
                      <a:gd name="T60" fmla="*/ 454 w 574"/>
                      <a:gd name="T61" fmla="*/ 1 h 370"/>
                      <a:gd name="T62" fmla="*/ 432 w 574"/>
                      <a:gd name="T63" fmla="*/ 5 h 370"/>
                      <a:gd name="T64" fmla="*/ 398 w 574"/>
                      <a:gd name="T65" fmla="*/ 12 h 370"/>
                      <a:gd name="T66" fmla="*/ 352 w 574"/>
                      <a:gd name="T67" fmla="*/ 22 h 370"/>
                      <a:gd name="T68" fmla="*/ 301 w 574"/>
                      <a:gd name="T69" fmla="*/ 32 h 370"/>
                      <a:gd name="T70" fmla="*/ 247 w 574"/>
                      <a:gd name="T71" fmla="*/ 42 h 370"/>
                      <a:gd name="T72" fmla="*/ 195 w 574"/>
                      <a:gd name="T73" fmla="*/ 52 h 370"/>
                      <a:gd name="T74" fmla="*/ 147 w 574"/>
                      <a:gd name="T75" fmla="*/ 61 h 370"/>
                      <a:gd name="T76" fmla="*/ 109 w 574"/>
                      <a:gd name="T77" fmla="*/ 69 h 370"/>
                      <a:gd name="T78" fmla="*/ 83 w 574"/>
                      <a:gd name="T79" fmla="*/ 74 h 370"/>
                      <a:gd name="T80" fmla="*/ 75 w 574"/>
                      <a:gd name="T81" fmla="*/ 76 h 370"/>
                      <a:gd name="T82" fmla="*/ 61 w 574"/>
                      <a:gd name="T83" fmla="*/ 47 h 370"/>
                      <a:gd name="T84" fmla="*/ 44 w 574"/>
                      <a:gd name="T85" fmla="*/ 59 h 370"/>
                      <a:gd name="T86" fmla="*/ 29 w 574"/>
                      <a:gd name="T87" fmla="*/ 71 h 370"/>
                      <a:gd name="T88" fmla="*/ 15 w 574"/>
                      <a:gd name="T89" fmla="*/ 81 h 370"/>
                      <a:gd name="T90" fmla="*/ 7 w 574"/>
                      <a:gd name="T91" fmla="*/ 89 h 370"/>
                      <a:gd name="T92" fmla="*/ 2 w 574"/>
                      <a:gd name="T93" fmla="*/ 93 h 370"/>
                      <a:gd name="T94" fmla="*/ 51 w 574"/>
                      <a:gd name="T95" fmla="*/ 370 h 370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w 574"/>
                      <a:gd name="T145" fmla="*/ 0 h 370"/>
                      <a:gd name="T146" fmla="*/ 574 w 574"/>
                      <a:gd name="T147" fmla="*/ 370 h 370"/>
                    </a:gdLst>
                    <a:ahLst/>
                    <a:cxnLst>
                      <a:cxn ang="T96">
                        <a:pos x="T0" y="T1"/>
                      </a:cxn>
                      <a:cxn ang="T97">
                        <a:pos x="T2" y="T3"/>
                      </a:cxn>
                      <a:cxn ang="T98">
                        <a:pos x="T4" y="T5"/>
                      </a:cxn>
                      <a:cxn ang="T99">
                        <a:pos x="T6" y="T7"/>
                      </a:cxn>
                      <a:cxn ang="T100">
                        <a:pos x="T8" y="T9"/>
                      </a:cxn>
                      <a:cxn ang="T101">
                        <a:pos x="T10" y="T11"/>
                      </a:cxn>
                      <a:cxn ang="T102">
                        <a:pos x="T12" y="T13"/>
                      </a:cxn>
                      <a:cxn ang="T103">
                        <a:pos x="T14" y="T15"/>
                      </a:cxn>
                      <a:cxn ang="T104">
                        <a:pos x="T16" y="T17"/>
                      </a:cxn>
                      <a:cxn ang="T105">
                        <a:pos x="T18" y="T19"/>
                      </a:cxn>
                      <a:cxn ang="T106">
                        <a:pos x="T20" y="T21"/>
                      </a:cxn>
                      <a:cxn ang="T107">
                        <a:pos x="T22" y="T23"/>
                      </a:cxn>
                      <a:cxn ang="T108">
                        <a:pos x="T24" y="T25"/>
                      </a:cxn>
                      <a:cxn ang="T109">
                        <a:pos x="T26" y="T27"/>
                      </a:cxn>
                      <a:cxn ang="T110">
                        <a:pos x="T28" y="T29"/>
                      </a:cxn>
                      <a:cxn ang="T111">
                        <a:pos x="T30" y="T31"/>
                      </a:cxn>
                      <a:cxn ang="T112">
                        <a:pos x="T32" y="T33"/>
                      </a:cxn>
                      <a:cxn ang="T113">
                        <a:pos x="T34" y="T35"/>
                      </a:cxn>
                      <a:cxn ang="T114">
                        <a:pos x="T36" y="T37"/>
                      </a:cxn>
                      <a:cxn ang="T115">
                        <a:pos x="T38" y="T39"/>
                      </a:cxn>
                      <a:cxn ang="T116">
                        <a:pos x="T40" y="T41"/>
                      </a:cxn>
                      <a:cxn ang="T117">
                        <a:pos x="T42" y="T43"/>
                      </a:cxn>
                      <a:cxn ang="T118">
                        <a:pos x="T44" y="T45"/>
                      </a:cxn>
                      <a:cxn ang="T119">
                        <a:pos x="T46" y="T47"/>
                      </a:cxn>
                      <a:cxn ang="T120">
                        <a:pos x="T48" y="T49"/>
                      </a:cxn>
                      <a:cxn ang="T121">
                        <a:pos x="T50" y="T51"/>
                      </a:cxn>
                      <a:cxn ang="T122">
                        <a:pos x="T52" y="T53"/>
                      </a:cxn>
                      <a:cxn ang="T123">
                        <a:pos x="T54" y="T55"/>
                      </a:cxn>
                      <a:cxn ang="T124">
                        <a:pos x="T56" y="T57"/>
                      </a:cxn>
                      <a:cxn ang="T125">
                        <a:pos x="T58" y="T59"/>
                      </a:cxn>
                      <a:cxn ang="T126">
                        <a:pos x="T60" y="T61"/>
                      </a:cxn>
                      <a:cxn ang="T127">
                        <a:pos x="T62" y="T63"/>
                      </a:cxn>
                      <a:cxn ang="T128">
                        <a:pos x="T64" y="T65"/>
                      </a:cxn>
                      <a:cxn ang="T129">
                        <a:pos x="T66" y="T67"/>
                      </a:cxn>
                      <a:cxn ang="T130">
                        <a:pos x="T68" y="T69"/>
                      </a:cxn>
                      <a:cxn ang="T131">
                        <a:pos x="T70" y="T71"/>
                      </a:cxn>
                      <a:cxn ang="T132">
                        <a:pos x="T72" y="T73"/>
                      </a:cxn>
                      <a:cxn ang="T133">
                        <a:pos x="T74" y="T75"/>
                      </a:cxn>
                      <a:cxn ang="T134">
                        <a:pos x="T76" y="T77"/>
                      </a:cxn>
                      <a:cxn ang="T135">
                        <a:pos x="T78" y="T79"/>
                      </a:cxn>
                      <a:cxn ang="T136">
                        <a:pos x="T80" y="T81"/>
                      </a:cxn>
                      <a:cxn ang="T137">
                        <a:pos x="T82" y="T83"/>
                      </a:cxn>
                      <a:cxn ang="T138">
                        <a:pos x="T84" y="T85"/>
                      </a:cxn>
                      <a:cxn ang="T139">
                        <a:pos x="T86" y="T87"/>
                      </a:cxn>
                      <a:cxn ang="T140">
                        <a:pos x="T88" y="T89"/>
                      </a:cxn>
                      <a:cxn ang="T141">
                        <a:pos x="T90" y="T91"/>
                      </a:cxn>
                      <a:cxn ang="T142">
                        <a:pos x="T92" y="T93"/>
                      </a:cxn>
                      <a:cxn ang="T143">
                        <a:pos x="T94" y="T95"/>
                      </a:cxn>
                    </a:cxnLst>
                    <a:rect l="T144" t="T145" r="T146" b="T147"/>
                    <a:pathLst>
                      <a:path w="574" h="370">
                        <a:moveTo>
                          <a:pt x="51" y="370"/>
                        </a:moveTo>
                        <a:lnTo>
                          <a:pt x="146" y="352"/>
                        </a:lnTo>
                        <a:lnTo>
                          <a:pt x="491" y="287"/>
                        </a:lnTo>
                        <a:lnTo>
                          <a:pt x="493" y="277"/>
                        </a:lnTo>
                        <a:lnTo>
                          <a:pt x="496" y="272"/>
                        </a:lnTo>
                        <a:lnTo>
                          <a:pt x="501" y="269"/>
                        </a:lnTo>
                        <a:lnTo>
                          <a:pt x="506" y="265"/>
                        </a:lnTo>
                        <a:lnTo>
                          <a:pt x="513" y="265"/>
                        </a:lnTo>
                        <a:lnTo>
                          <a:pt x="518" y="265"/>
                        </a:lnTo>
                        <a:lnTo>
                          <a:pt x="521" y="265"/>
                        </a:lnTo>
                        <a:lnTo>
                          <a:pt x="523" y="267"/>
                        </a:lnTo>
                        <a:lnTo>
                          <a:pt x="523" y="265"/>
                        </a:lnTo>
                        <a:lnTo>
                          <a:pt x="527" y="264"/>
                        </a:lnTo>
                        <a:lnTo>
                          <a:pt x="530" y="260"/>
                        </a:lnTo>
                        <a:lnTo>
                          <a:pt x="535" y="257"/>
                        </a:lnTo>
                        <a:lnTo>
                          <a:pt x="538" y="254"/>
                        </a:lnTo>
                        <a:lnTo>
                          <a:pt x="543" y="252"/>
                        </a:lnTo>
                        <a:lnTo>
                          <a:pt x="545" y="248"/>
                        </a:lnTo>
                        <a:lnTo>
                          <a:pt x="547" y="248"/>
                        </a:lnTo>
                        <a:lnTo>
                          <a:pt x="547" y="243"/>
                        </a:lnTo>
                        <a:lnTo>
                          <a:pt x="550" y="238"/>
                        </a:lnTo>
                        <a:lnTo>
                          <a:pt x="554" y="233"/>
                        </a:lnTo>
                        <a:lnTo>
                          <a:pt x="557" y="228"/>
                        </a:lnTo>
                        <a:lnTo>
                          <a:pt x="560" y="225"/>
                        </a:lnTo>
                        <a:lnTo>
                          <a:pt x="564" y="221"/>
                        </a:lnTo>
                        <a:lnTo>
                          <a:pt x="567" y="220"/>
                        </a:lnTo>
                        <a:lnTo>
                          <a:pt x="569" y="218"/>
                        </a:lnTo>
                        <a:lnTo>
                          <a:pt x="572" y="216"/>
                        </a:lnTo>
                        <a:lnTo>
                          <a:pt x="574" y="213"/>
                        </a:lnTo>
                        <a:lnTo>
                          <a:pt x="574" y="211"/>
                        </a:lnTo>
                        <a:lnTo>
                          <a:pt x="574" y="208"/>
                        </a:lnTo>
                        <a:lnTo>
                          <a:pt x="572" y="206"/>
                        </a:lnTo>
                        <a:lnTo>
                          <a:pt x="571" y="204"/>
                        </a:lnTo>
                        <a:lnTo>
                          <a:pt x="571" y="203"/>
                        </a:lnTo>
                        <a:lnTo>
                          <a:pt x="569" y="203"/>
                        </a:lnTo>
                        <a:lnTo>
                          <a:pt x="567" y="201"/>
                        </a:lnTo>
                        <a:lnTo>
                          <a:pt x="564" y="199"/>
                        </a:lnTo>
                        <a:lnTo>
                          <a:pt x="559" y="194"/>
                        </a:lnTo>
                        <a:lnTo>
                          <a:pt x="554" y="189"/>
                        </a:lnTo>
                        <a:lnTo>
                          <a:pt x="547" y="184"/>
                        </a:lnTo>
                        <a:lnTo>
                          <a:pt x="542" y="179"/>
                        </a:lnTo>
                        <a:lnTo>
                          <a:pt x="537" y="176"/>
                        </a:lnTo>
                        <a:lnTo>
                          <a:pt x="535" y="174"/>
                        </a:lnTo>
                        <a:lnTo>
                          <a:pt x="525" y="169"/>
                        </a:lnTo>
                        <a:lnTo>
                          <a:pt x="520" y="162"/>
                        </a:lnTo>
                        <a:lnTo>
                          <a:pt x="518" y="155"/>
                        </a:lnTo>
                        <a:lnTo>
                          <a:pt x="518" y="149"/>
                        </a:lnTo>
                        <a:lnTo>
                          <a:pt x="520" y="144"/>
                        </a:lnTo>
                        <a:lnTo>
                          <a:pt x="521" y="138"/>
                        </a:lnTo>
                        <a:lnTo>
                          <a:pt x="523" y="135"/>
                        </a:lnTo>
                        <a:lnTo>
                          <a:pt x="525" y="135"/>
                        </a:lnTo>
                        <a:lnTo>
                          <a:pt x="515" y="118"/>
                        </a:lnTo>
                        <a:lnTo>
                          <a:pt x="532" y="93"/>
                        </a:lnTo>
                        <a:lnTo>
                          <a:pt x="538" y="71"/>
                        </a:lnTo>
                        <a:lnTo>
                          <a:pt x="543" y="62"/>
                        </a:lnTo>
                        <a:lnTo>
                          <a:pt x="525" y="56"/>
                        </a:lnTo>
                        <a:lnTo>
                          <a:pt x="523" y="56"/>
                        </a:lnTo>
                        <a:lnTo>
                          <a:pt x="520" y="54"/>
                        </a:lnTo>
                        <a:lnTo>
                          <a:pt x="518" y="50"/>
                        </a:lnTo>
                        <a:lnTo>
                          <a:pt x="515" y="47"/>
                        </a:lnTo>
                        <a:lnTo>
                          <a:pt x="511" y="44"/>
                        </a:lnTo>
                        <a:lnTo>
                          <a:pt x="508" y="39"/>
                        </a:lnTo>
                        <a:lnTo>
                          <a:pt x="505" y="32"/>
                        </a:lnTo>
                        <a:lnTo>
                          <a:pt x="503" y="30"/>
                        </a:lnTo>
                        <a:lnTo>
                          <a:pt x="503" y="28"/>
                        </a:lnTo>
                        <a:lnTo>
                          <a:pt x="503" y="25"/>
                        </a:lnTo>
                        <a:lnTo>
                          <a:pt x="501" y="22"/>
                        </a:lnTo>
                        <a:lnTo>
                          <a:pt x="499" y="20"/>
                        </a:lnTo>
                        <a:lnTo>
                          <a:pt x="496" y="17"/>
                        </a:lnTo>
                        <a:lnTo>
                          <a:pt x="493" y="15"/>
                        </a:lnTo>
                        <a:lnTo>
                          <a:pt x="486" y="15"/>
                        </a:lnTo>
                        <a:lnTo>
                          <a:pt x="484" y="13"/>
                        </a:lnTo>
                        <a:lnTo>
                          <a:pt x="483" y="12"/>
                        </a:lnTo>
                        <a:lnTo>
                          <a:pt x="481" y="8"/>
                        </a:lnTo>
                        <a:lnTo>
                          <a:pt x="479" y="5"/>
                        </a:lnTo>
                        <a:lnTo>
                          <a:pt x="476" y="1"/>
                        </a:lnTo>
                        <a:lnTo>
                          <a:pt x="471" y="0"/>
                        </a:lnTo>
                        <a:lnTo>
                          <a:pt x="466" y="0"/>
                        </a:lnTo>
                        <a:lnTo>
                          <a:pt x="459" y="0"/>
                        </a:lnTo>
                        <a:lnTo>
                          <a:pt x="457" y="0"/>
                        </a:lnTo>
                        <a:lnTo>
                          <a:pt x="454" y="1"/>
                        </a:lnTo>
                        <a:lnTo>
                          <a:pt x="449" y="3"/>
                        </a:lnTo>
                        <a:lnTo>
                          <a:pt x="442" y="3"/>
                        </a:lnTo>
                        <a:lnTo>
                          <a:pt x="432" y="5"/>
                        </a:lnTo>
                        <a:lnTo>
                          <a:pt x="422" y="8"/>
                        </a:lnTo>
                        <a:lnTo>
                          <a:pt x="410" y="10"/>
                        </a:lnTo>
                        <a:lnTo>
                          <a:pt x="398" y="12"/>
                        </a:lnTo>
                        <a:lnTo>
                          <a:pt x="383" y="15"/>
                        </a:lnTo>
                        <a:lnTo>
                          <a:pt x="367" y="18"/>
                        </a:lnTo>
                        <a:lnTo>
                          <a:pt x="352" y="22"/>
                        </a:lnTo>
                        <a:lnTo>
                          <a:pt x="335" y="25"/>
                        </a:lnTo>
                        <a:lnTo>
                          <a:pt x="318" y="28"/>
                        </a:lnTo>
                        <a:lnTo>
                          <a:pt x="301" y="32"/>
                        </a:lnTo>
                        <a:lnTo>
                          <a:pt x="283" y="35"/>
                        </a:lnTo>
                        <a:lnTo>
                          <a:pt x="266" y="39"/>
                        </a:lnTo>
                        <a:lnTo>
                          <a:pt x="247" y="42"/>
                        </a:lnTo>
                        <a:lnTo>
                          <a:pt x="230" y="45"/>
                        </a:lnTo>
                        <a:lnTo>
                          <a:pt x="212" y="49"/>
                        </a:lnTo>
                        <a:lnTo>
                          <a:pt x="195" y="52"/>
                        </a:lnTo>
                        <a:lnTo>
                          <a:pt x="178" y="56"/>
                        </a:lnTo>
                        <a:lnTo>
                          <a:pt x="163" y="59"/>
                        </a:lnTo>
                        <a:lnTo>
                          <a:pt x="147" y="61"/>
                        </a:lnTo>
                        <a:lnTo>
                          <a:pt x="134" y="64"/>
                        </a:lnTo>
                        <a:lnTo>
                          <a:pt x="120" y="66"/>
                        </a:lnTo>
                        <a:lnTo>
                          <a:pt x="109" y="69"/>
                        </a:lnTo>
                        <a:lnTo>
                          <a:pt x="98" y="71"/>
                        </a:lnTo>
                        <a:lnTo>
                          <a:pt x="90" y="72"/>
                        </a:lnTo>
                        <a:lnTo>
                          <a:pt x="83" y="74"/>
                        </a:lnTo>
                        <a:lnTo>
                          <a:pt x="78" y="74"/>
                        </a:lnTo>
                        <a:lnTo>
                          <a:pt x="75" y="74"/>
                        </a:lnTo>
                        <a:lnTo>
                          <a:pt x="75" y="76"/>
                        </a:lnTo>
                        <a:lnTo>
                          <a:pt x="66" y="44"/>
                        </a:lnTo>
                        <a:lnTo>
                          <a:pt x="61" y="47"/>
                        </a:lnTo>
                        <a:lnTo>
                          <a:pt x="56" y="52"/>
                        </a:lnTo>
                        <a:lnTo>
                          <a:pt x="49" y="56"/>
                        </a:lnTo>
                        <a:lnTo>
                          <a:pt x="44" y="59"/>
                        </a:lnTo>
                        <a:lnTo>
                          <a:pt x="39" y="64"/>
                        </a:lnTo>
                        <a:lnTo>
                          <a:pt x="34" y="67"/>
                        </a:lnTo>
                        <a:lnTo>
                          <a:pt x="29" y="71"/>
                        </a:lnTo>
                        <a:lnTo>
                          <a:pt x="26" y="74"/>
                        </a:lnTo>
                        <a:lnTo>
                          <a:pt x="21" y="78"/>
                        </a:lnTo>
                        <a:lnTo>
                          <a:pt x="15" y="81"/>
                        </a:lnTo>
                        <a:lnTo>
                          <a:pt x="12" y="84"/>
                        </a:lnTo>
                        <a:lnTo>
                          <a:pt x="9" y="86"/>
                        </a:lnTo>
                        <a:lnTo>
                          <a:pt x="7" y="89"/>
                        </a:lnTo>
                        <a:lnTo>
                          <a:pt x="4" y="91"/>
                        </a:lnTo>
                        <a:lnTo>
                          <a:pt x="2" y="91"/>
                        </a:lnTo>
                        <a:lnTo>
                          <a:pt x="2" y="93"/>
                        </a:lnTo>
                        <a:lnTo>
                          <a:pt x="0" y="93"/>
                        </a:lnTo>
                        <a:lnTo>
                          <a:pt x="32" y="259"/>
                        </a:lnTo>
                        <a:lnTo>
                          <a:pt x="51" y="370"/>
                        </a:lnTo>
                      </a:path>
                    </a:pathLst>
                  </a:custGeom>
                  <a:solidFill>
                    <a:schemeClr val="bg2">
                      <a:lumMod val="85000"/>
                    </a:schemeClr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</p:grpSp>
          </p:grpSp>
          <p:sp>
            <p:nvSpPr>
              <p:cNvPr id="395" name="Freeform 50"/>
              <p:cNvSpPr>
                <a:spLocks/>
              </p:cNvSpPr>
              <p:nvPr/>
            </p:nvSpPr>
            <p:spPr bwMode="auto">
              <a:xfrm>
                <a:off x="4658" y="1344"/>
                <a:ext cx="160" cy="309"/>
              </a:xfrm>
              <a:custGeom>
                <a:avLst/>
                <a:gdLst>
                  <a:gd name="T0" fmla="*/ 47 w 165"/>
                  <a:gd name="T1" fmla="*/ 211 h 318"/>
                  <a:gd name="T2" fmla="*/ 44 w 165"/>
                  <a:gd name="T3" fmla="*/ 199 h 318"/>
                  <a:gd name="T4" fmla="*/ 42 w 165"/>
                  <a:gd name="T5" fmla="*/ 183 h 318"/>
                  <a:gd name="T6" fmla="*/ 39 w 165"/>
                  <a:gd name="T7" fmla="*/ 167 h 318"/>
                  <a:gd name="T8" fmla="*/ 38 w 165"/>
                  <a:gd name="T9" fmla="*/ 154 h 318"/>
                  <a:gd name="T10" fmla="*/ 35 w 165"/>
                  <a:gd name="T11" fmla="*/ 145 h 318"/>
                  <a:gd name="T12" fmla="*/ 29 w 165"/>
                  <a:gd name="T13" fmla="*/ 141 h 318"/>
                  <a:gd name="T14" fmla="*/ 24 w 165"/>
                  <a:gd name="T15" fmla="*/ 145 h 318"/>
                  <a:gd name="T16" fmla="*/ 16 w 165"/>
                  <a:gd name="T17" fmla="*/ 111 h 318"/>
                  <a:gd name="T18" fmla="*/ 0 w 165"/>
                  <a:gd name="T19" fmla="*/ 26 h 318"/>
                  <a:gd name="T20" fmla="*/ 103 w 165"/>
                  <a:gd name="T21" fmla="*/ 10 h 318"/>
                  <a:gd name="T22" fmla="*/ 103 w 165"/>
                  <a:gd name="T23" fmla="*/ 15 h 318"/>
                  <a:gd name="T24" fmla="*/ 103 w 165"/>
                  <a:gd name="T25" fmla="*/ 17 h 318"/>
                  <a:gd name="T26" fmla="*/ 100 w 165"/>
                  <a:gd name="T27" fmla="*/ 21 h 318"/>
                  <a:gd name="T28" fmla="*/ 103 w 165"/>
                  <a:gd name="T29" fmla="*/ 26 h 318"/>
                  <a:gd name="T30" fmla="*/ 106 w 165"/>
                  <a:gd name="T31" fmla="*/ 37 h 318"/>
                  <a:gd name="T32" fmla="*/ 107 w 165"/>
                  <a:gd name="T33" fmla="*/ 43 h 318"/>
                  <a:gd name="T34" fmla="*/ 103 w 165"/>
                  <a:gd name="T35" fmla="*/ 51 h 318"/>
                  <a:gd name="T36" fmla="*/ 94 w 165"/>
                  <a:gd name="T37" fmla="*/ 63 h 318"/>
                  <a:gd name="T38" fmla="*/ 94 w 165"/>
                  <a:gd name="T39" fmla="*/ 64 h 318"/>
                  <a:gd name="T40" fmla="*/ 88 w 165"/>
                  <a:gd name="T41" fmla="*/ 68 h 318"/>
                  <a:gd name="T42" fmla="*/ 89 w 165"/>
                  <a:gd name="T43" fmla="*/ 73 h 318"/>
                  <a:gd name="T44" fmla="*/ 89 w 165"/>
                  <a:gd name="T45" fmla="*/ 83 h 318"/>
                  <a:gd name="T46" fmla="*/ 89 w 165"/>
                  <a:gd name="T47" fmla="*/ 93 h 318"/>
                  <a:gd name="T48" fmla="*/ 88 w 165"/>
                  <a:gd name="T49" fmla="*/ 108 h 318"/>
                  <a:gd name="T50" fmla="*/ 85 w 165"/>
                  <a:gd name="T51" fmla="*/ 115 h 318"/>
                  <a:gd name="T52" fmla="*/ 85 w 165"/>
                  <a:gd name="T53" fmla="*/ 122 h 318"/>
                  <a:gd name="T54" fmla="*/ 83 w 165"/>
                  <a:gd name="T55" fmla="*/ 127 h 318"/>
                  <a:gd name="T56" fmla="*/ 81 w 165"/>
                  <a:gd name="T57" fmla="*/ 139 h 318"/>
                  <a:gd name="T58" fmla="*/ 85 w 165"/>
                  <a:gd name="T59" fmla="*/ 153 h 318"/>
                  <a:gd name="T60" fmla="*/ 85 w 165"/>
                  <a:gd name="T61" fmla="*/ 157 h 318"/>
                  <a:gd name="T62" fmla="*/ 85 w 165"/>
                  <a:gd name="T63" fmla="*/ 164 h 318"/>
                  <a:gd name="T64" fmla="*/ 85 w 165"/>
                  <a:gd name="T65" fmla="*/ 167 h 318"/>
                  <a:gd name="T66" fmla="*/ 88 w 165"/>
                  <a:gd name="T67" fmla="*/ 173 h 318"/>
                  <a:gd name="T68" fmla="*/ 88 w 165"/>
                  <a:gd name="T69" fmla="*/ 180 h 318"/>
                  <a:gd name="T70" fmla="*/ 85 w 165"/>
                  <a:gd name="T71" fmla="*/ 184 h 318"/>
                  <a:gd name="T72" fmla="*/ 85 w 165"/>
                  <a:gd name="T73" fmla="*/ 193 h 318"/>
                  <a:gd name="T74" fmla="*/ 92 w 165"/>
                  <a:gd name="T75" fmla="*/ 201 h 318"/>
                  <a:gd name="T76" fmla="*/ 87 w 165"/>
                  <a:gd name="T77" fmla="*/ 203 h 318"/>
                  <a:gd name="T78" fmla="*/ 78 w 165"/>
                  <a:gd name="T79" fmla="*/ 205 h 318"/>
                  <a:gd name="T80" fmla="*/ 66 w 165"/>
                  <a:gd name="T81" fmla="*/ 208 h 318"/>
                  <a:gd name="T82" fmla="*/ 54 w 165"/>
                  <a:gd name="T83" fmla="*/ 211 h 318"/>
                  <a:gd name="T84" fmla="*/ 47 w 165"/>
                  <a:gd name="T85" fmla="*/ 211 h 318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w 165"/>
                  <a:gd name="T130" fmla="*/ 0 h 318"/>
                  <a:gd name="T131" fmla="*/ 165 w 165"/>
                  <a:gd name="T132" fmla="*/ 318 h 318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T129" t="T130" r="T131" b="T132"/>
                <a:pathLst>
                  <a:path w="165" h="318">
                    <a:moveTo>
                      <a:pt x="73" y="318"/>
                    </a:moveTo>
                    <a:lnTo>
                      <a:pt x="73" y="316"/>
                    </a:lnTo>
                    <a:lnTo>
                      <a:pt x="73" y="315"/>
                    </a:lnTo>
                    <a:lnTo>
                      <a:pt x="71" y="310"/>
                    </a:lnTo>
                    <a:lnTo>
                      <a:pt x="70" y="303"/>
                    </a:lnTo>
                    <a:lnTo>
                      <a:pt x="68" y="296"/>
                    </a:lnTo>
                    <a:lnTo>
                      <a:pt x="68" y="289"/>
                    </a:lnTo>
                    <a:lnTo>
                      <a:pt x="66" y="281"/>
                    </a:lnTo>
                    <a:lnTo>
                      <a:pt x="63" y="272"/>
                    </a:lnTo>
                    <a:lnTo>
                      <a:pt x="61" y="264"/>
                    </a:lnTo>
                    <a:lnTo>
                      <a:pt x="60" y="255"/>
                    </a:lnTo>
                    <a:lnTo>
                      <a:pt x="58" y="249"/>
                    </a:lnTo>
                    <a:lnTo>
                      <a:pt x="58" y="242"/>
                    </a:lnTo>
                    <a:lnTo>
                      <a:pt x="56" y="235"/>
                    </a:lnTo>
                    <a:lnTo>
                      <a:pt x="55" y="230"/>
                    </a:lnTo>
                    <a:lnTo>
                      <a:pt x="55" y="227"/>
                    </a:lnTo>
                    <a:lnTo>
                      <a:pt x="53" y="225"/>
                    </a:lnTo>
                    <a:lnTo>
                      <a:pt x="49" y="216"/>
                    </a:lnTo>
                    <a:lnTo>
                      <a:pt x="46" y="211"/>
                    </a:lnTo>
                    <a:lnTo>
                      <a:pt x="44" y="210"/>
                    </a:lnTo>
                    <a:lnTo>
                      <a:pt x="43" y="210"/>
                    </a:lnTo>
                    <a:lnTo>
                      <a:pt x="41" y="211"/>
                    </a:lnTo>
                    <a:lnTo>
                      <a:pt x="39" y="215"/>
                    </a:lnTo>
                    <a:lnTo>
                      <a:pt x="38" y="216"/>
                    </a:lnTo>
                    <a:lnTo>
                      <a:pt x="34" y="213"/>
                    </a:lnTo>
                    <a:lnTo>
                      <a:pt x="26" y="164"/>
                    </a:lnTo>
                    <a:lnTo>
                      <a:pt x="22" y="128"/>
                    </a:lnTo>
                    <a:lnTo>
                      <a:pt x="16" y="113"/>
                    </a:lnTo>
                    <a:lnTo>
                      <a:pt x="0" y="40"/>
                    </a:lnTo>
                    <a:lnTo>
                      <a:pt x="156" y="0"/>
                    </a:lnTo>
                    <a:lnTo>
                      <a:pt x="158" y="10"/>
                    </a:lnTo>
                    <a:lnTo>
                      <a:pt x="158" y="12"/>
                    </a:lnTo>
                    <a:lnTo>
                      <a:pt x="159" y="15"/>
                    </a:lnTo>
                    <a:lnTo>
                      <a:pt x="159" y="17"/>
                    </a:lnTo>
                    <a:lnTo>
                      <a:pt x="159" y="22"/>
                    </a:lnTo>
                    <a:lnTo>
                      <a:pt x="159" y="25"/>
                    </a:lnTo>
                    <a:lnTo>
                      <a:pt x="158" y="29"/>
                    </a:lnTo>
                    <a:lnTo>
                      <a:pt x="154" y="34"/>
                    </a:lnTo>
                    <a:lnTo>
                      <a:pt x="154" y="35"/>
                    </a:lnTo>
                    <a:lnTo>
                      <a:pt x="156" y="35"/>
                    </a:lnTo>
                    <a:lnTo>
                      <a:pt x="158" y="37"/>
                    </a:lnTo>
                    <a:lnTo>
                      <a:pt x="158" y="40"/>
                    </a:lnTo>
                    <a:lnTo>
                      <a:pt x="159" y="44"/>
                    </a:lnTo>
                    <a:lnTo>
                      <a:pt x="161" y="46"/>
                    </a:lnTo>
                    <a:lnTo>
                      <a:pt x="163" y="51"/>
                    </a:lnTo>
                    <a:lnTo>
                      <a:pt x="165" y="54"/>
                    </a:lnTo>
                    <a:lnTo>
                      <a:pt x="165" y="59"/>
                    </a:lnTo>
                    <a:lnTo>
                      <a:pt x="165" y="62"/>
                    </a:lnTo>
                    <a:lnTo>
                      <a:pt x="165" y="68"/>
                    </a:lnTo>
                    <a:lnTo>
                      <a:pt x="163" y="73"/>
                    </a:lnTo>
                    <a:lnTo>
                      <a:pt x="159" y="78"/>
                    </a:lnTo>
                    <a:lnTo>
                      <a:pt x="156" y="83"/>
                    </a:lnTo>
                    <a:lnTo>
                      <a:pt x="149" y="88"/>
                    </a:lnTo>
                    <a:lnTo>
                      <a:pt x="143" y="93"/>
                    </a:lnTo>
                    <a:lnTo>
                      <a:pt x="143" y="95"/>
                    </a:lnTo>
                    <a:lnTo>
                      <a:pt x="143" y="93"/>
                    </a:lnTo>
                    <a:lnTo>
                      <a:pt x="136" y="100"/>
                    </a:lnTo>
                    <a:lnTo>
                      <a:pt x="136" y="101"/>
                    </a:lnTo>
                    <a:lnTo>
                      <a:pt x="136" y="105"/>
                    </a:lnTo>
                    <a:lnTo>
                      <a:pt x="137" y="108"/>
                    </a:lnTo>
                    <a:lnTo>
                      <a:pt x="137" y="113"/>
                    </a:lnTo>
                    <a:lnTo>
                      <a:pt x="137" y="118"/>
                    </a:lnTo>
                    <a:lnTo>
                      <a:pt x="137" y="123"/>
                    </a:lnTo>
                    <a:lnTo>
                      <a:pt x="137" y="128"/>
                    </a:lnTo>
                    <a:lnTo>
                      <a:pt x="137" y="135"/>
                    </a:lnTo>
                    <a:lnTo>
                      <a:pt x="137" y="140"/>
                    </a:lnTo>
                    <a:lnTo>
                      <a:pt x="137" y="147"/>
                    </a:lnTo>
                    <a:lnTo>
                      <a:pt x="136" y="154"/>
                    </a:lnTo>
                    <a:lnTo>
                      <a:pt x="136" y="159"/>
                    </a:lnTo>
                    <a:lnTo>
                      <a:pt x="134" y="164"/>
                    </a:lnTo>
                    <a:lnTo>
                      <a:pt x="134" y="169"/>
                    </a:lnTo>
                    <a:lnTo>
                      <a:pt x="132" y="172"/>
                    </a:lnTo>
                    <a:lnTo>
                      <a:pt x="132" y="176"/>
                    </a:lnTo>
                    <a:lnTo>
                      <a:pt x="131" y="179"/>
                    </a:lnTo>
                    <a:lnTo>
                      <a:pt x="131" y="183"/>
                    </a:lnTo>
                    <a:lnTo>
                      <a:pt x="131" y="184"/>
                    </a:lnTo>
                    <a:lnTo>
                      <a:pt x="129" y="189"/>
                    </a:lnTo>
                    <a:lnTo>
                      <a:pt x="127" y="194"/>
                    </a:lnTo>
                    <a:lnTo>
                      <a:pt x="126" y="201"/>
                    </a:lnTo>
                    <a:lnTo>
                      <a:pt x="126" y="208"/>
                    </a:lnTo>
                    <a:lnTo>
                      <a:pt x="126" y="215"/>
                    </a:lnTo>
                    <a:lnTo>
                      <a:pt x="127" y="222"/>
                    </a:lnTo>
                    <a:lnTo>
                      <a:pt x="131" y="228"/>
                    </a:lnTo>
                    <a:lnTo>
                      <a:pt x="132" y="228"/>
                    </a:lnTo>
                    <a:lnTo>
                      <a:pt x="132" y="232"/>
                    </a:lnTo>
                    <a:lnTo>
                      <a:pt x="132" y="235"/>
                    </a:lnTo>
                    <a:lnTo>
                      <a:pt x="132" y="238"/>
                    </a:lnTo>
                    <a:lnTo>
                      <a:pt x="132" y="242"/>
                    </a:lnTo>
                    <a:lnTo>
                      <a:pt x="132" y="245"/>
                    </a:lnTo>
                    <a:lnTo>
                      <a:pt x="132" y="247"/>
                    </a:lnTo>
                    <a:lnTo>
                      <a:pt x="132" y="249"/>
                    </a:lnTo>
                    <a:lnTo>
                      <a:pt x="134" y="250"/>
                    </a:lnTo>
                    <a:lnTo>
                      <a:pt x="134" y="254"/>
                    </a:lnTo>
                    <a:lnTo>
                      <a:pt x="136" y="257"/>
                    </a:lnTo>
                    <a:lnTo>
                      <a:pt x="136" y="260"/>
                    </a:lnTo>
                    <a:lnTo>
                      <a:pt x="136" y="266"/>
                    </a:lnTo>
                    <a:lnTo>
                      <a:pt x="136" y="269"/>
                    </a:lnTo>
                    <a:lnTo>
                      <a:pt x="132" y="272"/>
                    </a:lnTo>
                    <a:lnTo>
                      <a:pt x="132" y="274"/>
                    </a:lnTo>
                    <a:lnTo>
                      <a:pt x="132" y="276"/>
                    </a:lnTo>
                    <a:lnTo>
                      <a:pt x="132" y="281"/>
                    </a:lnTo>
                    <a:lnTo>
                      <a:pt x="132" y="284"/>
                    </a:lnTo>
                    <a:lnTo>
                      <a:pt x="132" y="289"/>
                    </a:lnTo>
                    <a:lnTo>
                      <a:pt x="134" y="294"/>
                    </a:lnTo>
                    <a:lnTo>
                      <a:pt x="136" y="298"/>
                    </a:lnTo>
                    <a:lnTo>
                      <a:pt x="141" y="301"/>
                    </a:lnTo>
                    <a:lnTo>
                      <a:pt x="139" y="301"/>
                    </a:lnTo>
                    <a:lnTo>
                      <a:pt x="137" y="301"/>
                    </a:lnTo>
                    <a:lnTo>
                      <a:pt x="134" y="303"/>
                    </a:lnTo>
                    <a:lnTo>
                      <a:pt x="131" y="303"/>
                    </a:lnTo>
                    <a:lnTo>
                      <a:pt x="126" y="304"/>
                    </a:lnTo>
                    <a:lnTo>
                      <a:pt x="119" y="306"/>
                    </a:lnTo>
                    <a:lnTo>
                      <a:pt x="114" y="308"/>
                    </a:lnTo>
                    <a:lnTo>
                      <a:pt x="107" y="310"/>
                    </a:lnTo>
                    <a:lnTo>
                      <a:pt x="100" y="311"/>
                    </a:lnTo>
                    <a:lnTo>
                      <a:pt x="95" y="313"/>
                    </a:lnTo>
                    <a:lnTo>
                      <a:pt x="88" y="315"/>
                    </a:lnTo>
                    <a:lnTo>
                      <a:pt x="83" y="315"/>
                    </a:lnTo>
                    <a:lnTo>
                      <a:pt x="80" y="316"/>
                    </a:lnTo>
                    <a:lnTo>
                      <a:pt x="77" y="316"/>
                    </a:lnTo>
                    <a:lnTo>
                      <a:pt x="73" y="316"/>
                    </a:lnTo>
                    <a:lnTo>
                      <a:pt x="73" y="31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396" name="Freeform 51"/>
              <p:cNvSpPr>
                <a:spLocks/>
              </p:cNvSpPr>
              <p:nvPr/>
            </p:nvSpPr>
            <p:spPr bwMode="auto">
              <a:xfrm>
                <a:off x="192" y="1620"/>
                <a:ext cx="766" cy="1314"/>
              </a:xfrm>
              <a:custGeom>
                <a:avLst/>
                <a:gdLst>
                  <a:gd name="T0" fmla="*/ 78 w 788"/>
                  <a:gd name="T1" fmla="*/ 14 h 1354"/>
                  <a:gd name="T2" fmla="*/ 134 w 788"/>
                  <a:gd name="T3" fmla="*/ 23 h 1354"/>
                  <a:gd name="T4" fmla="*/ 209 w 788"/>
                  <a:gd name="T5" fmla="*/ 44 h 1354"/>
                  <a:gd name="T6" fmla="*/ 292 w 788"/>
                  <a:gd name="T7" fmla="*/ 65 h 1354"/>
                  <a:gd name="T8" fmla="*/ 518 w 788"/>
                  <a:gd name="T9" fmla="*/ 749 h 1354"/>
                  <a:gd name="T10" fmla="*/ 507 w 788"/>
                  <a:gd name="T11" fmla="*/ 786 h 1354"/>
                  <a:gd name="T12" fmla="*/ 496 w 788"/>
                  <a:gd name="T13" fmla="*/ 815 h 1354"/>
                  <a:gd name="T14" fmla="*/ 482 w 788"/>
                  <a:gd name="T15" fmla="*/ 837 h 1354"/>
                  <a:gd name="T16" fmla="*/ 485 w 788"/>
                  <a:gd name="T17" fmla="*/ 869 h 1354"/>
                  <a:gd name="T18" fmla="*/ 467 w 788"/>
                  <a:gd name="T19" fmla="*/ 890 h 1354"/>
                  <a:gd name="T20" fmla="*/ 293 w 788"/>
                  <a:gd name="T21" fmla="*/ 847 h 1354"/>
                  <a:gd name="T22" fmla="*/ 300 w 788"/>
                  <a:gd name="T23" fmla="*/ 834 h 1354"/>
                  <a:gd name="T24" fmla="*/ 285 w 788"/>
                  <a:gd name="T25" fmla="*/ 794 h 1354"/>
                  <a:gd name="T26" fmla="*/ 256 w 788"/>
                  <a:gd name="T27" fmla="*/ 758 h 1354"/>
                  <a:gd name="T28" fmla="*/ 243 w 788"/>
                  <a:gd name="T29" fmla="*/ 758 h 1354"/>
                  <a:gd name="T30" fmla="*/ 236 w 788"/>
                  <a:gd name="T31" fmla="*/ 749 h 1354"/>
                  <a:gd name="T32" fmla="*/ 229 w 788"/>
                  <a:gd name="T33" fmla="*/ 728 h 1354"/>
                  <a:gd name="T34" fmla="*/ 202 w 788"/>
                  <a:gd name="T35" fmla="*/ 720 h 1354"/>
                  <a:gd name="T36" fmla="*/ 181 w 788"/>
                  <a:gd name="T37" fmla="*/ 689 h 1354"/>
                  <a:gd name="T38" fmla="*/ 162 w 788"/>
                  <a:gd name="T39" fmla="*/ 679 h 1354"/>
                  <a:gd name="T40" fmla="*/ 141 w 788"/>
                  <a:gd name="T41" fmla="*/ 670 h 1354"/>
                  <a:gd name="T42" fmla="*/ 113 w 788"/>
                  <a:gd name="T43" fmla="*/ 660 h 1354"/>
                  <a:gd name="T44" fmla="*/ 111 w 788"/>
                  <a:gd name="T45" fmla="*/ 642 h 1354"/>
                  <a:gd name="T46" fmla="*/ 117 w 788"/>
                  <a:gd name="T47" fmla="*/ 606 h 1354"/>
                  <a:gd name="T48" fmla="*/ 105 w 788"/>
                  <a:gd name="T49" fmla="*/ 597 h 1354"/>
                  <a:gd name="T50" fmla="*/ 110 w 788"/>
                  <a:gd name="T51" fmla="*/ 581 h 1354"/>
                  <a:gd name="T52" fmla="*/ 98 w 788"/>
                  <a:gd name="T53" fmla="*/ 565 h 1354"/>
                  <a:gd name="T54" fmla="*/ 75 w 788"/>
                  <a:gd name="T55" fmla="*/ 515 h 1354"/>
                  <a:gd name="T56" fmla="*/ 65 w 788"/>
                  <a:gd name="T57" fmla="*/ 498 h 1354"/>
                  <a:gd name="T58" fmla="*/ 62 w 788"/>
                  <a:gd name="T59" fmla="*/ 490 h 1354"/>
                  <a:gd name="T60" fmla="*/ 67 w 788"/>
                  <a:gd name="T61" fmla="*/ 466 h 1354"/>
                  <a:gd name="T62" fmla="*/ 79 w 788"/>
                  <a:gd name="T63" fmla="*/ 443 h 1354"/>
                  <a:gd name="T64" fmla="*/ 50 w 788"/>
                  <a:gd name="T65" fmla="*/ 419 h 1354"/>
                  <a:gd name="T66" fmla="*/ 50 w 788"/>
                  <a:gd name="T67" fmla="*/ 405 h 1354"/>
                  <a:gd name="T68" fmla="*/ 51 w 788"/>
                  <a:gd name="T69" fmla="*/ 389 h 1354"/>
                  <a:gd name="T70" fmla="*/ 56 w 788"/>
                  <a:gd name="T71" fmla="*/ 365 h 1354"/>
                  <a:gd name="T72" fmla="*/ 63 w 788"/>
                  <a:gd name="T73" fmla="*/ 371 h 1354"/>
                  <a:gd name="T74" fmla="*/ 69 w 788"/>
                  <a:gd name="T75" fmla="*/ 389 h 1354"/>
                  <a:gd name="T76" fmla="*/ 78 w 788"/>
                  <a:gd name="T77" fmla="*/ 391 h 1354"/>
                  <a:gd name="T78" fmla="*/ 75 w 788"/>
                  <a:gd name="T79" fmla="*/ 378 h 1354"/>
                  <a:gd name="T80" fmla="*/ 71 w 788"/>
                  <a:gd name="T81" fmla="*/ 369 h 1354"/>
                  <a:gd name="T82" fmla="*/ 71 w 788"/>
                  <a:gd name="T83" fmla="*/ 350 h 1354"/>
                  <a:gd name="T84" fmla="*/ 99 w 788"/>
                  <a:gd name="T85" fmla="*/ 345 h 1354"/>
                  <a:gd name="T86" fmla="*/ 75 w 788"/>
                  <a:gd name="T87" fmla="*/ 339 h 1354"/>
                  <a:gd name="T88" fmla="*/ 63 w 788"/>
                  <a:gd name="T89" fmla="*/ 344 h 1354"/>
                  <a:gd name="T90" fmla="*/ 44 w 788"/>
                  <a:gd name="T91" fmla="*/ 346 h 1354"/>
                  <a:gd name="T92" fmla="*/ 31 w 788"/>
                  <a:gd name="T93" fmla="*/ 337 h 1354"/>
                  <a:gd name="T94" fmla="*/ 36 w 788"/>
                  <a:gd name="T95" fmla="*/ 304 h 1354"/>
                  <a:gd name="T96" fmla="*/ 17 w 788"/>
                  <a:gd name="T97" fmla="*/ 284 h 1354"/>
                  <a:gd name="T98" fmla="*/ 17 w 788"/>
                  <a:gd name="T99" fmla="*/ 263 h 1354"/>
                  <a:gd name="T100" fmla="*/ 10 w 788"/>
                  <a:gd name="T101" fmla="*/ 248 h 1354"/>
                  <a:gd name="T102" fmla="*/ 17 w 788"/>
                  <a:gd name="T103" fmla="*/ 230 h 1354"/>
                  <a:gd name="T104" fmla="*/ 17 w 788"/>
                  <a:gd name="T105" fmla="*/ 201 h 1354"/>
                  <a:gd name="T106" fmla="*/ 17 w 788"/>
                  <a:gd name="T107" fmla="*/ 176 h 1354"/>
                  <a:gd name="T108" fmla="*/ 17 w 788"/>
                  <a:gd name="T109" fmla="*/ 161 h 1354"/>
                  <a:gd name="T110" fmla="*/ 13 w 788"/>
                  <a:gd name="T111" fmla="*/ 151 h 1354"/>
                  <a:gd name="T112" fmla="*/ 1 w 788"/>
                  <a:gd name="T113" fmla="*/ 123 h 1354"/>
                  <a:gd name="T114" fmla="*/ 30 w 788"/>
                  <a:gd name="T115" fmla="*/ 86 h 1354"/>
                  <a:gd name="T116" fmla="*/ 40 w 788"/>
                  <a:gd name="T117" fmla="*/ 62 h 1354"/>
                  <a:gd name="T118" fmla="*/ 48 w 788"/>
                  <a:gd name="T119" fmla="*/ 32 h 1354"/>
                  <a:gd name="T120" fmla="*/ 49 w 788"/>
                  <a:gd name="T121" fmla="*/ 0 h 1354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w 788"/>
                  <a:gd name="T184" fmla="*/ 0 h 1354"/>
                  <a:gd name="T185" fmla="*/ 788 w 788"/>
                  <a:gd name="T186" fmla="*/ 1354 h 1354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T183" t="T184" r="T185" b="T186"/>
                <a:pathLst>
                  <a:path w="788" h="1354">
                    <a:moveTo>
                      <a:pt x="74" y="0"/>
                    </a:moveTo>
                    <a:lnTo>
                      <a:pt x="77" y="2"/>
                    </a:lnTo>
                    <a:lnTo>
                      <a:pt x="83" y="2"/>
                    </a:lnTo>
                    <a:lnTo>
                      <a:pt x="88" y="5"/>
                    </a:lnTo>
                    <a:lnTo>
                      <a:pt x="93" y="7"/>
                    </a:lnTo>
                    <a:lnTo>
                      <a:pt x="99" y="9"/>
                    </a:lnTo>
                    <a:lnTo>
                      <a:pt x="106" y="10"/>
                    </a:lnTo>
                    <a:lnTo>
                      <a:pt x="115" y="14"/>
                    </a:lnTo>
                    <a:lnTo>
                      <a:pt x="123" y="15"/>
                    </a:lnTo>
                    <a:lnTo>
                      <a:pt x="133" y="19"/>
                    </a:lnTo>
                    <a:lnTo>
                      <a:pt x="143" y="20"/>
                    </a:lnTo>
                    <a:lnTo>
                      <a:pt x="154" y="24"/>
                    </a:lnTo>
                    <a:lnTo>
                      <a:pt x="164" y="27"/>
                    </a:lnTo>
                    <a:lnTo>
                      <a:pt x="176" y="31"/>
                    </a:lnTo>
                    <a:lnTo>
                      <a:pt x="187" y="34"/>
                    </a:lnTo>
                    <a:lnTo>
                      <a:pt x="199" y="37"/>
                    </a:lnTo>
                    <a:lnTo>
                      <a:pt x="213" y="41"/>
                    </a:lnTo>
                    <a:lnTo>
                      <a:pt x="226" y="44"/>
                    </a:lnTo>
                    <a:lnTo>
                      <a:pt x="240" y="48"/>
                    </a:lnTo>
                    <a:lnTo>
                      <a:pt x="253" y="51"/>
                    </a:lnTo>
                    <a:lnTo>
                      <a:pt x="267" y="54"/>
                    </a:lnTo>
                    <a:lnTo>
                      <a:pt x="281" y="59"/>
                    </a:lnTo>
                    <a:lnTo>
                      <a:pt x="296" y="63"/>
                    </a:lnTo>
                    <a:lnTo>
                      <a:pt x="311" y="66"/>
                    </a:lnTo>
                    <a:lnTo>
                      <a:pt x="326" y="71"/>
                    </a:lnTo>
                    <a:lnTo>
                      <a:pt x="341" y="75"/>
                    </a:lnTo>
                    <a:lnTo>
                      <a:pt x="355" y="78"/>
                    </a:lnTo>
                    <a:lnTo>
                      <a:pt x="372" y="83"/>
                    </a:lnTo>
                    <a:lnTo>
                      <a:pt x="385" y="86"/>
                    </a:lnTo>
                    <a:lnTo>
                      <a:pt x="402" y="90"/>
                    </a:lnTo>
                    <a:lnTo>
                      <a:pt x="416" y="93"/>
                    </a:lnTo>
                    <a:lnTo>
                      <a:pt x="433" y="98"/>
                    </a:lnTo>
                    <a:lnTo>
                      <a:pt x="446" y="102"/>
                    </a:lnTo>
                    <a:lnTo>
                      <a:pt x="448" y="100"/>
                    </a:lnTo>
                    <a:lnTo>
                      <a:pt x="353" y="466"/>
                    </a:lnTo>
                    <a:lnTo>
                      <a:pt x="753" y="1070"/>
                    </a:lnTo>
                    <a:lnTo>
                      <a:pt x="756" y="1085"/>
                    </a:lnTo>
                    <a:lnTo>
                      <a:pt x="761" y="1098"/>
                    </a:lnTo>
                    <a:lnTo>
                      <a:pt x="773" y="1124"/>
                    </a:lnTo>
                    <a:lnTo>
                      <a:pt x="771" y="1142"/>
                    </a:lnTo>
                    <a:lnTo>
                      <a:pt x="788" y="1166"/>
                    </a:lnTo>
                    <a:lnTo>
                      <a:pt x="788" y="1175"/>
                    </a:lnTo>
                    <a:lnTo>
                      <a:pt x="781" y="1183"/>
                    </a:lnTo>
                    <a:lnTo>
                      <a:pt x="780" y="1185"/>
                    </a:lnTo>
                    <a:lnTo>
                      <a:pt x="775" y="1185"/>
                    </a:lnTo>
                    <a:lnTo>
                      <a:pt x="768" y="1186"/>
                    </a:lnTo>
                    <a:lnTo>
                      <a:pt x="761" y="1190"/>
                    </a:lnTo>
                    <a:lnTo>
                      <a:pt x="753" y="1195"/>
                    </a:lnTo>
                    <a:lnTo>
                      <a:pt x="746" y="1202"/>
                    </a:lnTo>
                    <a:lnTo>
                      <a:pt x="743" y="1210"/>
                    </a:lnTo>
                    <a:lnTo>
                      <a:pt x="741" y="1219"/>
                    </a:lnTo>
                    <a:lnTo>
                      <a:pt x="741" y="1220"/>
                    </a:lnTo>
                    <a:lnTo>
                      <a:pt x="741" y="1225"/>
                    </a:lnTo>
                    <a:lnTo>
                      <a:pt x="741" y="1230"/>
                    </a:lnTo>
                    <a:lnTo>
                      <a:pt x="739" y="1237"/>
                    </a:lnTo>
                    <a:lnTo>
                      <a:pt x="737" y="1244"/>
                    </a:lnTo>
                    <a:lnTo>
                      <a:pt x="736" y="1251"/>
                    </a:lnTo>
                    <a:lnTo>
                      <a:pt x="731" y="1256"/>
                    </a:lnTo>
                    <a:lnTo>
                      <a:pt x="726" y="1261"/>
                    </a:lnTo>
                    <a:lnTo>
                      <a:pt x="724" y="1263"/>
                    </a:lnTo>
                    <a:lnTo>
                      <a:pt x="722" y="1264"/>
                    </a:lnTo>
                    <a:lnTo>
                      <a:pt x="721" y="1266"/>
                    </a:lnTo>
                    <a:lnTo>
                      <a:pt x="717" y="1268"/>
                    </a:lnTo>
                    <a:lnTo>
                      <a:pt x="715" y="1271"/>
                    </a:lnTo>
                    <a:lnTo>
                      <a:pt x="712" y="1273"/>
                    </a:lnTo>
                    <a:lnTo>
                      <a:pt x="710" y="1274"/>
                    </a:lnTo>
                    <a:lnTo>
                      <a:pt x="707" y="1285"/>
                    </a:lnTo>
                    <a:lnTo>
                      <a:pt x="709" y="1296"/>
                    </a:lnTo>
                    <a:lnTo>
                      <a:pt x="704" y="1313"/>
                    </a:lnTo>
                    <a:lnTo>
                      <a:pt x="721" y="1322"/>
                    </a:lnTo>
                    <a:lnTo>
                      <a:pt x="722" y="1324"/>
                    </a:lnTo>
                    <a:lnTo>
                      <a:pt x="722" y="1327"/>
                    </a:lnTo>
                    <a:lnTo>
                      <a:pt x="722" y="1332"/>
                    </a:lnTo>
                    <a:lnTo>
                      <a:pt x="722" y="1337"/>
                    </a:lnTo>
                    <a:lnTo>
                      <a:pt x="721" y="1344"/>
                    </a:lnTo>
                    <a:lnTo>
                      <a:pt x="719" y="1349"/>
                    </a:lnTo>
                    <a:lnTo>
                      <a:pt x="714" y="1352"/>
                    </a:lnTo>
                    <a:lnTo>
                      <a:pt x="709" y="1354"/>
                    </a:lnTo>
                    <a:lnTo>
                      <a:pt x="693" y="1354"/>
                    </a:lnTo>
                    <a:lnTo>
                      <a:pt x="450" y="1325"/>
                    </a:lnTo>
                    <a:lnTo>
                      <a:pt x="445" y="1317"/>
                    </a:lnTo>
                    <a:lnTo>
                      <a:pt x="450" y="1317"/>
                    </a:lnTo>
                    <a:lnTo>
                      <a:pt x="450" y="1305"/>
                    </a:lnTo>
                    <a:lnTo>
                      <a:pt x="443" y="1300"/>
                    </a:lnTo>
                    <a:lnTo>
                      <a:pt x="436" y="1305"/>
                    </a:lnTo>
                    <a:lnTo>
                      <a:pt x="436" y="1290"/>
                    </a:lnTo>
                    <a:lnTo>
                      <a:pt x="436" y="1288"/>
                    </a:lnTo>
                    <a:lnTo>
                      <a:pt x="438" y="1286"/>
                    </a:lnTo>
                    <a:lnTo>
                      <a:pt x="440" y="1285"/>
                    </a:lnTo>
                    <a:lnTo>
                      <a:pt x="441" y="1283"/>
                    </a:lnTo>
                    <a:lnTo>
                      <a:pt x="441" y="1280"/>
                    </a:lnTo>
                    <a:lnTo>
                      <a:pt x="443" y="1276"/>
                    </a:lnTo>
                    <a:lnTo>
                      <a:pt x="445" y="1271"/>
                    </a:lnTo>
                    <a:lnTo>
                      <a:pt x="445" y="1266"/>
                    </a:lnTo>
                    <a:lnTo>
                      <a:pt x="445" y="1261"/>
                    </a:lnTo>
                    <a:lnTo>
                      <a:pt x="445" y="1254"/>
                    </a:lnTo>
                    <a:lnTo>
                      <a:pt x="441" y="1247"/>
                    </a:lnTo>
                    <a:lnTo>
                      <a:pt x="440" y="1239"/>
                    </a:lnTo>
                    <a:lnTo>
                      <a:pt x="436" y="1230"/>
                    </a:lnTo>
                    <a:lnTo>
                      <a:pt x="431" y="1222"/>
                    </a:lnTo>
                    <a:lnTo>
                      <a:pt x="424" y="1212"/>
                    </a:lnTo>
                    <a:lnTo>
                      <a:pt x="423" y="1210"/>
                    </a:lnTo>
                    <a:lnTo>
                      <a:pt x="421" y="1207"/>
                    </a:lnTo>
                    <a:lnTo>
                      <a:pt x="416" y="1203"/>
                    </a:lnTo>
                    <a:lnTo>
                      <a:pt x="413" y="1198"/>
                    </a:lnTo>
                    <a:lnTo>
                      <a:pt x="409" y="1193"/>
                    </a:lnTo>
                    <a:lnTo>
                      <a:pt x="406" y="1190"/>
                    </a:lnTo>
                    <a:lnTo>
                      <a:pt x="402" y="1186"/>
                    </a:lnTo>
                    <a:lnTo>
                      <a:pt x="401" y="1186"/>
                    </a:lnTo>
                    <a:lnTo>
                      <a:pt x="380" y="1153"/>
                    </a:lnTo>
                    <a:lnTo>
                      <a:pt x="379" y="1151"/>
                    </a:lnTo>
                    <a:lnTo>
                      <a:pt x="379" y="1149"/>
                    </a:lnTo>
                    <a:lnTo>
                      <a:pt x="375" y="1148"/>
                    </a:lnTo>
                    <a:lnTo>
                      <a:pt x="374" y="1148"/>
                    </a:lnTo>
                    <a:lnTo>
                      <a:pt x="370" y="1148"/>
                    </a:lnTo>
                    <a:lnTo>
                      <a:pt x="365" y="1149"/>
                    </a:lnTo>
                    <a:lnTo>
                      <a:pt x="360" y="1153"/>
                    </a:lnTo>
                    <a:lnTo>
                      <a:pt x="358" y="1153"/>
                    </a:lnTo>
                    <a:lnTo>
                      <a:pt x="357" y="1151"/>
                    </a:lnTo>
                    <a:lnTo>
                      <a:pt x="355" y="1149"/>
                    </a:lnTo>
                    <a:lnTo>
                      <a:pt x="353" y="1146"/>
                    </a:lnTo>
                    <a:lnTo>
                      <a:pt x="352" y="1144"/>
                    </a:lnTo>
                    <a:lnTo>
                      <a:pt x="350" y="1142"/>
                    </a:lnTo>
                    <a:lnTo>
                      <a:pt x="355" y="1136"/>
                    </a:lnTo>
                    <a:lnTo>
                      <a:pt x="355" y="1129"/>
                    </a:lnTo>
                    <a:lnTo>
                      <a:pt x="353" y="1126"/>
                    </a:lnTo>
                    <a:lnTo>
                      <a:pt x="353" y="1122"/>
                    </a:lnTo>
                    <a:lnTo>
                      <a:pt x="350" y="1117"/>
                    </a:lnTo>
                    <a:lnTo>
                      <a:pt x="347" y="1114"/>
                    </a:lnTo>
                    <a:lnTo>
                      <a:pt x="341" y="1109"/>
                    </a:lnTo>
                    <a:lnTo>
                      <a:pt x="335" y="1107"/>
                    </a:lnTo>
                    <a:lnTo>
                      <a:pt x="325" y="1105"/>
                    </a:lnTo>
                    <a:lnTo>
                      <a:pt x="323" y="1105"/>
                    </a:lnTo>
                    <a:lnTo>
                      <a:pt x="319" y="1105"/>
                    </a:lnTo>
                    <a:lnTo>
                      <a:pt x="314" y="1104"/>
                    </a:lnTo>
                    <a:lnTo>
                      <a:pt x="309" y="1100"/>
                    </a:lnTo>
                    <a:lnTo>
                      <a:pt x="301" y="1095"/>
                    </a:lnTo>
                    <a:lnTo>
                      <a:pt x="292" y="1087"/>
                    </a:lnTo>
                    <a:lnTo>
                      <a:pt x="281" y="1075"/>
                    </a:lnTo>
                    <a:lnTo>
                      <a:pt x="281" y="1073"/>
                    </a:lnTo>
                    <a:lnTo>
                      <a:pt x="281" y="1071"/>
                    </a:lnTo>
                    <a:lnTo>
                      <a:pt x="279" y="1066"/>
                    </a:lnTo>
                    <a:lnTo>
                      <a:pt x="277" y="1060"/>
                    </a:lnTo>
                    <a:lnTo>
                      <a:pt x="274" y="1054"/>
                    </a:lnTo>
                    <a:lnTo>
                      <a:pt x="269" y="1048"/>
                    </a:lnTo>
                    <a:lnTo>
                      <a:pt x="262" y="1041"/>
                    </a:lnTo>
                    <a:lnTo>
                      <a:pt x="253" y="1034"/>
                    </a:lnTo>
                    <a:lnTo>
                      <a:pt x="252" y="1034"/>
                    </a:lnTo>
                    <a:lnTo>
                      <a:pt x="250" y="1034"/>
                    </a:lnTo>
                    <a:lnTo>
                      <a:pt x="248" y="1034"/>
                    </a:lnTo>
                    <a:lnTo>
                      <a:pt x="245" y="1034"/>
                    </a:lnTo>
                    <a:lnTo>
                      <a:pt x="243" y="1034"/>
                    </a:lnTo>
                    <a:lnTo>
                      <a:pt x="242" y="1034"/>
                    </a:lnTo>
                    <a:lnTo>
                      <a:pt x="240" y="1034"/>
                    </a:lnTo>
                    <a:lnTo>
                      <a:pt x="233" y="1029"/>
                    </a:lnTo>
                    <a:lnTo>
                      <a:pt x="223" y="1029"/>
                    </a:lnTo>
                    <a:lnTo>
                      <a:pt x="221" y="1027"/>
                    </a:lnTo>
                    <a:lnTo>
                      <a:pt x="220" y="1026"/>
                    </a:lnTo>
                    <a:lnTo>
                      <a:pt x="216" y="1022"/>
                    </a:lnTo>
                    <a:lnTo>
                      <a:pt x="209" y="1019"/>
                    </a:lnTo>
                    <a:lnTo>
                      <a:pt x="203" y="1014"/>
                    </a:lnTo>
                    <a:lnTo>
                      <a:pt x="194" y="1012"/>
                    </a:lnTo>
                    <a:lnTo>
                      <a:pt x="182" y="1010"/>
                    </a:lnTo>
                    <a:lnTo>
                      <a:pt x="171" y="1010"/>
                    </a:lnTo>
                    <a:lnTo>
                      <a:pt x="169" y="1009"/>
                    </a:lnTo>
                    <a:lnTo>
                      <a:pt x="169" y="1007"/>
                    </a:lnTo>
                    <a:lnTo>
                      <a:pt x="167" y="1005"/>
                    </a:lnTo>
                    <a:lnTo>
                      <a:pt x="167" y="1004"/>
                    </a:lnTo>
                    <a:lnTo>
                      <a:pt x="165" y="1002"/>
                    </a:lnTo>
                    <a:lnTo>
                      <a:pt x="165" y="1000"/>
                    </a:lnTo>
                    <a:lnTo>
                      <a:pt x="160" y="994"/>
                    </a:lnTo>
                    <a:lnTo>
                      <a:pt x="155" y="994"/>
                    </a:lnTo>
                    <a:lnTo>
                      <a:pt x="155" y="985"/>
                    </a:lnTo>
                    <a:lnTo>
                      <a:pt x="164" y="977"/>
                    </a:lnTo>
                    <a:lnTo>
                      <a:pt x="162" y="965"/>
                    </a:lnTo>
                    <a:lnTo>
                      <a:pt x="169" y="958"/>
                    </a:lnTo>
                    <a:lnTo>
                      <a:pt x="165" y="944"/>
                    </a:lnTo>
                    <a:lnTo>
                      <a:pt x="165" y="943"/>
                    </a:lnTo>
                    <a:lnTo>
                      <a:pt x="169" y="939"/>
                    </a:lnTo>
                    <a:lnTo>
                      <a:pt x="171" y="933"/>
                    </a:lnTo>
                    <a:lnTo>
                      <a:pt x="172" y="928"/>
                    </a:lnTo>
                    <a:lnTo>
                      <a:pt x="174" y="921"/>
                    </a:lnTo>
                    <a:lnTo>
                      <a:pt x="172" y="917"/>
                    </a:lnTo>
                    <a:lnTo>
                      <a:pt x="169" y="914"/>
                    </a:lnTo>
                    <a:lnTo>
                      <a:pt x="162" y="916"/>
                    </a:lnTo>
                    <a:lnTo>
                      <a:pt x="160" y="914"/>
                    </a:lnTo>
                    <a:lnTo>
                      <a:pt x="159" y="912"/>
                    </a:lnTo>
                    <a:lnTo>
                      <a:pt x="157" y="911"/>
                    </a:lnTo>
                    <a:lnTo>
                      <a:pt x="155" y="909"/>
                    </a:lnTo>
                    <a:lnTo>
                      <a:pt x="154" y="907"/>
                    </a:lnTo>
                    <a:lnTo>
                      <a:pt x="154" y="906"/>
                    </a:lnTo>
                    <a:lnTo>
                      <a:pt x="152" y="906"/>
                    </a:lnTo>
                    <a:lnTo>
                      <a:pt x="154" y="904"/>
                    </a:lnTo>
                    <a:lnTo>
                      <a:pt x="155" y="900"/>
                    </a:lnTo>
                    <a:lnTo>
                      <a:pt x="157" y="895"/>
                    </a:lnTo>
                    <a:lnTo>
                      <a:pt x="160" y="890"/>
                    </a:lnTo>
                    <a:lnTo>
                      <a:pt x="162" y="885"/>
                    </a:lnTo>
                    <a:lnTo>
                      <a:pt x="160" y="880"/>
                    </a:lnTo>
                    <a:lnTo>
                      <a:pt x="159" y="877"/>
                    </a:lnTo>
                    <a:lnTo>
                      <a:pt x="154" y="875"/>
                    </a:lnTo>
                    <a:lnTo>
                      <a:pt x="150" y="872"/>
                    </a:lnTo>
                    <a:lnTo>
                      <a:pt x="149" y="868"/>
                    </a:lnTo>
                    <a:lnTo>
                      <a:pt x="147" y="863"/>
                    </a:lnTo>
                    <a:lnTo>
                      <a:pt x="145" y="860"/>
                    </a:lnTo>
                    <a:lnTo>
                      <a:pt x="143" y="855"/>
                    </a:lnTo>
                    <a:lnTo>
                      <a:pt x="142" y="853"/>
                    </a:lnTo>
                    <a:lnTo>
                      <a:pt x="142" y="851"/>
                    </a:lnTo>
                    <a:lnTo>
                      <a:pt x="130" y="840"/>
                    </a:lnTo>
                    <a:lnTo>
                      <a:pt x="128" y="823"/>
                    </a:lnTo>
                    <a:lnTo>
                      <a:pt x="120" y="804"/>
                    </a:lnTo>
                    <a:lnTo>
                      <a:pt x="118" y="796"/>
                    </a:lnTo>
                    <a:lnTo>
                      <a:pt x="111" y="785"/>
                    </a:lnTo>
                    <a:lnTo>
                      <a:pt x="113" y="785"/>
                    </a:lnTo>
                    <a:lnTo>
                      <a:pt x="113" y="784"/>
                    </a:lnTo>
                    <a:lnTo>
                      <a:pt x="113" y="782"/>
                    </a:lnTo>
                    <a:lnTo>
                      <a:pt x="113" y="779"/>
                    </a:lnTo>
                    <a:lnTo>
                      <a:pt x="110" y="775"/>
                    </a:lnTo>
                    <a:lnTo>
                      <a:pt x="108" y="770"/>
                    </a:lnTo>
                    <a:lnTo>
                      <a:pt x="103" y="765"/>
                    </a:lnTo>
                    <a:lnTo>
                      <a:pt x="96" y="758"/>
                    </a:lnTo>
                    <a:lnTo>
                      <a:pt x="94" y="757"/>
                    </a:lnTo>
                    <a:lnTo>
                      <a:pt x="93" y="755"/>
                    </a:lnTo>
                    <a:lnTo>
                      <a:pt x="93" y="753"/>
                    </a:lnTo>
                    <a:lnTo>
                      <a:pt x="93" y="752"/>
                    </a:lnTo>
                    <a:lnTo>
                      <a:pt x="91" y="748"/>
                    </a:lnTo>
                    <a:lnTo>
                      <a:pt x="91" y="746"/>
                    </a:lnTo>
                    <a:lnTo>
                      <a:pt x="91" y="745"/>
                    </a:lnTo>
                    <a:lnTo>
                      <a:pt x="96" y="740"/>
                    </a:lnTo>
                    <a:lnTo>
                      <a:pt x="93" y="721"/>
                    </a:lnTo>
                    <a:lnTo>
                      <a:pt x="98" y="718"/>
                    </a:lnTo>
                    <a:lnTo>
                      <a:pt x="94" y="713"/>
                    </a:lnTo>
                    <a:lnTo>
                      <a:pt x="99" y="708"/>
                    </a:lnTo>
                    <a:lnTo>
                      <a:pt x="99" y="709"/>
                    </a:lnTo>
                    <a:lnTo>
                      <a:pt x="99" y="711"/>
                    </a:lnTo>
                    <a:lnTo>
                      <a:pt x="101" y="713"/>
                    </a:lnTo>
                    <a:lnTo>
                      <a:pt x="105" y="713"/>
                    </a:lnTo>
                    <a:lnTo>
                      <a:pt x="108" y="709"/>
                    </a:lnTo>
                    <a:lnTo>
                      <a:pt x="113" y="704"/>
                    </a:lnTo>
                    <a:lnTo>
                      <a:pt x="115" y="696"/>
                    </a:lnTo>
                    <a:lnTo>
                      <a:pt x="116" y="687"/>
                    </a:lnTo>
                    <a:lnTo>
                      <a:pt x="118" y="680"/>
                    </a:lnTo>
                    <a:lnTo>
                      <a:pt x="116" y="674"/>
                    </a:lnTo>
                    <a:lnTo>
                      <a:pt x="113" y="669"/>
                    </a:lnTo>
                    <a:lnTo>
                      <a:pt x="108" y="667"/>
                    </a:lnTo>
                    <a:lnTo>
                      <a:pt x="106" y="667"/>
                    </a:lnTo>
                    <a:lnTo>
                      <a:pt x="108" y="667"/>
                    </a:lnTo>
                    <a:lnTo>
                      <a:pt x="96" y="665"/>
                    </a:lnTo>
                    <a:lnTo>
                      <a:pt x="76" y="638"/>
                    </a:lnTo>
                    <a:lnTo>
                      <a:pt x="76" y="631"/>
                    </a:lnTo>
                    <a:lnTo>
                      <a:pt x="76" y="630"/>
                    </a:lnTo>
                    <a:lnTo>
                      <a:pt x="74" y="628"/>
                    </a:lnTo>
                    <a:lnTo>
                      <a:pt x="74" y="626"/>
                    </a:lnTo>
                    <a:lnTo>
                      <a:pt x="74" y="623"/>
                    </a:lnTo>
                    <a:lnTo>
                      <a:pt x="74" y="620"/>
                    </a:lnTo>
                    <a:lnTo>
                      <a:pt x="76" y="616"/>
                    </a:lnTo>
                    <a:lnTo>
                      <a:pt x="77" y="611"/>
                    </a:lnTo>
                    <a:lnTo>
                      <a:pt x="77" y="609"/>
                    </a:lnTo>
                    <a:lnTo>
                      <a:pt x="77" y="608"/>
                    </a:lnTo>
                    <a:lnTo>
                      <a:pt x="77" y="604"/>
                    </a:lnTo>
                    <a:lnTo>
                      <a:pt x="77" y="601"/>
                    </a:lnTo>
                    <a:lnTo>
                      <a:pt x="77" y="598"/>
                    </a:lnTo>
                    <a:lnTo>
                      <a:pt x="77" y="594"/>
                    </a:lnTo>
                    <a:lnTo>
                      <a:pt x="77" y="592"/>
                    </a:lnTo>
                    <a:lnTo>
                      <a:pt x="77" y="591"/>
                    </a:lnTo>
                    <a:lnTo>
                      <a:pt x="76" y="586"/>
                    </a:lnTo>
                    <a:lnTo>
                      <a:pt x="76" y="577"/>
                    </a:lnTo>
                    <a:lnTo>
                      <a:pt x="79" y="572"/>
                    </a:lnTo>
                    <a:lnTo>
                      <a:pt x="83" y="559"/>
                    </a:lnTo>
                    <a:lnTo>
                      <a:pt x="83" y="557"/>
                    </a:lnTo>
                    <a:lnTo>
                      <a:pt x="84" y="555"/>
                    </a:lnTo>
                    <a:lnTo>
                      <a:pt x="86" y="554"/>
                    </a:lnTo>
                    <a:lnTo>
                      <a:pt x="88" y="554"/>
                    </a:lnTo>
                    <a:lnTo>
                      <a:pt x="89" y="554"/>
                    </a:lnTo>
                    <a:lnTo>
                      <a:pt x="91" y="555"/>
                    </a:lnTo>
                    <a:lnTo>
                      <a:pt x="93" y="560"/>
                    </a:lnTo>
                    <a:lnTo>
                      <a:pt x="93" y="562"/>
                    </a:lnTo>
                    <a:lnTo>
                      <a:pt x="93" y="564"/>
                    </a:lnTo>
                    <a:lnTo>
                      <a:pt x="93" y="565"/>
                    </a:lnTo>
                    <a:lnTo>
                      <a:pt x="91" y="569"/>
                    </a:lnTo>
                    <a:lnTo>
                      <a:pt x="91" y="570"/>
                    </a:lnTo>
                    <a:lnTo>
                      <a:pt x="89" y="574"/>
                    </a:lnTo>
                    <a:lnTo>
                      <a:pt x="89" y="576"/>
                    </a:lnTo>
                    <a:lnTo>
                      <a:pt x="91" y="579"/>
                    </a:lnTo>
                    <a:lnTo>
                      <a:pt x="99" y="587"/>
                    </a:lnTo>
                    <a:lnTo>
                      <a:pt x="101" y="592"/>
                    </a:lnTo>
                    <a:lnTo>
                      <a:pt x="113" y="606"/>
                    </a:lnTo>
                    <a:lnTo>
                      <a:pt x="115" y="608"/>
                    </a:lnTo>
                    <a:lnTo>
                      <a:pt x="116" y="608"/>
                    </a:lnTo>
                    <a:lnTo>
                      <a:pt x="120" y="606"/>
                    </a:lnTo>
                    <a:lnTo>
                      <a:pt x="118" y="601"/>
                    </a:lnTo>
                    <a:lnTo>
                      <a:pt x="116" y="599"/>
                    </a:lnTo>
                    <a:lnTo>
                      <a:pt x="115" y="596"/>
                    </a:lnTo>
                    <a:lnTo>
                      <a:pt x="113" y="594"/>
                    </a:lnTo>
                    <a:lnTo>
                      <a:pt x="111" y="591"/>
                    </a:lnTo>
                    <a:lnTo>
                      <a:pt x="110" y="587"/>
                    </a:lnTo>
                    <a:lnTo>
                      <a:pt x="110" y="582"/>
                    </a:lnTo>
                    <a:lnTo>
                      <a:pt x="110" y="579"/>
                    </a:lnTo>
                    <a:lnTo>
                      <a:pt x="110" y="577"/>
                    </a:lnTo>
                    <a:lnTo>
                      <a:pt x="110" y="574"/>
                    </a:lnTo>
                    <a:lnTo>
                      <a:pt x="110" y="572"/>
                    </a:lnTo>
                    <a:lnTo>
                      <a:pt x="108" y="570"/>
                    </a:lnTo>
                    <a:lnTo>
                      <a:pt x="106" y="569"/>
                    </a:lnTo>
                    <a:lnTo>
                      <a:pt x="105" y="565"/>
                    </a:lnTo>
                    <a:lnTo>
                      <a:pt x="105" y="564"/>
                    </a:lnTo>
                    <a:lnTo>
                      <a:pt x="105" y="562"/>
                    </a:lnTo>
                    <a:lnTo>
                      <a:pt x="105" y="560"/>
                    </a:lnTo>
                    <a:lnTo>
                      <a:pt x="105" y="559"/>
                    </a:lnTo>
                    <a:lnTo>
                      <a:pt x="105" y="557"/>
                    </a:lnTo>
                    <a:lnTo>
                      <a:pt x="105" y="555"/>
                    </a:lnTo>
                    <a:lnTo>
                      <a:pt x="99" y="543"/>
                    </a:lnTo>
                    <a:lnTo>
                      <a:pt x="99" y="535"/>
                    </a:lnTo>
                    <a:lnTo>
                      <a:pt x="105" y="533"/>
                    </a:lnTo>
                    <a:lnTo>
                      <a:pt x="118" y="528"/>
                    </a:lnTo>
                    <a:lnTo>
                      <a:pt x="121" y="530"/>
                    </a:lnTo>
                    <a:lnTo>
                      <a:pt x="125" y="533"/>
                    </a:lnTo>
                    <a:lnTo>
                      <a:pt x="143" y="537"/>
                    </a:lnTo>
                    <a:lnTo>
                      <a:pt x="149" y="537"/>
                    </a:lnTo>
                    <a:lnTo>
                      <a:pt x="155" y="542"/>
                    </a:lnTo>
                    <a:lnTo>
                      <a:pt x="147" y="532"/>
                    </a:lnTo>
                    <a:lnTo>
                      <a:pt x="147" y="525"/>
                    </a:lnTo>
                    <a:lnTo>
                      <a:pt x="137" y="525"/>
                    </a:lnTo>
                    <a:lnTo>
                      <a:pt x="130" y="528"/>
                    </a:lnTo>
                    <a:lnTo>
                      <a:pt x="123" y="528"/>
                    </a:lnTo>
                    <a:lnTo>
                      <a:pt x="120" y="525"/>
                    </a:lnTo>
                    <a:lnTo>
                      <a:pt x="118" y="523"/>
                    </a:lnTo>
                    <a:lnTo>
                      <a:pt x="116" y="521"/>
                    </a:lnTo>
                    <a:lnTo>
                      <a:pt x="113" y="518"/>
                    </a:lnTo>
                    <a:lnTo>
                      <a:pt x="110" y="516"/>
                    </a:lnTo>
                    <a:lnTo>
                      <a:pt x="106" y="513"/>
                    </a:lnTo>
                    <a:lnTo>
                      <a:pt x="103" y="513"/>
                    </a:lnTo>
                    <a:lnTo>
                      <a:pt x="98" y="515"/>
                    </a:lnTo>
                    <a:lnTo>
                      <a:pt x="96" y="518"/>
                    </a:lnTo>
                    <a:lnTo>
                      <a:pt x="94" y="520"/>
                    </a:lnTo>
                    <a:lnTo>
                      <a:pt x="93" y="521"/>
                    </a:lnTo>
                    <a:lnTo>
                      <a:pt x="93" y="523"/>
                    </a:lnTo>
                    <a:lnTo>
                      <a:pt x="93" y="545"/>
                    </a:lnTo>
                    <a:lnTo>
                      <a:pt x="89" y="548"/>
                    </a:lnTo>
                    <a:lnTo>
                      <a:pt x="83" y="547"/>
                    </a:lnTo>
                    <a:lnTo>
                      <a:pt x="76" y="537"/>
                    </a:lnTo>
                    <a:lnTo>
                      <a:pt x="72" y="533"/>
                    </a:lnTo>
                    <a:lnTo>
                      <a:pt x="66" y="533"/>
                    </a:lnTo>
                    <a:lnTo>
                      <a:pt x="66" y="532"/>
                    </a:lnTo>
                    <a:lnTo>
                      <a:pt x="64" y="528"/>
                    </a:lnTo>
                    <a:lnTo>
                      <a:pt x="62" y="525"/>
                    </a:lnTo>
                    <a:lnTo>
                      <a:pt x="61" y="521"/>
                    </a:lnTo>
                    <a:lnTo>
                      <a:pt x="57" y="516"/>
                    </a:lnTo>
                    <a:lnTo>
                      <a:pt x="54" y="513"/>
                    </a:lnTo>
                    <a:lnTo>
                      <a:pt x="50" y="513"/>
                    </a:lnTo>
                    <a:lnTo>
                      <a:pt x="45" y="513"/>
                    </a:lnTo>
                    <a:lnTo>
                      <a:pt x="45" y="511"/>
                    </a:lnTo>
                    <a:lnTo>
                      <a:pt x="52" y="503"/>
                    </a:lnTo>
                    <a:lnTo>
                      <a:pt x="55" y="498"/>
                    </a:lnTo>
                    <a:lnTo>
                      <a:pt x="54" y="491"/>
                    </a:lnTo>
                    <a:lnTo>
                      <a:pt x="57" y="484"/>
                    </a:lnTo>
                    <a:lnTo>
                      <a:pt x="49" y="474"/>
                    </a:lnTo>
                    <a:lnTo>
                      <a:pt x="50" y="462"/>
                    </a:lnTo>
                    <a:lnTo>
                      <a:pt x="42" y="452"/>
                    </a:lnTo>
                    <a:lnTo>
                      <a:pt x="42" y="449"/>
                    </a:lnTo>
                    <a:lnTo>
                      <a:pt x="40" y="447"/>
                    </a:lnTo>
                    <a:lnTo>
                      <a:pt x="37" y="444"/>
                    </a:lnTo>
                    <a:lnTo>
                      <a:pt x="35" y="440"/>
                    </a:lnTo>
                    <a:lnTo>
                      <a:pt x="32" y="437"/>
                    </a:lnTo>
                    <a:lnTo>
                      <a:pt x="30" y="432"/>
                    </a:lnTo>
                    <a:lnTo>
                      <a:pt x="28" y="427"/>
                    </a:lnTo>
                    <a:lnTo>
                      <a:pt x="28" y="420"/>
                    </a:lnTo>
                    <a:lnTo>
                      <a:pt x="27" y="416"/>
                    </a:lnTo>
                    <a:lnTo>
                      <a:pt x="27" y="413"/>
                    </a:lnTo>
                    <a:lnTo>
                      <a:pt x="23" y="408"/>
                    </a:lnTo>
                    <a:lnTo>
                      <a:pt x="22" y="405"/>
                    </a:lnTo>
                    <a:lnTo>
                      <a:pt x="18" y="400"/>
                    </a:lnTo>
                    <a:lnTo>
                      <a:pt x="17" y="394"/>
                    </a:lnTo>
                    <a:lnTo>
                      <a:pt x="13" y="391"/>
                    </a:lnTo>
                    <a:lnTo>
                      <a:pt x="13" y="389"/>
                    </a:lnTo>
                    <a:lnTo>
                      <a:pt x="11" y="388"/>
                    </a:lnTo>
                    <a:lnTo>
                      <a:pt x="11" y="386"/>
                    </a:lnTo>
                    <a:lnTo>
                      <a:pt x="11" y="384"/>
                    </a:lnTo>
                    <a:lnTo>
                      <a:pt x="10" y="383"/>
                    </a:lnTo>
                    <a:lnTo>
                      <a:pt x="10" y="379"/>
                    </a:lnTo>
                    <a:lnTo>
                      <a:pt x="20" y="369"/>
                    </a:lnTo>
                    <a:lnTo>
                      <a:pt x="20" y="367"/>
                    </a:lnTo>
                    <a:lnTo>
                      <a:pt x="20" y="364"/>
                    </a:lnTo>
                    <a:lnTo>
                      <a:pt x="18" y="362"/>
                    </a:lnTo>
                    <a:lnTo>
                      <a:pt x="18" y="357"/>
                    </a:lnTo>
                    <a:lnTo>
                      <a:pt x="18" y="354"/>
                    </a:lnTo>
                    <a:lnTo>
                      <a:pt x="18" y="349"/>
                    </a:lnTo>
                    <a:lnTo>
                      <a:pt x="17" y="344"/>
                    </a:lnTo>
                    <a:lnTo>
                      <a:pt x="17" y="337"/>
                    </a:lnTo>
                    <a:lnTo>
                      <a:pt x="18" y="332"/>
                    </a:lnTo>
                    <a:lnTo>
                      <a:pt x="18" y="327"/>
                    </a:lnTo>
                    <a:lnTo>
                      <a:pt x="18" y="322"/>
                    </a:lnTo>
                    <a:lnTo>
                      <a:pt x="20" y="317"/>
                    </a:lnTo>
                    <a:lnTo>
                      <a:pt x="23" y="312"/>
                    </a:lnTo>
                    <a:lnTo>
                      <a:pt x="25" y="306"/>
                    </a:lnTo>
                    <a:lnTo>
                      <a:pt x="28" y="303"/>
                    </a:lnTo>
                    <a:lnTo>
                      <a:pt x="28" y="301"/>
                    </a:lnTo>
                    <a:lnTo>
                      <a:pt x="28" y="296"/>
                    </a:lnTo>
                    <a:lnTo>
                      <a:pt x="28" y="291"/>
                    </a:lnTo>
                    <a:lnTo>
                      <a:pt x="30" y="284"/>
                    </a:lnTo>
                    <a:lnTo>
                      <a:pt x="30" y="278"/>
                    </a:lnTo>
                    <a:lnTo>
                      <a:pt x="30" y="271"/>
                    </a:lnTo>
                    <a:lnTo>
                      <a:pt x="30" y="268"/>
                    </a:lnTo>
                    <a:lnTo>
                      <a:pt x="30" y="266"/>
                    </a:lnTo>
                    <a:lnTo>
                      <a:pt x="30" y="264"/>
                    </a:lnTo>
                    <a:lnTo>
                      <a:pt x="28" y="262"/>
                    </a:lnTo>
                    <a:lnTo>
                      <a:pt x="28" y="259"/>
                    </a:lnTo>
                    <a:lnTo>
                      <a:pt x="27" y="256"/>
                    </a:lnTo>
                    <a:lnTo>
                      <a:pt x="23" y="251"/>
                    </a:lnTo>
                    <a:lnTo>
                      <a:pt x="22" y="247"/>
                    </a:lnTo>
                    <a:lnTo>
                      <a:pt x="18" y="244"/>
                    </a:lnTo>
                    <a:lnTo>
                      <a:pt x="17" y="242"/>
                    </a:lnTo>
                    <a:lnTo>
                      <a:pt x="17" y="240"/>
                    </a:lnTo>
                    <a:lnTo>
                      <a:pt x="17" y="237"/>
                    </a:lnTo>
                    <a:lnTo>
                      <a:pt x="17" y="234"/>
                    </a:lnTo>
                    <a:lnTo>
                      <a:pt x="15" y="232"/>
                    </a:lnTo>
                    <a:lnTo>
                      <a:pt x="13" y="230"/>
                    </a:lnTo>
                    <a:lnTo>
                      <a:pt x="10" y="227"/>
                    </a:lnTo>
                    <a:lnTo>
                      <a:pt x="6" y="224"/>
                    </a:lnTo>
                    <a:lnTo>
                      <a:pt x="5" y="218"/>
                    </a:lnTo>
                    <a:lnTo>
                      <a:pt x="3" y="213"/>
                    </a:lnTo>
                    <a:lnTo>
                      <a:pt x="1" y="208"/>
                    </a:lnTo>
                    <a:lnTo>
                      <a:pt x="0" y="202"/>
                    </a:lnTo>
                    <a:lnTo>
                      <a:pt x="0" y="195"/>
                    </a:lnTo>
                    <a:lnTo>
                      <a:pt x="1" y="186"/>
                    </a:lnTo>
                    <a:lnTo>
                      <a:pt x="5" y="178"/>
                    </a:lnTo>
                    <a:lnTo>
                      <a:pt x="10" y="169"/>
                    </a:lnTo>
                    <a:lnTo>
                      <a:pt x="17" y="159"/>
                    </a:lnTo>
                    <a:lnTo>
                      <a:pt x="27" y="149"/>
                    </a:lnTo>
                    <a:lnTo>
                      <a:pt x="39" y="139"/>
                    </a:lnTo>
                    <a:lnTo>
                      <a:pt x="40" y="137"/>
                    </a:lnTo>
                    <a:lnTo>
                      <a:pt x="42" y="136"/>
                    </a:lnTo>
                    <a:lnTo>
                      <a:pt x="44" y="132"/>
                    </a:lnTo>
                    <a:lnTo>
                      <a:pt x="45" y="127"/>
                    </a:lnTo>
                    <a:lnTo>
                      <a:pt x="47" y="122"/>
                    </a:lnTo>
                    <a:lnTo>
                      <a:pt x="49" y="117"/>
                    </a:lnTo>
                    <a:lnTo>
                      <a:pt x="49" y="112"/>
                    </a:lnTo>
                    <a:lnTo>
                      <a:pt x="49" y="107"/>
                    </a:lnTo>
                    <a:lnTo>
                      <a:pt x="49" y="105"/>
                    </a:lnTo>
                    <a:lnTo>
                      <a:pt x="52" y="100"/>
                    </a:lnTo>
                    <a:lnTo>
                      <a:pt x="55" y="93"/>
                    </a:lnTo>
                    <a:lnTo>
                      <a:pt x="61" y="86"/>
                    </a:lnTo>
                    <a:lnTo>
                      <a:pt x="66" y="78"/>
                    </a:lnTo>
                    <a:lnTo>
                      <a:pt x="67" y="70"/>
                    </a:lnTo>
                    <a:lnTo>
                      <a:pt x="69" y="61"/>
                    </a:lnTo>
                    <a:lnTo>
                      <a:pt x="69" y="53"/>
                    </a:lnTo>
                    <a:lnTo>
                      <a:pt x="69" y="51"/>
                    </a:lnTo>
                    <a:lnTo>
                      <a:pt x="69" y="49"/>
                    </a:lnTo>
                    <a:lnTo>
                      <a:pt x="71" y="46"/>
                    </a:lnTo>
                    <a:lnTo>
                      <a:pt x="69" y="44"/>
                    </a:lnTo>
                    <a:lnTo>
                      <a:pt x="69" y="34"/>
                    </a:lnTo>
                    <a:lnTo>
                      <a:pt x="64" y="27"/>
                    </a:lnTo>
                    <a:lnTo>
                      <a:pt x="66" y="24"/>
                    </a:lnTo>
                    <a:lnTo>
                      <a:pt x="74" y="10"/>
                    </a:lnTo>
                    <a:lnTo>
                      <a:pt x="76" y="4"/>
                    </a:lnTo>
                    <a:lnTo>
                      <a:pt x="74" y="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397" name="Freeform 52"/>
              <p:cNvSpPr>
                <a:spLocks/>
              </p:cNvSpPr>
              <p:nvPr/>
            </p:nvSpPr>
            <p:spPr bwMode="auto">
              <a:xfrm>
                <a:off x="4629" y="2257"/>
                <a:ext cx="39" cy="117"/>
              </a:xfrm>
              <a:custGeom>
                <a:avLst/>
                <a:gdLst>
                  <a:gd name="T0" fmla="*/ 8 w 40"/>
                  <a:gd name="T1" fmla="*/ 17 h 120"/>
                  <a:gd name="T2" fmla="*/ 11 w 40"/>
                  <a:gd name="T3" fmla="*/ 13 h 120"/>
                  <a:gd name="T4" fmla="*/ 13 w 40"/>
                  <a:gd name="T5" fmla="*/ 12 h 120"/>
                  <a:gd name="T6" fmla="*/ 17 w 40"/>
                  <a:gd name="T7" fmla="*/ 8 h 120"/>
                  <a:gd name="T8" fmla="*/ 20 w 40"/>
                  <a:gd name="T9" fmla="*/ 7 h 120"/>
                  <a:gd name="T10" fmla="*/ 20 w 40"/>
                  <a:gd name="T11" fmla="*/ 3 h 120"/>
                  <a:gd name="T12" fmla="*/ 20 w 40"/>
                  <a:gd name="T13" fmla="*/ 1 h 120"/>
                  <a:gd name="T14" fmla="*/ 20 w 40"/>
                  <a:gd name="T15" fmla="*/ 0 h 120"/>
                  <a:gd name="T16" fmla="*/ 25 w 40"/>
                  <a:gd name="T17" fmla="*/ 0 h 120"/>
                  <a:gd name="T18" fmla="*/ 25 w 40"/>
                  <a:gd name="T19" fmla="*/ 0 h 120"/>
                  <a:gd name="T20" fmla="*/ 25 w 40"/>
                  <a:gd name="T21" fmla="*/ 1 h 120"/>
                  <a:gd name="T22" fmla="*/ 25 w 40"/>
                  <a:gd name="T23" fmla="*/ 5 h 120"/>
                  <a:gd name="T24" fmla="*/ 26 w 40"/>
                  <a:gd name="T25" fmla="*/ 7 h 120"/>
                  <a:gd name="T26" fmla="*/ 26 w 40"/>
                  <a:gd name="T27" fmla="*/ 10 h 120"/>
                  <a:gd name="T28" fmla="*/ 26 w 40"/>
                  <a:gd name="T29" fmla="*/ 12 h 120"/>
                  <a:gd name="T30" fmla="*/ 26 w 40"/>
                  <a:gd name="T31" fmla="*/ 13 h 120"/>
                  <a:gd name="T32" fmla="*/ 26 w 40"/>
                  <a:gd name="T33" fmla="*/ 15 h 120"/>
                  <a:gd name="T34" fmla="*/ 21 w 40"/>
                  <a:gd name="T35" fmla="*/ 20 h 120"/>
                  <a:gd name="T36" fmla="*/ 20 w 40"/>
                  <a:gd name="T37" fmla="*/ 20 h 120"/>
                  <a:gd name="T38" fmla="*/ 21 w 40"/>
                  <a:gd name="T39" fmla="*/ 23 h 120"/>
                  <a:gd name="T40" fmla="*/ 20 w 40"/>
                  <a:gd name="T41" fmla="*/ 35 h 120"/>
                  <a:gd name="T42" fmla="*/ 20 w 40"/>
                  <a:gd name="T43" fmla="*/ 43 h 120"/>
                  <a:gd name="T44" fmla="*/ 20 w 40"/>
                  <a:gd name="T45" fmla="*/ 48 h 120"/>
                  <a:gd name="T46" fmla="*/ 15 w 40"/>
                  <a:gd name="T47" fmla="*/ 52 h 120"/>
                  <a:gd name="T48" fmla="*/ 15 w 40"/>
                  <a:gd name="T49" fmla="*/ 56 h 120"/>
                  <a:gd name="T50" fmla="*/ 8 w 40"/>
                  <a:gd name="T51" fmla="*/ 65 h 120"/>
                  <a:gd name="T52" fmla="*/ 8 w 40"/>
                  <a:gd name="T53" fmla="*/ 70 h 120"/>
                  <a:gd name="T54" fmla="*/ 8 w 40"/>
                  <a:gd name="T55" fmla="*/ 72 h 120"/>
                  <a:gd name="T56" fmla="*/ 8 w 40"/>
                  <a:gd name="T57" fmla="*/ 75 h 120"/>
                  <a:gd name="T58" fmla="*/ 8 w 40"/>
                  <a:gd name="T59" fmla="*/ 78 h 120"/>
                  <a:gd name="T60" fmla="*/ 8 w 40"/>
                  <a:gd name="T61" fmla="*/ 83 h 120"/>
                  <a:gd name="T62" fmla="*/ 8 w 40"/>
                  <a:gd name="T63" fmla="*/ 85 h 120"/>
                  <a:gd name="T64" fmla="*/ 6 w 40"/>
                  <a:gd name="T65" fmla="*/ 85 h 120"/>
                  <a:gd name="T66" fmla="*/ 5 w 40"/>
                  <a:gd name="T67" fmla="*/ 82 h 120"/>
                  <a:gd name="T68" fmla="*/ 1 w 40"/>
                  <a:gd name="T69" fmla="*/ 72 h 120"/>
                  <a:gd name="T70" fmla="*/ 1 w 40"/>
                  <a:gd name="T71" fmla="*/ 70 h 120"/>
                  <a:gd name="T72" fmla="*/ 0 w 40"/>
                  <a:gd name="T73" fmla="*/ 67 h 120"/>
                  <a:gd name="T74" fmla="*/ 0 w 40"/>
                  <a:gd name="T75" fmla="*/ 60 h 120"/>
                  <a:gd name="T76" fmla="*/ 0 w 40"/>
                  <a:gd name="T77" fmla="*/ 57 h 120"/>
                  <a:gd name="T78" fmla="*/ 0 w 40"/>
                  <a:gd name="T79" fmla="*/ 55 h 120"/>
                  <a:gd name="T80" fmla="*/ 0 w 40"/>
                  <a:gd name="T81" fmla="*/ 52 h 120"/>
                  <a:gd name="T82" fmla="*/ 0 w 40"/>
                  <a:gd name="T83" fmla="*/ 50 h 120"/>
                  <a:gd name="T84" fmla="*/ 0 w 40"/>
                  <a:gd name="T85" fmla="*/ 49 h 120"/>
                  <a:gd name="T86" fmla="*/ 1 w 40"/>
                  <a:gd name="T87" fmla="*/ 42 h 120"/>
                  <a:gd name="T88" fmla="*/ 8 w 40"/>
                  <a:gd name="T89" fmla="*/ 38 h 120"/>
                  <a:gd name="T90" fmla="*/ 8 w 40"/>
                  <a:gd name="T91" fmla="*/ 26 h 120"/>
                  <a:gd name="T92" fmla="*/ 15 w 40"/>
                  <a:gd name="T93" fmla="*/ 20 h 120"/>
                  <a:gd name="T94" fmla="*/ 17 w 40"/>
                  <a:gd name="T95" fmla="*/ 20 h 120"/>
                  <a:gd name="T96" fmla="*/ 17 w 40"/>
                  <a:gd name="T97" fmla="*/ 20 h 120"/>
                  <a:gd name="T98" fmla="*/ 17 w 40"/>
                  <a:gd name="T99" fmla="*/ 20 h 120"/>
                  <a:gd name="T100" fmla="*/ 13 w 40"/>
                  <a:gd name="T101" fmla="*/ 20 h 120"/>
                  <a:gd name="T102" fmla="*/ 11 w 40"/>
                  <a:gd name="T103" fmla="*/ 18 h 120"/>
                  <a:gd name="T104" fmla="*/ 8 w 40"/>
                  <a:gd name="T105" fmla="*/ 17 h 120"/>
                  <a:gd name="T106" fmla="*/ 8 w 40"/>
                  <a:gd name="T107" fmla="*/ 17 h 120"/>
                  <a:gd name="T108" fmla="*/ 8 w 40"/>
                  <a:gd name="T109" fmla="*/ 17 h 120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w 40"/>
                  <a:gd name="T166" fmla="*/ 0 h 120"/>
                  <a:gd name="T167" fmla="*/ 40 w 40"/>
                  <a:gd name="T168" fmla="*/ 120 h 120"/>
                </a:gdLst>
                <a:ahLst/>
                <a:cxnLst>
                  <a:cxn ang="T110">
                    <a:pos x="T0" y="T1"/>
                  </a:cxn>
                  <a:cxn ang="T111">
                    <a:pos x="T2" y="T3"/>
                  </a:cxn>
                  <a:cxn ang="T112">
                    <a:pos x="T4" y="T5"/>
                  </a:cxn>
                  <a:cxn ang="T113">
                    <a:pos x="T6" y="T7"/>
                  </a:cxn>
                  <a:cxn ang="T114">
                    <a:pos x="T8" y="T9"/>
                  </a:cxn>
                  <a:cxn ang="T115">
                    <a:pos x="T10" y="T11"/>
                  </a:cxn>
                  <a:cxn ang="T116">
                    <a:pos x="T12" y="T13"/>
                  </a:cxn>
                  <a:cxn ang="T117">
                    <a:pos x="T14" y="T15"/>
                  </a:cxn>
                  <a:cxn ang="T118">
                    <a:pos x="T16" y="T17"/>
                  </a:cxn>
                  <a:cxn ang="T119">
                    <a:pos x="T18" y="T19"/>
                  </a:cxn>
                  <a:cxn ang="T120">
                    <a:pos x="T20" y="T21"/>
                  </a:cxn>
                  <a:cxn ang="T121">
                    <a:pos x="T22" y="T23"/>
                  </a:cxn>
                  <a:cxn ang="T122">
                    <a:pos x="T24" y="T25"/>
                  </a:cxn>
                  <a:cxn ang="T123">
                    <a:pos x="T26" y="T27"/>
                  </a:cxn>
                  <a:cxn ang="T124">
                    <a:pos x="T28" y="T29"/>
                  </a:cxn>
                  <a:cxn ang="T125">
                    <a:pos x="T30" y="T31"/>
                  </a:cxn>
                  <a:cxn ang="T126">
                    <a:pos x="T32" y="T33"/>
                  </a:cxn>
                  <a:cxn ang="T127">
                    <a:pos x="T34" y="T35"/>
                  </a:cxn>
                  <a:cxn ang="T128">
                    <a:pos x="T36" y="T37"/>
                  </a:cxn>
                  <a:cxn ang="T129">
                    <a:pos x="T38" y="T39"/>
                  </a:cxn>
                  <a:cxn ang="T130">
                    <a:pos x="T40" y="T41"/>
                  </a:cxn>
                  <a:cxn ang="T131">
                    <a:pos x="T42" y="T43"/>
                  </a:cxn>
                  <a:cxn ang="T132">
                    <a:pos x="T44" y="T45"/>
                  </a:cxn>
                  <a:cxn ang="T133">
                    <a:pos x="T46" y="T47"/>
                  </a:cxn>
                  <a:cxn ang="T134">
                    <a:pos x="T48" y="T49"/>
                  </a:cxn>
                  <a:cxn ang="T135">
                    <a:pos x="T50" y="T51"/>
                  </a:cxn>
                  <a:cxn ang="T136">
                    <a:pos x="T52" y="T53"/>
                  </a:cxn>
                  <a:cxn ang="T137">
                    <a:pos x="T54" y="T55"/>
                  </a:cxn>
                  <a:cxn ang="T138">
                    <a:pos x="T56" y="T57"/>
                  </a:cxn>
                  <a:cxn ang="T139">
                    <a:pos x="T58" y="T59"/>
                  </a:cxn>
                  <a:cxn ang="T140">
                    <a:pos x="T60" y="T61"/>
                  </a:cxn>
                  <a:cxn ang="T141">
                    <a:pos x="T62" y="T63"/>
                  </a:cxn>
                  <a:cxn ang="T142">
                    <a:pos x="T64" y="T65"/>
                  </a:cxn>
                  <a:cxn ang="T143">
                    <a:pos x="T66" y="T67"/>
                  </a:cxn>
                  <a:cxn ang="T144">
                    <a:pos x="T68" y="T69"/>
                  </a:cxn>
                  <a:cxn ang="T145">
                    <a:pos x="T70" y="T71"/>
                  </a:cxn>
                  <a:cxn ang="T146">
                    <a:pos x="T72" y="T73"/>
                  </a:cxn>
                  <a:cxn ang="T147">
                    <a:pos x="T74" y="T75"/>
                  </a:cxn>
                  <a:cxn ang="T148">
                    <a:pos x="T76" y="T77"/>
                  </a:cxn>
                  <a:cxn ang="T149">
                    <a:pos x="T78" y="T79"/>
                  </a:cxn>
                  <a:cxn ang="T150">
                    <a:pos x="T80" y="T81"/>
                  </a:cxn>
                  <a:cxn ang="T151">
                    <a:pos x="T82" y="T83"/>
                  </a:cxn>
                  <a:cxn ang="T152">
                    <a:pos x="T84" y="T85"/>
                  </a:cxn>
                  <a:cxn ang="T153">
                    <a:pos x="T86" y="T87"/>
                  </a:cxn>
                  <a:cxn ang="T154">
                    <a:pos x="T88" y="T89"/>
                  </a:cxn>
                  <a:cxn ang="T155">
                    <a:pos x="T90" y="T91"/>
                  </a:cxn>
                  <a:cxn ang="T156">
                    <a:pos x="T92" y="T93"/>
                  </a:cxn>
                  <a:cxn ang="T157">
                    <a:pos x="T94" y="T95"/>
                  </a:cxn>
                  <a:cxn ang="T158">
                    <a:pos x="T96" y="T97"/>
                  </a:cxn>
                  <a:cxn ang="T159">
                    <a:pos x="T98" y="T99"/>
                  </a:cxn>
                  <a:cxn ang="T160">
                    <a:pos x="T100" y="T101"/>
                  </a:cxn>
                  <a:cxn ang="T161">
                    <a:pos x="T102" y="T103"/>
                  </a:cxn>
                  <a:cxn ang="T162">
                    <a:pos x="T104" y="T105"/>
                  </a:cxn>
                  <a:cxn ang="T163">
                    <a:pos x="T106" y="T107"/>
                  </a:cxn>
                  <a:cxn ang="T164">
                    <a:pos x="T108" y="T109"/>
                  </a:cxn>
                </a:cxnLst>
                <a:rect l="T165" t="T166" r="T167" b="T168"/>
                <a:pathLst>
                  <a:path w="40" h="120">
                    <a:moveTo>
                      <a:pt x="8" y="17"/>
                    </a:moveTo>
                    <a:lnTo>
                      <a:pt x="11" y="13"/>
                    </a:lnTo>
                    <a:lnTo>
                      <a:pt x="13" y="12"/>
                    </a:lnTo>
                    <a:lnTo>
                      <a:pt x="17" y="8"/>
                    </a:lnTo>
                    <a:lnTo>
                      <a:pt x="20" y="7"/>
                    </a:lnTo>
                    <a:lnTo>
                      <a:pt x="23" y="3"/>
                    </a:lnTo>
                    <a:lnTo>
                      <a:pt x="27" y="1"/>
                    </a:lnTo>
                    <a:lnTo>
                      <a:pt x="32" y="0"/>
                    </a:lnTo>
                    <a:lnTo>
                      <a:pt x="39" y="0"/>
                    </a:lnTo>
                    <a:lnTo>
                      <a:pt x="39" y="1"/>
                    </a:lnTo>
                    <a:lnTo>
                      <a:pt x="39" y="5"/>
                    </a:lnTo>
                    <a:lnTo>
                      <a:pt x="40" y="7"/>
                    </a:lnTo>
                    <a:lnTo>
                      <a:pt x="40" y="10"/>
                    </a:lnTo>
                    <a:lnTo>
                      <a:pt x="40" y="12"/>
                    </a:lnTo>
                    <a:lnTo>
                      <a:pt x="40" y="13"/>
                    </a:lnTo>
                    <a:lnTo>
                      <a:pt x="40" y="15"/>
                    </a:lnTo>
                    <a:lnTo>
                      <a:pt x="35" y="23"/>
                    </a:lnTo>
                    <a:lnTo>
                      <a:pt x="33" y="30"/>
                    </a:lnTo>
                    <a:lnTo>
                      <a:pt x="35" y="37"/>
                    </a:lnTo>
                    <a:lnTo>
                      <a:pt x="32" y="49"/>
                    </a:lnTo>
                    <a:lnTo>
                      <a:pt x="27" y="57"/>
                    </a:lnTo>
                    <a:lnTo>
                      <a:pt x="25" y="64"/>
                    </a:lnTo>
                    <a:lnTo>
                      <a:pt x="15" y="73"/>
                    </a:lnTo>
                    <a:lnTo>
                      <a:pt x="15" y="81"/>
                    </a:lnTo>
                    <a:lnTo>
                      <a:pt x="8" y="93"/>
                    </a:lnTo>
                    <a:lnTo>
                      <a:pt x="8" y="98"/>
                    </a:lnTo>
                    <a:lnTo>
                      <a:pt x="8" y="100"/>
                    </a:lnTo>
                    <a:lnTo>
                      <a:pt x="8" y="105"/>
                    </a:lnTo>
                    <a:lnTo>
                      <a:pt x="8" y="110"/>
                    </a:lnTo>
                    <a:lnTo>
                      <a:pt x="8" y="117"/>
                    </a:lnTo>
                    <a:lnTo>
                      <a:pt x="8" y="120"/>
                    </a:lnTo>
                    <a:lnTo>
                      <a:pt x="6" y="120"/>
                    </a:lnTo>
                    <a:lnTo>
                      <a:pt x="5" y="115"/>
                    </a:lnTo>
                    <a:lnTo>
                      <a:pt x="1" y="101"/>
                    </a:lnTo>
                    <a:lnTo>
                      <a:pt x="1" y="98"/>
                    </a:lnTo>
                    <a:lnTo>
                      <a:pt x="0" y="95"/>
                    </a:lnTo>
                    <a:lnTo>
                      <a:pt x="0" y="88"/>
                    </a:lnTo>
                    <a:lnTo>
                      <a:pt x="0" y="83"/>
                    </a:lnTo>
                    <a:lnTo>
                      <a:pt x="0" y="78"/>
                    </a:lnTo>
                    <a:lnTo>
                      <a:pt x="0" y="73"/>
                    </a:lnTo>
                    <a:lnTo>
                      <a:pt x="0" y="69"/>
                    </a:lnTo>
                    <a:lnTo>
                      <a:pt x="0" y="67"/>
                    </a:lnTo>
                    <a:lnTo>
                      <a:pt x="1" y="56"/>
                    </a:lnTo>
                    <a:lnTo>
                      <a:pt x="8" y="52"/>
                    </a:lnTo>
                    <a:lnTo>
                      <a:pt x="8" y="40"/>
                    </a:lnTo>
                    <a:lnTo>
                      <a:pt x="15" y="30"/>
                    </a:lnTo>
                    <a:lnTo>
                      <a:pt x="17" y="27"/>
                    </a:lnTo>
                    <a:lnTo>
                      <a:pt x="17" y="23"/>
                    </a:lnTo>
                    <a:lnTo>
                      <a:pt x="17" y="20"/>
                    </a:lnTo>
                    <a:lnTo>
                      <a:pt x="13" y="20"/>
                    </a:lnTo>
                    <a:lnTo>
                      <a:pt x="11" y="18"/>
                    </a:lnTo>
                    <a:lnTo>
                      <a:pt x="8" y="17"/>
                    </a:lnTo>
                    <a:close/>
                  </a:path>
                </a:pathLst>
              </a:custGeom>
              <a:solidFill>
                <a:srgbClr val="FF9933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398" name="Freeform 53"/>
              <p:cNvSpPr>
                <a:spLocks/>
              </p:cNvSpPr>
              <p:nvPr/>
            </p:nvSpPr>
            <p:spPr bwMode="auto">
              <a:xfrm>
                <a:off x="4629" y="2257"/>
                <a:ext cx="39" cy="117"/>
              </a:xfrm>
              <a:custGeom>
                <a:avLst/>
                <a:gdLst>
                  <a:gd name="T0" fmla="*/ 8 w 40"/>
                  <a:gd name="T1" fmla="*/ 17 h 120"/>
                  <a:gd name="T2" fmla="*/ 8 w 40"/>
                  <a:gd name="T3" fmla="*/ 17 h 120"/>
                  <a:gd name="T4" fmla="*/ 11 w 40"/>
                  <a:gd name="T5" fmla="*/ 13 h 120"/>
                  <a:gd name="T6" fmla="*/ 13 w 40"/>
                  <a:gd name="T7" fmla="*/ 12 h 120"/>
                  <a:gd name="T8" fmla="*/ 17 w 40"/>
                  <a:gd name="T9" fmla="*/ 8 h 120"/>
                  <a:gd name="T10" fmla="*/ 20 w 40"/>
                  <a:gd name="T11" fmla="*/ 7 h 120"/>
                  <a:gd name="T12" fmla="*/ 20 w 40"/>
                  <a:gd name="T13" fmla="*/ 3 h 120"/>
                  <a:gd name="T14" fmla="*/ 20 w 40"/>
                  <a:gd name="T15" fmla="*/ 1 h 120"/>
                  <a:gd name="T16" fmla="*/ 20 w 40"/>
                  <a:gd name="T17" fmla="*/ 0 h 120"/>
                  <a:gd name="T18" fmla="*/ 25 w 40"/>
                  <a:gd name="T19" fmla="*/ 0 h 120"/>
                  <a:gd name="T20" fmla="*/ 25 w 40"/>
                  <a:gd name="T21" fmla="*/ 0 h 120"/>
                  <a:gd name="T22" fmla="*/ 25 w 40"/>
                  <a:gd name="T23" fmla="*/ 0 h 120"/>
                  <a:gd name="T24" fmla="*/ 25 w 40"/>
                  <a:gd name="T25" fmla="*/ 1 h 120"/>
                  <a:gd name="T26" fmla="*/ 25 w 40"/>
                  <a:gd name="T27" fmla="*/ 5 h 120"/>
                  <a:gd name="T28" fmla="*/ 26 w 40"/>
                  <a:gd name="T29" fmla="*/ 7 h 120"/>
                  <a:gd name="T30" fmla="*/ 26 w 40"/>
                  <a:gd name="T31" fmla="*/ 10 h 120"/>
                  <a:gd name="T32" fmla="*/ 26 w 40"/>
                  <a:gd name="T33" fmla="*/ 12 h 120"/>
                  <a:gd name="T34" fmla="*/ 26 w 40"/>
                  <a:gd name="T35" fmla="*/ 13 h 120"/>
                  <a:gd name="T36" fmla="*/ 26 w 40"/>
                  <a:gd name="T37" fmla="*/ 15 h 120"/>
                  <a:gd name="T38" fmla="*/ 21 w 40"/>
                  <a:gd name="T39" fmla="*/ 20 h 120"/>
                  <a:gd name="T40" fmla="*/ 20 w 40"/>
                  <a:gd name="T41" fmla="*/ 20 h 120"/>
                  <a:gd name="T42" fmla="*/ 21 w 40"/>
                  <a:gd name="T43" fmla="*/ 23 h 120"/>
                  <a:gd name="T44" fmla="*/ 20 w 40"/>
                  <a:gd name="T45" fmla="*/ 35 h 120"/>
                  <a:gd name="T46" fmla="*/ 20 w 40"/>
                  <a:gd name="T47" fmla="*/ 43 h 120"/>
                  <a:gd name="T48" fmla="*/ 20 w 40"/>
                  <a:gd name="T49" fmla="*/ 48 h 120"/>
                  <a:gd name="T50" fmla="*/ 15 w 40"/>
                  <a:gd name="T51" fmla="*/ 52 h 120"/>
                  <a:gd name="T52" fmla="*/ 15 w 40"/>
                  <a:gd name="T53" fmla="*/ 56 h 120"/>
                  <a:gd name="T54" fmla="*/ 8 w 40"/>
                  <a:gd name="T55" fmla="*/ 65 h 120"/>
                  <a:gd name="T56" fmla="*/ 8 w 40"/>
                  <a:gd name="T57" fmla="*/ 70 h 120"/>
                  <a:gd name="T58" fmla="*/ 8 w 40"/>
                  <a:gd name="T59" fmla="*/ 70 h 120"/>
                  <a:gd name="T60" fmla="*/ 8 w 40"/>
                  <a:gd name="T61" fmla="*/ 72 h 120"/>
                  <a:gd name="T62" fmla="*/ 8 w 40"/>
                  <a:gd name="T63" fmla="*/ 75 h 120"/>
                  <a:gd name="T64" fmla="*/ 8 w 40"/>
                  <a:gd name="T65" fmla="*/ 78 h 120"/>
                  <a:gd name="T66" fmla="*/ 8 w 40"/>
                  <a:gd name="T67" fmla="*/ 83 h 120"/>
                  <a:gd name="T68" fmla="*/ 8 w 40"/>
                  <a:gd name="T69" fmla="*/ 85 h 120"/>
                  <a:gd name="T70" fmla="*/ 6 w 40"/>
                  <a:gd name="T71" fmla="*/ 85 h 120"/>
                  <a:gd name="T72" fmla="*/ 5 w 40"/>
                  <a:gd name="T73" fmla="*/ 82 h 120"/>
                  <a:gd name="T74" fmla="*/ 1 w 40"/>
                  <a:gd name="T75" fmla="*/ 72 h 120"/>
                  <a:gd name="T76" fmla="*/ 1 w 40"/>
                  <a:gd name="T77" fmla="*/ 72 h 120"/>
                  <a:gd name="T78" fmla="*/ 1 w 40"/>
                  <a:gd name="T79" fmla="*/ 70 h 120"/>
                  <a:gd name="T80" fmla="*/ 0 w 40"/>
                  <a:gd name="T81" fmla="*/ 67 h 120"/>
                  <a:gd name="T82" fmla="*/ 0 w 40"/>
                  <a:gd name="T83" fmla="*/ 60 h 120"/>
                  <a:gd name="T84" fmla="*/ 0 w 40"/>
                  <a:gd name="T85" fmla="*/ 57 h 120"/>
                  <a:gd name="T86" fmla="*/ 0 w 40"/>
                  <a:gd name="T87" fmla="*/ 55 h 120"/>
                  <a:gd name="T88" fmla="*/ 0 w 40"/>
                  <a:gd name="T89" fmla="*/ 52 h 120"/>
                  <a:gd name="T90" fmla="*/ 0 w 40"/>
                  <a:gd name="T91" fmla="*/ 50 h 120"/>
                  <a:gd name="T92" fmla="*/ 0 w 40"/>
                  <a:gd name="T93" fmla="*/ 49 h 120"/>
                  <a:gd name="T94" fmla="*/ 1 w 40"/>
                  <a:gd name="T95" fmla="*/ 42 h 120"/>
                  <a:gd name="T96" fmla="*/ 8 w 40"/>
                  <a:gd name="T97" fmla="*/ 38 h 120"/>
                  <a:gd name="T98" fmla="*/ 8 w 40"/>
                  <a:gd name="T99" fmla="*/ 26 h 120"/>
                  <a:gd name="T100" fmla="*/ 15 w 40"/>
                  <a:gd name="T101" fmla="*/ 20 h 120"/>
                  <a:gd name="T102" fmla="*/ 15 w 40"/>
                  <a:gd name="T103" fmla="*/ 20 h 120"/>
                  <a:gd name="T104" fmla="*/ 17 w 40"/>
                  <a:gd name="T105" fmla="*/ 20 h 120"/>
                  <a:gd name="T106" fmla="*/ 17 w 40"/>
                  <a:gd name="T107" fmla="*/ 20 h 120"/>
                  <a:gd name="T108" fmla="*/ 17 w 40"/>
                  <a:gd name="T109" fmla="*/ 20 h 120"/>
                  <a:gd name="T110" fmla="*/ 13 w 40"/>
                  <a:gd name="T111" fmla="*/ 20 h 120"/>
                  <a:gd name="T112" fmla="*/ 11 w 40"/>
                  <a:gd name="T113" fmla="*/ 18 h 120"/>
                  <a:gd name="T114" fmla="*/ 8 w 40"/>
                  <a:gd name="T115" fmla="*/ 17 h 120"/>
                  <a:gd name="T116" fmla="*/ 8 w 40"/>
                  <a:gd name="T117" fmla="*/ 17 h 120"/>
                  <a:gd name="T118" fmla="*/ 8 w 40"/>
                  <a:gd name="T119" fmla="*/ 17 h 120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w 40"/>
                  <a:gd name="T181" fmla="*/ 0 h 120"/>
                  <a:gd name="T182" fmla="*/ 40 w 40"/>
                  <a:gd name="T183" fmla="*/ 120 h 120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T180" t="T181" r="T182" b="T183"/>
                <a:pathLst>
                  <a:path w="40" h="120">
                    <a:moveTo>
                      <a:pt x="8" y="17"/>
                    </a:moveTo>
                    <a:lnTo>
                      <a:pt x="8" y="17"/>
                    </a:lnTo>
                    <a:lnTo>
                      <a:pt x="11" y="13"/>
                    </a:lnTo>
                    <a:lnTo>
                      <a:pt x="13" y="12"/>
                    </a:lnTo>
                    <a:lnTo>
                      <a:pt x="17" y="8"/>
                    </a:lnTo>
                    <a:lnTo>
                      <a:pt x="20" y="7"/>
                    </a:lnTo>
                    <a:lnTo>
                      <a:pt x="23" y="3"/>
                    </a:lnTo>
                    <a:lnTo>
                      <a:pt x="27" y="1"/>
                    </a:lnTo>
                    <a:lnTo>
                      <a:pt x="32" y="0"/>
                    </a:lnTo>
                    <a:lnTo>
                      <a:pt x="39" y="0"/>
                    </a:lnTo>
                    <a:lnTo>
                      <a:pt x="39" y="1"/>
                    </a:lnTo>
                    <a:lnTo>
                      <a:pt x="39" y="5"/>
                    </a:lnTo>
                    <a:lnTo>
                      <a:pt x="40" y="7"/>
                    </a:lnTo>
                    <a:lnTo>
                      <a:pt x="40" y="10"/>
                    </a:lnTo>
                    <a:lnTo>
                      <a:pt x="40" y="12"/>
                    </a:lnTo>
                    <a:lnTo>
                      <a:pt x="40" y="13"/>
                    </a:lnTo>
                    <a:lnTo>
                      <a:pt x="40" y="15"/>
                    </a:lnTo>
                    <a:lnTo>
                      <a:pt x="35" y="23"/>
                    </a:lnTo>
                    <a:lnTo>
                      <a:pt x="33" y="30"/>
                    </a:lnTo>
                    <a:lnTo>
                      <a:pt x="35" y="37"/>
                    </a:lnTo>
                    <a:lnTo>
                      <a:pt x="32" y="49"/>
                    </a:lnTo>
                    <a:lnTo>
                      <a:pt x="27" y="57"/>
                    </a:lnTo>
                    <a:lnTo>
                      <a:pt x="25" y="64"/>
                    </a:lnTo>
                    <a:lnTo>
                      <a:pt x="15" y="73"/>
                    </a:lnTo>
                    <a:lnTo>
                      <a:pt x="15" y="81"/>
                    </a:lnTo>
                    <a:lnTo>
                      <a:pt x="8" y="93"/>
                    </a:lnTo>
                    <a:lnTo>
                      <a:pt x="8" y="98"/>
                    </a:lnTo>
                    <a:lnTo>
                      <a:pt x="8" y="100"/>
                    </a:lnTo>
                    <a:lnTo>
                      <a:pt x="8" y="105"/>
                    </a:lnTo>
                    <a:lnTo>
                      <a:pt x="8" y="110"/>
                    </a:lnTo>
                    <a:lnTo>
                      <a:pt x="8" y="117"/>
                    </a:lnTo>
                    <a:lnTo>
                      <a:pt x="8" y="120"/>
                    </a:lnTo>
                    <a:lnTo>
                      <a:pt x="6" y="120"/>
                    </a:lnTo>
                    <a:lnTo>
                      <a:pt x="5" y="115"/>
                    </a:lnTo>
                    <a:lnTo>
                      <a:pt x="1" y="101"/>
                    </a:lnTo>
                    <a:lnTo>
                      <a:pt x="1" y="98"/>
                    </a:lnTo>
                    <a:lnTo>
                      <a:pt x="0" y="95"/>
                    </a:lnTo>
                    <a:lnTo>
                      <a:pt x="0" y="88"/>
                    </a:lnTo>
                    <a:lnTo>
                      <a:pt x="0" y="83"/>
                    </a:lnTo>
                    <a:lnTo>
                      <a:pt x="0" y="78"/>
                    </a:lnTo>
                    <a:lnTo>
                      <a:pt x="0" y="73"/>
                    </a:lnTo>
                    <a:lnTo>
                      <a:pt x="0" y="69"/>
                    </a:lnTo>
                    <a:lnTo>
                      <a:pt x="0" y="67"/>
                    </a:lnTo>
                    <a:lnTo>
                      <a:pt x="1" y="56"/>
                    </a:lnTo>
                    <a:lnTo>
                      <a:pt x="8" y="52"/>
                    </a:lnTo>
                    <a:lnTo>
                      <a:pt x="8" y="40"/>
                    </a:lnTo>
                    <a:lnTo>
                      <a:pt x="15" y="30"/>
                    </a:lnTo>
                    <a:lnTo>
                      <a:pt x="17" y="27"/>
                    </a:lnTo>
                    <a:lnTo>
                      <a:pt x="17" y="23"/>
                    </a:lnTo>
                    <a:lnTo>
                      <a:pt x="17" y="20"/>
                    </a:lnTo>
                    <a:lnTo>
                      <a:pt x="13" y="20"/>
                    </a:lnTo>
                    <a:lnTo>
                      <a:pt x="11" y="18"/>
                    </a:lnTo>
                    <a:lnTo>
                      <a:pt x="8" y="1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399" name="Freeform 54"/>
              <p:cNvSpPr>
                <a:spLocks/>
              </p:cNvSpPr>
              <p:nvPr/>
            </p:nvSpPr>
            <p:spPr bwMode="auto">
              <a:xfrm>
                <a:off x="3888" y="2151"/>
                <a:ext cx="768" cy="436"/>
              </a:xfrm>
              <a:custGeom>
                <a:avLst/>
                <a:gdLst>
                  <a:gd name="T0" fmla="*/ 660 w 776"/>
                  <a:gd name="T1" fmla="*/ 262 h 440"/>
                  <a:gd name="T2" fmla="*/ 669 w 776"/>
                  <a:gd name="T3" fmla="*/ 269 h 440"/>
                  <a:gd name="T4" fmla="*/ 641 w 776"/>
                  <a:gd name="T5" fmla="*/ 240 h 440"/>
                  <a:gd name="T6" fmla="*/ 626 w 776"/>
                  <a:gd name="T7" fmla="*/ 236 h 440"/>
                  <a:gd name="T8" fmla="*/ 628 w 776"/>
                  <a:gd name="T9" fmla="*/ 247 h 440"/>
                  <a:gd name="T10" fmla="*/ 620 w 776"/>
                  <a:gd name="T11" fmla="*/ 249 h 440"/>
                  <a:gd name="T12" fmla="*/ 574 w 776"/>
                  <a:gd name="T13" fmla="*/ 221 h 440"/>
                  <a:gd name="T14" fmla="*/ 624 w 776"/>
                  <a:gd name="T15" fmla="*/ 224 h 440"/>
                  <a:gd name="T16" fmla="*/ 606 w 776"/>
                  <a:gd name="T17" fmla="*/ 206 h 440"/>
                  <a:gd name="T18" fmla="*/ 609 w 776"/>
                  <a:gd name="T19" fmla="*/ 170 h 440"/>
                  <a:gd name="T20" fmla="*/ 591 w 776"/>
                  <a:gd name="T21" fmla="*/ 160 h 440"/>
                  <a:gd name="T22" fmla="*/ 599 w 776"/>
                  <a:gd name="T23" fmla="*/ 132 h 440"/>
                  <a:gd name="T24" fmla="*/ 571 w 776"/>
                  <a:gd name="T25" fmla="*/ 113 h 440"/>
                  <a:gd name="T26" fmla="*/ 535 w 776"/>
                  <a:gd name="T27" fmla="*/ 98 h 440"/>
                  <a:gd name="T28" fmla="*/ 524 w 776"/>
                  <a:gd name="T29" fmla="*/ 98 h 440"/>
                  <a:gd name="T30" fmla="*/ 510 w 776"/>
                  <a:gd name="T31" fmla="*/ 96 h 440"/>
                  <a:gd name="T32" fmla="*/ 510 w 776"/>
                  <a:gd name="T33" fmla="*/ 66 h 440"/>
                  <a:gd name="T34" fmla="*/ 524 w 776"/>
                  <a:gd name="T35" fmla="*/ 55 h 440"/>
                  <a:gd name="T36" fmla="*/ 500 w 776"/>
                  <a:gd name="T37" fmla="*/ 29 h 440"/>
                  <a:gd name="T38" fmla="*/ 481 w 776"/>
                  <a:gd name="T39" fmla="*/ 14 h 440"/>
                  <a:gd name="T40" fmla="*/ 469 w 776"/>
                  <a:gd name="T41" fmla="*/ 4 h 440"/>
                  <a:gd name="T42" fmla="*/ 461 w 776"/>
                  <a:gd name="T43" fmla="*/ 10 h 440"/>
                  <a:gd name="T44" fmla="*/ 442 w 776"/>
                  <a:gd name="T45" fmla="*/ 19 h 440"/>
                  <a:gd name="T46" fmla="*/ 415 w 776"/>
                  <a:gd name="T47" fmla="*/ 4 h 440"/>
                  <a:gd name="T48" fmla="*/ 401 w 776"/>
                  <a:gd name="T49" fmla="*/ 41 h 440"/>
                  <a:gd name="T50" fmla="*/ 388 w 776"/>
                  <a:gd name="T51" fmla="*/ 57 h 440"/>
                  <a:gd name="T52" fmla="*/ 381 w 776"/>
                  <a:gd name="T53" fmla="*/ 74 h 440"/>
                  <a:gd name="T54" fmla="*/ 368 w 776"/>
                  <a:gd name="T55" fmla="*/ 71 h 440"/>
                  <a:gd name="T56" fmla="*/ 358 w 776"/>
                  <a:gd name="T57" fmla="*/ 93 h 440"/>
                  <a:gd name="T58" fmla="*/ 355 w 776"/>
                  <a:gd name="T59" fmla="*/ 105 h 440"/>
                  <a:gd name="T60" fmla="*/ 345 w 776"/>
                  <a:gd name="T61" fmla="*/ 125 h 440"/>
                  <a:gd name="T62" fmla="*/ 320 w 776"/>
                  <a:gd name="T63" fmla="*/ 113 h 440"/>
                  <a:gd name="T64" fmla="*/ 315 w 776"/>
                  <a:gd name="T65" fmla="*/ 137 h 440"/>
                  <a:gd name="T66" fmla="*/ 311 w 776"/>
                  <a:gd name="T67" fmla="*/ 150 h 440"/>
                  <a:gd name="T68" fmla="*/ 306 w 776"/>
                  <a:gd name="T69" fmla="*/ 159 h 440"/>
                  <a:gd name="T70" fmla="*/ 300 w 776"/>
                  <a:gd name="T71" fmla="*/ 182 h 440"/>
                  <a:gd name="T72" fmla="*/ 284 w 776"/>
                  <a:gd name="T73" fmla="*/ 213 h 440"/>
                  <a:gd name="T74" fmla="*/ 284 w 776"/>
                  <a:gd name="T75" fmla="*/ 224 h 440"/>
                  <a:gd name="T76" fmla="*/ 271 w 776"/>
                  <a:gd name="T77" fmla="*/ 253 h 440"/>
                  <a:gd name="T78" fmla="*/ 254 w 776"/>
                  <a:gd name="T79" fmla="*/ 253 h 440"/>
                  <a:gd name="T80" fmla="*/ 237 w 776"/>
                  <a:gd name="T81" fmla="*/ 257 h 440"/>
                  <a:gd name="T82" fmla="*/ 234 w 776"/>
                  <a:gd name="T83" fmla="*/ 268 h 440"/>
                  <a:gd name="T84" fmla="*/ 226 w 776"/>
                  <a:gd name="T85" fmla="*/ 271 h 440"/>
                  <a:gd name="T86" fmla="*/ 205 w 776"/>
                  <a:gd name="T87" fmla="*/ 276 h 440"/>
                  <a:gd name="T88" fmla="*/ 192 w 776"/>
                  <a:gd name="T89" fmla="*/ 280 h 440"/>
                  <a:gd name="T90" fmla="*/ 165 w 776"/>
                  <a:gd name="T91" fmla="*/ 285 h 440"/>
                  <a:gd name="T92" fmla="*/ 142 w 776"/>
                  <a:gd name="T93" fmla="*/ 267 h 440"/>
                  <a:gd name="T94" fmla="*/ 126 w 776"/>
                  <a:gd name="T95" fmla="*/ 282 h 440"/>
                  <a:gd name="T96" fmla="*/ 128 w 776"/>
                  <a:gd name="T97" fmla="*/ 278 h 440"/>
                  <a:gd name="T98" fmla="*/ 99 w 776"/>
                  <a:gd name="T99" fmla="*/ 302 h 440"/>
                  <a:gd name="T100" fmla="*/ 84 w 776"/>
                  <a:gd name="T101" fmla="*/ 326 h 440"/>
                  <a:gd name="T102" fmla="*/ 75 w 776"/>
                  <a:gd name="T103" fmla="*/ 339 h 440"/>
                  <a:gd name="T104" fmla="*/ 70 w 776"/>
                  <a:gd name="T105" fmla="*/ 347 h 440"/>
                  <a:gd name="T106" fmla="*/ 50 w 776"/>
                  <a:gd name="T107" fmla="*/ 358 h 440"/>
                  <a:gd name="T108" fmla="*/ 48 w 776"/>
                  <a:gd name="T109" fmla="*/ 364 h 440"/>
                  <a:gd name="T110" fmla="*/ 22 w 776"/>
                  <a:gd name="T111" fmla="*/ 375 h 440"/>
                  <a:gd name="T112" fmla="*/ 0 w 776"/>
                  <a:gd name="T113" fmla="*/ 384 h 440"/>
                  <a:gd name="T114" fmla="*/ 182 w 776"/>
                  <a:gd name="T115" fmla="*/ 358 h 440"/>
                  <a:gd name="T116" fmla="*/ 218 w 776"/>
                  <a:gd name="T117" fmla="*/ 356 h 440"/>
                  <a:gd name="T118" fmla="*/ 284 w 776"/>
                  <a:gd name="T119" fmla="*/ 349 h 440"/>
                  <a:gd name="T120" fmla="*/ 384 w 776"/>
                  <a:gd name="T121" fmla="*/ 334 h 440"/>
                  <a:gd name="T122" fmla="*/ 506 w 776"/>
                  <a:gd name="T123" fmla="*/ 309 h 440"/>
                  <a:gd name="T124" fmla="*/ 654 w 776"/>
                  <a:gd name="T125" fmla="*/ 271 h 440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  <a:gd name="T189" fmla="*/ 0 w 776"/>
                  <a:gd name="T190" fmla="*/ 0 h 440"/>
                  <a:gd name="T191" fmla="*/ 776 w 776"/>
                  <a:gd name="T192" fmla="*/ 440 h 440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T189" t="T190" r="T191" b="T192"/>
                <a:pathLst>
                  <a:path w="776" h="440">
                    <a:moveTo>
                      <a:pt x="761" y="310"/>
                    </a:moveTo>
                    <a:lnTo>
                      <a:pt x="763" y="310"/>
                    </a:lnTo>
                    <a:lnTo>
                      <a:pt x="765" y="312"/>
                    </a:lnTo>
                    <a:lnTo>
                      <a:pt x="766" y="312"/>
                    </a:lnTo>
                    <a:lnTo>
                      <a:pt x="766" y="310"/>
                    </a:lnTo>
                    <a:lnTo>
                      <a:pt x="763" y="298"/>
                    </a:lnTo>
                    <a:lnTo>
                      <a:pt x="763" y="293"/>
                    </a:lnTo>
                    <a:lnTo>
                      <a:pt x="765" y="295"/>
                    </a:lnTo>
                    <a:lnTo>
                      <a:pt x="768" y="298"/>
                    </a:lnTo>
                    <a:lnTo>
                      <a:pt x="770" y="305"/>
                    </a:lnTo>
                    <a:lnTo>
                      <a:pt x="773" y="308"/>
                    </a:lnTo>
                    <a:lnTo>
                      <a:pt x="773" y="310"/>
                    </a:lnTo>
                    <a:lnTo>
                      <a:pt x="776" y="305"/>
                    </a:lnTo>
                    <a:lnTo>
                      <a:pt x="758" y="264"/>
                    </a:lnTo>
                    <a:lnTo>
                      <a:pt x="749" y="263"/>
                    </a:lnTo>
                    <a:lnTo>
                      <a:pt x="743" y="268"/>
                    </a:lnTo>
                    <a:lnTo>
                      <a:pt x="741" y="268"/>
                    </a:lnTo>
                    <a:lnTo>
                      <a:pt x="739" y="268"/>
                    </a:lnTo>
                    <a:lnTo>
                      <a:pt x="736" y="268"/>
                    </a:lnTo>
                    <a:lnTo>
                      <a:pt x="734" y="268"/>
                    </a:lnTo>
                    <a:lnTo>
                      <a:pt x="729" y="264"/>
                    </a:lnTo>
                    <a:lnTo>
                      <a:pt x="726" y="263"/>
                    </a:lnTo>
                    <a:lnTo>
                      <a:pt x="724" y="264"/>
                    </a:lnTo>
                    <a:lnTo>
                      <a:pt x="722" y="266"/>
                    </a:lnTo>
                    <a:lnTo>
                      <a:pt x="722" y="268"/>
                    </a:lnTo>
                    <a:lnTo>
                      <a:pt x="722" y="269"/>
                    </a:lnTo>
                    <a:lnTo>
                      <a:pt x="722" y="271"/>
                    </a:lnTo>
                    <a:lnTo>
                      <a:pt x="722" y="273"/>
                    </a:lnTo>
                    <a:lnTo>
                      <a:pt x="726" y="276"/>
                    </a:lnTo>
                    <a:lnTo>
                      <a:pt x="727" y="280"/>
                    </a:lnTo>
                    <a:lnTo>
                      <a:pt x="726" y="280"/>
                    </a:lnTo>
                    <a:lnTo>
                      <a:pt x="724" y="280"/>
                    </a:lnTo>
                    <a:lnTo>
                      <a:pt x="722" y="280"/>
                    </a:lnTo>
                    <a:lnTo>
                      <a:pt x="719" y="278"/>
                    </a:lnTo>
                    <a:lnTo>
                      <a:pt x="717" y="278"/>
                    </a:lnTo>
                    <a:lnTo>
                      <a:pt x="717" y="276"/>
                    </a:lnTo>
                    <a:lnTo>
                      <a:pt x="707" y="276"/>
                    </a:lnTo>
                    <a:lnTo>
                      <a:pt x="700" y="269"/>
                    </a:lnTo>
                    <a:lnTo>
                      <a:pt x="692" y="266"/>
                    </a:lnTo>
                    <a:lnTo>
                      <a:pt x="682" y="251"/>
                    </a:lnTo>
                    <a:lnTo>
                      <a:pt x="663" y="249"/>
                    </a:lnTo>
                    <a:lnTo>
                      <a:pt x="651" y="247"/>
                    </a:lnTo>
                    <a:lnTo>
                      <a:pt x="633" y="241"/>
                    </a:lnTo>
                    <a:lnTo>
                      <a:pt x="648" y="239"/>
                    </a:lnTo>
                    <a:lnTo>
                      <a:pt x="685" y="244"/>
                    </a:lnTo>
                    <a:lnTo>
                      <a:pt x="710" y="266"/>
                    </a:lnTo>
                    <a:lnTo>
                      <a:pt x="722" y="252"/>
                    </a:lnTo>
                    <a:lnTo>
                      <a:pt x="704" y="239"/>
                    </a:lnTo>
                    <a:lnTo>
                      <a:pt x="683" y="230"/>
                    </a:lnTo>
                    <a:lnTo>
                      <a:pt x="663" y="212"/>
                    </a:lnTo>
                    <a:lnTo>
                      <a:pt x="670" y="214"/>
                    </a:lnTo>
                    <a:lnTo>
                      <a:pt x="690" y="229"/>
                    </a:lnTo>
                    <a:lnTo>
                      <a:pt x="700" y="234"/>
                    </a:lnTo>
                    <a:lnTo>
                      <a:pt x="707" y="229"/>
                    </a:lnTo>
                    <a:lnTo>
                      <a:pt x="699" y="222"/>
                    </a:lnTo>
                    <a:lnTo>
                      <a:pt x="699" y="212"/>
                    </a:lnTo>
                    <a:lnTo>
                      <a:pt x="716" y="220"/>
                    </a:lnTo>
                    <a:lnTo>
                      <a:pt x="716" y="207"/>
                    </a:lnTo>
                    <a:lnTo>
                      <a:pt x="704" y="198"/>
                    </a:lnTo>
                    <a:lnTo>
                      <a:pt x="700" y="190"/>
                    </a:lnTo>
                    <a:lnTo>
                      <a:pt x="682" y="188"/>
                    </a:lnTo>
                    <a:lnTo>
                      <a:pt x="656" y="170"/>
                    </a:lnTo>
                    <a:lnTo>
                      <a:pt x="639" y="151"/>
                    </a:lnTo>
                    <a:lnTo>
                      <a:pt x="661" y="168"/>
                    </a:lnTo>
                    <a:lnTo>
                      <a:pt x="683" y="183"/>
                    </a:lnTo>
                    <a:lnTo>
                      <a:pt x="700" y="185"/>
                    </a:lnTo>
                    <a:lnTo>
                      <a:pt x="700" y="163"/>
                    </a:lnTo>
                    <a:lnTo>
                      <a:pt x="707" y="154"/>
                    </a:lnTo>
                    <a:lnTo>
                      <a:pt x="707" y="149"/>
                    </a:lnTo>
                    <a:lnTo>
                      <a:pt x="700" y="149"/>
                    </a:lnTo>
                    <a:lnTo>
                      <a:pt x="692" y="146"/>
                    </a:lnTo>
                    <a:lnTo>
                      <a:pt x="685" y="142"/>
                    </a:lnTo>
                    <a:lnTo>
                      <a:pt x="677" y="139"/>
                    </a:lnTo>
                    <a:lnTo>
                      <a:pt x="672" y="134"/>
                    </a:lnTo>
                    <a:lnTo>
                      <a:pt x="665" y="131"/>
                    </a:lnTo>
                    <a:lnTo>
                      <a:pt x="661" y="129"/>
                    </a:lnTo>
                    <a:lnTo>
                      <a:pt x="660" y="127"/>
                    </a:lnTo>
                    <a:lnTo>
                      <a:pt x="648" y="127"/>
                    </a:lnTo>
                    <a:lnTo>
                      <a:pt x="638" y="124"/>
                    </a:lnTo>
                    <a:lnTo>
                      <a:pt x="629" y="122"/>
                    </a:lnTo>
                    <a:lnTo>
                      <a:pt x="624" y="119"/>
                    </a:lnTo>
                    <a:lnTo>
                      <a:pt x="621" y="115"/>
                    </a:lnTo>
                    <a:lnTo>
                      <a:pt x="619" y="112"/>
                    </a:lnTo>
                    <a:lnTo>
                      <a:pt x="617" y="110"/>
                    </a:lnTo>
                    <a:lnTo>
                      <a:pt x="614" y="110"/>
                    </a:lnTo>
                    <a:lnTo>
                      <a:pt x="611" y="112"/>
                    </a:lnTo>
                    <a:lnTo>
                      <a:pt x="607" y="112"/>
                    </a:lnTo>
                    <a:lnTo>
                      <a:pt x="604" y="114"/>
                    </a:lnTo>
                    <a:lnTo>
                      <a:pt x="600" y="114"/>
                    </a:lnTo>
                    <a:lnTo>
                      <a:pt x="597" y="115"/>
                    </a:lnTo>
                    <a:lnTo>
                      <a:pt x="592" y="114"/>
                    </a:lnTo>
                    <a:lnTo>
                      <a:pt x="590" y="110"/>
                    </a:lnTo>
                    <a:lnTo>
                      <a:pt x="589" y="104"/>
                    </a:lnTo>
                    <a:lnTo>
                      <a:pt x="589" y="98"/>
                    </a:lnTo>
                    <a:lnTo>
                      <a:pt x="589" y="92"/>
                    </a:lnTo>
                    <a:lnTo>
                      <a:pt x="589" y="87"/>
                    </a:lnTo>
                    <a:lnTo>
                      <a:pt x="590" y="82"/>
                    </a:lnTo>
                    <a:lnTo>
                      <a:pt x="590" y="80"/>
                    </a:lnTo>
                    <a:lnTo>
                      <a:pt x="592" y="80"/>
                    </a:lnTo>
                    <a:lnTo>
                      <a:pt x="594" y="78"/>
                    </a:lnTo>
                    <a:lnTo>
                      <a:pt x="597" y="76"/>
                    </a:lnTo>
                    <a:lnTo>
                      <a:pt x="599" y="75"/>
                    </a:lnTo>
                    <a:lnTo>
                      <a:pt x="606" y="65"/>
                    </a:lnTo>
                    <a:lnTo>
                      <a:pt x="607" y="56"/>
                    </a:lnTo>
                    <a:lnTo>
                      <a:pt x="606" y="48"/>
                    </a:lnTo>
                    <a:lnTo>
                      <a:pt x="600" y="41"/>
                    </a:lnTo>
                    <a:lnTo>
                      <a:pt x="594" y="36"/>
                    </a:lnTo>
                    <a:lnTo>
                      <a:pt x="587" y="32"/>
                    </a:lnTo>
                    <a:lnTo>
                      <a:pt x="582" y="31"/>
                    </a:lnTo>
                    <a:lnTo>
                      <a:pt x="578" y="29"/>
                    </a:lnTo>
                    <a:lnTo>
                      <a:pt x="567" y="29"/>
                    </a:lnTo>
                    <a:lnTo>
                      <a:pt x="560" y="26"/>
                    </a:lnTo>
                    <a:lnTo>
                      <a:pt x="555" y="24"/>
                    </a:lnTo>
                    <a:lnTo>
                      <a:pt x="555" y="19"/>
                    </a:lnTo>
                    <a:lnTo>
                      <a:pt x="555" y="16"/>
                    </a:lnTo>
                    <a:lnTo>
                      <a:pt x="555" y="14"/>
                    </a:lnTo>
                    <a:lnTo>
                      <a:pt x="556" y="10"/>
                    </a:lnTo>
                    <a:lnTo>
                      <a:pt x="556" y="9"/>
                    </a:lnTo>
                    <a:lnTo>
                      <a:pt x="553" y="5"/>
                    </a:lnTo>
                    <a:lnTo>
                      <a:pt x="550" y="2"/>
                    </a:lnTo>
                    <a:lnTo>
                      <a:pt x="545" y="2"/>
                    </a:lnTo>
                    <a:lnTo>
                      <a:pt x="541" y="4"/>
                    </a:lnTo>
                    <a:lnTo>
                      <a:pt x="536" y="5"/>
                    </a:lnTo>
                    <a:lnTo>
                      <a:pt x="533" y="5"/>
                    </a:lnTo>
                    <a:lnTo>
                      <a:pt x="531" y="7"/>
                    </a:lnTo>
                    <a:lnTo>
                      <a:pt x="529" y="9"/>
                    </a:lnTo>
                    <a:lnTo>
                      <a:pt x="531" y="9"/>
                    </a:lnTo>
                    <a:lnTo>
                      <a:pt x="531" y="10"/>
                    </a:lnTo>
                    <a:lnTo>
                      <a:pt x="531" y="14"/>
                    </a:lnTo>
                    <a:lnTo>
                      <a:pt x="531" y="17"/>
                    </a:lnTo>
                    <a:lnTo>
                      <a:pt x="529" y="19"/>
                    </a:lnTo>
                    <a:lnTo>
                      <a:pt x="526" y="21"/>
                    </a:lnTo>
                    <a:lnTo>
                      <a:pt x="521" y="22"/>
                    </a:lnTo>
                    <a:lnTo>
                      <a:pt x="512" y="19"/>
                    </a:lnTo>
                    <a:lnTo>
                      <a:pt x="499" y="14"/>
                    </a:lnTo>
                    <a:lnTo>
                      <a:pt x="497" y="12"/>
                    </a:lnTo>
                    <a:lnTo>
                      <a:pt x="494" y="10"/>
                    </a:lnTo>
                    <a:lnTo>
                      <a:pt x="489" y="9"/>
                    </a:lnTo>
                    <a:lnTo>
                      <a:pt x="484" y="7"/>
                    </a:lnTo>
                    <a:lnTo>
                      <a:pt x="480" y="4"/>
                    </a:lnTo>
                    <a:lnTo>
                      <a:pt x="475" y="2"/>
                    </a:lnTo>
                    <a:lnTo>
                      <a:pt x="472" y="0"/>
                    </a:lnTo>
                    <a:lnTo>
                      <a:pt x="468" y="34"/>
                    </a:lnTo>
                    <a:lnTo>
                      <a:pt x="463" y="39"/>
                    </a:lnTo>
                    <a:lnTo>
                      <a:pt x="463" y="41"/>
                    </a:lnTo>
                    <a:lnTo>
                      <a:pt x="462" y="46"/>
                    </a:lnTo>
                    <a:lnTo>
                      <a:pt x="460" y="51"/>
                    </a:lnTo>
                    <a:lnTo>
                      <a:pt x="457" y="58"/>
                    </a:lnTo>
                    <a:lnTo>
                      <a:pt x="453" y="65"/>
                    </a:lnTo>
                    <a:lnTo>
                      <a:pt x="450" y="68"/>
                    </a:lnTo>
                    <a:lnTo>
                      <a:pt x="446" y="71"/>
                    </a:lnTo>
                    <a:lnTo>
                      <a:pt x="443" y="70"/>
                    </a:lnTo>
                    <a:lnTo>
                      <a:pt x="443" y="71"/>
                    </a:lnTo>
                    <a:lnTo>
                      <a:pt x="443" y="75"/>
                    </a:lnTo>
                    <a:lnTo>
                      <a:pt x="441" y="78"/>
                    </a:lnTo>
                    <a:lnTo>
                      <a:pt x="440" y="83"/>
                    </a:lnTo>
                    <a:lnTo>
                      <a:pt x="438" y="88"/>
                    </a:lnTo>
                    <a:lnTo>
                      <a:pt x="435" y="92"/>
                    </a:lnTo>
                    <a:lnTo>
                      <a:pt x="433" y="92"/>
                    </a:lnTo>
                    <a:lnTo>
                      <a:pt x="430" y="88"/>
                    </a:lnTo>
                    <a:lnTo>
                      <a:pt x="428" y="88"/>
                    </a:lnTo>
                    <a:lnTo>
                      <a:pt x="426" y="87"/>
                    </a:lnTo>
                    <a:lnTo>
                      <a:pt x="424" y="85"/>
                    </a:lnTo>
                    <a:lnTo>
                      <a:pt x="421" y="85"/>
                    </a:lnTo>
                    <a:lnTo>
                      <a:pt x="419" y="87"/>
                    </a:lnTo>
                    <a:lnTo>
                      <a:pt x="416" y="88"/>
                    </a:lnTo>
                    <a:lnTo>
                      <a:pt x="414" y="95"/>
                    </a:lnTo>
                    <a:lnTo>
                      <a:pt x="414" y="105"/>
                    </a:lnTo>
                    <a:lnTo>
                      <a:pt x="414" y="107"/>
                    </a:lnTo>
                    <a:lnTo>
                      <a:pt x="414" y="109"/>
                    </a:lnTo>
                    <a:lnTo>
                      <a:pt x="413" y="112"/>
                    </a:lnTo>
                    <a:lnTo>
                      <a:pt x="413" y="114"/>
                    </a:lnTo>
                    <a:lnTo>
                      <a:pt x="411" y="115"/>
                    </a:lnTo>
                    <a:lnTo>
                      <a:pt x="411" y="117"/>
                    </a:lnTo>
                    <a:lnTo>
                      <a:pt x="411" y="119"/>
                    </a:lnTo>
                    <a:lnTo>
                      <a:pt x="411" y="120"/>
                    </a:lnTo>
                    <a:lnTo>
                      <a:pt x="409" y="124"/>
                    </a:lnTo>
                    <a:lnTo>
                      <a:pt x="408" y="131"/>
                    </a:lnTo>
                    <a:lnTo>
                      <a:pt x="406" y="136"/>
                    </a:lnTo>
                    <a:lnTo>
                      <a:pt x="401" y="139"/>
                    </a:lnTo>
                    <a:lnTo>
                      <a:pt x="396" y="141"/>
                    </a:lnTo>
                    <a:lnTo>
                      <a:pt x="389" y="139"/>
                    </a:lnTo>
                    <a:lnTo>
                      <a:pt x="379" y="132"/>
                    </a:lnTo>
                    <a:lnTo>
                      <a:pt x="377" y="131"/>
                    </a:lnTo>
                    <a:lnTo>
                      <a:pt x="374" y="129"/>
                    </a:lnTo>
                    <a:lnTo>
                      <a:pt x="370" y="127"/>
                    </a:lnTo>
                    <a:lnTo>
                      <a:pt x="367" y="127"/>
                    </a:lnTo>
                    <a:lnTo>
                      <a:pt x="364" y="129"/>
                    </a:lnTo>
                    <a:lnTo>
                      <a:pt x="362" y="132"/>
                    </a:lnTo>
                    <a:lnTo>
                      <a:pt x="362" y="139"/>
                    </a:lnTo>
                    <a:lnTo>
                      <a:pt x="364" y="149"/>
                    </a:lnTo>
                    <a:lnTo>
                      <a:pt x="364" y="151"/>
                    </a:lnTo>
                    <a:lnTo>
                      <a:pt x="364" y="154"/>
                    </a:lnTo>
                    <a:lnTo>
                      <a:pt x="362" y="156"/>
                    </a:lnTo>
                    <a:lnTo>
                      <a:pt x="360" y="158"/>
                    </a:lnTo>
                    <a:lnTo>
                      <a:pt x="360" y="161"/>
                    </a:lnTo>
                    <a:lnTo>
                      <a:pt x="358" y="163"/>
                    </a:lnTo>
                    <a:lnTo>
                      <a:pt x="358" y="164"/>
                    </a:lnTo>
                    <a:lnTo>
                      <a:pt x="357" y="164"/>
                    </a:lnTo>
                    <a:lnTo>
                      <a:pt x="355" y="176"/>
                    </a:lnTo>
                    <a:lnTo>
                      <a:pt x="353" y="178"/>
                    </a:lnTo>
                    <a:lnTo>
                      <a:pt x="352" y="180"/>
                    </a:lnTo>
                    <a:lnTo>
                      <a:pt x="352" y="181"/>
                    </a:lnTo>
                    <a:lnTo>
                      <a:pt x="350" y="185"/>
                    </a:lnTo>
                    <a:lnTo>
                      <a:pt x="348" y="190"/>
                    </a:lnTo>
                    <a:lnTo>
                      <a:pt x="347" y="197"/>
                    </a:lnTo>
                    <a:lnTo>
                      <a:pt x="347" y="203"/>
                    </a:lnTo>
                    <a:lnTo>
                      <a:pt x="347" y="207"/>
                    </a:lnTo>
                    <a:lnTo>
                      <a:pt x="343" y="210"/>
                    </a:lnTo>
                    <a:lnTo>
                      <a:pt x="340" y="215"/>
                    </a:lnTo>
                    <a:lnTo>
                      <a:pt x="336" y="220"/>
                    </a:lnTo>
                    <a:lnTo>
                      <a:pt x="333" y="225"/>
                    </a:lnTo>
                    <a:lnTo>
                      <a:pt x="330" y="230"/>
                    </a:lnTo>
                    <a:lnTo>
                      <a:pt x="328" y="236"/>
                    </a:lnTo>
                    <a:lnTo>
                      <a:pt x="326" y="241"/>
                    </a:lnTo>
                    <a:lnTo>
                      <a:pt x="326" y="242"/>
                    </a:lnTo>
                    <a:lnTo>
                      <a:pt x="326" y="244"/>
                    </a:lnTo>
                    <a:lnTo>
                      <a:pt x="326" y="246"/>
                    </a:lnTo>
                    <a:lnTo>
                      <a:pt x="326" y="249"/>
                    </a:lnTo>
                    <a:lnTo>
                      <a:pt x="326" y="251"/>
                    </a:lnTo>
                    <a:lnTo>
                      <a:pt x="326" y="252"/>
                    </a:lnTo>
                    <a:lnTo>
                      <a:pt x="326" y="254"/>
                    </a:lnTo>
                    <a:lnTo>
                      <a:pt x="331" y="258"/>
                    </a:lnTo>
                    <a:lnTo>
                      <a:pt x="325" y="266"/>
                    </a:lnTo>
                    <a:lnTo>
                      <a:pt x="330" y="273"/>
                    </a:lnTo>
                    <a:lnTo>
                      <a:pt x="313" y="285"/>
                    </a:lnTo>
                    <a:lnTo>
                      <a:pt x="311" y="285"/>
                    </a:lnTo>
                    <a:lnTo>
                      <a:pt x="308" y="283"/>
                    </a:lnTo>
                    <a:lnTo>
                      <a:pt x="304" y="283"/>
                    </a:lnTo>
                    <a:lnTo>
                      <a:pt x="299" y="283"/>
                    </a:lnTo>
                    <a:lnTo>
                      <a:pt x="296" y="285"/>
                    </a:lnTo>
                    <a:lnTo>
                      <a:pt x="291" y="290"/>
                    </a:lnTo>
                    <a:lnTo>
                      <a:pt x="289" y="296"/>
                    </a:lnTo>
                    <a:lnTo>
                      <a:pt x="287" y="295"/>
                    </a:lnTo>
                    <a:lnTo>
                      <a:pt x="286" y="293"/>
                    </a:lnTo>
                    <a:lnTo>
                      <a:pt x="282" y="293"/>
                    </a:lnTo>
                    <a:lnTo>
                      <a:pt x="277" y="291"/>
                    </a:lnTo>
                    <a:lnTo>
                      <a:pt x="274" y="291"/>
                    </a:lnTo>
                    <a:lnTo>
                      <a:pt x="272" y="293"/>
                    </a:lnTo>
                    <a:lnTo>
                      <a:pt x="272" y="296"/>
                    </a:lnTo>
                    <a:lnTo>
                      <a:pt x="274" y="303"/>
                    </a:lnTo>
                    <a:lnTo>
                      <a:pt x="274" y="305"/>
                    </a:lnTo>
                    <a:lnTo>
                      <a:pt x="272" y="307"/>
                    </a:lnTo>
                    <a:lnTo>
                      <a:pt x="270" y="307"/>
                    </a:lnTo>
                    <a:lnTo>
                      <a:pt x="267" y="308"/>
                    </a:lnTo>
                    <a:lnTo>
                      <a:pt x="264" y="310"/>
                    </a:lnTo>
                    <a:lnTo>
                      <a:pt x="262" y="312"/>
                    </a:lnTo>
                    <a:lnTo>
                      <a:pt x="260" y="312"/>
                    </a:lnTo>
                    <a:lnTo>
                      <a:pt x="259" y="313"/>
                    </a:lnTo>
                    <a:lnTo>
                      <a:pt x="255" y="315"/>
                    </a:lnTo>
                    <a:lnTo>
                      <a:pt x="250" y="317"/>
                    </a:lnTo>
                    <a:lnTo>
                      <a:pt x="243" y="318"/>
                    </a:lnTo>
                    <a:lnTo>
                      <a:pt x="238" y="318"/>
                    </a:lnTo>
                    <a:lnTo>
                      <a:pt x="233" y="318"/>
                    </a:lnTo>
                    <a:lnTo>
                      <a:pt x="230" y="317"/>
                    </a:lnTo>
                    <a:lnTo>
                      <a:pt x="228" y="312"/>
                    </a:lnTo>
                    <a:lnTo>
                      <a:pt x="226" y="315"/>
                    </a:lnTo>
                    <a:lnTo>
                      <a:pt x="223" y="318"/>
                    </a:lnTo>
                    <a:lnTo>
                      <a:pt x="220" y="322"/>
                    </a:lnTo>
                    <a:lnTo>
                      <a:pt x="215" y="327"/>
                    </a:lnTo>
                    <a:lnTo>
                      <a:pt x="210" y="329"/>
                    </a:lnTo>
                    <a:lnTo>
                      <a:pt x="204" y="329"/>
                    </a:lnTo>
                    <a:lnTo>
                      <a:pt x="198" y="327"/>
                    </a:lnTo>
                    <a:lnTo>
                      <a:pt x="196" y="327"/>
                    </a:lnTo>
                    <a:lnTo>
                      <a:pt x="193" y="327"/>
                    </a:lnTo>
                    <a:lnTo>
                      <a:pt x="189" y="325"/>
                    </a:lnTo>
                    <a:lnTo>
                      <a:pt x="186" y="324"/>
                    </a:lnTo>
                    <a:lnTo>
                      <a:pt x="181" y="322"/>
                    </a:lnTo>
                    <a:lnTo>
                      <a:pt x="176" y="317"/>
                    </a:lnTo>
                    <a:lnTo>
                      <a:pt x="171" y="312"/>
                    </a:lnTo>
                    <a:lnTo>
                      <a:pt x="167" y="305"/>
                    </a:lnTo>
                    <a:lnTo>
                      <a:pt x="166" y="302"/>
                    </a:lnTo>
                    <a:lnTo>
                      <a:pt x="166" y="298"/>
                    </a:lnTo>
                    <a:lnTo>
                      <a:pt x="166" y="295"/>
                    </a:lnTo>
                    <a:lnTo>
                      <a:pt x="164" y="293"/>
                    </a:lnTo>
                    <a:lnTo>
                      <a:pt x="140" y="325"/>
                    </a:lnTo>
                    <a:lnTo>
                      <a:pt x="140" y="324"/>
                    </a:lnTo>
                    <a:lnTo>
                      <a:pt x="142" y="324"/>
                    </a:lnTo>
                    <a:lnTo>
                      <a:pt x="142" y="322"/>
                    </a:lnTo>
                    <a:lnTo>
                      <a:pt x="144" y="320"/>
                    </a:lnTo>
                    <a:lnTo>
                      <a:pt x="145" y="318"/>
                    </a:lnTo>
                    <a:lnTo>
                      <a:pt x="144" y="318"/>
                    </a:lnTo>
                    <a:lnTo>
                      <a:pt x="142" y="320"/>
                    </a:lnTo>
                    <a:lnTo>
                      <a:pt x="140" y="325"/>
                    </a:lnTo>
                    <a:lnTo>
                      <a:pt x="135" y="330"/>
                    </a:lnTo>
                    <a:lnTo>
                      <a:pt x="130" y="334"/>
                    </a:lnTo>
                    <a:lnTo>
                      <a:pt x="125" y="337"/>
                    </a:lnTo>
                    <a:lnTo>
                      <a:pt x="118" y="340"/>
                    </a:lnTo>
                    <a:lnTo>
                      <a:pt x="113" y="344"/>
                    </a:lnTo>
                    <a:lnTo>
                      <a:pt x="108" y="347"/>
                    </a:lnTo>
                    <a:lnTo>
                      <a:pt x="105" y="351"/>
                    </a:lnTo>
                    <a:lnTo>
                      <a:pt x="103" y="357"/>
                    </a:lnTo>
                    <a:lnTo>
                      <a:pt x="101" y="361"/>
                    </a:lnTo>
                    <a:lnTo>
                      <a:pt x="100" y="364"/>
                    </a:lnTo>
                    <a:lnTo>
                      <a:pt x="98" y="368"/>
                    </a:lnTo>
                    <a:lnTo>
                      <a:pt x="96" y="371"/>
                    </a:lnTo>
                    <a:lnTo>
                      <a:pt x="94" y="373"/>
                    </a:lnTo>
                    <a:lnTo>
                      <a:pt x="93" y="374"/>
                    </a:lnTo>
                    <a:lnTo>
                      <a:pt x="91" y="376"/>
                    </a:lnTo>
                    <a:lnTo>
                      <a:pt x="89" y="379"/>
                    </a:lnTo>
                    <a:lnTo>
                      <a:pt x="89" y="381"/>
                    </a:lnTo>
                    <a:lnTo>
                      <a:pt x="88" y="383"/>
                    </a:lnTo>
                    <a:lnTo>
                      <a:pt x="88" y="384"/>
                    </a:lnTo>
                    <a:lnTo>
                      <a:pt x="88" y="388"/>
                    </a:lnTo>
                    <a:lnTo>
                      <a:pt x="86" y="388"/>
                    </a:lnTo>
                    <a:lnTo>
                      <a:pt x="84" y="390"/>
                    </a:lnTo>
                    <a:lnTo>
                      <a:pt x="84" y="391"/>
                    </a:lnTo>
                    <a:lnTo>
                      <a:pt x="81" y="391"/>
                    </a:lnTo>
                    <a:lnTo>
                      <a:pt x="76" y="395"/>
                    </a:lnTo>
                    <a:lnTo>
                      <a:pt x="71" y="396"/>
                    </a:lnTo>
                    <a:lnTo>
                      <a:pt x="67" y="400"/>
                    </a:lnTo>
                    <a:lnTo>
                      <a:pt x="66" y="401"/>
                    </a:lnTo>
                    <a:lnTo>
                      <a:pt x="64" y="405"/>
                    </a:lnTo>
                    <a:lnTo>
                      <a:pt x="62" y="406"/>
                    </a:lnTo>
                    <a:lnTo>
                      <a:pt x="62" y="408"/>
                    </a:lnTo>
                    <a:lnTo>
                      <a:pt x="61" y="410"/>
                    </a:lnTo>
                    <a:lnTo>
                      <a:pt x="59" y="410"/>
                    </a:lnTo>
                    <a:lnTo>
                      <a:pt x="56" y="412"/>
                    </a:lnTo>
                    <a:lnTo>
                      <a:pt x="52" y="413"/>
                    </a:lnTo>
                    <a:lnTo>
                      <a:pt x="47" y="417"/>
                    </a:lnTo>
                    <a:lnTo>
                      <a:pt x="42" y="418"/>
                    </a:lnTo>
                    <a:lnTo>
                      <a:pt x="37" y="422"/>
                    </a:lnTo>
                    <a:lnTo>
                      <a:pt x="32" y="423"/>
                    </a:lnTo>
                    <a:lnTo>
                      <a:pt x="27" y="427"/>
                    </a:lnTo>
                    <a:lnTo>
                      <a:pt x="22" y="428"/>
                    </a:lnTo>
                    <a:lnTo>
                      <a:pt x="17" y="432"/>
                    </a:lnTo>
                    <a:lnTo>
                      <a:pt x="12" y="434"/>
                    </a:lnTo>
                    <a:lnTo>
                      <a:pt x="8" y="435"/>
                    </a:lnTo>
                    <a:lnTo>
                      <a:pt x="5" y="437"/>
                    </a:lnTo>
                    <a:lnTo>
                      <a:pt x="1" y="439"/>
                    </a:lnTo>
                    <a:lnTo>
                      <a:pt x="0" y="440"/>
                    </a:lnTo>
                    <a:lnTo>
                      <a:pt x="181" y="413"/>
                    </a:lnTo>
                    <a:lnTo>
                      <a:pt x="193" y="406"/>
                    </a:lnTo>
                    <a:lnTo>
                      <a:pt x="208" y="406"/>
                    </a:lnTo>
                    <a:lnTo>
                      <a:pt x="210" y="406"/>
                    </a:lnTo>
                    <a:lnTo>
                      <a:pt x="213" y="406"/>
                    </a:lnTo>
                    <a:lnTo>
                      <a:pt x="218" y="406"/>
                    </a:lnTo>
                    <a:lnTo>
                      <a:pt x="223" y="405"/>
                    </a:lnTo>
                    <a:lnTo>
                      <a:pt x="230" y="405"/>
                    </a:lnTo>
                    <a:lnTo>
                      <a:pt x="238" y="403"/>
                    </a:lnTo>
                    <a:lnTo>
                      <a:pt x="248" y="403"/>
                    </a:lnTo>
                    <a:lnTo>
                      <a:pt x="259" y="401"/>
                    </a:lnTo>
                    <a:lnTo>
                      <a:pt x="270" y="400"/>
                    </a:lnTo>
                    <a:lnTo>
                      <a:pt x="282" y="398"/>
                    </a:lnTo>
                    <a:lnTo>
                      <a:pt x="296" y="396"/>
                    </a:lnTo>
                    <a:lnTo>
                      <a:pt x="311" y="395"/>
                    </a:lnTo>
                    <a:lnTo>
                      <a:pt x="326" y="393"/>
                    </a:lnTo>
                    <a:lnTo>
                      <a:pt x="343" y="391"/>
                    </a:lnTo>
                    <a:lnTo>
                      <a:pt x="360" y="388"/>
                    </a:lnTo>
                    <a:lnTo>
                      <a:pt x="379" y="386"/>
                    </a:lnTo>
                    <a:lnTo>
                      <a:pt x="399" y="383"/>
                    </a:lnTo>
                    <a:lnTo>
                      <a:pt x="419" y="379"/>
                    </a:lnTo>
                    <a:lnTo>
                      <a:pt x="441" y="376"/>
                    </a:lnTo>
                    <a:lnTo>
                      <a:pt x="463" y="373"/>
                    </a:lnTo>
                    <a:lnTo>
                      <a:pt x="485" y="368"/>
                    </a:lnTo>
                    <a:lnTo>
                      <a:pt x="509" y="364"/>
                    </a:lnTo>
                    <a:lnTo>
                      <a:pt x="534" y="359"/>
                    </a:lnTo>
                    <a:lnTo>
                      <a:pt x="560" y="356"/>
                    </a:lnTo>
                    <a:lnTo>
                      <a:pt x="585" y="351"/>
                    </a:lnTo>
                    <a:lnTo>
                      <a:pt x="612" y="344"/>
                    </a:lnTo>
                    <a:lnTo>
                      <a:pt x="639" y="339"/>
                    </a:lnTo>
                    <a:lnTo>
                      <a:pt x="668" y="332"/>
                    </a:lnTo>
                    <a:lnTo>
                      <a:pt x="697" y="327"/>
                    </a:lnTo>
                    <a:lnTo>
                      <a:pt x="726" y="320"/>
                    </a:lnTo>
                    <a:lnTo>
                      <a:pt x="756" y="312"/>
                    </a:lnTo>
                    <a:lnTo>
                      <a:pt x="761" y="31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00" name="Freeform 56"/>
              <p:cNvSpPr>
                <a:spLocks/>
              </p:cNvSpPr>
              <p:nvPr/>
            </p:nvSpPr>
            <p:spPr bwMode="auto">
              <a:xfrm>
                <a:off x="2028" y="1485"/>
                <a:ext cx="671" cy="471"/>
              </a:xfrm>
              <a:custGeom>
                <a:avLst/>
                <a:gdLst>
                  <a:gd name="T0" fmla="*/ 341 w 690"/>
                  <a:gd name="T1" fmla="*/ 339 h 476"/>
                  <a:gd name="T2" fmla="*/ 355 w 690"/>
                  <a:gd name="T3" fmla="*/ 352 h 476"/>
                  <a:gd name="T4" fmla="*/ 363 w 690"/>
                  <a:gd name="T5" fmla="*/ 361 h 476"/>
                  <a:gd name="T6" fmla="*/ 371 w 690"/>
                  <a:gd name="T7" fmla="*/ 366 h 476"/>
                  <a:gd name="T8" fmla="*/ 377 w 690"/>
                  <a:gd name="T9" fmla="*/ 357 h 476"/>
                  <a:gd name="T10" fmla="*/ 415 w 690"/>
                  <a:gd name="T11" fmla="*/ 354 h 476"/>
                  <a:gd name="T12" fmla="*/ 429 w 690"/>
                  <a:gd name="T13" fmla="*/ 366 h 476"/>
                  <a:gd name="T14" fmla="*/ 435 w 690"/>
                  <a:gd name="T15" fmla="*/ 369 h 476"/>
                  <a:gd name="T16" fmla="*/ 448 w 690"/>
                  <a:gd name="T17" fmla="*/ 377 h 476"/>
                  <a:gd name="T18" fmla="*/ 453 w 690"/>
                  <a:gd name="T19" fmla="*/ 389 h 476"/>
                  <a:gd name="T20" fmla="*/ 456 w 690"/>
                  <a:gd name="T21" fmla="*/ 396 h 476"/>
                  <a:gd name="T22" fmla="*/ 463 w 690"/>
                  <a:gd name="T23" fmla="*/ 404 h 476"/>
                  <a:gd name="T24" fmla="*/ 467 w 690"/>
                  <a:gd name="T25" fmla="*/ 410 h 476"/>
                  <a:gd name="T26" fmla="*/ 462 w 690"/>
                  <a:gd name="T27" fmla="*/ 381 h 476"/>
                  <a:gd name="T28" fmla="*/ 466 w 690"/>
                  <a:gd name="T29" fmla="*/ 315 h 476"/>
                  <a:gd name="T30" fmla="*/ 460 w 690"/>
                  <a:gd name="T31" fmla="*/ 305 h 476"/>
                  <a:gd name="T32" fmla="*/ 458 w 690"/>
                  <a:gd name="T33" fmla="*/ 288 h 476"/>
                  <a:gd name="T34" fmla="*/ 465 w 690"/>
                  <a:gd name="T35" fmla="*/ 86 h 476"/>
                  <a:gd name="T36" fmla="*/ 456 w 690"/>
                  <a:gd name="T37" fmla="*/ 76 h 476"/>
                  <a:gd name="T38" fmla="*/ 448 w 690"/>
                  <a:gd name="T39" fmla="*/ 66 h 476"/>
                  <a:gd name="T40" fmla="*/ 442 w 690"/>
                  <a:gd name="T41" fmla="*/ 59 h 476"/>
                  <a:gd name="T42" fmla="*/ 445 w 690"/>
                  <a:gd name="T43" fmla="*/ 47 h 476"/>
                  <a:gd name="T44" fmla="*/ 449 w 690"/>
                  <a:gd name="T45" fmla="*/ 47 h 476"/>
                  <a:gd name="T46" fmla="*/ 459 w 690"/>
                  <a:gd name="T47" fmla="*/ 26 h 476"/>
                  <a:gd name="T48" fmla="*/ 454 w 690"/>
                  <a:gd name="T49" fmla="*/ 27 h 476"/>
                  <a:gd name="T50" fmla="*/ 433 w 690"/>
                  <a:gd name="T51" fmla="*/ 26 h 476"/>
                  <a:gd name="T52" fmla="*/ 395 w 690"/>
                  <a:gd name="T53" fmla="*/ 24 h 476"/>
                  <a:gd name="T54" fmla="*/ 348 w 690"/>
                  <a:gd name="T55" fmla="*/ 22 h 476"/>
                  <a:gd name="T56" fmla="*/ 292 w 690"/>
                  <a:gd name="T57" fmla="*/ 19 h 476"/>
                  <a:gd name="T58" fmla="*/ 234 w 690"/>
                  <a:gd name="T59" fmla="*/ 17 h 476"/>
                  <a:gd name="T60" fmla="*/ 177 w 690"/>
                  <a:gd name="T61" fmla="*/ 14 h 476"/>
                  <a:gd name="T62" fmla="*/ 122 w 690"/>
                  <a:gd name="T63" fmla="*/ 10 h 476"/>
                  <a:gd name="T64" fmla="*/ 76 w 690"/>
                  <a:gd name="T65" fmla="*/ 7 h 476"/>
                  <a:gd name="T66" fmla="*/ 43 w 690"/>
                  <a:gd name="T67" fmla="*/ 4 h 476"/>
                  <a:gd name="T68" fmla="*/ 18 w 690"/>
                  <a:gd name="T69" fmla="*/ 0 h 476"/>
                  <a:gd name="T70" fmla="*/ 0 w 690"/>
                  <a:gd name="T71" fmla="*/ 315 h 476"/>
                  <a:gd name="T72" fmla="*/ 18 w 690"/>
                  <a:gd name="T73" fmla="*/ 318 h 476"/>
                  <a:gd name="T74" fmla="*/ 45 w 690"/>
                  <a:gd name="T75" fmla="*/ 321 h 476"/>
                  <a:gd name="T76" fmla="*/ 80 w 690"/>
                  <a:gd name="T77" fmla="*/ 321 h 476"/>
                  <a:gd name="T78" fmla="*/ 121 w 690"/>
                  <a:gd name="T79" fmla="*/ 324 h 476"/>
                  <a:gd name="T80" fmla="*/ 165 w 690"/>
                  <a:gd name="T81" fmla="*/ 327 h 476"/>
                  <a:gd name="T82" fmla="*/ 211 w 690"/>
                  <a:gd name="T83" fmla="*/ 329 h 476"/>
                  <a:gd name="T84" fmla="*/ 254 w 690"/>
                  <a:gd name="T85" fmla="*/ 330 h 476"/>
                  <a:gd name="T86" fmla="*/ 289 w 690"/>
                  <a:gd name="T87" fmla="*/ 332 h 476"/>
                  <a:gd name="T88" fmla="*/ 317 w 690"/>
                  <a:gd name="T89" fmla="*/ 334 h 476"/>
                  <a:gd name="T90" fmla="*/ 333 w 690"/>
                  <a:gd name="T91" fmla="*/ 335 h 47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w 690"/>
                  <a:gd name="T139" fmla="*/ 0 h 476"/>
                  <a:gd name="T140" fmla="*/ 690 w 690"/>
                  <a:gd name="T141" fmla="*/ 476 h 476"/>
                </a:gdLst>
                <a:ahLst/>
                <a:cxnLst>
                  <a:cxn ang="T92">
                    <a:pos x="T0" y="T1"/>
                  </a:cxn>
                  <a:cxn ang="T93">
                    <a:pos x="T2" y="T3"/>
                  </a:cxn>
                  <a:cxn ang="T94">
                    <a:pos x="T4" y="T5"/>
                  </a:cxn>
                  <a:cxn ang="T95">
                    <a:pos x="T6" y="T7"/>
                  </a:cxn>
                  <a:cxn ang="T96">
                    <a:pos x="T8" y="T9"/>
                  </a:cxn>
                  <a:cxn ang="T97">
                    <a:pos x="T10" y="T11"/>
                  </a:cxn>
                  <a:cxn ang="T98">
                    <a:pos x="T12" y="T13"/>
                  </a:cxn>
                  <a:cxn ang="T99">
                    <a:pos x="T14" y="T15"/>
                  </a:cxn>
                  <a:cxn ang="T100">
                    <a:pos x="T16" y="T17"/>
                  </a:cxn>
                  <a:cxn ang="T101">
                    <a:pos x="T18" y="T19"/>
                  </a:cxn>
                  <a:cxn ang="T102">
                    <a:pos x="T20" y="T21"/>
                  </a:cxn>
                  <a:cxn ang="T103">
                    <a:pos x="T22" y="T23"/>
                  </a:cxn>
                  <a:cxn ang="T104">
                    <a:pos x="T24" y="T25"/>
                  </a:cxn>
                  <a:cxn ang="T105">
                    <a:pos x="T26" y="T27"/>
                  </a:cxn>
                  <a:cxn ang="T106">
                    <a:pos x="T28" y="T29"/>
                  </a:cxn>
                  <a:cxn ang="T107">
                    <a:pos x="T30" y="T31"/>
                  </a:cxn>
                  <a:cxn ang="T108">
                    <a:pos x="T32" y="T33"/>
                  </a:cxn>
                  <a:cxn ang="T109">
                    <a:pos x="T34" y="T35"/>
                  </a:cxn>
                  <a:cxn ang="T110">
                    <a:pos x="T36" y="T37"/>
                  </a:cxn>
                  <a:cxn ang="T111">
                    <a:pos x="T38" y="T39"/>
                  </a:cxn>
                  <a:cxn ang="T112">
                    <a:pos x="T40" y="T41"/>
                  </a:cxn>
                  <a:cxn ang="T113">
                    <a:pos x="T42" y="T43"/>
                  </a:cxn>
                  <a:cxn ang="T114">
                    <a:pos x="T44" y="T45"/>
                  </a:cxn>
                  <a:cxn ang="T115">
                    <a:pos x="T46" y="T47"/>
                  </a:cxn>
                  <a:cxn ang="T116">
                    <a:pos x="T48" y="T49"/>
                  </a:cxn>
                  <a:cxn ang="T117">
                    <a:pos x="T50" y="T51"/>
                  </a:cxn>
                  <a:cxn ang="T118">
                    <a:pos x="T52" y="T53"/>
                  </a:cxn>
                  <a:cxn ang="T119">
                    <a:pos x="T54" y="T55"/>
                  </a:cxn>
                  <a:cxn ang="T120">
                    <a:pos x="T56" y="T57"/>
                  </a:cxn>
                  <a:cxn ang="T121">
                    <a:pos x="T58" y="T59"/>
                  </a:cxn>
                  <a:cxn ang="T122">
                    <a:pos x="T60" y="T61"/>
                  </a:cxn>
                  <a:cxn ang="T123">
                    <a:pos x="T62" y="T63"/>
                  </a:cxn>
                  <a:cxn ang="T124">
                    <a:pos x="T64" y="T65"/>
                  </a:cxn>
                  <a:cxn ang="T125">
                    <a:pos x="T66" y="T67"/>
                  </a:cxn>
                  <a:cxn ang="T126">
                    <a:pos x="T68" y="T69"/>
                  </a:cxn>
                  <a:cxn ang="T127">
                    <a:pos x="T70" y="T71"/>
                  </a:cxn>
                  <a:cxn ang="T128">
                    <a:pos x="T72" y="T73"/>
                  </a:cxn>
                  <a:cxn ang="T129">
                    <a:pos x="T74" y="T75"/>
                  </a:cxn>
                  <a:cxn ang="T130">
                    <a:pos x="T76" y="T77"/>
                  </a:cxn>
                  <a:cxn ang="T131">
                    <a:pos x="T78" y="T79"/>
                  </a:cxn>
                  <a:cxn ang="T132">
                    <a:pos x="T80" y="T81"/>
                  </a:cxn>
                  <a:cxn ang="T133">
                    <a:pos x="T82" y="T83"/>
                  </a:cxn>
                  <a:cxn ang="T134">
                    <a:pos x="T84" y="T85"/>
                  </a:cxn>
                  <a:cxn ang="T135">
                    <a:pos x="T86" y="T87"/>
                  </a:cxn>
                  <a:cxn ang="T136">
                    <a:pos x="T88" y="T89"/>
                  </a:cxn>
                  <a:cxn ang="T137">
                    <a:pos x="T90" y="T91"/>
                  </a:cxn>
                </a:cxnLst>
                <a:rect l="T138" t="T139" r="T140" b="T141"/>
                <a:pathLst>
                  <a:path w="690" h="476">
                    <a:moveTo>
                      <a:pt x="497" y="391"/>
                    </a:moveTo>
                    <a:lnTo>
                      <a:pt x="499" y="391"/>
                    </a:lnTo>
                    <a:lnTo>
                      <a:pt x="504" y="395"/>
                    </a:lnTo>
                    <a:lnTo>
                      <a:pt x="511" y="398"/>
                    </a:lnTo>
                    <a:lnTo>
                      <a:pt x="518" y="403"/>
                    </a:lnTo>
                    <a:lnTo>
                      <a:pt x="525" y="408"/>
                    </a:lnTo>
                    <a:lnTo>
                      <a:pt x="531" y="412"/>
                    </a:lnTo>
                    <a:lnTo>
                      <a:pt x="536" y="415"/>
                    </a:lnTo>
                    <a:lnTo>
                      <a:pt x="538" y="417"/>
                    </a:lnTo>
                    <a:lnTo>
                      <a:pt x="541" y="420"/>
                    </a:lnTo>
                    <a:lnTo>
                      <a:pt x="545" y="422"/>
                    </a:lnTo>
                    <a:lnTo>
                      <a:pt x="548" y="422"/>
                    </a:lnTo>
                    <a:lnTo>
                      <a:pt x="552" y="418"/>
                    </a:lnTo>
                    <a:lnTo>
                      <a:pt x="555" y="417"/>
                    </a:lnTo>
                    <a:lnTo>
                      <a:pt x="558" y="413"/>
                    </a:lnTo>
                    <a:lnTo>
                      <a:pt x="560" y="412"/>
                    </a:lnTo>
                    <a:lnTo>
                      <a:pt x="560" y="410"/>
                    </a:lnTo>
                    <a:lnTo>
                      <a:pt x="613" y="410"/>
                    </a:lnTo>
                    <a:lnTo>
                      <a:pt x="624" y="420"/>
                    </a:lnTo>
                    <a:lnTo>
                      <a:pt x="635" y="420"/>
                    </a:lnTo>
                    <a:lnTo>
                      <a:pt x="635" y="422"/>
                    </a:lnTo>
                    <a:lnTo>
                      <a:pt x="638" y="423"/>
                    </a:lnTo>
                    <a:lnTo>
                      <a:pt x="641" y="425"/>
                    </a:lnTo>
                    <a:lnTo>
                      <a:pt x="643" y="425"/>
                    </a:lnTo>
                    <a:lnTo>
                      <a:pt x="651" y="427"/>
                    </a:lnTo>
                    <a:lnTo>
                      <a:pt x="657" y="430"/>
                    </a:lnTo>
                    <a:lnTo>
                      <a:pt x="662" y="435"/>
                    </a:lnTo>
                    <a:lnTo>
                      <a:pt x="665" y="440"/>
                    </a:lnTo>
                    <a:lnTo>
                      <a:pt x="668" y="445"/>
                    </a:lnTo>
                    <a:lnTo>
                      <a:pt x="670" y="450"/>
                    </a:lnTo>
                    <a:lnTo>
                      <a:pt x="672" y="454"/>
                    </a:lnTo>
                    <a:lnTo>
                      <a:pt x="673" y="456"/>
                    </a:lnTo>
                    <a:lnTo>
                      <a:pt x="675" y="459"/>
                    </a:lnTo>
                    <a:lnTo>
                      <a:pt x="679" y="461"/>
                    </a:lnTo>
                    <a:lnTo>
                      <a:pt x="682" y="466"/>
                    </a:lnTo>
                    <a:lnTo>
                      <a:pt x="684" y="469"/>
                    </a:lnTo>
                    <a:lnTo>
                      <a:pt x="687" y="471"/>
                    </a:lnTo>
                    <a:lnTo>
                      <a:pt x="689" y="474"/>
                    </a:lnTo>
                    <a:lnTo>
                      <a:pt x="690" y="476"/>
                    </a:lnTo>
                    <a:lnTo>
                      <a:pt x="690" y="461"/>
                    </a:lnTo>
                    <a:lnTo>
                      <a:pt x="682" y="440"/>
                    </a:lnTo>
                    <a:lnTo>
                      <a:pt x="673" y="428"/>
                    </a:lnTo>
                    <a:lnTo>
                      <a:pt x="675" y="420"/>
                    </a:lnTo>
                    <a:lnTo>
                      <a:pt x="689" y="366"/>
                    </a:lnTo>
                    <a:lnTo>
                      <a:pt x="675" y="366"/>
                    </a:lnTo>
                    <a:lnTo>
                      <a:pt x="677" y="357"/>
                    </a:lnTo>
                    <a:lnTo>
                      <a:pt x="680" y="352"/>
                    </a:lnTo>
                    <a:lnTo>
                      <a:pt x="679" y="344"/>
                    </a:lnTo>
                    <a:lnTo>
                      <a:pt x="675" y="335"/>
                    </a:lnTo>
                    <a:lnTo>
                      <a:pt x="677" y="330"/>
                    </a:lnTo>
                    <a:lnTo>
                      <a:pt x="689" y="330"/>
                    </a:lnTo>
                    <a:lnTo>
                      <a:pt x="689" y="102"/>
                    </a:lnTo>
                    <a:lnTo>
                      <a:pt x="687" y="100"/>
                    </a:lnTo>
                    <a:lnTo>
                      <a:pt x="685" y="98"/>
                    </a:lnTo>
                    <a:lnTo>
                      <a:pt x="680" y="95"/>
                    </a:lnTo>
                    <a:lnTo>
                      <a:pt x="675" y="90"/>
                    </a:lnTo>
                    <a:lnTo>
                      <a:pt x="670" y="87"/>
                    </a:lnTo>
                    <a:lnTo>
                      <a:pt x="665" y="83"/>
                    </a:lnTo>
                    <a:lnTo>
                      <a:pt x="662" y="80"/>
                    </a:lnTo>
                    <a:lnTo>
                      <a:pt x="660" y="80"/>
                    </a:lnTo>
                    <a:lnTo>
                      <a:pt x="657" y="76"/>
                    </a:lnTo>
                    <a:lnTo>
                      <a:pt x="655" y="73"/>
                    </a:lnTo>
                    <a:lnTo>
                      <a:pt x="655" y="68"/>
                    </a:lnTo>
                    <a:lnTo>
                      <a:pt x="657" y="65"/>
                    </a:lnTo>
                    <a:lnTo>
                      <a:pt x="658" y="61"/>
                    </a:lnTo>
                    <a:lnTo>
                      <a:pt x="660" y="58"/>
                    </a:lnTo>
                    <a:lnTo>
                      <a:pt x="662" y="56"/>
                    </a:lnTo>
                    <a:lnTo>
                      <a:pt x="663" y="54"/>
                    </a:lnTo>
                    <a:lnTo>
                      <a:pt x="679" y="36"/>
                    </a:lnTo>
                    <a:lnTo>
                      <a:pt x="677" y="27"/>
                    </a:lnTo>
                    <a:lnTo>
                      <a:pt x="679" y="26"/>
                    </a:lnTo>
                    <a:lnTo>
                      <a:pt x="679" y="27"/>
                    </a:lnTo>
                    <a:lnTo>
                      <a:pt x="677" y="27"/>
                    </a:lnTo>
                    <a:lnTo>
                      <a:pt x="672" y="27"/>
                    </a:lnTo>
                    <a:lnTo>
                      <a:pt x="663" y="26"/>
                    </a:lnTo>
                    <a:lnTo>
                      <a:pt x="653" y="26"/>
                    </a:lnTo>
                    <a:lnTo>
                      <a:pt x="640" y="26"/>
                    </a:lnTo>
                    <a:lnTo>
                      <a:pt x="623" y="26"/>
                    </a:lnTo>
                    <a:lnTo>
                      <a:pt x="606" y="24"/>
                    </a:lnTo>
                    <a:lnTo>
                      <a:pt x="585" y="24"/>
                    </a:lnTo>
                    <a:lnTo>
                      <a:pt x="563" y="24"/>
                    </a:lnTo>
                    <a:lnTo>
                      <a:pt x="540" y="22"/>
                    </a:lnTo>
                    <a:lnTo>
                      <a:pt x="514" y="22"/>
                    </a:lnTo>
                    <a:lnTo>
                      <a:pt x="489" y="22"/>
                    </a:lnTo>
                    <a:lnTo>
                      <a:pt x="462" y="21"/>
                    </a:lnTo>
                    <a:lnTo>
                      <a:pt x="433" y="19"/>
                    </a:lnTo>
                    <a:lnTo>
                      <a:pt x="404" y="19"/>
                    </a:lnTo>
                    <a:lnTo>
                      <a:pt x="376" y="17"/>
                    </a:lnTo>
                    <a:lnTo>
                      <a:pt x="347" y="17"/>
                    </a:lnTo>
                    <a:lnTo>
                      <a:pt x="318" y="16"/>
                    </a:lnTo>
                    <a:lnTo>
                      <a:pt x="289" y="14"/>
                    </a:lnTo>
                    <a:lnTo>
                      <a:pt x="261" y="14"/>
                    </a:lnTo>
                    <a:lnTo>
                      <a:pt x="233" y="12"/>
                    </a:lnTo>
                    <a:lnTo>
                      <a:pt x="206" y="10"/>
                    </a:lnTo>
                    <a:lnTo>
                      <a:pt x="181" y="10"/>
                    </a:lnTo>
                    <a:lnTo>
                      <a:pt x="156" y="9"/>
                    </a:lnTo>
                    <a:lnTo>
                      <a:pt x="134" y="9"/>
                    </a:lnTo>
                    <a:lnTo>
                      <a:pt x="112" y="7"/>
                    </a:lnTo>
                    <a:lnTo>
                      <a:pt x="93" y="5"/>
                    </a:lnTo>
                    <a:lnTo>
                      <a:pt x="76" y="4"/>
                    </a:lnTo>
                    <a:lnTo>
                      <a:pt x="61" y="4"/>
                    </a:lnTo>
                    <a:lnTo>
                      <a:pt x="49" y="2"/>
                    </a:lnTo>
                    <a:lnTo>
                      <a:pt x="39" y="0"/>
                    </a:lnTo>
                    <a:lnTo>
                      <a:pt x="32" y="0"/>
                    </a:lnTo>
                    <a:lnTo>
                      <a:pt x="22" y="119"/>
                    </a:lnTo>
                    <a:lnTo>
                      <a:pt x="22" y="117"/>
                    </a:lnTo>
                    <a:lnTo>
                      <a:pt x="0" y="366"/>
                    </a:lnTo>
                    <a:lnTo>
                      <a:pt x="7" y="368"/>
                    </a:lnTo>
                    <a:lnTo>
                      <a:pt x="13" y="368"/>
                    </a:lnTo>
                    <a:lnTo>
                      <a:pt x="24" y="369"/>
                    </a:lnTo>
                    <a:lnTo>
                      <a:pt x="35" y="369"/>
                    </a:lnTo>
                    <a:lnTo>
                      <a:pt x="49" y="371"/>
                    </a:lnTo>
                    <a:lnTo>
                      <a:pt x="64" y="373"/>
                    </a:lnTo>
                    <a:lnTo>
                      <a:pt x="81" y="373"/>
                    </a:lnTo>
                    <a:lnTo>
                      <a:pt x="98" y="374"/>
                    </a:lnTo>
                    <a:lnTo>
                      <a:pt x="118" y="374"/>
                    </a:lnTo>
                    <a:lnTo>
                      <a:pt x="137" y="376"/>
                    </a:lnTo>
                    <a:lnTo>
                      <a:pt x="157" y="378"/>
                    </a:lnTo>
                    <a:lnTo>
                      <a:pt x="179" y="378"/>
                    </a:lnTo>
                    <a:lnTo>
                      <a:pt x="201" y="379"/>
                    </a:lnTo>
                    <a:lnTo>
                      <a:pt x="223" y="379"/>
                    </a:lnTo>
                    <a:lnTo>
                      <a:pt x="245" y="381"/>
                    </a:lnTo>
                    <a:lnTo>
                      <a:pt x="267" y="381"/>
                    </a:lnTo>
                    <a:lnTo>
                      <a:pt x="289" y="383"/>
                    </a:lnTo>
                    <a:lnTo>
                      <a:pt x="311" y="384"/>
                    </a:lnTo>
                    <a:lnTo>
                      <a:pt x="333" y="384"/>
                    </a:lnTo>
                    <a:lnTo>
                      <a:pt x="354" y="386"/>
                    </a:lnTo>
                    <a:lnTo>
                      <a:pt x="374" y="386"/>
                    </a:lnTo>
                    <a:lnTo>
                      <a:pt x="393" y="386"/>
                    </a:lnTo>
                    <a:lnTo>
                      <a:pt x="409" y="388"/>
                    </a:lnTo>
                    <a:lnTo>
                      <a:pt x="426" y="388"/>
                    </a:lnTo>
                    <a:lnTo>
                      <a:pt x="443" y="390"/>
                    </a:lnTo>
                    <a:lnTo>
                      <a:pt x="457" y="390"/>
                    </a:lnTo>
                    <a:lnTo>
                      <a:pt x="469" y="390"/>
                    </a:lnTo>
                    <a:lnTo>
                      <a:pt x="479" y="390"/>
                    </a:lnTo>
                    <a:lnTo>
                      <a:pt x="487" y="390"/>
                    </a:lnTo>
                    <a:lnTo>
                      <a:pt x="492" y="391"/>
                    </a:lnTo>
                    <a:lnTo>
                      <a:pt x="496" y="391"/>
                    </a:lnTo>
                    <a:lnTo>
                      <a:pt x="497" y="391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01" name="Freeform 57"/>
              <p:cNvSpPr>
                <a:spLocks/>
              </p:cNvSpPr>
              <p:nvPr/>
            </p:nvSpPr>
            <p:spPr bwMode="auto">
              <a:xfrm>
                <a:off x="2059" y="1121"/>
                <a:ext cx="630" cy="394"/>
              </a:xfrm>
              <a:custGeom>
                <a:avLst/>
                <a:gdLst>
                  <a:gd name="T0" fmla="*/ 0 w 648"/>
                  <a:gd name="T1" fmla="*/ 246 h 406"/>
                  <a:gd name="T2" fmla="*/ 0 w 648"/>
                  <a:gd name="T3" fmla="*/ 233 h 406"/>
                  <a:gd name="T4" fmla="*/ 3 w 648"/>
                  <a:gd name="T5" fmla="*/ 209 h 406"/>
                  <a:gd name="T6" fmla="*/ 7 w 648"/>
                  <a:gd name="T7" fmla="*/ 180 h 406"/>
                  <a:gd name="T8" fmla="*/ 10 w 648"/>
                  <a:gd name="T9" fmla="*/ 147 h 406"/>
                  <a:gd name="T10" fmla="*/ 15 w 648"/>
                  <a:gd name="T11" fmla="*/ 112 h 406"/>
                  <a:gd name="T12" fmla="*/ 18 w 648"/>
                  <a:gd name="T13" fmla="*/ 79 h 406"/>
                  <a:gd name="T14" fmla="*/ 18 w 648"/>
                  <a:gd name="T15" fmla="*/ 47 h 406"/>
                  <a:gd name="T16" fmla="*/ 18 w 648"/>
                  <a:gd name="T17" fmla="*/ 22 h 406"/>
                  <a:gd name="T18" fmla="*/ 18 w 648"/>
                  <a:gd name="T19" fmla="*/ 9 h 406"/>
                  <a:gd name="T20" fmla="*/ 18 w 648"/>
                  <a:gd name="T21" fmla="*/ 0 h 406"/>
                  <a:gd name="T22" fmla="*/ 22 w 648"/>
                  <a:gd name="T23" fmla="*/ 4 h 406"/>
                  <a:gd name="T24" fmla="*/ 44 w 648"/>
                  <a:gd name="T25" fmla="*/ 4 h 406"/>
                  <a:gd name="T26" fmla="*/ 73 w 648"/>
                  <a:gd name="T27" fmla="*/ 7 h 406"/>
                  <a:gd name="T28" fmla="*/ 111 w 648"/>
                  <a:gd name="T29" fmla="*/ 9 h 406"/>
                  <a:gd name="T30" fmla="*/ 157 w 648"/>
                  <a:gd name="T31" fmla="*/ 12 h 406"/>
                  <a:gd name="T32" fmla="*/ 207 w 648"/>
                  <a:gd name="T33" fmla="*/ 15 h 406"/>
                  <a:gd name="T34" fmla="*/ 256 w 648"/>
                  <a:gd name="T35" fmla="*/ 16 h 406"/>
                  <a:gd name="T36" fmla="*/ 303 w 648"/>
                  <a:gd name="T37" fmla="*/ 16 h 406"/>
                  <a:gd name="T38" fmla="*/ 345 w 648"/>
                  <a:gd name="T39" fmla="*/ 16 h 406"/>
                  <a:gd name="T40" fmla="*/ 379 w 648"/>
                  <a:gd name="T41" fmla="*/ 16 h 406"/>
                  <a:gd name="T42" fmla="*/ 401 w 648"/>
                  <a:gd name="T43" fmla="*/ 16 h 406"/>
                  <a:gd name="T44" fmla="*/ 405 w 648"/>
                  <a:gd name="T45" fmla="*/ 44 h 406"/>
                  <a:gd name="T46" fmla="*/ 403 w 648"/>
                  <a:gd name="T47" fmla="*/ 56 h 406"/>
                  <a:gd name="T48" fmla="*/ 403 w 648"/>
                  <a:gd name="T49" fmla="*/ 73 h 406"/>
                  <a:gd name="T50" fmla="*/ 405 w 648"/>
                  <a:gd name="T51" fmla="*/ 91 h 406"/>
                  <a:gd name="T52" fmla="*/ 410 w 648"/>
                  <a:gd name="T53" fmla="*/ 108 h 406"/>
                  <a:gd name="T54" fmla="*/ 415 w 648"/>
                  <a:gd name="T55" fmla="*/ 116 h 406"/>
                  <a:gd name="T56" fmla="*/ 417 w 648"/>
                  <a:gd name="T57" fmla="*/ 128 h 406"/>
                  <a:gd name="T58" fmla="*/ 421 w 648"/>
                  <a:gd name="T59" fmla="*/ 147 h 406"/>
                  <a:gd name="T60" fmla="*/ 422 w 648"/>
                  <a:gd name="T61" fmla="*/ 159 h 406"/>
                  <a:gd name="T62" fmla="*/ 422 w 648"/>
                  <a:gd name="T63" fmla="*/ 173 h 406"/>
                  <a:gd name="T64" fmla="*/ 422 w 648"/>
                  <a:gd name="T65" fmla="*/ 180 h 406"/>
                  <a:gd name="T66" fmla="*/ 426 w 648"/>
                  <a:gd name="T67" fmla="*/ 224 h 406"/>
                  <a:gd name="T68" fmla="*/ 436 w 648"/>
                  <a:gd name="T69" fmla="*/ 266 h 406"/>
                  <a:gd name="T70" fmla="*/ 432 w 648"/>
                  <a:gd name="T71" fmla="*/ 267 h 406"/>
                  <a:gd name="T72" fmla="*/ 410 w 648"/>
                  <a:gd name="T73" fmla="*/ 266 h 406"/>
                  <a:gd name="T74" fmla="*/ 372 w 648"/>
                  <a:gd name="T75" fmla="*/ 264 h 406"/>
                  <a:gd name="T76" fmla="*/ 325 w 648"/>
                  <a:gd name="T77" fmla="*/ 263 h 406"/>
                  <a:gd name="T78" fmla="*/ 270 w 648"/>
                  <a:gd name="T79" fmla="*/ 262 h 406"/>
                  <a:gd name="T80" fmla="*/ 213 w 648"/>
                  <a:gd name="T81" fmla="*/ 261 h 406"/>
                  <a:gd name="T82" fmla="*/ 154 w 648"/>
                  <a:gd name="T83" fmla="*/ 258 h 406"/>
                  <a:gd name="T84" fmla="*/ 101 w 648"/>
                  <a:gd name="T85" fmla="*/ 255 h 406"/>
                  <a:gd name="T86" fmla="*/ 52 w 648"/>
                  <a:gd name="T87" fmla="*/ 254 h 406"/>
                  <a:gd name="T88" fmla="*/ 18 w 648"/>
                  <a:gd name="T89" fmla="*/ 252 h 406"/>
                  <a:gd name="T90" fmla="*/ 0 w 648"/>
                  <a:gd name="T91" fmla="*/ 248 h 40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w 648"/>
                  <a:gd name="T139" fmla="*/ 0 h 406"/>
                  <a:gd name="T140" fmla="*/ 648 w 648"/>
                  <a:gd name="T141" fmla="*/ 406 h 406"/>
                </a:gdLst>
                <a:ahLst/>
                <a:cxnLst>
                  <a:cxn ang="T92">
                    <a:pos x="T0" y="T1"/>
                  </a:cxn>
                  <a:cxn ang="T93">
                    <a:pos x="T2" y="T3"/>
                  </a:cxn>
                  <a:cxn ang="T94">
                    <a:pos x="T4" y="T5"/>
                  </a:cxn>
                  <a:cxn ang="T95">
                    <a:pos x="T6" y="T7"/>
                  </a:cxn>
                  <a:cxn ang="T96">
                    <a:pos x="T8" y="T9"/>
                  </a:cxn>
                  <a:cxn ang="T97">
                    <a:pos x="T10" y="T11"/>
                  </a:cxn>
                  <a:cxn ang="T98">
                    <a:pos x="T12" y="T13"/>
                  </a:cxn>
                  <a:cxn ang="T99">
                    <a:pos x="T14" y="T15"/>
                  </a:cxn>
                  <a:cxn ang="T100">
                    <a:pos x="T16" y="T17"/>
                  </a:cxn>
                  <a:cxn ang="T101">
                    <a:pos x="T18" y="T19"/>
                  </a:cxn>
                  <a:cxn ang="T102">
                    <a:pos x="T20" y="T21"/>
                  </a:cxn>
                  <a:cxn ang="T103">
                    <a:pos x="T22" y="T23"/>
                  </a:cxn>
                  <a:cxn ang="T104">
                    <a:pos x="T24" y="T25"/>
                  </a:cxn>
                  <a:cxn ang="T105">
                    <a:pos x="T26" y="T27"/>
                  </a:cxn>
                  <a:cxn ang="T106">
                    <a:pos x="T28" y="T29"/>
                  </a:cxn>
                  <a:cxn ang="T107">
                    <a:pos x="T30" y="T31"/>
                  </a:cxn>
                  <a:cxn ang="T108">
                    <a:pos x="T32" y="T33"/>
                  </a:cxn>
                  <a:cxn ang="T109">
                    <a:pos x="T34" y="T35"/>
                  </a:cxn>
                  <a:cxn ang="T110">
                    <a:pos x="T36" y="T37"/>
                  </a:cxn>
                  <a:cxn ang="T111">
                    <a:pos x="T38" y="T39"/>
                  </a:cxn>
                  <a:cxn ang="T112">
                    <a:pos x="T40" y="T41"/>
                  </a:cxn>
                  <a:cxn ang="T113">
                    <a:pos x="T42" y="T43"/>
                  </a:cxn>
                  <a:cxn ang="T114">
                    <a:pos x="T44" y="T45"/>
                  </a:cxn>
                  <a:cxn ang="T115">
                    <a:pos x="T46" y="T47"/>
                  </a:cxn>
                  <a:cxn ang="T116">
                    <a:pos x="T48" y="T49"/>
                  </a:cxn>
                  <a:cxn ang="T117">
                    <a:pos x="T50" y="T51"/>
                  </a:cxn>
                  <a:cxn ang="T118">
                    <a:pos x="T52" y="T53"/>
                  </a:cxn>
                  <a:cxn ang="T119">
                    <a:pos x="T54" y="T55"/>
                  </a:cxn>
                  <a:cxn ang="T120">
                    <a:pos x="T56" y="T57"/>
                  </a:cxn>
                  <a:cxn ang="T121">
                    <a:pos x="T58" y="T59"/>
                  </a:cxn>
                  <a:cxn ang="T122">
                    <a:pos x="T60" y="T61"/>
                  </a:cxn>
                  <a:cxn ang="T123">
                    <a:pos x="T62" y="T63"/>
                  </a:cxn>
                  <a:cxn ang="T124">
                    <a:pos x="T64" y="T65"/>
                  </a:cxn>
                  <a:cxn ang="T125">
                    <a:pos x="T66" y="T67"/>
                  </a:cxn>
                  <a:cxn ang="T126">
                    <a:pos x="T68" y="T69"/>
                  </a:cxn>
                  <a:cxn ang="T127">
                    <a:pos x="T70" y="T71"/>
                  </a:cxn>
                  <a:cxn ang="T128">
                    <a:pos x="T72" y="T73"/>
                  </a:cxn>
                  <a:cxn ang="T129">
                    <a:pos x="T74" y="T75"/>
                  </a:cxn>
                  <a:cxn ang="T130">
                    <a:pos x="T76" y="T77"/>
                  </a:cxn>
                  <a:cxn ang="T131">
                    <a:pos x="T78" y="T79"/>
                  </a:cxn>
                  <a:cxn ang="T132">
                    <a:pos x="T80" y="T81"/>
                  </a:cxn>
                  <a:cxn ang="T133">
                    <a:pos x="T82" y="T83"/>
                  </a:cxn>
                  <a:cxn ang="T134">
                    <a:pos x="T84" y="T85"/>
                  </a:cxn>
                  <a:cxn ang="T135">
                    <a:pos x="T86" y="T87"/>
                  </a:cxn>
                  <a:cxn ang="T136">
                    <a:pos x="T88" y="T89"/>
                  </a:cxn>
                  <a:cxn ang="T137">
                    <a:pos x="T90" y="T91"/>
                  </a:cxn>
                </a:cxnLst>
                <a:rect l="T138" t="T139" r="T140" b="T141"/>
                <a:pathLst>
                  <a:path w="648" h="406">
                    <a:moveTo>
                      <a:pt x="0" y="379"/>
                    </a:moveTo>
                    <a:lnTo>
                      <a:pt x="0" y="378"/>
                    </a:lnTo>
                    <a:lnTo>
                      <a:pt x="0" y="374"/>
                    </a:lnTo>
                    <a:lnTo>
                      <a:pt x="0" y="369"/>
                    </a:lnTo>
                    <a:lnTo>
                      <a:pt x="0" y="362"/>
                    </a:lnTo>
                    <a:lnTo>
                      <a:pt x="0" y="354"/>
                    </a:lnTo>
                    <a:lnTo>
                      <a:pt x="2" y="344"/>
                    </a:lnTo>
                    <a:lnTo>
                      <a:pt x="2" y="332"/>
                    </a:lnTo>
                    <a:lnTo>
                      <a:pt x="3" y="318"/>
                    </a:lnTo>
                    <a:lnTo>
                      <a:pt x="3" y="305"/>
                    </a:lnTo>
                    <a:lnTo>
                      <a:pt x="5" y="291"/>
                    </a:lnTo>
                    <a:lnTo>
                      <a:pt x="7" y="274"/>
                    </a:lnTo>
                    <a:lnTo>
                      <a:pt x="9" y="259"/>
                    </a:lnTo>
                    <a:lnTo>
                      <a:pt x="9" y="242"/>
                    </a:lnTo>
                    <a:lnTo>
                      <a:pt x="10" y="224"/>
                    </a:lnTo>
                    <a:lnTo>
                      <a:pt x="12" y="207"/>
                    </a:lnTo>
                    <a:lnTo>
                      <a:pt x="14" y="190"/>
                    </a:lnTo>
                    <a:lnTo>
                      <a:pt x="15" y="171"/>
                    </a:lnTo>
                    <a:lnTo>
                      <a:pt x="17" y="154"/>
                    </a:lnTo>
                    <a:lnTo>
                      <a:pt x="17" y="137"/>
                    </a:lnTo>
                    <a:lnTo>
                      <a:pt x="19" y="120"/>
                    </a:lnTo>
                    <a:lnTo>
                      <a:pt x="20" y="103"/>
                    </a:lnTo>
                    <a:lnTo>
                      <a:pt x="22" y="88"/>
                    </a:lnTo>
                    <a:lnTo>
                      <a:pt x="24" y="73"/>
                    </a:lnTo>
                    <a:lnTo>
                      <a:pt x="25" y="59"/>
                    </a:lnTo>
                    <a:lnTo>
                      <a:pt x="25" y="46"/>
                    </a:lnTo>
                    <a:lnTo>
                      <a:pt x="27" y="36"/>
                    </a:lnTo>
                    <a:lnTo>
                      <a:pt x="27" y="26"/>
                    </a:lnTo>
                    <a:lnTo>
                      <a:pt x="29" y="17"/>
                    </a:lnTo>
                    <a:lnTo>
                      <a:pt x="29" y="9"/>
                    </a:lnTo>
                    <a:lnTo>
                      <a:pt x="29" y="5"/>
                    </a:lnTo>
                    <a:lnTo>
                      <a:pt x="31" y="2"/>
                    </a:lnTo>
                    <a:lnTo>
                      <a:pt x="31" y="0"/>
                    </a:lnTo>
                    <a:lnTo>
                      <a:pt x="31" y="2"/>
                    </a:lnTo>
                    <a:lnTo>
                      <a:pt x="32" y="2"/>
                    </a:lnTo>
                    <a:lnTo>
                      <a:pt x="36" y="4"/>
                    </a:lnTo>
                    <a:lnTo>
                      <a:pt x="42" y="4"/>
                    </a:lnTo>
                    <a:lnTo>
                      <a:pt x="51" y="4"/>
                    </a:lnTo>
                    <a:lnTo>
                      <a:pt x="63" y="4"/>
                    </a:lnTo>
                    <a:lnTo>
                      <a:pt x="75" y="5"/>
                    </a:lnTo>
                    <a:lnTo>
                      <a:pt x="90" y="5"/>
                    </a:lnTo>
                    <a:lnTo>
                      <a:pt x="107" y="7"/>
                    </a:lnTo>
                    <a:lnTo>
                      <a:pt x="125" y="7"/>
                    </a:lnTo>
                    <a:lnTo>
                      <a:pt x="144" y="9"/>
                    </a:lnTo>
                    <a:lnTo>
                      <a:pt x="164" y="9"/>
                    </a:lnTo>
                    <a:lnTo>
                      <a:pt x="186" y="10"/>
                    </a:lnTo>
                    <a:lnTo>
                      <a:pt x="210" y="12"/>
                    </a:lnTo>
                    <a:lnTo>
                      <a:pt x="232" y="12"/>
                    </a:lnTo>
                    <a:lnTo>
                      <a:pt x="257" y="14"/>
                    </a:lnTo>
                    <a:lnTo>
                      <a:pt x="281" y="14"/>
                    </a:lnTo>
                    <a:lnTo>
                      <a:pt x="306" y="15"/>
                    </a:lnTo>
                    <a:lnTo>
                      <a:pt x="330" y="17"/>
                    </a:lnTo>
                    <a:lnTo>
                      <a:pt x="355" y="17"/>
                    </a:lnTo>
                    <a:lnTo>
                      <a:pt x="379" y="19"/>
                    </a:lnTo>
                    <a:lnTo>
                      <a:pt x="403" y="21"/>
                    </a:lnTo>
                    <a:lnTo>
                      <a:pt x="427" y="21"/>
                    </a:lnTo>
                    <a:lnTo>
                      <a:pt x="450" y="22"/>
                    </a:lnTo>
                    <a:lnTo>
                      <a:pt x="471" y="22"/>
                    </a:lnTo>
                    <a:lnTo>
                      <a:pt x="491" y="24"/>
                    </a:lnTo>
                    <a:lnTo>
                      <a:pt x="511" y="24"/>
                    </a:lnTo>
                    <a:lnTo>
                      <a:pt x="530" y="24"/>
                    </a:lnTo>
                    <a:lnTo>
                      <a:pt x="547" y="26"/>
                    </a:lnTo>
                    <a:lnTo>
                      <a:pt x="562" y="26"/>
                    </a:lnTo>
                    <a:lnTo>
                      <a:pt x="574" y="26"/>
                    </a:lnTo>
                    <a:lnTo>
                      <a:pt x="586" y="26"/>
                    </a:lnTo>
                    <a:lnTo>
                      <a:pt x="594" y="26"/>
                    </a:lnTo>
                    <a:lnTo>
                      <a:pt x="601" y="63"/>
                    </a:lnTo>
                    <a:lnTo>
                      <a:pt x="601" y="65"/>
                    </a:lnTo>
                    <a:lnTo>
                      <a:pt x="601" y="66"/>
                    </a:lnTo>
                    <a:lnTo>
                      <a:pt x="601" y="71"/>
                    </a:lnTo>
                    <a:lnTo>
                      <a:pt x="599" y="78"/>
                    </a:lnTo>
                    <a:lnTo>
                      <a:pt x="599" y="85"/>
                    </a:lnTo>
                    <a:lnTo>
                      <a:pt x="599" y="92"/>
                    </a:lnTo>
                    <a:lnTo>
                      <a:pt x="599" y="102"/>
                    </a:lnTo>
                    <a:lnTo>
                      <a:pt x="599" y="110"/>
                    </a:lnTo>
                    <a:lnTo>
                      <a:pt x="599" y="120"/>
                    </a:lnTo>
                    <a:lnTo>
                      <a:pt x="601" y="131"/>
                    </a:lnTo>
                    <a:lnTo>
                      <a:pt x="601" y="139"/>
                    </a:lnTo>
                    <a:lnTo>
                      <a:pt x="603" y="147"/>
                    </a:lnTo>
                    <a:lnTo>
                      <a:pt x="604" y="156"/>
                    </a:lnTo>
                    <a:lnTo>
                      <a:pt x="608" y="164"/>
                    </a:lnTo>
                    <a:lnTo>
                      <a:pt x="611" y="171"/>
                    </a:lnTo>
                    <a:lnTo>
                      <a:pt x="616" y="176"/>
                    </a:lnTo>
                    <a:lnTo>
                      <a:pt x="616" y="178"/>
                    </a:lnTo>
                    <a:lnTo>
                      <a:pt x="616" y="181"/>
                    </a:lnTo>
                    <a:lnTo>
                      <a:pt x="618" y="186"/>
                    </a:lnTo>
                    <a:lnTo>
                      <a:pt x="619" y="195"/>
                    </a:lnTo>
                    <a:lnTo>
                      <a:pt x="621" y="203"/>
                    </a:lnTo>
                    <a:lnTo>
                      <a:pt x="623" y="213"/>
                    </a:lnTo>
                    <a:lnTo>
                      <a:pt x="623" y="224"/>
                    </a:lnTo>
                    <a:lnTo>
                      <a:pt x="625" y="234"/>
                    </a:lnTo>
                    <a:lnTo>
                      <a:pt x="625" y="237"/>
                    </a:lnTo>
                    <a:lnTo>
                      <a:pt x="625" y="242"/>
                    </a:lnTo>
                    <a:lnTo>
                      <a:pt x="625" y="249"/>
                    </a:lnTo>
                    <a:lnTo>
                      <a:pt x="625" y="256"/>
                    </a:lnTo>
                    <a:lnTo>
                      <a:pt x="625" y="263"/>
                    </a:lnTo>
                    <a:lnTo>
                      <a:pt x="625" y="268"/>
                    </a:lnTo>
                    <a:lnTo>
                      <a:pt x="625" y="273"/>
                    </a:lnTo>
                    <a:lnTo>
                      <a:pt x="625" y="274"/>
                    </a:lnTo>
                    <a:lnTo>
                      <a:pt x="633" y="288"/>
                    </a:lnTo>
                    <a:lnTo>
                      <a:pt x="630" y="310"/>
                    </a:lnTo>
                    <a:lnTo>
                      <a:pt x="633" y="340"/>
                    </a:lnTo>
                    <a:lnTo>
                      <a:pt x="643" y="354"/>
                    </a:lnTo>
                    <a:lnTo>
                      <a:pt x="648" y="367"/>
                    </a:lnTo>
                    <a:lnTo>
                      <a:pt x="647" y="405"/>
                    </a:lnTo>
                    <a:lnTo>
                      <a:pt x="647" y="406"/>
                    </a:lnTo>
                    <a:lnTo>
                      <a:pt x="645" y="406"/>
                    </a:lnTo>
                    <a:lnTo>
                      <a:pt x="640" y="406"/>
                    </a:lnTo>
                    <a:lnTo>
                      <a:pt x="631" y="405"/>
                    </a:lnTo>
                    <a:lnTo>
                      <a:pt x="621" y="405"/>
                    </a:lnTo>
                    <a:lnTo>
                      <a:pt x="608" y="405"/>
                    </a:lnTo>
                    <a:lnTo>
                      <a:pt x="591" y="405"/>
                    </a:lnTo>
                    <a:lnTo>
                      <a:pt x="574" y="403"/>
                    </a:lnTo>
                    <a:lnTo>
                      <a:pt x="553" y="403"/>
                    </a:lnTo>
                    <a:lnTo>
                      <a:pt x="531" y="403"/>
                    </a:lnTo>
                    <a:lnTo>
                      <a:pt x="508" y="401"/>
                    </a:lnTo>
                    <a:lnTo>
                      <a:pt x="482" y="401"/>
                    </a:lnTo>
                    <a:lnTo>
                      <a:pt x="457" y="401"/>
                    </a:lnTo>
                    <a:lnTo>
                      <a:pt x="430" y="400"/>
                    </a:lnTo>
                    <a:lnTo>
                      <a:pt x="401" y="398"/>
                    </a:lnTo>
                    <a:lnTo>
                      <a:pt x="372" y="398"/>
                    </a:lnTo>
                    <a:lnTo>
                      <a:pt x="344" y="396"/>
                    </a:lnTo>
                    <a:lnTo>
                      <a:pt x="315" y="396"/>
                    </a:lnTo>
                    <a:lnTo>
                      <a:pt x="286" y="395"/>
                    </a:lnTo>
                    <a:lnTo>
                      <a:pt x="257" y="393"/>
                    </a:lnTo>
                    <a:lnTo>
                      <a:pt x="229" y="393"/>
                    </a:lnTo>
                    <a:lnTo>
                      <a:pt x="201" y="391"/>
                    </a:lnTo>
                    <a:lnTo>
                      <a:pt x="174" y="389"/>
                    </a:lnTo>
                    <a:lnTo>
                      <a:pt x="149" y="389"/>
                    </a:lnTo>
                    <a:lnTo>
                      <a:pt x="124" y="388"/>
                    </a:lnTo>
                    <a:lnTo>
                      <a:pt x="102" y="388"/>
                    </a:lnTo>
                    <a:lnTo>
                      <a:pt x="80" y="386"/>
                    </a:lnTo>
                    <a:lnTo>
                      <a:pt x="61" y="384"/>
                    </a:lnTo>
                    <a:lnTo>
                      <a:pt x="44" y="383"/>
                    </a:lnTo>
                    <a:lnTo>
                      <a:pt x="29" y="383"/>
                    </a:lnTo>
                    <a:lnTo>
                      <a:pt x="17" y="381"/>
                    </a:lnTo>
                    <a:lnTo>
                      <a:pt x="7" y="379"/>
                    </a:lnTo>
                    <a:lnTo>
                      <a:pt x="0" y="37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02" name="Freeform 58"/>
              <p:cNvSpPr>
                <a:spLocks/>
              </p:cNvSpPr>
              <p:nvPr/>
            </p:nvSpPr>
            <p:spPr bwMode="auto">
              <a:xfrm>
                <a:off x="2682" y="1797"/>
                <a:ext cx="572" cy="385"/>
              </a:xfrm>
              <a:custGeom>
                <a:avLst/>
                <a:gdLst>
                  <a:gd name="T0" fmla="*/ 47 w 588"/>
                  <a:gd name="T1" fmla="*/ 239 h 397"/>
                  <a:gd name="T2" fmla="*/ 46 w 588"/>
                  <a:gd name="T3" fmla="*/ 227 h 397"/>
                  <a:gd name="T4" fmla="*/ 47 w 588"/>
                  <a:gd name="T5" fmla="*/ 211 h 397"/>
                  <a:gd name="T6" fmla="*/ 48 w 588"/>
                  <a:gd name="T7" fmla="*/ 204 h 397"/>
                  <a:gd name="T8" fmla="*/ 42 w 588"/>
                  <a:gd name="T9" fmla="*/ 174 h 397"/>
                  <a:gd name="T10" fmla="*/ 32 w 588"/>
                  <a:gd name="T11" fmla="*/ 162 h 397"/>
                  <a:gd name="T12" fmla="*/ 34 w 588"/>
                  <a:gd name="T13" fmla="*/ 153 h 397"/>
                  <a:gd name="T14" fmla="*/ 27 w 588"/>
                  <a:gd name="T15" fmla="*/ 136 h 397"/>
                  <a:gd name="T16" fmla="*/ 20 w 588"/>
                  <a:gd name="T17" fmla="*/ 130 h 397"/>
                  <a:gd name="T18" fmla="*/ 18 w 588"/>
                  <a:gd name="T19" fmla="*/ 119 h 397"/>
                  <a:gd name="T20" fmla="*/ 18 w 588"/>
                  <a:gd name="T21" fmla="*/ 112 h 397"/>
                  <a:gd name="T22" fmla="*/ 0 w 588"/>
                  <a:gd name="T23" fmla="*/ 73 h 397"/>
                  <a:gd name="T24" fmla="*/ 4 w 588"/>
                  <a:gd name="T25" fmla="*/ 26 h 397"/>
                  <a:gd name="T26" fmla="*/ 4 w 588"/>
                  <a:gd name="T27" fmla="*/ 13 h 397"/>
                  <a:gd name="T28" fmla="*/ 18 w 588"/>
                  <a:gd name="T29" fmla="*/ 12 h 397"/>
                  <a:gd name="T30" fmla="*/ 46 w 588"/>
                  <a:gd name="T31" fmla="*/ 12 h 397"/>
                  <a:gd name="T32" fmla="*/ 89 w 588"/>
                  <a:gd name="T33" fmla="*/ 12 h 397"/>
                  <a:gd name="T34" fmla="*/ 141 w 588"/>
                  <a:gd name="T35" fmla="*/ 10 h 397"/>
                  <a:gd name="T36" fmla="*/ 197 w 588"/>
                  <a:gd name="T37" fmla="*/ 10 h 397"/>
                  <a:gd name="T38" fmla="*/ 251 w 588"/>
                  <a:gd name="T39" fmla="*/ 8 h 397"/>
                  <a:gd name="T40" fmla="*/ 294 w 588"/>
                  <a:gd name="T41" fmla="*/ 5 h 397"/>
                  <a:gd name="T42" fmla="*/ 322 w 588"/>
                  <a:gd name="T43" fmla="*/ 1 h 397"/>
                  <a:gd name="T44" fmla="*/ 333 w 588"/>
                  <a:gd name="T45" fmla="*/ 16 h 397"/>
                  <a:gd name="T46" fmla="*/ 337 w 588"/>
                  <a:gd name="T47" fmla="*/ 16 h 397"/>
                  <a:gd name="T48" fmla="*/ 331 w 588"/>
                  <a:gd name="T49" fmla="*/ 36 h 397"/>
                  <a:gd name="T50" fmla="*/ 333 w 588"/>
                  <a:gd name="T51" fmla="*/ 45 h 397"/>
                  <a:gd name="T52" fmla="*/ 339 w 588"/>
                  <a:gd name="T53" fmla="*/ 55 h 397"/>
                  <a:gd name="T54" fmla="*/ 340 w 588"/>
                  <a:gd name="T55" fmla="*/ 63 h 397"/>
                  <a:gd name="T56" fmla="*/ 357 w 588"/>
                  <a:gd name="T57" fmla="*/ 69 h 397"/>
                  <a:gd name="T58" fmla="*/ 362 w 588"/>
                  <a:gd name="T59" fmla="*/ 71 h 397"/>
                  <a:gd name="T60" fmla="*/ 367 w 588"/>
                  <a:gd name="T61" fmla="*/ 80 h 397"/>
                  <a:gd name="T62" fmla="*/ 368 w 588"/>
                  <a:gd name="T63" fmla="*/ 84 h 397"/>
                  <a:gd name="T64" fmla="*/ 378 w 588"/>
                  <a:gd name="T65" fmla="*/ 91 h 397"/>
                  <a:gd name="T66" fmla="*/ 383 w 588"/>
                  <a:gd name="T67" fmla="*/ 98 h 397"/>
                  <a:gd name="T68" fmla="*/ 382 w 588"/>
                  <a:gd name="T69" fmla="*/ 101 h 397"/>
                  <a:gd name="T70" fmla="*/ 393 w 588"/>
                  <a:gd name="T71" fmla="*/ 108 h 397"/>
                  <a:gd name="T72" fmla="*/ 400 w 588"/>
                  <a:gd name="T73" fmla="*/ 123 h 397"/>
                  <a:gd name="T74" fmla="*/ 391 w 588"/>
                  <a:gd name="T75" fmla="*/ 140 h 397"/>
                  <a:gd name="T76" fmla="*/ 388 w 588"/>
                  <a:gd name="T77" fmla="*/ 146 h 397"/>
                  <a:gd name="T78" fmla="*/ 388 w 588"/>
                  <a:gd name="T79" fmla="*/ 156 h 397"/>
                  <a:gd name="T80" fmla="*/ 381 w 588"/>
                  <a:gd name="T81" fmla="*/ 161 h 397"/>
                  <a:gd name="T82" fmla="*/ 375 w 588"/>
                  <a:gd name="T83" fmla="*/ 162 h 397"/>
                  <a:gd name="T84" fmla="*/ 369 w 588"/>
                  <a:gd name="T85" fmla="*/ 166 h 397"/>
                  <a:gd name="T86" fmla="*/ 351 w 588"/>
                  <a:gd name="T87" fmla="*/ 171 h 397"/>
                  <a:gd name="T88" fmla="*/ 345 w 588"/>
                  <a:gd name="T89" fmla="*/ 183 h 397"/>
                  <a:gd name="T90" fmla="*/ 355 w 588"/>
                  <a:gd name="T91" fmla="*/ 201 h 397"/>
                  <a:gd name="T92" fmla="*/ 354 w 588"/>
                  <a:gd name="T93" fmla="*/ 211 h 397"/>
                  <a:gd name="T94" fmla="*/ 348 w 588"/>
                  <a:gd name="T95" fmla="*/ 220 h 397"/>
                  <a:gd name="T96" fmla="*/ 347 w 588"/>
                  <a:gd name="T97" fmla="*/ 225 h 397"/>
                  <a:gd name="T98" fmla="*/ 345 w 588"/>
                  <a:gd name="T99" fmla="*/ 229 h 397"/>
                  <a:gd name="T100" fmla="*/ 339 w 588"/>
                  <a:gd name="T101" fmla="*/ 234 h 397"/>
                  <a:gd name="T102" fmla="*/ 329 w 588"/>
                  <a:gd name="T103" fmla="*/ 241 h 397"/>
                  <a:gd name="T104" fmla="*/ 330 w 588"/>
                  <a:gd name="T105" fmla="*/ 248 h 397"/>
                  <a:gd name="T106" fmla="*/ 331 w 588"/>
                  <a:gd name="T107" fmla="*/ 252 h 397"/>
                  <a:gd name="T108" fmla="*/ 327 w 588"/>
                  <a:gd name="T109" fmla="*/ 257 h 397"/>
                  <a:gd name="T110" fmla="*/ 321 w 588"/>
                  <a:gd name="T111" fmla="*/ 254 h 397"/>
                  <a:gd name="T112" fmla="*/ 310 w 588"/>
                  <a:gd name="T113" fmla="*/ 241 h 397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588"/>
                  <a:gd name="T172" fmla="*/ 0 h 397"/>
                  <a:gd name="T173" fmla="*/ 588 w 588"/>
                  <a:gd name="T174" fmla="*/ 397 h 397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588" h="397">
                    <a:moveTo>
                      <a:pt x="75" y="379"/>
                    </a:moveTo>
                    <a:lnTo>
                      <a:pt x="72" y="375"/>
                    </a:lnTo>
                    <a:lnTo>
                      <a:pt x="70" y="372"/>
                    </a:lnTo>
                    <a:lnTo>
                      <a:pt x="68" y="367"/>
                    </a:lnTo>
                    <a:lnTo>
                      <a:pt x="68" y="362"/>
                    </a:lnTo>
                    <a:lnTo>
                      <a:pt x="66" y="357"/>
                    </a:lnTo>
                    <a:lnTo>
                      <a:pt x="66" y="352"/>
                    </a:lnTo>
                    <a:lnTo>
                      <a:pt x="66" y="347"/>
                    </a:lnTo>
                    <a:lnTo>
                      <a:pt x="66" y="340"/>
                    </a:lnTo>
                    <a:lnTo>
                      <a:pt x="68" y="335"/>
                    </a:lnTo>
                    <a:lnTo>
                      <a:pt x="68" y="330"/>
                    </a:lnTo>
                    <a:lnTo>
                      <a:pt x="68" y="325"/>
                    </a:lnTo>
                    <a:lnTo>
                      <a:pt x="68" y="321"/>
                    </a:lnTo>
                    <a:lnTo>
                      <a:pt x="70" y="318"/>
                    </a:lnTo>
                    <a:lnTo>
                      <a:pt x="70" y="315"/>
                    </a:lnTo>
                    <a:lnTo>
                      <a:pt x="70" y="313"/>
                    </a:lnTo>
                    <a:lnTo>
                      <a:pt x="63" y="304"/>
                    </a:lnTo>
                    <a:lnTo>
                      <a:pt x="61" y="272"/>
                    </a:lnTo>
                    <a:lnTo>
                      <a:pt x="58" y="267"/>
                    </a:lnTo>
                    <a:lnTo>
                      <a:pt x="53" y="264"/>
                    </a:lnTo>
                    <a:lnTo>
                      <a:pt x="50" y="259"/>
                    </a:lnTo>
                    <a:lnTo>
                      <a:pt x="46" y="254"/>
                    </a:lnTo>
                    <a:lnTo>
                      <a:pt x="46" y="249"/>
                    </a:lnTo>
                    <a:lnTo>
                      <a:pt x="46" y="243"/>
                    </a:lnTo>
                    <a:lnTo>
                      <a:pt x="46" y="240"/>
                    </a:lnTo>
                    <a:lnTo>
                      <a:pt x="46" y="237"/>
                    </a:lnTo>
                    <a:lnTo>
                      <a:pt x="48" y="235"/>
                    </a:lnTo>
                    <a:lnTo>
                      <a:pt x="46" y="227"/>
                    </a:lnTo>
                    <a:lnTo>
                      <a:pt x="46" y="218"/>
                    </a:lnTo>
                    <a:lnTo>
                      <a:pt x="44" y="213"/>
                    </a:lnTo>
                    <a:lnTo>
                      <a:pt x="41" y="208"/>
                    </a:lnTo>
                    <a:lnTo>
                      <a:pt x="39" y="205"/>
                    </a:lnTo>
                    <a:lnTo>
                      <a:pt x="38" y="203"/>
                    </a:lnTo>
                    <a:lnTo>
                      <a:pt x="36" y="201"/>
                    </a:lnTo>
                    <a:lnTo>
                      <a:pt x="34" y="199"/>
                    </a:lnTo>
                    <a:lnTo>
                      <a:pt x="29" y="196"/>
                    </a:lnTo>
                    <a:lnTo>
                      <a:pt x="28" y="193"/>
                    </a:lnTo>
                    <a:lnTo>
                      <a:pt x="24" y="188"/>
                    </a:lnTo>
                    <a:lnTo>
                      <a:pt x="24" y="183"/>
                    </a:lnTo>
                    <a:lnTo>
                      <a:pt x="22" y="179"/>
                    </a:lnTo>
                    <a:lnTo>
                      <a:pt x="22" y="174"/>
                    </a:lnTo>
                    <a:lnTo>
                      <a:pt x="22" y="172"/>
                    </a:lnTo>
                    <a:lnTo>
                      <a:pt x="17" y="159"/>
                    </a:lnTo>
                    <a:lnTo>
                      <a:pt x="17" y="144"/>
                    </a:lnTo>
                    <a:lnTo>
                      <a:pt x="9" y="123"/>
                    </a:lnTo>
                    <a:lnTo>
                      <a:pt x="0" y="111"/>
                    </a:lnTo>
                    <a:lnTo>
                      <a:pt x="2" y="103"/>
                    </a:lnTo>
                    <a:lnTo>
                      <a:pt x="16" y="49"/>
                    </a:lnTo>
                    <a:lnTo>
                      <a:pt x="2" y="49"/>
                    </a:lnTo>
                    <a:lnTo>
                      <a:pt x="4" y="40"/>
                    </a:lnTo>
                    <a:lnTo>
                      <a:pt x="7" y="35"/>
                    </a:lnTo>
                    <a:lnTo>
                      <a:pt x="6" y="27"/>
                    </a:lnTo>
                    <a:lnTo>
                      <a:pt x="2" y="18"/>
                    </a:lnTo>
                    <a:lnTo>
                      <a:pt x="4" y="13"/>
                    </a:lnTo>
                    <a:lnTo>
                      <a:pt x="16" y="13"/>
                    </a:lnTo>
                    <a:lnTo>
                      <a:pt x="16" y="12"/>
                    </a:lnTo>
                    <a:lnTo>
                      <a:pt x="19" y="12"/>
                    </a:lnTo>
                    <a:lnTo>
                      <a:pt x="26" y="12"/>
                    </a:lnTo>
                    <a:lnTo>
                      <a:pt x="33" y="12"/>
                    </a:lnTo>
                    <a:lnTo>
                      <a:pt x="43" y="12"/>
                    </a:lnTo>
                    <a:lnTo>
                      <a:pt x="53" y="12"/>
                    </a:lnTo>
                    <a:lnTo>
                      <a:pt x="66" y="12"/>
                    </a:lnTo>
                    <a:lnTo>
                      <a:pt x="80" y="12"/>
                    </a:lnTo>
                    <a:lnTo>
                      <a:pt x="97" y="12"/>
                    </a:lnTo>
                    <a:lnTo>
                      <a:pt x="112" y="12"/>
                    </a:lnTo>
                    <a:lnTo>
                      <a:pt x="131" y="12"/>
                    </a:lnTo>
                    <a:lnTo>
                      <a:pt x="149" y="12"/>
                    </a:lnTo>
                    <a:lnTo>
                      <a:pt x="168" y="12"/>
                    </a:lnTo>
                    <a:lnTo>
                      <a:pt x="188" y="10"/>
                    </a:lnTo>
                    <a:lnTo>
                      <a:pt x="207" y="10"/>
                    </a:lnTo>
                    <a:lnTo>
                      <a:pt x="227" y="10"/>
                    </a:lnTo>
                    <a:lnTo>
                      <a:pt x="249" y="10"/>
                    </a:lnTo>
                    <a:lnTo>
                      <a:pt x="270" y="10"/>
                    </a:lnTo>
                    <a:lnTo>
                      <a:pt x="290" y="10"/>
                    </a:lnTo>
                    <a:lnTo>
                      <a:pt x="310" y="8"/>
                    </a:lnTo>
                    <a:lnTo>
                      <a:pt x="329" y="8"/>
                    </a:lnTo>
                    <a:lnTo>
                      <a:pt x="349" y="8"/>
                    </a:lnTo>
                    <a:lnTo>
                      <a:pt x="368" y="8"/>
                    </a:lnTo>
                    <a:lnTo>
                      <a:pt x="385" y="7"/>
                    </a:lnTo>
                    <a:lnTo>
                      <a:pt x="402" y="7"/>
                    </a:lnTo>
                    <a:lnTo>
                      <a:pt x="418" y="7"/>
                    </a:lnTo>
                    <a:lnTo>
                      <a:pt x="432" y="5"/>
                    </a:lnTo>
                    <a:lnTo>
                      <a:pt x="446" y="5"/>
                    </a:lnTo>
                    <a:lnTo>
                      <a:pt x="456" y="3"/>
                    </a:lnTo>
                    <a:lnTo>
                      <a:pt x="466" y="3"/>
                    </a:lnTo>
                    <a:lnTo>
                      <a:pt x="474" y="1"/>
                    </a:lnTo>
                    <a:lnTo>
                      <a:pt x="479" y="0"/>
                    </a:lnTo>
                    <a:lnTo>
                      <a:pt x="479" y="1"/>
                    </a:lnTo>
                    <a:lnTo>
                      <a:pt x="488" y="22"/>
                    </a:lnTo>
                    <a:lnTo>
                      <a:pt x="490" y="22"/>
                    </a:lnTo>
                    <a:lnTo>
                      <a:pt x="490" y="23"/>
                    </a:lnTo>
                    <a:lnTo>
                      <a:pt x="491" y="23"/>
                    </a:lnTo>
                    <a:lnTo>
                      <a:pt x="493" y="25"/>
                    </a:lnTo>
                    <a:lnTo>
                      <a:pt x="495" y="29"/>
                    </a:lnTo>
                    <a:lnTo>
                      <a:pt x="495" y="34"/>
                    </a:lnTo>
                    <a:lnTo>
                      <a:pt x="493" y="39"/>
                    </a:lnTo>
                    <a:lnTo>
                      <a:pt x="490" y="47"/>
                    </a:lnTo>
                    <a:lnTo>
                      <a:pt x="488" y="52"/>
                    </a:lnTo>
                    <a:lnTo>
                      <a:pt x="486" y="56"/>
                    </a:lnTo>
                    <a:lnTo>
                      <a:pt x="488" y="61"/>
                    </a:lnTo>
                    <a:lnTo>
                      <a:pt x="488" y="64"/>
                    </a:lnTo>
                    <a:lnTo>
                      <a:pt x="490" y="69"/>
                    </a:lnTo>
                    <a:lnTo>
                      <a:pt x="491" y="73"/>
                    </a:lnTo>
                    <a:lnTo>
                      <a:pt x="495" y="76"/>
                    </a:lnTo>
                    <a:lnTo>
                      <a:pt x="496" y="81"/>
                    </a:lnTo>
                    <a:lnTo>
                      <a:pt x="500" y="84"/>
                    </a:lnTo>
                    <a:lnTo>
                      <a:pt x="501" y="89"/>
                    </a:lnTo>
                    <a:lnTo>
                      <a:pt x="501" y="91"/>
                    </a:lnTo>
                    <a:lnTo>
                      <a:pt x="501" y="95"/>
                    </a:lnTo>
                    <a:lnTo>
                      <a:pt x="501" y="96"/>
                    </a:lnTo>
                    <a:lnTo>
                      <a:pt x="501" y="98"/>
                    </a:lnTo>
                    <a:lnTo>
                      <a:pt x="525" y="105"/>
                    </a:lnTo>
                    <a:lnTo>
                      <a:pt x="527" y="106"/>
                    </a:lnTo>
                    <a:lnTo>
                      <a:pt x="530" y="106"/>
                    </a:lnTo>
                    <a:lnTo>
                      <a:pt x="532" y="108"/>
                    </a:lnTo>
                    <a:lnTo>
                      <a:pt x="535" y="111"/>
                    </a:lnTo>
                    <a:lnTo>
                      <a:pt x="537" y="115"/>
                    </a:lnTo>
                    <a:lnTo>
                      <a:pt x="539" y="120"/>
                    </a:lnTo>
                    <a:lnTo>
                      <a:pt x="540" y="125"/>
                    </a:lnTo>
                    <a:lnTo>
                      <a:pt x="540" y="127"/>
                    </a:lnTo>
                    <a:lnTo>
                      <a:pt x="540" y="128"/>
                    </a:lnTo>
                    <a:lnTo>
                      <a:pt x="542" y="130"/>
                    </a:lnTo>
                    <a:lnTo>
                      <a:pt x="545" y="132"/>
                    </a:lnTo>
                    <a:lnTo>
                      <a:pt x="547" y="133"/>
                    </a:lnTo>
                    <a:lnTo>
                      <a:pt x="552" y="135"/>
                    </a:lnTo>
                    <a:lnTo>
                      <a:pt x="556" y="139"/>
                    </a:lnTo>
                    <a:lnTo>
                      <a:pt x="561" y="142"/>
                    </a:lnTo>
                    <a:lnTo>
                      <a:pt x="564" y="145"/>
                    </a:lnTo>
                    <a:lnTo>
                      <a:pt x="564" y="149"/>
                    </a:lnTo>
                    <a:lnTo>
                      <a:pt x="564" y="150"/>
                    </a:lnTo>
                    <a:lnTo>
                      <a:pt x="564" y="152"/>
                    </a:lnTo>
                    <a:lnTo>
                      <a:pt x="562" y="154"/>
                    </a:lnTo>
                    <a:lnTo>
                      <a:pt x="562" y="155"/>
                    </a:lnTo>
                    <a:lnTo>
                      <a:pt x="572" y="162"/>
                    </a:lnTo>
                    <a:lnTo>
                      <a:pt x="574" y="162"/>
                    </a:lnTo>
                    <a:lnTo>
                      <a:pt x="576" y="164"/>
                    </a:lnTo>
                    <a:lnTo>
                      <a:pt x="579" y="166"/>
                    </a:lnTo>
                    <a:lnTo>
                      <a:pt x="584" y="169"/>
                    </a:lnTo>
                    <a:lnTo>
                      <a:pt x="586" y="174"/>
                    </a:lnTo>
                    <a:lnTo>
                      <a:pt x="588" y="181"/>
                    </a:lnTo>
                    <a:lnTo>
                      <a:pt x="588" y="189"/>
                    </a:lnTo>
                    <a:lnTo>
                      <a:pt x="586" y="201"/>
                    </a:lnTo>
                    <a:lnTo>
                      <a:pt x="583" y="210"/>
                    </a:lnTo>
                    <a:lnTo>
                      <a:pt x="579" y="213"/>
                    </a:lnTo>
                    <a:lnTo>
                      <a:pt x="576" y="215"/>
                    </a:lnTo>
                    <a:lnTo>
                      <a:pt x="574" y="213"/>
                    </a:lnTo>
                    <a:lnTo>
                      <a:pt x="572" y="215"/>
                    </a:lnTo>
                    <a:lnTo>
                      <a:pt x="572" y="216"/>
                    </a:lnTo>
                    <a:lnTo>
                      <a:pt x="571" y="225"/>
                    </a:lnTo>
                    <a:lnTo>
                      <a:pt x="571" y="238"/>
                    </a:lnTo>
                    <a:lnTo>
                      <a:pt x="571" y="240"/>
                    </a:lnTo>
                    <a:lnTo>
                      <a:pt x="569" y="242"/>
                    </a:lnTo>
                    <a:lnTo>
                      <a:pt x="567" y="243"/>
                    </a:lnTo>
                    <a:lnTo>
                      <a:pt x="564" y="245"/>
                    </a:lnTo>
                    <a:lnTo>
                      <a:pt x="561" y="247"/>
                    </a:lnTo>
                    <a:lnTo>
                      <a:pt x="554" y="247"/>
                    </a:lnTo>
                    <a:lnTo>
                      <a:pt x="552" y="247"/>
                    </a:lnTo>
                    <a:lnTo>
                      <a:pt x="552" y="249"/>
                    </a:lnTo>
                    <a:lnTo>
                      <a:pt x="552" y="250"/>
                    </a:lnTo>
                    <a:lnTo>
                      <a:pt x="550" y="252"/>
                    </a:lnTo>
                    <a:lnTo>
                      <a:pt x="549" y="254"/>
                    </a:lnTo>
                    <a:lnTo>
                      <a:pt x="544" y="255"/>
                    </a:lnTo>
                    <a:lnTo>
                      <a:pt x="537" y="257"/>
                    </a:lnTo>
                    <a:lnTo>
                      <a:pt x="530" y="257"/>
                    </a:lnTo>
                    <a:lnTo>
                      <a:pt x="523" y="259"/>
                    </a:lnTo>
                    <a:lnTo>
                      <a:pt x="517" y="262"/>
                    </a:lnTo>
                    <a:lnTo>
                      <a:pt x="512" y="265"/>
                    </a:lnTo>
                    <a:lnTo>
                      <a:pt x="508" y="269"/>
                    </a:lnTo>
                    <a:lnTo>
                      <a:pt x="508" y="276"/>
                    </a:lnTo>
                    <a:lnTo>
                      <a:pt x="508" y="282"/>
                    </a:lnTo>
                    <a:lnTo>
                      <a:pt x="512" y="291"/>
                    </a:lnTo>
                    <a:lnTo>
                      <a:pt x="515" y="299"/>
                    </a:lnTo>
                    <a:lnTo>
                      <a:pt x="520" y="304"/>
                    </a:lnTo>
                    <a:lnTo>
                      <a:pt x="522" y="309"/>
                    </a:lnTo>
                    <a:lnTo>
                      <a:pt x="523" y="313"/>
                    </a:lnTo>
                    <a:lnTo>
                      <a:pt x="525" y="318"/>
                    </a:lnTo>
                    <a:lnTo>
                      <a:pt x="523" y="321"/>
                    </a:lnTo>
                    <a:lnTo>
                      <a:pt x="520" y="325"/>
                    </a:lnTo>
                    <a:lnTo>
                      <a:pt x="515" y="331"/>
                    </a:lnTo>
                    <a:lnTo>
                      <a:pt x="515" y="335"/>
                    </a:lnTo>
                    <a:lnTo>
                      <a:pt x="513" y="337"/>
                    </a:lnTo>
                    <a:lnTo>
                      <a:pt x="512" y="340"/>
                    </a:lnTo>
                    <a:lnTo>
                      <a:pt x="512" y="342"/>
                    </a:lnTo>
                    <a:lnTo>
                      <a:pt x="510" y="343"/>
                    </a:lnTo>
                    <a:lnTo>
                      <a:pt x="510" y="345"/>
                    </a:lnTo>
                    <a:lnTo>
                      <a:pt x="510" y="347"/>
                    </a:lnTo>
                    <a:lnTo>
                      <a:pt x="508" y="348"/>
                    </a:lnTo>
                    <a:lnTo>
                      <a:pt x="508" y="352"/>
                    </a:lnTo>
                    <a:lnTo>
                      <a:pt x="508" y="353"/>
                    </a:lnTo>
                    <a:lnTo>
                      <a:pt x="506" y="357"/>
                    </a:lnTo>
                    <a:lnTo>
                      <a:pt x="503" y="359"/>
                    </a:lnTo>
                    <a:lnTo>
                      <a:pt x="498" y="360"/>
                    </a:lnTo>
                    <a:lnTo>
                      <a:pt x="493" y="362"/>
                    </a:lnTo>
                    <a:lnTo>
                      <a:pt x="488" y="364"/>
                    </a:lnTo>
                    <a:lnTo>
                      <a:pt x="484" y="365"/>
                    </a:lnTo>
                    <a:lnTo>
                      <a:pt x="483" y="369"/>
                    </a:lnTo>
                    <a:lnTo>
                      <a:pt x="483" y="372"/>
                    </a:lnTo>
                    <a:lnTo>
                      <a:pt x="483" y="375"/>
                    </a:lnTo>
                    <a:lnTo>
                      <a:pt x="484" y="377"/>
                    </a:lnTo>
                    <a:lnTo>
                      <a:pt x="486" y="381"/>
                    </a:lnTo>
                    <a:lnTo>
                      <a:pt x="488" y="382"/>
                    </a:lnTo>
                    <a:lnTo>
                      <a:pt x="488" y="384"/>
                    </a:lnTo>
                    <a:lnTo>
                      <a:pt x="488" y="387"/>
                    </a:lnTo>
                    <a:lnTo>
                      <a:pt x="486" y="389"/>
                    </a:lnTo>
                    <a:lnTo>
                      <a:pt x="484" y="392"/>
                    </a:lnTo>
                    <a:lnTo>
                      <a:pt x="483" y="394"/>
                    </a:lnTo>
                    <a:lnTo>
                      <a:pt x="481" y="396"/>
                    </a:lnTo>
                    <a:lnTo>
                      <a:pt x="479" y="397"/>
                    </a:lnTo>
                    <a:lnTo>
                      <a:pt x="478" y="397"/>
                    </a:lnTo>
                    <a:lnTo>
                      <a:pt x="476" y="394"/>
                    </a:lnTo>
                    <a:lnTo>
                      <a:pt x="471" y="389"/>
                    </a:lnTo>
                    <a:lnTo>
                      <a:pt x="466" y="384"/>
                    </a:lnTo>
                    <a:lnTo>
                      <a:pt x="462" y="379"/>
                    </a:lnTo>
                    <a:lnTo>
                      <a:pt x="457" y="374"/>
                    </a:lnTo>
                    <a:lnTo>
                      <a:pt x="456" y="370"/>
                    </a:lnTo>
                    <a:lnTo>
                      <a:pt x="454" y="369"/>
                    </a:lnTo>
                    <a:lnTo>
                      <a:pt x="75" y="37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03" name="Freeform 59"/>
              <p:cNvSpPr>
                <a:spLocks/>
              </p:cNvSpPr>
              <p:nvPr/>
            </p:nvSpPr>
            <p:spPr bwMode="auto">
              <a:xfrm>
                <a:off x="2869" y="2644"/>
                <a:ext cx="478" cy="439"/>
              </a:xfrm>
              <a:custGeom>
                <a:avLst/>
                <a:gdLst>
                  <a:gd name="T0" fmla="*/ 242 w 492"/>
                  <a:gd name="T1" fmla="*/ 294 h 452"/>
                  <a:gd name="T2" fmla="*/ 243 w 492"/>
                  <a:gd name="T3" fmla="*/ 287 h 452"/>
                  <a:gd name="T4" fmla="*/ 244 w 492"/>
                  <a:gd name="T5" fmla="*/ 283 h 452"/>
                  <a:gd name="T6" fmla="*/ 247 w 492"/>
                  <a:gd name="T7" fmla="*/ 280 h 452"/>
                  <a:gd name="T8" fmla="*/ 247 w 492"/>
                  <a:gd name="T9" fmla="*/ 276 h 452"/>
                  <a:gd name="T10" fmla="*/ 242 w 492"/>
                  <a:gd name="T11" fmla="*/ 262 h 452"/>
                  <a:gd name="T12" fmla="*/ 237 w 492"/>
                  <a:gd name="T13" fmla="*/ 246 h 452"/>
                  <a:gd name="T14" fmla="*/ 239 w 492"/>
                  <a:gd name="T15" fmla="*/ 241 h 452"/>
                  <a:gd name="T16" fmla="*/ 247 w 492"/>
                  <a:gd name="T17" fmla="*/ 238 h 452"/>
                  <a:gd name="T18" fmla="*/ 247 w 492"/>
                  <a:gd name="T19" fmla="*/ 234 h 452"/>
                  <a:gd name="T20" fmla="*/ 243 w 492"/>
                  <a:gd name="T21" fmla="*/ 233 h 452"/>
                  <a:gd name="T22" fmla="*/ 243 w 492"/>
                  <a:gd name="T23" fmla="*/ 231 h 452"/>
                  <a:gd name="T24" fmla="*/ 247 w 492"/>
                  <a:gd name="T25" fmla="*/ 226 h 452"/>
                  <a:gd name="T26" fmla="*/ 247 w 492"/>
                  <a:gd name="T27" fmla="*/ 222 h 452"/>
                  <a:gd name="T28" fmla="*/ 245 w 492"/>
                  <a:gd name="T29" fmla="*/ 218 h 452"/>
                  <a:gd name="T30" fmla="*/ 247 w 492"/>
                  <a:gd name="T31" fmla="*/ 213 h 452"/>
                  <a:gd name="T32" fmla="*/ 251 w 492"/>
                  <a:gd name="T33" fmla="*/ 210 h 452"/>
                  <a:gd name="T34" fmla="*/ 254 w 492"/>
                  <a:gd name="T35" fmla="*/ 207 h 452"/>
                  <a:gd name="T36" fmla="*/ 253 w 492"/>
                  <a:gd name="T37" fmla="*/ 202 h 452"/>
                  <a:gd name="T38" fmla="*/ 258 w 492"/>
                  <a:gd name="T39" fmla="*/ 190 h 452"/>
                  <a:gd name="T40" fmla="*/ 278 w 492"/>
                  <a:gd name="T41" fmla="*/ 175 h 452"/>
                  <a:gd name="T42" fmla="*/ 294 w 492"/>
                  <a:gd name="T43" fmla="*/ 136 h 452"/>
                  <a:gd name="T44" fmla="*/ 295 w 492"/>
                  <a:gd name="T45" fmla="*/ 134 h 452"/>
                  <a:gd name="T46" fmla="*/ 297 w 492"/>
                  <a:gd name="T47" fmla="*/ 130 h 452"/>
                  <a:gd name="T48" fmla="*/ 293 w 492"/>
                  <a:gd name="T49" fmla="*/ 128 h 452"/>
                  <a:gd name="T50" fmla="*/ 294 w 492"/>
                  <a:gd name="T51" fmla="*/ 125 h 452"/>
                  <a:gd name="T52" fmla="*/ 301 w 492"/>
                  <a:gd name="T53" fmla="*/ 120 h 452"/>
                  <a:gd name="T54" fmla="*/ 306 w 492"/>
                  <a:gd name="T55" fmla="*/ 112 h 452"/>
                  <a:gd name="T56" fmla="*/ 305 w 492"/>
                  <a:gd name="T57" fmla="*/ 103 h 452"/>
                  <a:gd name="T58" fmla="*/ 302 w 492"/>
                  <a:gd name="T59" fmla="*/ 100 h 452"/>
                  <a:gd name="T60" fmla="*/ 307 w 492"/>
                  <a:gd name="T61" fmla="*/ 88 h 452"/>
                  <a:gd name="T62" fmla="*/ 312 w 492"/>
                  <a:gd name="T63" fmla="*/ 83 h 452"/>
                  <a:gd name="T64" fmla="*/ 315 w 492"/>
                  <a:gd name="T65" fmla="*/ 80 h 452"/>
                  <a:gd name="T66" fmla="*/ 320 w 492"/>
                  <a:gd name="T67" fmla="*/ 72 h 452"/>
                  <a:gd name="T68" fmla="*/ 314 w 492"/>
                  <a:gd name="T69" fmla="*/ 68 h 452"/>
                  <a:gd name="T70" fmla="*/ 312 w 492"/>
                  <a:gd name="T71" fmla="*/ 68 h 452"/>
                  <a:gd name="T72" fmla="*/ 317 w 492"/>
                  <a:gd name="T73" fmla="*/ 64 h 452"/>
                  <a:gd name="T74" fmla="*/ 320 w 492"/>
                  <a:gd name="T75" fmla="*/ 60 h 452"/>
                  <a:gd name="T76" fmla="*/ 327 w 492"/>
                  <a:gd name="T77" fmla="*/ 50 h 452"/>
                  <a:gd name="T78" fmla="*/ 329 w 492"/>
                  <a:gd name="T79" fmla="*/ 45 h 452"/>
                  <a:gd name="T80" fmla="*/ 326 w 492"/>
                  <a:gd name="T81" fmla="*/ 43 h 452"/>
                  <a:gd name="T82" fmla="*/ 283 w 492"/>
                  <a:gd name="T83" fmla="*/ 44 h 452"/>
                  <a:gd name="T84" fmla="*/ 287 w 492"/>
                  <a:gd name="T85" fmla="*/ 37 h 452"/>
                  <a:gd name="T86" fmla="*/ 293 w 492"/>
                  <a:gd name="T87" fmla="*/ 20 h 452"/>
                  <a:gd name="T88" fmla="*/ 302 w 492"/>
                  <a:gd name="T89" fmla="*/ 17 h 452"/>
                  <a:gd name="T90" fmla="*/ 295 w 492"/>
                  <a:gd name="T91" fmla="*/ 5 h 452"/>
                  <a:gd name="T92" fmla="*/ 288 w 492"/>
                  <a:gd name="T93" fmla="*/ 0 h 452"/>
                  <a:gd name="T94" fmla="*/ 280 w 492"/>
                  <a:gd name="T95" fmla="*/ 2 h 452"/>
                  <a:gd name="T96" fmla="*/ 261 w 492"/>
                  <a:gd name="T97" fmla="*/ 3 h 452"/>
                  <a:gd name="T98" fmla="*/ 232 w 492"/>
                  <a:gd name="T99" fmla="*/ 5 h 452"/>
                  <a:gd name="T100" fmla="*/ 198 w 492"/>
                  <a:gd name="T101" fmla="*/ 7 h 452"/>
                  <a:gd name="T102" fmla="*/ 158 w 492"/>
                  <a:gd name="T103" fmla="*/ 10 h 452"/>
                  <a:gd name="T104" fmla="*/ 119 w 492"/>
                  <a:gd name="T105" fmla="*/ 12 h 452"/>
                  <a:gd name="T106" fmla="*/ 83 w 492"/>
                  <a:gd name="T107" fmla="*/ 15 h 452"/>
                  <a:gd name="T108" fmla="*/ 48 w 492"/>
                  <a:gd name="T109" fmla="*/ 17 h 452"/>
                  <a:gd name="T110" fmla="*/ 18 w 492"/>
                  <a:gd name="T111" fmla="*/ 17 h 452"/>
                  <a:gd name="T112" fmla="*/ 6 w 492"/>
                  <a:gd name="T113" fmla="*/ 17 h 452"/>
                  <a:gd name="T114" fmla="*/ 17 w 492"/>
                  <a:gd name="T115" fmla="*/ 106 h 452"/>
                  <a:gd name="T116" fmla="*/ 17 w 492"/>
                  <a:gd name="T117" fmla="*/ 258 h 452"/>
                  <a:gd name="T118" fmla="*/ 44 w 492"/>
                  <a:gd name="T119" fmla="*/ 300 h 452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w 492"/>
                  <a:gd name="T181" fmla="*/ 0 h 452"/>
                  <a:gd name="T182" fmla="*/ 492 w 492"/>
                  <a:gd name="T183" fmla="*/ 452 h 452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T180" t="T181" r="T182" b="T183"/>
                <a:pathLst>
                  <a:path w="492" h="452">
                    <a:moveTo>
                      <a:pt x="362" y="443"/>
                    </a:moveTo>
                    <a:lnTo>
                      <a:pt x="362" y="443"/>
                    </a:lnTo>
                    <a:lnTo>
                      <a:pt x="362" y="442"/>
                    </a:lnTo>
                    <a:lnTo>
                      <a:pt x="362" y="438"/>
                    </a:lnTo>
                    <a:lnTo>
                      <a:pt x="362" y="435"/>
                    </a:lnTo>
                    <a:lnTo>
                      <a:pt x="364" y="432"/>
                    </a:lnTo>
                    <a:lnTo>
                      <a:pt x="364" y="428"/>
                    </a:lnTo>
                    <a:lnTo>
                      <a:pt x="365" y="426"/>
                    </a:lnTo>
                    <a:lnTo>
                      <a:pt x="369" y="425"/>
                    </a:lnTo>
                    <a:lnTo>
                      <a:pt x="370" y="423"/>
                    </a:lnTo>
                    <a:lnTo>
                      <a:pt x="370" y="421"/>
                    </a:lnTo>
                    <a:lnTo>
                      <a:pt x="370" y="420"/>
                    </a:lnTo>
                    <a:lnTo>
                      <a:pt x="369" y="416"/>
                    </a:lnTo>
                    <a:lnTo>
                      <a:pt x="369" y="415"/>
                    </a:lnTo>
                    <a:lnTo>
                      <a:pt x="367" y="413"/>
                    </a:lnTo>
                    <a:lnTo>
                      <a:pt x="362" y="393"/>
                    </a:lnTo>
                    <a:lnTo>
                      <a:pt x="360" y="386"/>
                    </a:lnTo>
                    <a:lnTo>
                      <a:pt x="352" y="377"/>
                    </a:lnTo>
                    <a:lnTo>
                      <a:pt x="355" y="369"/>
                    </a:lnTo>
                    <a:lnTo>
                      <a:pt x="355" y="364"/>
                    </a:lnTo>
                    <a:lnTo>
                      <a:pt x="357" y="362"/>
                    </a:lnTo>
                    <a:lnTo>
                      <a:pt x="358" y="362"/>
                    </a:lnTo>
                    <a:lnTo>
                      <a:pt x="362" y="360"/>
                    </a:lnTo>
                    <a:lnTo>
                      <a:pt x="364" y="360"/>
                    </a:lnTo>
                    <a:lnTo>
                      <a:pt x="369" y="357"/>
                    </a:lnTo>
                    <a:lnTo>
                      <a:pt x="370" y="355"/>
                    </a:lnTo>
                    <a:lnTo>
                      <a:pt x="370" y="354"/>
                    </a:lnTo>
                    <a:lnTo>
                      <a:pt x="369" y="352"/>
                    </a:lnTo>
                    <a:lnTo>
                      <a:pt x="367" y="350"/>
                    </a:lnTo>
                    <a:lnTo>
                      <a:pt x="365" y="350"/>
                    </a:lnTo>
                    <a:lnTo>
                      <a:pt x="364" y="350"/>
                    </a:lnTo>
                    <a:lnTo>
                      <a:pt x="362" y="350"/>
                    </a:lnTo>
                    <a:lnTo>
                      <a:pt x="362" y="349"/>
                    </a:lnTo>
                    <a:lnTo>
                      <a:pt x="364" y="347"/>
                    </a:lnTo>
                    <a:lnTo>
                      <a:pt x="365" y="345"/>
                    </a:lnTo>
                    <a:lnTo>
                      <a:pt x="367" y="344"/>
                    </a:lnTo>
                    <a:lnTo>
                      <a:pt x="369" y="340"/>
                    </a:lnTo>
                    <a:lnTo>
                      <a:pt x="370" y="338"/>
                    </a:lnTo>
                    <a:lnTo>
                      <a:pt x="370" y="337"/>
                    </a:lnTo>
                    <a:lnTo>
                      <a:pt x="370" y="335"/>
                    </a:lnTo>
                    <a:lnTo>
                      <a:pt x="369" y="332"/>
                    </a:lnTo>
                    <a:lnTo>
                      <a:pt x="367" y="330"/>
                    </a:lnTo>
                    <a:lnTo>
                      <a:pt x="367" y="327"/>
                    </a:lnTo>
                    <a:lnTo>
                      <a:pt x="367" y="323"/>
                    </a:lnTo>
                    <a:lnTo>
                      <a:pt x="367" y="322"/>
                    </a:lnTo>
                    <a:lnTo>
                      <a:pt x="369" y="320"/>
                    </a:lnTo>
                    <a:lnTo>
                      <a:pt x="370" y="318"/>
                    </a:lnTo>
                    <a:lnTo>
                      <a:pt x="372" y="318"/>
                    </a:lnTo>
                    <a:lnTo>
                      <a:pt x="377" y="316"/>
                    </a:lnTo>
                    <a:lnTo>
                      <a:pt x="380" y="315"/>
                    </a:lnTo>
                    <a:lnTo>
                      <a:pt x="380" y="311"/>
                    </a:lnTo>
                    <a:lnTo>
                      <a:pt x="380" y="310"/>
                    </a:lnTo>
                    <a:lnTo>
                      <a:pt x="380" y="308"/>
                    </a:lnTo>
                    <a:lnTo>
                      <a:pt x="379" y="306"/>
                    </a:lnTo>
                    <a:lnTo>
                      <a:pt x="379" y="305"/>
                    </a:lnTo>
                    <a:lnTo>
                      <a:pt x="377" y="305"/>
                    </a:lnTo>
                    <a:lnTo>
                      <a:pt x="392" y="296"/>
                    </a:lnTo>
                    <a:lnTo>
                      <a:pt x="387" y="286"/>
                    </a:lnTo>
                    <a:lnTo>
                      <a:pt x="402" y="271"/>
                    </a:lnTo>
                    <a:lnTo>
                      <a:pt x="408" y="271"/>
                    </a:lnTo>
                    <a:lnTo>
                      <a:pt x="416" y="262"/>
                    </a:lnTo>
                    <a:lnTo>
                      <a:pt x="416" y="232"/>
                    </a:lnTo>
                    <a:lnTo>
                      <a:pt x="426" y="217"/>
                    </a:lnTo>
                    <a:lnTo>
                      <a:pt x="441" y="205"/>
                    </a:lnTo>
                    <a:lnTo>
                      <a:pt x="441" y="203"/>
                    </a:lnTo>
                    <a:lnTo>
                      <a:pt x="443" y="201"/>
                    </a:lnTo>
                    <a:lnTo>
                      <a:pt x="443" y="198"/>
                    </a:lnTo>
                    <a:lnTo>
                      <a:pt x="443" y="196"/>
                    </a:lnTo>
                    <a:lnTo>
                      <a:pt x="445" y="195"/>
                    </a:lnTo>
                    <a:lnTo>
                      <a:pt x="445" y="193"/>
                    </a:lnTo>
                    <a:lnTo>
                      <a:pt x="440" y="193"/>
                    </a:lnTo>
                    <a:lnTo>
                      <a:pt x="438" y="191"/>
                    </a:lnTo>
                    <a:lnTo>
                      <a:pt x="438" y="190"/>
                    </a:lnTo>
                    <a:lnTo>
                      <a:pt x="441" y="188"/>
                    </a:lnTo>
                    <a:lnTo>
                      <a:pt x="445" y="184"/>
                    </a:lnTo>
                    <a:lnTo>
                      <a:pt x="446" y="183"/>
                    </a:lnTo>
                    <a:lnTo>
                      <a:pt x="450" y="181"/>
                    </a:lnTo>
                    <a:lnTo>
                      <a:pt x="452" y="181"/>
                    </a:lnTo>
                    <a:lnTo>
                      <a:pt x="457" y="174"/>
                    </a:lnTo>
                    <a:lnTo>
                      <a:pt x="458" y="168"/>
                    </a:lnTo>
                    <a:lnTo>
                      <a:pt x="460" y="162"/>
                    </a:lnTo>
                    <a:lnTo>
                      <a:pt x="458" y="157"/>
                    </a:lnTo>
                    <a:lnTo>
                      <a:pt x="457" y="154"/>
                    </a:lnTo>
                    <a:lnTo>
                      <a:pt x="455" y="152"/>
                    </a:lnTo>
                    <a:lnTo>
                      <a:pt x="453" y="149"/>
                    </a:lnTo>
                    <a:lnTo>
                      <a:pt x="458" y="137"/>
                    </a:lnTo>
                    <a:lnTo>
                      <a:pt x="458" y="135"/>
                    </a:lnTo>
                    <a:lnTo>
                      <a:pt x="460" y="134"/>
                    </a:lnTo>
                    <a:lnTo>
                      <a:pt x="462" y="132"/>
                    </a:lnTo>
                    <a:lnTo>
                      <a:pt x="463" y="129"/>
                    </a:lnTo>
                    <a:lnTo>
                      <a:pt x="467" y="125"/>
                    </a:lnTo>
                    <a:lnTo>
                      <a:pt x="468" y="122"/>
                    </a:lnTo>
                    <a:lnTo>
                      <a:pt x="470" y="120"/>
                    </a:lnTo>
                    <a:lnTo>
                      <a:pt x="472" y="120"/>
                    </a:lnTo>
                    <a:lnTo>
                      <a:pt x="477" y="113"/>
                    </a:lnTo>
                    <a:lnTo>
                      <a:pt x="479" y="108"/>
                    </a:lnTo>
                    <a:lnTo>
                      <a:pt x="479" y="107"/>
                    </a:lnTo>
                    <a:lnTo>
                      <a:pt x="477" y="103"/>
                    </a:lnTo>
                    <a:lnTo>
                      <a:pt x="474" y="103"/>
                    </a:lnTo>
                    <a:lnTo>
                      <a:pt x="470" y="102"/>
                    </a:lnTo>
                    <a:lnTo>
                      <a:pt x="468" y="102"/>
                    </a:lnTo>
                    <a:lnTo>
                      <a:pt x="470" y="100"/>
                    </a:lnTo>
                    <a:lnTo>
                      <a:pt x="472" y="98"/>
                    </a:lnTo>
                    <a:lnTo>
                      <a:pt x="474" y="96"/>
                    </a:lnTo>
                    <a:lnTo>
                      <a:pt x="477" y="93"/>
                    </a:lnTo>
                    <a:lnTo>
                      <a:pt x="479" y="91"/>
                    </a:lnTo>
                    <a:lnTo>
                      <a:pt x="480" y="90"/>
                    </a:lnTo>
                    <a:lnTo>
                      <a:pt x="482" y="88"/>
                    </a:lnTo>
                    <a:lnTo>
                      <a:pt x="487" y="81"/>
                    </a:lnTo>
                    <a:lnTo>
                      <a:pt x="490" y="76"/>
                    </a:lnTo>
                    <a:lnTo>
                      <a:pt x="492" y="73"/>
                    </a:lnTo>
                    <a:lnTo>
                      <a:pt x="492" y="69"/>
                    </a:lnTo>
                    <a:lnTo>
                      <a:pt x="492" y="66"/>
                    </a:lnTo>
                    <a:lnTo>
                      <a:pt x="490" y="64"/>
                    </a:lnTo>
                    <a:lnTo>
                      <a:pt x="489" y="63"/>
                    </a:lnTo>
                    <a:lnTo>
                      <a:pt x="424" y="66"/>
                    </a:lnTo>
                    <a:lnTo>
                      <a:pt x="424" y="64"/>
                    </a:lnTo>
                    <a:lnTo>
                      <a:pt x="426" y="61"/>
                    </a:lnTo>
                    <a:lnTo>
                      <a:pt x="428" y="58"/>
                    </a:lnTo>
                    <a:lnTo>
                      <a:pt x="430" y="51"/>
                    </a:lnTo>
                    <a:lnTo>
                      <a:pt x="433" y="46"/>
                    </a:lnTo>
                    <a:lnTo>
                      <a:pt x="436" y="39"/>
                    </a:lnTo>
                    <a:lnTo>
                      <a:pt x="440" y="34"/>
                    </a:lnTo>
                    <a:lnTo>
                      <a:pt x="446" y="29"/>
                    </a:lnTo>
                    <a:lnTo>
                      <a:pt x="450" y="24"/>
                    </a:lnTo>
                    <a:lnTo>
                      <a:pt x="452" y="19"/>
                    </a:lnTo>
                    <a:lnTo>
                      <a:pt x="450" y="14"/>
                    </a:lnTo>
                    <a:lnTo>
                      <a:pt x="446" y="8"/>
                    </a:lnTo>
                    <a:lnTo>
                      <a:pt x="443" y="5"/>
                    </a:lnTo>
                    <a:lnTo>
                      <a:pt x="438" y="2"/>
                    </a:lnTo>
                    <a:lnTo>
                      <a:pt x="435" y="0"/>
                    </a:lnTo>
                    <a:lnTo>
                      <a:pt x="431" y="0"/>
                    </a:lnTo>
                    <a:lnTo>
                      <a:pt x="430" y="2"/>
                    </a:lnTo>
                    <a:lnTo>
                      <a:pt x="426" y="2"/>
                    </a:lnTo>
                    <a:lnTo>
                      <a:pt x="419" y="2"/>
                    </a:lnTo>
                    <a:lnTo>
                      <a:pt x="411" y="2"/>
                    </a:lnTo>
                    <a:lnTo>
                      <a:pt x="402" y="3"/>
                    </a:lnTo>
                    <a:lnTo>
                      <a:pt x="391" y="3"/>
                    </a:lnTo>
                    <a:lnTo>
                      <a:pt x="377" y="3"/>
                    </a:lnTo>
                    <a:lnTo>
                      <a:pt x="364" y="5"/>
                    </a:lnTo>
                    <a:lnTo>
                      <a:pt x="348" y="5"/>
                    </a:lnTo>
                    <a:lnTo>
                      <a:pt x="331" y="7"/>
                    </a:lnTo>
                    <a:lnTo>
                      <a:pt x="314" y="7"/>
                    </a:lnTo>
                    <a:lnTo>
                      <a:pt x="296" y="7"/>
                    </a:lnTo>
                    <a:lnTo>
                      <a:pt x="277" y="8"/>
                    </a:lnTo>
                    <a:lnTo>
                      <a:pt x="259" y="8"/>
                    </a:lnTo>
                    <a:lnTo>
                      <a:pt x="238" y="10"/>
                    </a:lnTo>
                    <a:lnTo>
                      <a:pt x="220" y="10"/>
                    </a:lnTo>
                    <a:lnTo>
                      <a:pt x="199" y="12"/>
                    </a:lnTo>
                    <a:lnTo>
                      <a:pt x="179" y="12"/>
                    </a:lnTo>
                    <a:lnTo>
                      <a:pt x="160" y="14"/>
                    </a:lnTo>
                    <a:lnTo>
                      <a:pt x="142" y="14"/>
                    </a:lnTo>
                    <a:lnTo>
                      <a:pt x="123" y="15"/>
                    </a:lnTo>
                    <a:lnTo>
                      <a:pt x="105" y="15"/>
                    </a:lnTo>
                    <a:lnTo>
                      <a:pt x="88" y="17"/>
                    </a:lnTo>
                    <a:lnTo>
                      <a:pt x="72" y="17"/>
                    </a:lnTo>
                    <a:lnTo>
                      <a:pt x="57" y="17"/>
                    </a:lnTo>
                    <a:lnTo>
                      <a:pt x="45" y="19"/>
                    </a:lnTo>
                    <a:lnTo>
                      <a:pt x="32" y="19"/>
                    </a:lnTo>
                    <a:lnTo>
                      <a:pt x="22" y="19"/>
                    </a:lnTo>
                    <a:lnTo>
                      <a:pt x="13" y="19"/>
                    </a:lnTo>
                    <a:lnTo>
                      <a:pt x="6" y="19"/>
                    </a:lnTo>
                    <a:lnTo>
                      <a:pt x="1" y="20"/>
                    </a:lnTo>
                    <a:lnTo>
                      <a:pt x="0" y="20"/>
                    </a:lnTo>
                    <a:lnTo>
                      <a:pt x="20" y="159"/>
                    </a:lnTo>
                    <a:lnTo>
                      <a:pt x="18" y="377"/>
                    </a:lnTo>
                    <a:lnTo>
                      <a:pt x="17" y="374"/>
                    </a:lnTo>
                    <a:lnTo>
                      <a:pt x="28" y="389"/>
                    </a:lnTo>
                    <a:lnTo>
                      <a:pt x="54" y="386"/>
                    </a:lnTo>
                    <a:lnTo>
                      <a:pt x="64" y="388"/>
                    </a:lnTo>
                    <a:lnTo>
                      <a:pt x="64" y="452"/>
                    </a:lnTo>
                    <a:lnTo>
                      <a:pt x="362" y="443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04" name="Freeform 60"/>
              <p:cNvSpPr>
                <a:spLocks/>
              </p:cNvSpPr>
              <p:nvPr/>
            </p:nvSpPr>
            <p:spPr bwMode="auto">
              <a:xfrm>
                <a:off x="2931" y="3072"/>
                <a:ext cx="540" cy="475"/>
              </a:xfrm>
              <a:custGeom>
                <a:avLst/>
                <a:gdLst>
                  <a:gd name="T0" fmla="*/ 27 w 555"/>
                  <a:gd name="T1" fmla="*/ 234 h 489"/>
                  <a:gd name="T2" fmla="*/ 27 w 555"/>
                  <a:gd name="T3" fmla="*/ 209 h 489"/>
                  <a:gd name="T4" fmla="*/ 43 w 555"/>
                  <a:gd name="T5" fmla="*/ 176 h 489"/>
                  <a:gd name="T6" fmla="*/ 35 w 555"/>
                  <a:gd name="T7" fmla="*/ 153 h 489"/>
                  <a:gd name="T8" fmla="*/ 203 w 555"/>
                  <a:gd name="T9" fmla="*/ 0 h 489"/>
                  <a:gd name="T10" fmla="*/ 204 w 555"/>
                  <a:gd name="T11" fmla="*/ 12 h 489"/>
                  <a:gd name="T12" fmla="*/ 206 w 555"/>
                  <a:gd name="T13" fmla="*/ 30 h 489"/>
                  <a:gd name="T14" fmla="*/ 211 w 555"/>
                  <a:gd name="T15" fmla="*/ 45 h 489"/>
                  <a:gd name="T16" fmla="*/ 217 w 555"/>
                  <a:gd name="T17" fmla="*/ 51 h 489"/>
                  <a:gd name="T18" fmla="*/ 221 w 555"/>
                  <a:gd name="T19" fmla="*/ 63 h 489"/>
                  <a:gd name="T20" fmla="*/ 206 w 555"/>
                  <a:gd name="T21" fmla="*/ 70 h 489"/>
                  <a:gd name="T22" fmla="*/ 209 w 555"/>
                  <a:gd name="T23" fmla="*/ 84 h 489"/>
                  <a:gd name="T24" fmla="*/ 193 w 555"/>
                  <a:gd name="T25" fmla="*/ 118 h 489"/>
                  <a:gd name="T26" fmla="*/ 188 w 555"/>
                  <a:gd name="T27" fmla="*/ 130 h 489"/>
                  <a:gd name="T28" fmla="*/ 186 w 555"/>
                  <a:gd name="T29" fmla="*/ 141 h 489"/>
                  <a:gd name="T30" fmla="*/ 177 w 555"/>
                  <a:gd name="T31" fmla="*/ 153 h 489"/>
                  <a:gd name="T32" fmla="*/ 180 w 555"/>
                  <a:gd name="T33" fmla="*/ 162 h 489"/>
                  <a:gd name="T34" fmla="*/ 313 w 555"/>
                  <a:gd name="T35" fmla="*/ 179 h 489"/>
                  <a:gd name="T36" fmla="*/ 318 w 555"/>
                  <a:gd name="T37" fmla="*/ 202 h 489"/>
                  <a:gd name="T38" fmla="*/ 326 w 555"/>
                  <a:gd name="T39" fmla="*/ 227 h 489"/>
                  <a:gd name="T40" fmla="*/ 304 w 555"/>
                  <a:gd name="T41" fmla="*/ 222 h 489"/>
                  <a:gd name="T42" fmla="*/ 282 w 555"/>
                  <a:gd name="T43" fmla="*/ 220 h 489"/>
                  <a:gd name="T44" fmla="*/ 273 w 555"/>
                  <a:gd name="T45" fmla="*/ 230 h 489"/>
                  <a:gd name="T46" fmla="*/ 289 w 555"/>
                  <a:gd name="T47" fmla="*/ 242 h 489"/>
                  <a:gd name="T48" fmla="*/ 312 w 555"/>
                  <a:gd name="T49" fmla="*/ 234 h 489"/>
                  <a:gd name="T50" fmla="*/ 322 w 555"/>
                  <a:gd name="T51" fmla="*/ 242 h 489"/>
                  <a:gd name="T52" fmla="*/ 322 w 555"/>
                  <a:gd name="T53" fmla="*/ 249 h 489"/>
                  <a:gd name="T54" fmla="*/ 333 w 555"/>
                  <a:gd name="T55" fmla="*/ 247 h 489"/>
                  <a:gd name="T56" fmla="*/ 341 w 555"/>
                  <a:gd name="T57" fmla="*/ 238 h 489"/>
                  <a:gd name="T58" fmla="*/ 342 w 555"/>
                  <a:gd name="T59" fmla="*/ 242 h 489"/>
                  <a:gd name="T60" fmla="*/ 344 w 555"/>
                  <a:gd name="T61" fmla="*/ 263 h 489"/>
                  <a:gd name="T62" fmla="*/ 332 w 555"/>
                  <a:gd name="T63" fmla="*/ 284 h 489"/>
                  <a:gd name="T64" fmla="*/ 370 w 555"/>
                  <a:gd name="T65" fmla="*/ 304 h 489"/>
                  <a:gd name="T66" fmla="*/ 360 w 555"/>
                  <a:gd name="T67" fmla="*/ 320 h 489"/>
                  <a:gd name="T68" fmla="*/ 352 w 555"/>
                  <a:gd name="T69" fmla="*/ 314 h 489"/>
                  <a:gd name="T70" fmla="*/ 342 w 555"/>
                  <a:gd name="T71" fmla="*/ 304 h 489"/>
                  <a:gd name="T72" fmla="*/ 321 w 555"/>
                  <a:gd name="T73" fmla="*/ 300 h 489"/>
                  <a:gd name="T74" fmla="*/ 315 w 555"/>
                  <a:gd name="T75" fmla="*/ 288 h 489"/>
                  <a:gd name="T76" fmla="*/ 291 w 555"/>
                  <a:gd name="T77" fmla="*/ 283 h 489"/>
                  <a:gd name="T78" fmla="*/ 301 w 555"/>
                  <a:gd name="T79" fmla="*/ 300 h 489"/>
                  <a:gd name="T80" fmla="*/ 301 w 555"/>
                  <a:gd name="T81" fmla="*/ 310 h 489"/>
                  <a:gd name="T82" fmla="*/ 290 w 555"/>
                  <a:gd name="T83" fmla="*/ 322 h 489"/>
                  <a:gd name="T84" fmla="*/ 265 w 555"/>
                  <a:gd name="T85" fmla="*/ 313 h 489"/>
                  <a:gd name="T86" fmla="*/ 239 w 555"/>
                  <a:gd name="T87" fmla="*/ 318 h 489"/>
                  <a:gd name="T88" fmla="*/ 223 w 555"/>
                  <a:gd name="T89" fmla="*/ 314 h 489"/>
                  <a:gd name="T90" fmla="*/ 193 w 555"/>
                  <a:gd name="T91" fmla="*/ 291 h 489"/>
                  <a:gd name="T92" fmla="*/ 185 w 555"/>
                  <a:gd name="T93" fmla="*/ 278 h 489"/>
                  <a:gd name="T94" fmla="*/ 173 w 555"/>
                  <a:gd name="T95" fmla="*/ 275 h 489"/>
                  <a:gd name="T96" fmla="*/ 167 w 555"/>
                  <a:gd name="T97" fmla="*/ 268 h 489"/>
                  <a:gd name="T98" fmla="*/ 139 w 555"/>
                  <a:gd name="T99" fmla="*/ 292 h 489"/>
                  <a:gd name="T100" fmla="*/ 114 w 555"/>
                  <a:gd name="T101" fmla="*/ 290 h 489"/>
                  <a:gd name="T102" fmla="*/ 77 w 555"/>
                  <a:gd name="T103" fmla="*/ 278 h 489"/>
                  <a:gd name="T104" fmla="*/ 60 w 555"/>
                  <a:gd name="T105" fmla="*/ 276 h 489"/>
                  <a:gd name="T106" fmla="*/ 57 w 555"/>
                  <a:gd name="T107" fmla="*/ 272 h 489"/>
                  <a:gd name="T108" fmla="*/ 28 w 555"/>
                  <a:gd name="T109" fmla="*/ 280 h 489"/>
                  <a:gd name="T110" fmla="*/ 18 w 555"/>
                  <a:gd name="T111" fmla="*/ 275 h 489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555"/>
                  <a:gd name="T169" fmla="*/ 0 h 489"/>
                  <a:gd name="T170" fmla="*/ 555 w 555"/>
                  <a:gd name="T171" fmla="*/ 489 h 489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555" h="489">
                    <a:moveTo>
                      <a:pt x="41" y="390"/>
                    </a:moveTo>
                    <a:lnTo>
                      <a:pt x="47" y="381"/>
                    </a:lnTo>
                    <a:lnTo>
                      <a:pt x="51" y="373"/>
                    </a:lnTo>
                    <a:lnTo>
                      <a:pt x="51" y="366"/>
                    </a:lnTo>
                    <a:lnTo>
                      <a:pt x="49" y="361"/>
                    </a:lnTo>
                    <a:lnTo>
                      <a:pt x="46" y="356"/>
                    </a:lnTo>
                    <a:lnTo>
                      <a:pt x="44" y="352"/>
                    </a:lnTo>
                    <a:lnTo>
                      <a:pt x="41" y="351"/>
                    </a:lnTo>
                    <a:lnTo>
                      <a:pt x="44" y="329"/>
                    </a:lnTo>
                    <a:lnTo>
                      <a:pt x="42" y="327"/>
                    </a:lnTo>
                    <a:lnTo>
                      <a:pt x="41" y="325"/>
                    </a:lnTo>
                    <a:lnTo>
                      <a:pt x="39" y="322"/>
                    </a:lnTo>
                    <a:lnTo>
                      <a:pt x="39" y="319"/>
                    </a:lnTo>
                    <a:lnTo>
                      <a:pt x="41" y="313"/>
                    </a:lnTo>
                    <a:lnTo>
                      <a:pt x="44" y="307"/>
                    </a:lnTo>
                    <a:lnTo>
                      <a:pt x="51" y="298"/>
                    </a:lnTo>
                    <a:lnTo>
                      <a:pt x="54" y="293"/>
                    </a:lnTo>
                    <a:lnTo>
                      <a:pt x="56" y="288"/>
                    </a:lnTo>
                    <a:lnTo>
                      <a:pt x="58" y="281"/>
                    </a:lnTo>
                    <a:lnTo>
                      <a:pt x="59" y="276"/>
                    </a:lnTo>
                    <a:lnTo>
                      <a:pt x="59" y="271"/>
                    </a:lnTo>
                    <a:lnTo>
                      <a:pt x="59" y="264"/>
                    </a:lnTo>
                    <a:lnTo>
                      <a:pt x="59" y="259"/>
                    </a:lnTo>
                    <a:lnTo>
                      <a:pt x="58" y="254"/>
                    </a:lnTo>
                    <a:lnTo>
                      <a:pt x="56" y="249"/>
                    </a:lnTo>
                    <a:lnTo>
                      <a:pt x="54" y="244"/>
                    </a:lnTo>
                    <a:lnTo>
                      <a:pt x="54" y="241"/>
                    </a:lnTo>
                    <a:lnTo>
                      <a:pt x="52" y="236"/>
                    </a:lnTo>
                    <a:lnTo>
                      <a:pt x="51" y="232"/>
                    </a:lnTo>
                    <a:lnTo>
                      <a:pt x="49" y="231"/>
                    </a:lnTo>
                    <a:lnTo>
                      <a:pt x="49" y="229"/>
                    </a:lnTo>
                    <a:lnTo>
                      <a:pt x="42" y="209"/>
                    </a:lnTo>
                    <a:lnTo>
                      <a:pt x="29" y="195"/>
                    </a:lnTo>
                    <a:lnTo>
                      <a:pt x="29" y="165"/>
                    </a:lnTo>
                    <a:lnTo>
                      <a:pt x="5" y="134"/>
                    </a:lnTo>
                    <a:lnTo>
                      <a:pt x="0" y="9"/>
                    </a:lnTo>
                    <a:lnTo>
                      <a:pt x="298" y="0"/>
                    </a:lnTo>
                    <a:lnTo>
                      <a:pt x="296" y="0"/>
                    </a:lnTo>
                    <a:lnTo>
                      <a:pt x="296" y="2"/>
                    </a:lnTo>
                    <a:lnTo>
                      <a:pt x="296" y="4"/>
                    </a:lnTo>
                    <a:lnTo>
                      <a:pt x="296" y="5"/>
                    </a:lnTo>
                    <a:lnTo>
                      <a:pt x="296" y="9"/>
                    </a:lnTo>
                    <a:lnTo>
                      <a:pt x="296" y="11"/>
                    </a:lnTo>
                    <a:lnTo>
                      <a:pt x="298" y="12"/>
                    </a:lnTo>
                    <a:lnTo>
                      <a:pt x="300" y="12"/>
                    </a:lnTo>
                    <a:lnTo>
                      <a:pt x="301" y="11"/>
                    </a:lnTo>
                    <a:lnTo>
                      <a:pt x="303" y="11"/>
                    </a:lnTo>
                    <a:lnTo>
                      <a:pt x="305" y="14"/>
                    </a:lnTo>
                    <a:lnTo>
                      <a:pt x="305" y="16"/>
                    </a:lnTo>
                    <a:lnTo>
                      <a:pt x="306" y="17"/>
                    </a:lnTo>
                    <a:lnTo>
                      <a:pt x="305" y="29"/>
                    </a:lnTo>
                    <a:lnTo>
                      <a:pt x="311" y="34"/>
                    </a:lnTo>
                    <a:lnTo>
                      <a:pt x="303" y="44"/>
                    </a:lnTo>
                    <a:lnTo>
                      <a:pt x="305" y="49"/>
                    </a:lnTo>
                    <a:lnTo>
                      <a:pt x="316" y="48"/>
                    </a:lnTo>
                    <a:lnTo>
                      <a:pt x="316" y="60"/>
                    </a:lnTo>
                    <a:lnTo>
                      <a:pt x="315" y="60"/>
                    </a:lnTo>
                    <a:lnTo>
                      <a:pt x="315" y="61"/>
                    </a:lnTo>
                    <a:lnTo>
                      <a:pt x="313" y="63"/>
                    </a:lnTo>
                    <a:lnTo>
                      <a:pt x="311" y="65"/>
                    </a:lnTo>
                    <a:lnTo>
                      <a:pt x="310" y="66"/>
                    </a:lnTo>
                    <a:lnTo>
                      <a:pt x="311" y="68"/>
                    </a:lnTo>
                    <a:lnTo>
                      <a:pt x="313" y="70"/>
                    </a:lnTo>
                    <a:lnTo>
                      <a:pt x="320" y="70"/>
                    </a:lnTo>
                    <a:lnTo>
                      <a:pt x="320" y="71"/>
                    </a:lnTo>
                    <a:lnTo>
                      <a:pt x="320" y="73"/>
                    </a:lnTo>
                    <a:lnTo>
                      <a:pt x="318" y="75"/>
                    </a:lnTo>
                    <a:lnTo>
                      <a:pt x="318" y="78"/>
                    </a:lnTo>
                    <a:lnTo>
                      <a:pt x="320" y="80"/>
                    </a:lnTo>
                    <a:lnTo>
                      <a:pt x="323" y="82"/>
                    </a:lnTo>
                    <a:lnTo>
                      <a:pt x="328" y="82"/>
                    </a:lnTo>
                    <a:lnTo>
                      <a:pt x="327" y="85"/>
                    </a:lnTo>
                    <a:lnTo>
                      <a:pt x="325" y="87"/>
                    </a:lnTo>
                    <a:lnTo>
                      <a:pt x="325" y="90"/>
                    </a:lnTo>
                    <a:lnTo>
                      <a:pt x="323" y="93"/>
                    </a:lnTo>
                    <a:lnTo>
                      <a:pt x="322" y="97"/>
                    </a:lnTo>
                    <a:lnTo>
                      <a:pt x="320" y="99"/>
                    </a:lnTo>
                    <a:lnTo>
                      <a:pt x="320" y="100"/>
                    </a:lnTo>
                    <a:lnTo>
                      <a:pt x="318" y="100"/>
                    </a:lnTo>
                    <a:lnTo>
                      <a:pt x="315" y="100"/>
                    </a:lnTo>
                    <a:lnTo>
                      <a:pt x="310" y="102"/>
                    </a:lnTo>
                    <a:lnTo>
                      <a:pt x="306" y="102"/>
                    </a:lnTo>
                    <a:lnTo>
                      <a:pt x="303" y="104"/>
                    </a:lnTo>
                    <a:lnTo>
                      <a:pt x="303" y="105"/>
                    </a:lnTo>
                    <a:lnTo>
                      <a:pt x="306" y="107"/>
                    </a:lnTo>
                    <a:lnTo>
                      <a:pt x="313" y="110"/>
                    </a:lnTo>
                    <a:lnTo>
                      <a:pt x="313" y="112"/>
                    </a:lnTo>
                    <a:lnTo>
                      <a:pt x="313" y="114"/>
                    </a:lnTo>
                    <a:lnTo>
                      <a:pt x="311" y="119"/>
                    </a:lnTo>
                    <a:lnTo>
                      <a:pt x="308" y="122"/>
                    </a:lnTo>
                    <a:lnTo>
                      <a:pt x="306" y="126"/>
                    </a:lnTo>
                    <a:lnTo>
                      <a:pt x="303" y="129"/>
                    </a:lnTo>
                    <a:lnTo>
                      <a:pt x="303" y="132"/>
                    </a:lnTo>
                    <a:lnTo>
                      <a:pt x="301" y="134"/>
                    </a:lnTo>
                    <a:lnTo>
                      <a:pt x="300" y="146"/>
                    </a:lnTo>
                    <a:lnTo>
                      <a:pt x="291" y="146"/>
                    </a:lnTo>
                    <a:lnTo>
                      <a:pt x="284" y="173"/>
                    </a:lnTo>
                    <a:lnTo>
                      <a:pt x="276" y="178"/>
                    </a:lnTo>
                    <a:lnTo>
                      <a:pt x="284" y="178"/>
                    </a:lnTo>
                    <a:lnTo>
                      <a:pt x="284" y="180"/>
                    </a:lnTo>
                    <a:lnTo>
                      <a:pt x="283" y="180"/>
                    </a:lnTo>
                    <a:lnTo>
                      <a:pt x="279" y="183"/>
                    </a:lnTo>
                    <a:lnTo>
                      <a:pt x="278" y="185"/>
                    </a:lnTo>
                    <a:lnTo>
                      <a:pt x="274" y="188"/>
                    </a:lnTo>
                    <a:lnTo>
                      <a:pt x="274" y="190"/>
                    </a:lnTo>
                    <a:lnTo>
                      <a:pt x="274" y="193"/>
                    </a:lnTo>
                    <a:lnTo>
                      <a:pt x="276" y="195"/>
                    </a:lnTo>
                    <a:lnTo>
                      <a:pt x="276" y="197"/>
                    </a:lnTo>
                    <a:lnTo>
                      <a:pt x="274" y="198"/>
                    </a:lnTo>
                    <a:lnTo>
                      <a:pt x="272" y="200"/>
                    </a:lnTo>
                    <a:lnTo>
                      <a:pt x="269" y="203"/>
                    </a:lnTo>
                    <a:lnTo>
                      <a:pt x="269" y="207"/>
                    </a:lnTo>
                    <a:lnTo>
                      <a:pt x="267" y="209"/>
                    </a:lnTo>
                    <a:lnTo>
                      <a:pt x="269" y="210"/>
                    </a:lnTo>
                    <a:lnTo>
                      <a:pt x="272" y="210"/>
                    </a:lnTo>
                    <a:lnTo>
                      <a:pt x="274" y="212"/>
                    </a:lnTo>
                    <a:lnTo>
                      <a:pt x="274" y="215"/>
                    </a:lnTo>
                    <a:lnTo>
                      <a:pt x="272" y="217"/>
                    </a:lnTo>
                    <a:lnTo>
                      <a:pt x="267" y="222"/>
                    </a:lnTo>
                    <a:lnTo>
                      <a:pt x="264" y="224"/>
                    </a:lnTo>
                    <a:lnTo>
                      <a:pt x="261" y="225"/>
                    </a:lnTo>
                    <a:lnTo>
                      <a:pt x="259" y="227"/>
                    </a:lnTo>
                    <a:lnTo>
                      <a:pt x="259" y="231"/>
                    </a:lnTo>
                    <a:lnTo>
                      <a:pt x="259" y="232"/>
                    </a:lnTo>
                    <a:lnTo>
                      <a:pt x="261" y="234"/>
                    </a:lnTo>
                    <a:lnTo>
                      <a:pt x="262" y="236"/>
                    </a:lnTo>
                    <a:lnTo>
                      <a:pt x="264" y="236"/>
                    </a:lnTo>
                    <a:lnTo>
                      <a:pt x="266" y="237"/>
                    </a:lnTo>
                    <a:lnTo>
                      <a:pt x="264" y="239"/>
                    </a:lnTo>
                    <a:lnTo>
                      <a:pt x="264" y="242"/>
                    </a:lnTo>
                    <a:lnTo>
                      <a:pt x="264" y="244"/>
                    </a:lnTo>
                    <a:lnTo>
                      <a:pt x="262" y="247"/>
                    </a:lnTo>
                    <a:lnTo>
                      <a:pt x="262" y="251"/>
                    </a:lnTo>
                    <a:lnTo>
                      <a:pt x="262" y="253"/>
                    </a:lnTo>
                    <a:lnTo>
                      <a:pt x="262" y="254"/>
                    </a:lnTo>
                    <a:lnTo>
                      <a:pt x="462" y="241"/>
                    </a:lnTo>
                    <a:lnTo>
                      <a:pt x="462" y="264"/>
                    </a:lnTo>
                    <a:lnTo>
                      <a:pt x="460" y="264"/>
                    </a:lnTo>
                    <a:lnTo>
                      <a:pt x="459" y="268"/>
                    </a:lnTo>
                    <a:lnTo>
                      <a:pt x="457" y="273"/>
                    </a:lnTo>
                    <a:lnTo>
                      <a:pt x="455" y="276"/>
                    </a:lnTo>
                    <a:lnTo>
                      <a:pt x="454" y="283"/>
                    </a:lnTo>
                    <a:lnTo>
                      <a:pt x="454" y="288"/>
                    </a:lnTo>
                    <a:lnTo>
                      <a:pt x="457" y="293"/>
                    </a:lnTo>
                    <a:lnTo>
                      <a:pt x="462" y="297"/>
                    </a:lnTo>
                    <a:lnTo>
                      <a:pt x="464" y="298"/>
                    </a:lnTo>
                    <a:lnTo>
                      <a:pt x="467" y="302"/>
                    </a:lnTo>
                    <a:lnTo>
                      <a:pt x="470" y="307"/>
                    </a:lnTo>
                    <a:lnTo>
                      <a:pt x="476" y="313"/>
                    </a:lnTo>
                    <a:lnTo>
                      <a:pt x="479" y="320"/>
                    </a:lnTo>
                    <a:lnTo>
                      <a:pt x="482" y="327"/>
                    </a:lnTo>
                    <a:lnTo>
                      <a:pt x="482" y="335"/>
                    </a:lnTo>
                    <a:lnTo>
                      <a:pt x="481" y="342"/>
                    </a:lnTo>
                    <a:lnTo>
                      <a:pt x="479" y="342"/>
                    </a:lnTo>
                    <a:lnTo>
                      <a:pt x="477" y="342"/>
                    </a:lnTo>
                    <a:lnTo>
                      <a:pt x="474" y="342"/>
                    </a:lnTo>
                    <a:lnTo>
                      <a:pt x="472" y="342"/>
                    </a:lnTo>
                    <a:lnTo>
                      <a:pt x="470" y="342"/>
                    </a:lnTo>
                    <a:lnTo>
                      <a:pt x="469" y="342"/>
                    </a:lnTo>
                    <a:lnTo>
                      <a:pt x="467" y="342"/>
                    </a:lnTo>
                    <a:lnTo>
                      <a:pt x="450" y="334"/>
                    </a:lnTo>
                    <a:lnTo>
                      <a:pt x="445" y="335"/>
                    </a:lnTo>
                    <a:lnTo>
                      <a:pt x="443" y="334"/>
                    </a:lnTo>
                    <a:lnTo>
                      <a:pt x="442" y="332"/>
                    </a:lnTo>
                    <a:lnTo>
                      <a:pt x="440" y="329"/>
                    </a:lnTo>
                    <a:lnTo>
                      <a:pt x="437" y="325"/>
                    </a:lnTo>
                    <a:lnTo>
                      <a:pt x="432" y="322"/>
                    </a:lnTo>
                    <a:lnTo>
                      <a:pt x="426" y="322"/>
                    </a:lnTo>
                    <a:lnTo>
                      <a:pt x="421" y="324"/>
                    </a:lnTo>
                    <a:lnTo>
                      <a:pt x="415" y="329"/>
                    </a:lnTo>
                    <a:lnTo>
                      <a:pt x="413" y="330"/>
                    </a:lnTo>
                    <a:lnTo>
                      <a:pt x="411" y="332"/>
                    </a:lnTo>
                    <a:lnTo>
                      <a:pt x="410" y="335"/>
                    </a:lnTo>
                    <a:lnTo>
                      <a:pt x="408" y="339"/>
                    </a:lnTo>
                    <a:lnTo>
                      <a:pt x="404" y="341"/>
                    </a:lnTo>
                    <a:lnTo>
                      <a:pt x="403" y="344"/>
                    </a:lnTo>
                    <a:lnTo>
                      <a:pt x="403" y="346"/>
                    </a:lnTo>
                    <a:lnTo>
                      <a:pt x="401" y="346"/>
                    </a:lnTo>
                    <a:lnTo>
                      <a:pt x="401" y="347"/>
                    </a:lnTo>
                    <a:lnTo>
                      <a:pt x="399" y="349"/>
                    </a:lnTo>
                    <a:lnTo>
                      <a:pt x="398" y="352"/>
                    </a:lnTo>
                    <a:lnTo>
                      <a:pt x="398" y="356"/>
                    </a:lnTo>
                    <a:lnTo>
                      <a:pt x="399" y="359"/>
                    </a:lnTo>
                    <a:lnTo>
                      <a:pt x="403" y="361"/>
                    </a:lnTo>
                    <a:lnTo>
                      <a:pt x="411" y="364"/>
                    </a:lnTo>
                    <a:lnTo>
                      <a:pt x="423" y="364"/>
                    </a:lnTo>
                    <a:lnTo>
                      <a:pt x="426" y="366"/>
                    </a:lnTo>
                    <a:lnTo>
                      <a:pt x="428" y="366"/>
                    </a:lnTo>
                    <a:lnTo>
                      <a:pt x="433" y="366"/>
                    </a:lnTo>
                    <a:lnTo>
                      <a:pt x="437" y="364"/>
                    </a:lnTo>
                    <a:lnTo>
                      <a:pt x="443" y="363"/>
                    </a:lnTo>
                    <a:lnTo>
                      <a:pt x="450" y="359"/>
                    </a:lnTo>
                    <a:lnTo>
                      <a:pt x="457" y="352"/>
                    </a:lnTo>
                    <a:lnTo>
                      <a:pt x="459" y="352"/>
                    </a:lnTo>
                    <a:lnTo>
                      <a:pt x="462" y="352"/>
                    </a:lnTo>
                    <a:lnTo>
                      <a:pt x="464" y="356"/>
                    </a:lnTo>
                    <a:lnTo>
                      <a:pt x="465" y="356"/>
                    </a:lnTo>
                    <a:lnTo>
                      <a:pt x="474" y="347"/>
                    </a:lnTo>
                    <a:lnTo>
                      <a:pt x="481" y="352"/>
                    </a:lnTo>
                    <a:lnTo>
                      <a:pt x="474" y="363"/>
                    </a:lnTo>
                    <a:lnTo>
                      <a:pt x="472" y="363"/>
                    </a:lnTo>
                    <a:lnTo>
                      <a:pt x="469" y="364"/>
                    </a:lnTo>
                    <a:lnTo>
                      <a:pt x="465" y="366"/>
                    </a:lnTo>
                    <a:lnTo>
                      <a:pt x="462" y="368"/>
                    </a:lnTo>
                    <a:lnTo>
                      <a:pt x="460" y="369"/>
                    </a:lnTo>
                    <a:lnTo>
                      <a:pt x="459" y="373"/>
                    </a:lnTo>
                    <a:lnTo>
                      <a:pt x="462" y="373"/>
                    </a:lnTo>
                    <a:lnTo>
                      <a:pt x="470" y="374"/>
                    </a:lnTo>
                    <a:lnTo>
                      <a:pt x="472" y="374"/>
                    </a:lnTo>
                    <a:lnTo>
                      <a:pt x="474" y="376"/>
                    </a:lnTo>
                    <a:lnTo>
                      <a:pt x="479" y="378"/>
                    </a:lnTo>
                    <a:lnTo>
                      <a:pt x="484" y="379"/>
                    </a:lnTo>
                    <a:lnTo>
                      <a:pt x="487" y="381"/>
                    </a:lnTo>
                    <a:lnTo>
                      <a:pt x="491" y="379"/>
                    </a:lnTo>
                    <a:lnTo>
                      <a:pt x="491" y="378"/>
                    </a:lnTo>
                    <a:lnTo>
                      <a:pt x="489" y="373"/>
                    </a:lnTo>
                    <a:lnTo>
                      <a:pt x="489" y="371"/>
                    </a:lnTo>
                    <a:lnTo>
                      <a:pt x="491" y="369"/>
                    </a:lnTo>
                    <a:lnTo>
                      <a:pt x="492" y="368"/>
                    </a:lnTo>
                    <a:lnTo>
                      <a:pt x="494" y="364"/>
                    </a:lnTo>
                    <a:lnTo>
                      <a:pt x="496" y="363"/>
                    </a:lnTo>
                    <a:lnTo>
                      <a:pt x="496" y="361"/>
                    </a:lnTo>
                    <a:lnTo>
                      <a:pt x="498" y="359"/>
                    </a:lnTo>
                    <a:lnTo>
                      <a:pt x="499" y="357"/>
                    </a:lnTo>
                    <a:lnTo>
                      <a:pt x="503" y="357"/>
                    </a:lnTo>
                    <a:lnTo>
                      <a:pt x="504" y="357"/>
                    </a:lnTo>
                    <a:lnTo>
                      <a:pt x="506" y="357"/>
                    </a:lnTo>
                    <a:lnTo>
                      <a:pt x="504" y="359"/>
                    </a:lnTo>
                    <a:lnTo>
                      <a:pt x="503" y="361"/>
                    </a:lnTo>
                    <a:lnTo>
                      <a:pt x="503" y="364"/>
                    </a:lnTo>
                    <a:lnTo>
                      <a:pt x="504" y="366"/>
                    </a:lnTo>
                    <a:lnTo>
                      <a:pt x="506" y="369"/>
                    </a:lnTo>
                    <a:lnTo>
                      <a:pt x="508" y="369"/>
                    </a:lnTo>
                    <a:lnTo>
                      <a:pt x="506" y="383"/>
                    </a:lnTo>
                    <a:lnTo>
                      <a:pt x="509" y="388"/>
                    </a:lnTo>
                    <a:lnTo>
                      <a:pt x="523" y="388"/>
                    </a:lnTo>
                    <a:lnTo>
                      <a:pt x="521" y="395"/>
                    </a:lnTo>
                    <a:lnTo>
                      <a:pt x="506" y="395"/>
                    </a:lnTo>
                    <a:lnTo>
                      <a:pt x="499" y="400"/>
                    </a:lnTo>
                    <a:lnTo>
                      <a:pt x="486" y="400"/>
                    </a:lnTo>
                    <a:lnTo>
                      <a:pt x="486" y="417"/>
                    </a:lnTo>
                    <a:lnTo>
                      <a:pt x="486" y="418"/>
                    </a:lnTo>
                    <a:lnTo>
                      <a:pt x="486" y="422"/>
                    </a:lnTo>
                    <a:lnTo>
                      <a:pt x="486" y="423"/>
                    </a:lnTo>
                    <a:lnTo>
                      <a:pt x="486" y="427"/>
                    </a:lnTo>
                    <a:lnTo>
                      <a:pt x="487" y="429"/>
                    </a:lnTo>
                    <a:lnTo>
                      <a:pt x="489" y="430"/>
                    </a:lnTo>
                    <a:lnTo>
                      <a:pt x="494" y="432"/>
                    </a:lnTo>
                    <a:lnTo>
                      <a:pt x="499" y="437"/>
                    </a:lnTo>
                    <a:lnTo>
                      <a:pt x="504" y="442"/>
                    </a:lnTo>
                    <a:lnTo>
                      <a:pt x="516" y="442"/>
                    </a:lnTo>
                    <a:lnTo>
                      <a:pt x="523" y="449"/>
                    </a:lnTo>
                    <a:lnTo>
                      <a:pt x="543" y="456"/>
                    </a:lnTo>
                    <a:lnTo>
                      <a:pt x="542" y="462"/>
                    </a:lnTo>
                    <a:lnTo>
                      <a:pt x="555" y="462"/>
                    </a:lnTo>
                    <a:lnTo>
                      <a:pt x="553" y="474"/>
                    </a:lnTo>
                    <a:lnTo>
                      <a:pt x="542" y="479"/>
                    </a:lnTo>
                    <a:lnTo>
                      <a:pt x="540" y="486"/>
                    </a:lnTo>
                    <a:lnTo>
                      <a:pt x="531" y="478"/>
                    </a:lnTo>
                    <a:lnTo>
                      <a:pt x="530" y="478"/>
                    </a:lnTo>
                    <a:lnTo>
                      <a:pt x="528" y="481"/>
                    </a:lnTo>
                    <a:lnTo>
                      <a:pt x="525" y="484"/>
                    </a:lnTo>
                    <a:lnTo>
                      <a:pt x="521" y="488"/>
                    </a:lnTo>
                    <a:lnTo>
                      <a:pt x="520" y="489"/>
                    </a:lnTo>
                    <a:lnTo>
                      <a:pt x="518" y="489"/>
                    </a:lnTo>
                    <a:lnTo>
                      <a:pt x="518" y="486"/>
                    </a:lnTo>
                    <a:lnTo>
                      <a:pt x="521" y="478"/>
                    </a:lnTo>
                    <a:lnTo>
                      <a:pt x="521" y="474"/>
                    </a:lnTo>
                    <a:lnTo>
                      <a:pt x="518" y="471"/>
                    </a:lnTo>
                    <a:lnTo>
                      <a:pt x="514" y="469"/>
                    </a:lnTo>
                    <a:lnTo>
                      <a:pt x="513" y="467"/>
                    </a:lnTo>
                    <a:lnTo>
                      <a:pt x="513" y="466"/>
                    </a:lnTo>
                    <a:lnTo>
                      <a:pt x="513" y="464"/>
                    </a:lnTo>
                    <a:lnTo>
                      <a:pt x="511" y="462"/>
                    </a:lnTo>
                    <a:lnTo>
                      <a:pt x="508" y="461"/>
                    </a:lnTo>
                    <a:lnTo>
                      <a:pt x="503" y="457"/>
                    </a:lnTo>
                    <a:lnTo>
                      <a:pt x="494" y="456"/>
                    </a:lnTo>
                    <a:lnTo>
                      <a:pt x="484" y="454"/>
                    </a:lnTo>
                    <a:lnTo>
                      <a:pt x="481" y="454"/>
                    </a:lnTo>
                    <a:lnTo>
                      <a:pt x="477" y="454"/>
                    </a:lnTo>
                    <a:lnTo>
                      <a:pt x="476" y="452"/>
                    </a:lnTo>
                    <a:lnTo>
                      <a:pt x="472" y="452"/>
                    </a:lnTo>
                    <a:lnTo>
                      <a:pt x="470" y="452"/>
                    </a:lnTo>
                    <a:lnTo>
                      <a:pt x="469" y="451"/>
                    </a:lnTo>
                    <a:lnTo>
                      <a:pt x="469" y="447"/>
                    </a:lnTo>
                    <a:lnTo>
                      <a:pt x="467" y="442"/>
                    </a:lnTo>
                    <a:lnTo>
                      <a:pt x="465" y="439"/>
                    </a:lnTo>
                    <a:lnTo>
                      <a:pt x="464" y="435"/>
                    </a:lnTo>
                    <a:lnTo>
                      <a:pt x="462" y="432"/>
                    </a:lnTo>
                    <a:lnTo>
                      <a:pt x="459" y="432"/>
                    </a:lnTo>
                    <a:lnTo>
                      <a:pt x="454" y="435"/>
                    </a:lnTo>
                    <a:lnTo>
                      <a:pt x="452" y="435"/>
                    </a:lnTo>
                    <a:lnTo>
                      <a:pt x="447" y="432"/>
                    </a:lnTo>
                    <a:lnTo>
                      <a:pt x="440" y="429"/>
                    </a:lnTo>
                    <a:lnTo>
                      <a:pt x="435" y="425"/>
                    </a:lnTo>
                    <a:lnTo>
                      <a:pt x="430" y="423"/>
                    </a:lnTo>
                    <a:lnTo>
                      <a:pt x="428" y="425"/>
                    </a:lnTo>
                    <a:lnTo>
                      <a:pt x="433" y="430"/>
                    </a:lnTo>
                    <a:lnTo>
                      <a:pt x="443" y="440"/>
                    </a:lnTo>
                    <a:lnTo>
                      <a:pt x="443" y="444"/>
                    </a:lnTo>
                    <a:lnTo>
                      <a:pt x="443" y="445"/>
                    </a:lnTo>
                    <a:lnTo>
                      <a:pt x="445" y="449"/>
                    </a:lnTo>
                    <a:lnTo>
                      <a:pt x="445" y="451"/>
                    </a:lnTo>
                    <a:lnTo>
                      <a:pt x="443" y="451"/>
                    </a:lnTo>
                    <a:lnTo>
                      <a:pt x="442" y="451"/>
                    </a:lnTo>
                    <a:lnTo>
                      <a:pt x="438" y="449"/>
                    </a:lnTo>
                    <a:lnTo>
                      <a:pt x="435" y="451"/>
                    </a:lnTo>
                    <a:lnTo>
                      <a:pt x="433" y="451"/>
                    </a:lnTo>
                    <a:lnTo>
                      <a:pt x="432" y="452"/>
                    </a:lnTo>
                    <a:lnTo>
                      <a:pt x="433" y="456"/>
                    </a:lnTo>
                    <a:lnTo>
                      <a:pt x="437" y="461"/>
                    </a:lnTo>
                    <a:lnTo>
                      <a:pt x="438" y="462"/>
                    </a:lnTo>
                    <a:lnTo>
                      <a:pt x="442" y="466"/>
                    </a:lnTo>
                    <a:lnTo>
                      <a:pt x="445" y="469"/>
                    </a:lnTo>
                    <a:lnTo>
                      <a:pt x="445" y="471"/>
                    </a:lnTo>
                    <a:lnTo>
                      <a:pt x="432" y="484"/>
                    </a:lnTo>
                    <a:lnTo>
                      <a:pt x="430" y="484"/>
                    </a:lnTo>
                    <a:lnTo>
                      <a:pt x="428" y="484"/>
                    </a:lnTo>
                    <a:lnTo>
                      <a:pt x="425" y="483"/>
                    </a:lnTo>
                    <a:lnTo>
                      <a:pt x="425" y="481"/>
                    </a:lnTo>
                    <a:lnTo>
                      <a:pt x="423" y="478"/>
                    </a:lnTo>
                    <a:lnTo>
                      <a:pt x="423" y="473"/>
                    </a:lnTo>
                    <a:lnTo>
                      <a:pt x="411" y="459"/>
                    </a:lnTo>
                    <a:lnTo>
                      <a:pt x="401" y="454"/>
                    </a:lnTo>
                    <a:lnTo>
                      <a:pt x="393" y="462"/>
                    </a:lnTo>
                    <a:lnTo>
                      <a:pt x="386" y="459"/>
                    </a:lnTo>
                    <a:lnTo>
                      <a:pt x="388" y="469"/>
                    </a:lnTo>
                    <a:lnTo>
                      <a:pt x="369" y="484"/>
                    </a:lnTo>
                    <a:lnTo>
                      <a:pt x="366" y="486"/>
                    </a:lnTo>
                    <a:lnTo>
                      <a:pt x="362" y="486"/>
                    </a:lnTo>
                    <a:lnTo>
                      <a:pt x="359" y="486"/>
                    </a:lnTo>
                    <a:lnTo>
                      <a:pt x="355" y="484"/>
                    </a:lnTo>
                    <a:lnTo>
                      <a:pt x="352" y="481"/>
                    </a:lnTo>
                    <a:lnTo>
                      <a:pt x="352" y="478"/>
                    </a:lnTo>
                    <a:lnTo>
                      <a:pt x="355" y="471"/>
                    </a:lnTo>
                    <a:lnTo>
                      <a:pt x="355" y="469"/>
                    </a:lnTo>
                    <a:lnTo>
                      <a:pt x="359" y="467"/>
                    </a:lnTo>
                    <a:lnTo>
                      <a:pt x="360" y="466"/>
                    </a:lnTo>
                    <a:lnTo>
                      <a:pt x="362" y="466"/>
                    </a:lnTo>
                    <a:lnTo>
                      <a:pt x="345" y="467"/>
                    </a:lnTo>
                    <a:lnTo>
                      <a:pt x="342" y="478"/>
                    </a:lnTo>
                    <a:lnTo>
                      <a:pt x="327" y="471"/>
                    </a:lnTo>
                    <a:lnTo>
                      <a:pt x="330" y="462"/>
                    </a:lnTo>
                    <a:lnTo>
                      <a:pt x="308" y="440"/>
                    </a:lnTo>
                    <a:lnTo>
                      <a:pt x="301" y="440"/>
                    </a:lnTo>
                    <a:lnTo>
                      <a:pt x="289" y="435"/>
                    </a:lnTo>
                    <a:lnTo>
                      <a:pt x="288" y="437"/>
                    </a:lnTo>
                    <a:lnTo>
                      <a:pt x="286" y="437"/>
                    </a:lnTo>
                    <a:lnTo>
                      <a:pt x="284" y="439"/>
                    </a:lnTo>
                    <a:lnTo>
                      <a:pt x="281" y="439"/>
                    </a:lnTo>
                    <a:lnTo>
                      <a:pt x="281" y="437"/>
                    </a:lnTo>
                    <a:lnTo>
                      <a:pt x="279" y="435"/>
                    </a:lnTo>
                    <a:lnTo>
                      <a:pt x="278" y="432"/>
                    </a:lnTo>
                    <a:lnTo>
                      <a:pt x="278" y="423"/>
                    </a:lnTo>
                    <a:lnTo>
                      <a:pt x="271" y="420"/>
                    </a:lnTo>
                    <a:lnTo>
                      <a:pt x="271" y="418"/>
                    </a:lnTo>
                    <a:lnTo>
                      <a:pt x="271" y="417"/>
                    </a:lnTo>
                    <a:lnTo>
                      <a:pt x="269" y="413"/>
                    </a:lnTo>
                    <a:lnTo>
                      <a:pt x="269" y="412"/>
                    </a:lnTo>
                    <a:lnTo>
                      <a:pt x="267" y="408"/>
                    </a:lnTo>
                    <a:lnTo>
                      <a:pt x="264" y="407"/>
                    </a:lnTo>
                    <a:lnTo>
                      <a:pt x="261" y="408"/>
                    </a:lnTo>
                    <a:lnTo>
                      <a:pt x="256" y="412"/>
                    </a:lnTo>
                    <a:lnTo>
                      <a:pt x="254" y="413"/>
                    </a:lnTo>
                    <a:lnTo>
                      <a:pt x="252" y="415"/>
                    </a:lnTo>
                    <a:lnTo>
                      <a:pt x="250" y="417"/>
                    </a:lnTo>
                    <a:lnTo>
                      <a:pt x="247" y="417"/>
                    </a:lnTo>
                    <a:lnTo>
                      <a:pt x="245" y="415"/>
                    </a:lnTo>
                    <a:lnTo>
                      <a:pt x="244" y="412"/>
                    </a:lnTo>
                    <a:lnTo>
                      <a:pt x="244" y="405"/>
                    </a:lnTo>
                    <a:lnTo>
                      <a:pt x="245" y="403"/>
                    </a:lnTo>
                    <a:lnTo>
                      <a:pt x="245" y="401"/>
                    </a:lnTo>
                    <a:lnTo>
                      <a:pt x="245" y="400"/>
                    </a:lnTo>
                    <a:lnTo>
                      <a:pt x="232" y="401"/>
                    </a:lnTo>
                    <a:lnTo>
                      <a:pt x="215" y="412"/>
                    </a:lnTo>
                    <a:lnTo>
                      <a:pt x="210" y="415"/>
                    </a:lnTo>
                    <a:lnTo>
                      <a:pt x="225" y="429"/>
                    </a:lnTo>
                    <a:lnTo>
                      <a:pt x="223" y="435"/>
                    </a:lnTo>
                    <a:lnTo>
                      <a:pt x="203" y="440"/>
                    </a:lnTo>
                    <a:lnTo>
                      <a:pt x="200" y="440"/>
                    </a:lnTo>
                    <a:lnTo>
                      <a:pt x="196" y="440"/>
                    </a:lnTo>
                    <a:lnTo>
                      <a:pt x="193" y="440"/>
                    </a:lnTo>
                    <a:lnTo>
                      <a:pt x="186" y="440"/>
                    </a:lnTo>
                    <a:lnTo>
                      <a:pt x="179" y="439"/>
                    </a:lnTo>
                    <a:lnTo>
                      <a:pt x="173" y="439"/>
                    </a:lnTo>
                    <a:lnTo>
                      <a:pt x="166" y="437"/>
                    </a:lnTo>
                    <a:lnTo>
                      <a:pt x="159" y="435"/>
                    </a:lnTo>
                    <a:lnTo>
                      <a:pt x="151" y="434"/>
                    </a:lnTo>
                    <a:lnTo>
                      <a:pt x="142" y="432"/>
                    </a:lnTo>
                    <a:lnTo>
                      <a:pt x="135" y="430"/>
                    </a:lnTo>
                    <a:lnTo>
                      <a:pt x="129" y="427"/>
                    </a:lnTo>
                    <a:lnTo>
                      <a:pt x="122" y="423"/>
                    </a:lnTo>
                    <a:lnTo>
                      <a:pt x="117" y="420"/>
                    </a:lnTo>
                    <a:lnTo>
                      <a:pt x="112" y="417"/>
                    </a:lnTo>
                    <a:lnTo>
                      <a:pt x="108" y="417"/>
                    </a:lnTo>
                    <a:lnTo>
                      <a:pt x="105" y="417"/>
                    </a:lnTo>
                    <a:lnTo>
                      <a:pt x="100" y="415"/>
                    </a:lnTo>
                    <a:lnTo>
                      <a:pt x="95" y="415"/>
                    </a:lnTo>
                    <a:lnTo>
                      <a:pt x="91" y="415"/>
                    </a:lnTo>
                    <a:lnTo>
                      <a:pt x="90" y="415"/>
                    </a:lnTo>
                    <a:lnTo>
                      <a:pt x="88" y="415"/>
                    </a:lnTo>
                    <a:lnTo>
                      <a:pt x="90" y="407"/>
                    </a:lnTo>
                    <a:lnTo>
                      <a:pt x="98" y="400"/>
                    </a:lnTo>
                    <a:lnTo>
                      <a:pt x="88" y="381"/>
                    </a:lnTo>
                    <a:lnTo>
                      <a:pt x="81" y="391"/>
                    </a:lnTo>
                    <a:lnTo>
                      <a:pt x="85" y="396"/>
                    </a:lnTo>
                    <a:lnTo>
                      <a:pt x="81" y="400"/>
                    </a:lnTo>
                    <a:lnTo>
                      <a:pt x="76" y="405"/>
                    </a:lnTo>
                    <a:lnTo>
                      <a:pt x="85" y="408"/>
                    </a:lnTo>
                    <a:lnTo>
                      <a:pt x="81" y="417"/>
                    </a:lnTo>
                    <a:lnTo>
                      <a:pt x="76" y="417"/>
                    </a:lnTo>
                    <a:lnTo>
                      <a:pt x="71" y="417"/>
                    </a:lnTo>
                    <a:lnTo>
                      <a:pt x="64" y="417"/>
                    </a:lnTo>
                    <a:lnTo>
                      <a:pt x="56" y="417"/>
                    </a:lnTo>
                    <a:lnTo>
                      <a:pt x="49" y="418"/>
                    </a:lnTo>
                    <a:lnTo>
                      <a:pt x="42" y="420"/>
                    </a:lnTo>
                    <a:lnTo>
                      <a:pt x="36" y="423"/>
                    </a:lnTo>
                    <a:lnTo>
                      <a:pt x="34" y="423"/>
                    </a:lnTo>
                    <a:lnTo>
                      <a:pt x="32" y="422"/>
                    </a:lnTo>
                    <a:lnTo>
                      <a:pt x="32" y="420"/>
                    </a:lnTo>
                    <a:lnTo>
                      <a:pt x="30" y="417"/>
                    </a:lnTo>
                    <a:lnTo>
                      <a:pt x="29" y="415"/>
                    </a:lnTo>
                    <a:lnTo>
                      <a:pt x="29" y="413"/>
                    </a:lnTo>
                    <a:lnTo>
                      <a:pt x="27" y="413"/>
                    </a:lnTo>
                    <a:lnTo>
                      <a:pt x="39" y="400"/>
                    </a:lnTo>
                    <a:lnTo>
                      <a:pt x="41" y="39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05" name="Freeform 61"/>
              <p:cNvSpPr>
                <a:spLocks/>
              </p:cNvSpPr>
              <p:nvPr/>
            </p:nvSpPr>
            <p:spPr bwMode="auto">
              <a:xfrm>
                <a:off x="3486" y="1959"/>
                <a:ext cx="289" cy="512"/>
              </a:xfrm>
              <a:custGeom>
                <a:avLst/>
                <a:gdLst>
                  <a:gd name="T0" fmla="*/ 0 w 298"/>
                  <a:gd name="T1" fmla="*/ 333 h 528"/>
                  <a:gd name="T2" fmla="*/ 5 w 298"/>
                  <a:gd name="T3" fmla="*/ 327 h 528"/>
                  <a:gd name="T4" fmla="*/ 7 w 298"/>
                  <a:gd name="T5" fmla="*/ 317 h 528"/>
                  <a:gd name="T6" fmla="*/ 10 w 298"/>
                  <a:gd name="T7" fmla="*/ 307 h 528"/>
                  <a:gd name="T8" fmla="*/ 16 w 298"/>
                  <a:gd name="T9" fmla="*/ 297 h 528"/>
                  <a:gd name="T10" fmla="*/ 20 w 298"/>
                  <a:gd name="T11" fmla="*/ 277 h 528"/>
                  <a:gd name="T12" fmla="*/ 24 w 298"/>
                  <a:gd name="T13" fmla="*/ 271 h 528"/>
                  <a:gd name="T14" fmla="*/ 29 w 298"/>
                  <a:gd name="T15" fmla="*/ 255 h 528"/>
                  <a:gd name="T16" fmla="*/ 18 w 298"/>
                  <a:gd name="T17" fmla="*/ 238 h 528"/>
                  <a:gd name="T18" fmla="*/ 16 w 298"/>
                  <a:gd name="T19" fmla="*/ 217 h 528"/>
                  <a:gd name="T20" fmla="*/ 18 w 298"/>
                  <a:gd name="T21" fmla="*/ 208 h 528"/>
                  <a:gd name="T22" fmla="*/ 16 w 298"/>
                  <a:gd name="T23" fmla="*/ 189 h 528"/>
                  <a:gd name="T24" fmla="*/ 16 w 298"/>
                  <a:gd name="T25" fmla="*/ 161 h 528"/>
                  <a:gd name="T26" fmla="*/ 16 w 298"/>
                  <a:gd name="T27" fmla="*/ 127 h 528"/>
                  <a:gd name="T28" fmla="*/ 16 w 298"/>
                  <a:gd name="T29" fmla="*/ 91 h 528"/>
                  <a:gd name="T30" fmla="*/ 12 w 298"/>
                  <a:gd name="T31" fmla="*/ 59 h 528"/>
                  <a:gd name="T32" fmla="*/ 9 w 298"/>
                  <a:gd name="T33" fmla="*/ 37 h 528"/>
                  <a:gd name="T34" fmla="*/ 7 w 298"/>
                  <a:gd name="T35" fmla="*/ 20 h 528"/>
                  <a:gd name="T36" fmla="*/ 9 w 298"/>
                  <a:gd name="T37" fmla="*/ 22 h 528"/>
                  <a:gd name="T38" fmla="*/ 16 w 298"/>
                  <a:gd name="T39" fmla="*/ 29 h 528"/>
                  <a:gd name="T40" fmla="*/ 18 w 298"/>
                  <a:gd name="T41" fmla="*/ 30 h 528"/>
                  <a:gd name="T42" fmla="*/ 41 w 298"/>
                  <a:gd name="T43" fmla="*/ 16 h 528"/>
                  <a:gd name="T44" fmla="*/ 168 w 298"/>
                  <a:gd name="T45" fmla="*/ 16 h 528"/>
                  <a:gd name="T46" fmla="*/ 191 w 298"/>
                  <a:gd name="T47" fmla="*/ 218 h 528"/>
                  <a:gd name="T48" fmla="*/ 189 w 298"/>
                  <a:gd name="T49" fmla="*/ 228 h 528"/>
                  <a:gd name="T50" fmla="*/ 192 w 298"/>
                  <a:gd name="T51" fmla="*/ 238 h 528"/>
                  <a:gd name="T52" fmla="*/ 193 w 298"/>
                  <a:gd name="T53" fmla="*/ 245 h 528"/>
                  <a:gd name="T54" fmla="*/ 179 w 298"/>
                  <a:gd name="T55" fmla="*/ 247 h 528"/>
                  <a:gd name="T56" fmla="*/ 170 w 298"/>
                  <a:gd name="T57" fmla="*/ 249 h 528"/>
                  <a:gd name="T58" fmla="*/ 166 w 298"/>
                  <a:gd name="T59" fmla="*/ 249 h 528"/>
                  <a:gd name="T60" fmla="*/ 156 w 298"/>
                  <a:gd name="T61" fmla="*/ 256 h 528"/>
                  <a:gd name="T62" fmla="*/ 159 w 298"/>
                  <a:gd name="T63" fmla="*/ 267 h 528"/>
                  <a:gd name="T64" fmla="*/ 156 w 298"/>
                  <a:gd name="T65" fmla="*/ 271 h 528"/>
                  <a:gd name="T66" fmla="*/ 149 w 298"/>
                  <a:gd name="T67" fmla="*/ 278 h 528"/>
                  <a:gd name="T68" fmla="*/ 146 w 298"/>
                  <a:gd name="T69" fmla="*/ 286 h 528"/>
                  <a:gd name="T70" fmla="*/ 146 w 298"/>
                  <a:gd name="T71" fmla="*/ 288 h 528"/>
                  <a:gd name="T72" fmla="*/ 143 w 298"/>
                  <a:gd name="T73" fmla="*/ 289 h 528"/>
                  <a:gd name="T74" fmla="*/ 137 w 298"/>
                  <a:gd name="T75" fmla="*/ 293 h 528"/>
                  <a:gd name="T76" fmla="*/ 133 w 298"/>
                  <a:gd name="T77" fmla="*/ 306 h 528"/>
                  <a:gd name="T78" fmla="*/ 132 w 298"/>
                  <a:gd name="T79" fmla="*/ 311 h 528"/>
                  <a:gd name="T80" fmla="*/ 123 w 298"/>
                  <a:gd name="T81" fmla="*/ 315 h 528"/>
                  <a:gd name="T82" fmla="*/ 110 w 298"/>
                  <a:gd name="T83" fmla="*/ 306 h 528"/>
                  <a:gd name="T84" fmla="*/ 104 w 298"/>
                  <a:gd name="T85" fmla="*/ 302 h 528"/>
                  <a:gd name="T86" fmla="*/ 98 w 298"/>
                  <a:gd name="T87" fmla="*/ 317 h 528"/>
                  <a:gd name="T88" fmla="*/ 92 w 298"/>
                  <a:gd name="T89" fmla="*/ 332 h 528"/>
                  <a:gd name="T90" fmla="*/ 81 w 298"/>
                  <a:gd name="T91" fmla="*/ 324 h 528"/>
                  <a:gd name="T92" fmla="*/ 76 w 298"/>
                  <a:gd name="T93" fmla="*/ 321 h 528"/>
                  <a:gd name="T94" fmla="*/ 67 w 298"/>
                  <a:gd name="T95" fmla="*/ 332 h 528"/>
                  <a:gd name="T96" fmla="*/ 59 w 298"/>
                  <a:gd name="T97" fmla="*/ 337 h 528"/>
                  <a:gd name="T98" fmla="*/ 48 w 298"/>
                  <a:gd name="T99" fmla="*/ 332 h 528"/>
                  <a:gd name="T100" fmla="*/ 42 w 298"/>
                  <a:gd name="T101" fmla="*/ 328 h 528"/>
                  <a:gd name="T102" fmla="*/ 37 w 298"/>
                  <a:gd name="T103" fmla="*/ 329 h 528"/>
                  <a:gd name="T104" fmla="*/ 32 w 298"/>
                  <a:gd name="T105" fmla="*/ 328 h 528"/>
                  <a:gd name="T106" fmla="*/ 32 w 298"/>
                  <a:gd name="T107" fmla="*/ 336 h 528"/>
                  <a:gd name="T108" fmla="*/ 29 w 298"/>
                  <a:gd name="T109" fmla="*/ 339 h 528"/>
                  <a:gd name="T110" fmla="*/ 16 w 298"/>
                  <a:gd name="T111" fmla="*/ 335 h 528"/>
                  <a:gd name="T112" fmla="*/ 12 w 298"/>
                  <a:gd name="T113" fmla="*/ 333 h 528"/>
                  <a:gd name="T114" fmla="*/ 16 w 298"/>
                  <a:gd name="T115" fmla="*/ 339 h 528"/>
                  <a:gd name="T116" fmla="*/ 10 w 298"/>
                  <a:gd name="T117" fmla="*/ 343 h 528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298"/>
                  <a:gd name="T178" fmla="*/ 0 h 528"/>
                  <a:gd name="T179" fmla="*/ 298 w 298"/>
                  <a:gd name="T180" fmla="*/ 528 h 528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298" h="528">
                    <a:moveTo>
                      <a:pt x="7" y="528"/>
                    </a:moveTo>
                    <a:lnTo>
                      <a:pt x="2" y="523"/>
                    </a:lnTo>
                    <a:lnTo>
                      <a:pt x="0" y="518"/>
                    </a:lnTo>
                    <a:lnTo>
                      <a:pt x="0" y="513"/>
                    </a:lnTo>
                    <a:lnTo>
                      <a:pt x="0" y="510"/>
                    </a:lnTo>
                    <a:lnTo>
                      <a:pt x="2" y="506"/>
                    </a:lnTo>
                    <a:lnTo>
                      <a:pt x="4" y="505"/>
                    </a:lnTo>
                    <a:lnTo>
                      <a:pt x="5" y="503"/>
                    </a:lnTo>
                    <a:lnTo>
                      <a:pt x="7" y="493"/>
                    </a:lnTo>
                    <a:lnTo>
                      <a:pt x="7" y="491"/>
                    </a:lnTo>
                    <a:lnTo>
                      <a:pt x="7" y="489"/>
                    </a:lnTo>
                    <a:lnTo>
                      <a:pt x="7" y="486"/>
                    </a:lnTo>
                    <a:lnTo>
                      <a:pt x="9" y="481"/>
                    </a:lnTo>
                    <a:lnTo>
                      <a:pt x="9" y="478"/>
                    </a:lnTo>
                    <a:lnTo>
                      <a:pt x="10" y="474"/>
                    </a:lnTo>
                    <a:lnTo>
                      <a:pt x="10" y="471"/>
                    </a:lnTo>
                    <a:lnTo>
                      <a:pt x="10" y="469"/>
                    </a:lnTo>
                    <a:lnTo>
                      <a:pt x="17" y="464"/>
                    </a:lnTo>
                    <a:lnTo>
                      <a:pt x="22" y="456"/>
                    </a:lnTo>
                    <a:lnTo>
                      <a:pt x="26" y="447"/>
                    </a:lnTo>
                    <a:lnTo>
                      <a:pt x="29" y="440"/>
                    </a:lnTo>
                    <a:lnTo>
                      <a:pt x="32" y="432"/>
                    </a:lnTo>
                    <a:lnTo>
                      <a:pt x="34" y="427"/>
                    </a:lnTo>
                    <a:lnTo>
                      <a:pt x="36" y="422"/>
                    </a:lnTo>
                    <a:lnTo>
                      <a:pt x="36" y="420"/>
                    </a:lnTo>
                    <a:lnTo>
                      <a:pt x="38" y="417"/>
                    </a:lnTo>
                    <a:lnTo>
                      <a:pt x="39" y="413"/>
                    </a:lnTo>
                    <a:lnTo>
                      <a:pt x="41" y="412"/>
                    </a:lnTo>
                    <a:lnTo>
                      <a:pt x="43" y="401"/>
                    </a:lnTo>
                    <a:lnTo>
                      <a:pt x="43" y="393"/>
                    </a:lnTo>
                    <a:lnTo>
                      <a:pt x="41" y="384"/>
                    </a:lnTo>
                    <a:lnTo>
                      <a:pt x="38" y="378"/>
                    </a:lnTo>
                    <a:lnTo>
                      <a:pt x="36" y="371"/>
                    </a:lnTo>
                    <a:lnTo>
                      <a:pt x="32" y="366"/>
                    </a:lnTo>
                    <a:lnTo>
                      <a:pt x="31" y="362"/>
                    </a:lnTo>
                    <a:lnTo>
                      <a:pt x="29" y="361"/>
                    </a:lnTo>
                    <a:lnTo>
                      <a:pt x="29" y="357"/>
                    </a:lnTo>
                    <a:lnTo>
                      <a:pt x="29" y="334"/>
                    </a:lnTo>
                    <a:lnTo>
                      <a:pt x="32" y="329"/>
                    </a:lnTo>
                    <a:lnTo>
                      <a:pt x="32" y="327"/>
                    </a:lnTo>
                    <a:lnTo>
                      <a:pt x="32" y="325"/>
                    </a:lnTo>
                    <a:lnTo>
                      <a:pt x="32" y="320"/>
                    </a:lnTo>
                    <a:lnTo>
                      <a:pt x="31" y="315"/>
                    </a:lnTo>
                    <a:lnTo>
                      <a:pt x="31" y="308"/>
                    </a:lnTo>
                    <a:lnTo>
                      <a:pt x="31" y="300"/>
                    </a:lnTo>
                    <a:lnTo>
                      <a:pt x="29" y="291"/>
                    </a:lnTo>
                    <a:lnTo>
                      <a:pt x="29" y="281"/>
                    </a:lnTo>
                    <a:lnTo>
                      <a:pt x="27" y="271"/>
                    </a:lnTo>
                    <a:lnTo>
                      <a:pt x="27" y="259"/>
                    </a:lnTo>
                    <a:lnTo>
                      <a:pt x="26" y="247"/>
                    </a:lnTo>
                    <a:lnTo>
                      <a:pt x="24" y="234"/>
                    </a:lnTo>
                    <a:lnTo>
                      <a:pt x="24" y="222"/>
                    </a:lnTo>
                    <a:lnTo>
                      <a:pt x="22" y="208"/>
                    </a:lnTo>
                    <a:lnTo>
                      <a:pt x="21" y="195"/>
                    </a:lnTo>
                    <a:lnTo>
                      <a:pt x="21" y="181"/>
                    </a:lnTo>
                    <a:lnTo>
                      <a:pt x="19" y="166"/>
                    </a:lnTo>
                    <a:lnTo>
                      <a:pt x="17" y="153"/>
                    </a:lnTo>
                    <a:lnTo>
                      <a:pt x="17" y="139"/>
                    </a:lnTo>
                    <a:lnTo>
                      <a:pt x="16" y="127"/>
                    </a:lnTo>
                    <a:lnTo>
                      <a:pt x="14" y="114"/>
                    </a:lnTo>
                    <a:lnTo>
                      <a:pt x="14" y="102"/>
                    </a:lnTo>
                    <a:lnTo>
                      <a:pt x="12" y="90"/>
                    </a:lnTo>
                    <a:lnTo>
                      <a:pt x="12" y="80"/>
                    </a:lnTo>
                    <a:lnTo>
                      <a:pt x="10" y="70"/>
                    </a:lnTo>
                    <a:lnTo>
                      <a:pt x="10" y="60"/>
                    </a:lnTo>
                    <a:lnTo>
                      <a:pt x="9" y="53"/>
                    </a:lnTo>
                    <a:lnTo>
                      <a:pt x="9" y="46"/>
                    </a:lnTo>
                    <a:lnTo>
                      <a:pt x="9" y="41"/>
                    </a:lnTo>
                    <a:lnTo>
                      <a:pt x="7" y="36"/>
                    </a:lnTo>
                    <a:lnTo>
                      <a:pt x="7" y="34"/>
                    </a:lnTo>
                    <a:lnTo>
                      <a:pt x="7" y="32"/>
                    </a:lnTo>
                    <a:lnTo>
                      <a:pt x="7" y="34"/>
                    </a:lnTo>
                    <a:lnTo>
                      <a:pt x="9" y="36"/>
                    </a:lnTo>
                    <a:lnTo>
                      <a:pt x="10" y="38"/>
                    </a:lnTo>
                    <a:lnTo>
                      <a:pt x="12" y="39"/>
                    </a:lnTo>
                    <a:lnTo>
                      <a:pt x="14" y="41"/>
                    </a:lnTo>
                    <a:lnTo>
                      <a:pt x="16" y="43"/>
                    </a:lnTo>
                    <a:lnTo>
                      <a:pt x="19" y="44"/>
                    </a:lnTo>
                    <a:lnTo>
                      <a:pt x="22" y="44"/>
                    </a:lnTo>
                    <a:lnTo>
                      <a:pt x="27" y="44"/>
                    </a:lnTo>
                    <a:lnTo>
                      <a:pt x="32" y="44"/>
                    </a:lnTo>
                    <a:lnTo>
                      <a:pt x="38" y="43"/>
                    </a:lnTo>
                    <a:lnTo>
                      <a:pt x="46" y="39"/>
                    </a:lnTo>
                    <a:lnTo>
                      <a:pt x="53" y="36"/>
                    </a:lnTo>
                    <a:lnTo>
                      <a:pt x="61" y="29"/>
                    </a:lnTo>
                    <a:lnTo>
                      <a:pt x="71" y="22"/>
                    </a:lnTo>
                    <a:lnTo>
                      <a:pt x="70" y="22"/>
                    </a:lnTo>
                    <a:lnTo>
                      <a:pt x="254" y="0"/>
                    </a:lnTo>
                    <a:lnTo>
                      <a:pt x="258" y="17"/>
                    </a:lnTo>
                    <a:lnTo>
                      <a:pt x="293" y="335"/>
                    </a:lnTo>
                    <a:lnTo>
                      <a:pt x="295" y="334"/>
                    </a:lnTo>
                    <a:lnTo>
                      <a:pt x="293" y="334"/>
                    </a:lnTo>
                    <a:lnTo>
                      <a:pt x="293" y="335"/>
                    </a:lnTo>
                    <a:lnTo>
                      <a:pt x="291" y="337"/>
                    </a:lnTo>
                    <a:lnTo>
                      <a:pt x="291" y="340"/>
                    </a:lnTo>
                    <a:lnTo>
                      <a:pt x="290" y="346"/>
                    </a:lnTo>
                    <a:lnTo>
                      <a:pt x="290" y="351"/>
                    </a:lnTo>
                    <a:lnTo>
                      <a:pt x="290" y="356"/>
                    </a:lnTo>
                    <a:lnTo>
                      <a:pt x="291" y="362"/>
                    </a:lnTo>
                    <a:lnTo>
                      <a:pt x="293" y="364"/>
                    </a:lnTo>
                    <a:lnTo>
                      <a:pt x="295" y="366"/>
                    </a:lnTo>
                    <a:lnTo>
                      <a:pt x="296" y="369"/>
                    </a:lnTo>
                    <a:lnTo>
                      <a:pt x="298" y="371"/>
                    </a:lnTo>
                    <a:lnTo>
                      <a:pt x="298" y="374"/>
                    </a:lnTo>
                    <a:lnTo>
                      <a:pt x="296" y="376"/>
                    </a:lnTo>
                    <a:lnTo>
                      <a:pt x="290" y="378"/>
                    </a:lnTo>
                    <a:lnTo>
                      <a:pt x="281" y="379"/>
                    </a:lnTo>
                    <a:lnTo>
                      <a:pt x="280" y="379"/>
                    </a:lnTo>
                    <a:lnTo>
                      <a:pt x="276" y="379"/>
                    </a:lnTo>
                    <a:lnTo>
                      <a:pt x="273" y="381"/>
                    </a:lnTo>
                    <a:lnTo>
                      <a:pt x="268" y="383"/>
                    </a:lnTo>
                    <a:lnTo>
                      <a:pt x="264" y="383"/>
                    </a:lnTo>
                    <a:lnTo>
                      <a:pt x="261" y="384"/>
                    </a:lnTo>
                    <a:lnTo>
                      <a:pt x="259" y="384"/>
                    </a:lnTo>
                    <a:lnTo>
                      <a:pt x="258" y="384"/>
                    </a:lnTo>
                    <a:lnTo>
                      <a:pt x="254" y="384"/>
                    </a:lnTo>
                    <a:lnTo>
                      <a:pt x="251" y="386"/>
                    </a:lnTo>
                    <a:lnTo>
                      <a:pt x="246" y="388"/>
                    </a:lnTo>
                    <a:lnTo>
                      <a:pt x="242" y="390"/>
                    </a:lnTo>
                    <a:lnTo>
                      <a:pt x="239" y="395"/>
                    </a:lnTo>
                    <a:lnTo>
                      <a:pt x="241" y="400"/>
                    </a:lnTo>
                    <a:lnTo>
                      <a:pt x="244" y="408"/>
                    </a:lnTo>
                    <a:lnTo>
                      <a:pt x="244" y="410"/>
                    </a:lnTo>
                    <a:lnTo>
                      <a:pt x="244" y="412"/>
                    </a:lnTo>
                    <a:lnTo>
                      <a:pt x="242" y="413"/>
                    </a:lnTo>
                    <a:lnTo>
                      <a:pt x="241" y="417"/>
                    </a:lnTo>
                    <a:lnTo>
                      <a:pt x="239" y="418"/>
                    </a:lnTo>
                    <a:lnTo>
                      <a:pt x="236" y="422"/>
                    </a:lnTo>
                    <a:lnTo>
                      <a:pt x="232" y="425"/>
                    </a:lnTo>
                    <a:lnTo>
                      <a:pt x="232" y="427"/>
                    </a:lnTo>
                    <a:lnTo>
                      <a:pt x="230" y="428"/>
                    </a:lnTo>
                    <a:lnTo>
                      <a:pt x="229" y="430"/>
                    </a:lnTo>
                    <a:lnTo>
                      <a:pt x="229" y="434"/>
                    </a:lnTo>
                    <a:lnTo>
                      <a:pt x="227" y="435"/>
                    </a:lnTo>
                    <a:lnTo>
                      <a:pt x="225" y="439"/>
                    </a:lnTo>
                    <a:lnTo>
                      <a:pt x="225" y="440"/>
                    </a:lnTo>
                    <a:lnTo>
                      <a:pt x="225" y="442"/>
                    </a:lnTo>
                    <a:lnTo>
                      <a:pt x="224" y="442"/>
                    </a:lnTo>
                    <a:lnTo>
                      <a:pt x="224" y="444"/>
                    </a:lnTo>
                    <a:lnTo>
                      <a:pt x="222" y="445"/>
                    </a:lnTo>
                    <a:lnTo>
                      <a:pt x="220" y="445"/>
                    </a:lnTo>
                    <a:lnTo>
                      <a:pt x="217" y="447"/>
                    </a:lnTo>
                    <a:lnTo>
                      <a:pt x="212" y="447"/>
                    </a:lnTo>
                    <a:lnTo>
                      <a:pt x="210" y="450"/>
                    </a:lnTo>
                    <a:lnTo>
                      <a:pt x="208" y="456"/>
                    </a:lnTo>
                    <a:lnTo>
                      <a:pt x="207" y="461"/>
                    </a:lnTo>
                    <a:lnTo>
                      <a:pt x="205" y="467"/>
                    </a:lnTo>
                    <a:lnTo>
                      <a:pt x="203" y="471"/>
                    </a:lnTo>
                    <a:lnTo>
                      <a:pt x="203" y="474"/>
                    </a:lnTo>
                    <a:lnTo>
                      <a:pt x="203" y="476"/>
                    </a:lnTo>
                    <a:lnTo>
                      <a:pt x="203" y="478"/>
                    </a:lnTo>
                    <a:lnTo>
                      <a:pt x="202" y="479"/>
                    </a:lnTo>
                    <a:lnTo>
                      <a:pt x="200" y="481"/>
                    </a:lnTo>
                    <a:lnTo>
                      <a:pt x="198" y="483"/>
                    </a:lnTo>
                    <a:lnTo>
                      <a:pt x="193" y="484"/>
                    </a:lnTo>
                    <a:lnTo>
                      <a:pt x="188" y="484"/>
                    </a:lnTo>
                    <a:lnTo>
                      <a:pt x="180" y="483"/>
                    </a:lnTo>
                    <a:lnTo>
                      <a:pt x="170" y="478"/>
                    </a:lnTo>
                    <a:lnTo>
                      <a:pt x="170" y="476"/>
                    </a:lnTo>
                    <a:lnTo>
                      <a:pt x="170" y="472"/>
                    </a:lnTo>
                    <a:lnTo>
                      <a:pt x="168" y="469"/>
                    </a:lnTo>
                    <a:lnTo>
                      <a:pt x="166" y="466"/>
                    </a:lnTo>
                    <a:lnTo>
                      <a:pt x="163" y="464"/>
                    </a:lnTo>
                    <a:lnTo>
                      <a:pt x="159" y="464"/>
                    </a:lnTo>
                    <a:lnTo>
                      <a:pt x="156" y="471"/>
                    </a:lnTo>
                    <a:lnTo>
                      <a:pt x="151" y="481"/>
                    </a:lnTo>
                    <a:lnTo>
                      <a:pt x="151" y="484"/>
                    </a:lnTo>
                    <a:lnTo>
                      <a:pt x="149" y="489"/>
                    </a:lnTo>
                    <a:lnTo>
                      <a:pt x="149" y="496"/>
                    </a:lnTo>
                    <a:lnTo>
                      <a:pt x="148" y="503"/>
                    </a:lnTo>
                    <a:lnTo>
                      <a:pt x="144" y="506"/>
                    </a:lnTo>
                    <a:lnTo>
                      <a:pt x="141" y="510"/>
                    </a:lnTo>
                    <a:lnTo>
                      <a:pt x="134" y="508"/>
                    </a:lnTo>
                    <a:lnTo>
                      <a:pt x="127" y="501"/>
                    </a:lnTo>
                    <a:lnTo>
                      <a:pt x="126" y="500"/>
                    </a:lnTo>
                    <a:lnTo>
                      <a:pt x="126" y="498"/>
                    </a:lnTo>
                    <a:lnTo>
                      <a:pt x="126" y="496"/>
                    </a:lnTo>
                    <a:lnTo>
                      <a:pt x="124" y="493"/>
                    </a:lnTo>
                    <a:lnTo>
                      <a:pt x="122" y="493"/>
                    </a:lnTo>
                    <a:lnTo>
                      <a:pt x="117" y="493"/>
                    </a:lnTo>
                    <a:lnTo>
                      <a:pt x="112" y="498"/>
                    </a:lnTo>
                    <a:lnTo>
                      <a:pt x="104" y="505"/>
                    </a:lnTo>
                    <a:lnTo>
                      <a:pt x="104" y="506"/>
                    </a:lnTo>
                    <a:lnTo>
                      <a:pt x="102" y="510"/>
                    </a:lnTo>
                    <a:lnTo>
                      <a:pt x="100" y="513"/>
                    </a:lnTo>
                    <a:lnTo>
                      <a:pt x="98" y="516"/>
                    </a:lnTo>
                    <a:lnTo>
                      <a:pt x="95" y="520"/>
                    </a:lnTo>
                    <a:lnTo>
                      <a:pt x="90" y="520"/>
                    </a:lnTo>
                    <a:lnTo>
                      <a:pt x="85" y="518"/>
                    </a:lnTo>
                    <a:lnTo>
                      <a:pt x="78" y="513"/>
                    </a:lnTo>
                    <a:lnTo>
                      <a:pt x="78" y="511"/>
                    </a:lnTo>
                    <a:lnTo>
                      <a:pt x="76" y="510"/>
                    </a:lnTo>
                    <a:lnTo>
                      <a:pt x="73" y="508"/>
                    </a:lnTo>
                    <a:lnTo>
                      <a:pt x="70" y="506"/>
                    </a:lnTo>
                    <a:lnTo>
                      <a:pt x="66" y="505"/>
                    </a:lnTo>
                    <a:lnTo>
                      <a:pt x="63" y="505"/>
                    </a:lnTo>
                    <a:lnTo>
                      <a:pt x="58" y="505"/>
                    </a:lnTo>
                    <a:lnTo>
                      <a:pt x="54" y="508"/>
                    </a:lnTo>
                    <a:lnTo>
                      <a:pt x="53" y="506"/>
                    </a:lnTo>
                    <a:lnTo>
                      <a:pt x="51" y="505"/>
                    </a:lnTo>
                    <a:lnTo>
                      <a:pt x="49" y="505"/>
                    </a:lnTo>
                    <a:lnTo>
                      <a:pt x="48" y="505"/>
                    </a:lnTo>
                    <a:lnTo>
                      <a:pt x="46" y="505"/>
                    </a:lnTo>
                    <a:lnTo>
                      <a:pt x="46" y="510"/>
                    </a:lnTo>
                    <a:lnTo>
                      <a:pt x="46" y="515"/>
                    </a:lnTo>
                    <a:lnTo>
                      <a:pt x="46" y="516"/>
                    </a:lnTo>
                    <a:lnTo>
                      <a:pt x="46" y="518"/>
                    </a:lnTo>
                    <a:lnTo>
                      <a:pt x="44" y="520"/>
                    </a:lnTo>
                    <a:lnTo>
                      <a:pt x="44" y="522"/>
                    </a:lnTo>
                    <a:lnTo>
                      <a:pt x="43" y="522"/>
                    </a:lnTo>
                    <a:lnTo>
                      <a:pt x="39" y="520"/>
                    </a:lnTo>
                    <a:lnTo>
                      <a:pt x="36" y="516"/>
                    </a:lnTo>
                    <a:lnTo>
                      <a:pt x="34" y="516"/>
                    </a:lnTo>
                    <a:lnTo>
                      <a:pt x="29" y="515"/>
                    </a:lnTo>
                    <a:lnTo>
                      <a:pt x="24" y="513"/>
                    </a:lnTo>
                    <a:lnTo>
                      <a:pt x="19" y="513"/>
                    </a:lnTo>
                    <a:lnTo>
                      <a:pt x="16" y="513"/>
                    </a:lnTo>
                    <a:lnTo>
                      <a:pt x="12" y="513"/>
                    </a:lnTo>
                    <a:lnTo>
                      <a:pt x="12" y="516"/>
                    </a:lnTo>
                    <a:lnTo>
                      <a:pt x="16" y="520"/>
                    </a:lnTo>
                    <a:lnTo>
                      <a:pt x="16" y="522"/>
                    </a:lnTo>
                    <a:lnTo>
                      <a:pt x="14" y="525"/>
                    </a:lnTo>
                    <a:lnTo>
                      <a:pt x="14" y="527"/>
                    </a:lnTo>
                    <a:lnTo>
                      <a:pt x="12" y="527"/>
                    </a:lnTo>
                    <a:lnTo>
                      <a:pt x="10" y="528"/>
                    </a:lnTo>
                    <a:lnTo>
                      <a:pt x="9" y="528"/>
                    </a:lnTo>
                    <a:lnTo>
                      <a:pt x="7" y="528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06" name="Freeform 62"/>
              <p:cNvSpPr>
                <a:spLocks/>
              </p:cNvSpPr>
              <p:nvPr/>
            </p:nvSpPr>
            <p:spPr bwMode="auto">
              <a:xfrm>
                <a:off x="3357" y="2283"/>
                <a:ext cx="703" cy="359"/>
              </a:xfrm>
              <a:custGeom>
                <a:avLst/>
                <a:gdLst>
                  <a:gd name="T0" fmla="*/ 426 w 723"/>
                  <a:gd name="T1" fmla="*/ 23 h 370"/>
                  <a:gd name="T2" fmla="*/ 415 w 723"/>
                  <a:gd name="T3" fmla="*/ 16 h 370"/>
                  <a:gd name="T4" fmla="*/ 394 w 723"/>
                  <a:gd name="T5" fmla="*/ 26 h 370"/>
                  <a:gd name="T6" fmla="*/ 378 w 723"/>
                  <a:gd name="T7" fmla="*/ 21 h 370"/>
                  <a:gd name="T8" fmla="*/ 362 w 723"/>
                  <a:gd name="T9" fmla="*/ 28 h 370"/>
                  <a:gd name="T10" fmla="*/ 329 w 723"/>
                  <a:gd name="T11" fmla="*/ 16 h 370"/>
                  <a:gd name="T12" fmla="*/ 300 w 723"/>
                  <a:gd name="T13" fmla="*/ 1 h 370"/>
                  <a:gd name="T14" fmla="*/ 289 w 723"/>
                  <a:gd name="T15" fmla="*/ 0 h 370"/>
                  <a:gd name="T16" fmla="*/ 285 w 723"/>
                  <a:gd name="T17" fmla="*/ 16 h 370"/>
                  <a:gd name="T18" fmla="*/ 289 w 723"/>
                  <a:gd name="T19" fmla="*/ 28 h 370"/>
                  <a:gd name="T20" fmla="*/ 267 w 723"/>
                  <a:gd name="T21" fmla="*/ 35 h 370"/>
                  <a:gd name="T22" fmla="*/ 256 w 723"/>
                  <a:gd name="T23" fmla="*/ 38 h 370"/>
                  <a:gd name="T24" fmla="*/ 254 w 723"/>
                  <a:gd name="T25" fmla="*/ 50 h 370"/>
                  <a:gd name="T26" fmla="*/ 245 w 723"/>
                  <a:gd name="T27" fmla="*/ 62 h 370"/>
                  <a:gd name="T28" fmla="*/ 241 w 723"/>
                  <a:gd name="T29" fmla="*/ 70 h 370"/>
                  <a:gd name="T30" fmla="*/ 232 w 723"/>
                  <a:gd name="T31" fmla="*/ 75 h 370"/>
                  <a:gd name="T32" fmla="*/ 226 w 723"/>
                  <a:gd name="T33" fmla="*/ 92 h 370"/>
                  <a:gd name="T34" fmla="*/ 216 w 723"/>
                  <a:gd name="T35" fmla="*/ 99 h 370"/>
                  <a:gd name="T36" fmla="*/ 199 w 723"/>
                  <a:gd name="T37" fmla="*/ 84 h 370"/>
                  <a:gd name="T38" fmla="*/ 188 w 723"/>
                  <a:gd name="T39" fmla="*/ 111 h 370"/>
                  <a:gd name="T40" fmla="*/ 174 w 723"/>
                  <a:gd name="T41" fmla="*/ 106 h 370"/>
                  <a:gd name="T42" fmla="*/ 158 w 723"/>
                  <a:gd name="T43" fmla="*/ 115 h 370"/>
                  <a:gd name="T44" fmla="*/ 142 w 723"/>
                  <a:gd name="T45" fmla="*/ 115 h 370"/>
                  <a:gd name="T46" fmla="*/ 125 w 723"/>
                  <a:gd name="T47" fmla="*/ 114 h 370"/>
                  <a:gd name="T48" fmla="*/ 120 w 723"/>
                  <a:gd name="T49" fmla="*/ 115 h 370"/>
                  <a:gd name="T50" fmla="*/ 118 w 723"/>
                  <a:gd name="T51" fmla="*/ 123 h 370"/>
                  <a:gd name="T52" fmla="*/ 100 w 723"/>
                  <a:gd name="T53" fmla="*/ 117 h 370"/>
                  <a:gd name="T54" fmla="*/ 97 w 723"/>
                  <a:gd name="T55" fmla="*/ 127 h 370"/>
                  <a:gd name="T56" fmla="*/ 90 w 723"/>
                  <a:gd name="T57" fmla="*/ 131 h 370"/>
                  <a:gd name="T58" fmla="*/ 88 w 723"/>
                  <a:gd name="T59" fmla="*/ 146 h 370"/>
                  <a:gd name="T60" fmla="*/ 86 w 723"/>
                  <a:gd name="T61" fmla="*/ 156 h 370"/>
                  <a:gd name="T62" fmla="*/ 65 w 723"/>
                  <a:gd name="T63" fmla="*/ 167 h 370"/>
                  <a:gd name="T64" fmla="*/ 71 w 723"/>
                  <a:gd name="T65" fmla="*/ 188 h 370"/>
                  <a:gd name="T66" fmla="*/ 43 w 723"/>
                  <a:gd name="T67" fmla="*/ 178 h 370"/>
                  <a:gd name="T68" fmla="*/ 18 w 723"/>
                  <a:gd name="T69" fmla="*/ 188 h 370"/>
                  <a:gd name="T70" fmla="*/ 18 w 723"/>
                  <a:gd name="T71" fmla="*/ 198 h 370"/>
                  <a:gd name="T72" fmla="*/ 0 w 723"/>
                  <a:gd name="T73" fmla="*/ 243 h 370"/>
                  <a:gd name="T74" fmla="*/ 108 w 723"/>
                  <a:gd name="T75" fmla="*/ 219 h 370"/>
                  <a:gd name="T76" fmla="*/ 134 w 723"/>
                  <a:gd name="T77" fmla="*/ 219 h 370"/>
                  <a:gd name="T78" fmla="*/ 184 w 723"/>
                  <a:gd name="T79" fmla="*/ 215 h 370"/>
                  <a:gd name="T80" fmla="*/ 264 w 723"/>
                  <a:gd name="T81" fmla="*/ 209 h 370"/>
                  <a:gd name="T82" fmla="*/ 339 w 723"/>
                  <a:gd name="T83" fmla="*/ 203 h 370"/>
                  <a:gd name="T84" fmla="*/ 376 w 723"/>
                  <a:gd name="T85" fmla="*/ 199 h 370"/>
                  <a:gd name="T86" fmla="*/ 390 w 723"/>
                  <a:gd name="T87" fmla="*/ 194 h 370"/>
                  <a:gd name="T88" fmla="*/ 413 w 723"/>
                  <a:gd name="T89" fmla="*/ 181 h 370"/>
                  <a:gd name="T90" fmla="*/ 423 w 723"/>
                  <a:gd name="T91" fmla="*/ 174 h 370"/>
                  <a:gd name="T92" fmla="*/ 436 w 723"/>
                  <a:gd name="T93" fmla="*/ 166 h 370"/>
                  <a:gd name="T94" fmla="*/ 439 w 723"/>
                  <a:gd name="T95" fmla="*/ 156 h 370"/>
                  <a:gd name="T96" fmla="*/ 449 w 723"/>
                  <a:gd name="T97" fmla="*/ 142 h 370"/>
                  <a:gd name="T98" fmla="*/ 473 w 723"/>
                  <a:gd name="T99" fmla="*/ 124 h 370"/>
                  <a:gd name="T100" fmla="*/ 473 w 723"/>
                  <a:gd name="T101" fmla="*/ 123 h 370"/>
                  <a:gd name="T102" fmla="*/ 477 w 723"/>
                  <a:gd name="T103" fmla="*/ 100 h 370"/>
                  <a:gd name="T104" fmla="*/ 464 w 723"/>
                  <a:gd name="T105" fmla="*/ 90 h 370"/>
                  <a:gd name="T106" fmla="*/ 439 w 723"/>
                  <a:gd name="T107" fmla="*/ 58 h 370"/>
                  <a:gd name="T108" fmla="*/ 437 w 723"/>
                  <a:gd name="T109" fmla="*/ 39 h 370"/>
                  <a:gd name="T110" fmla="*/ 439 w 723"/>
                  <a:gd name="T111" fmla="*/ 37 h 370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723"/>
                  <a:gd name="T169" fmla="*/ 0 h 370"/>
                  <a:gd name="T170" fmla="*/ 723 w 723"/>
                  <a:gd name="T171" fmla="*/ 370 h 370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723" h="370">
                    <a:moveTo>
                      <a:pt x="650" y="52"/>
                    </a:moveTo>
                    <a:lnTo>
                      <a:pt x="648" y="50"/>
                    </a:lnTo>
                    <a:lnTo>
                      <a:pt x="647" y="49"/>
                    </a:lnTo>
                    <a:lnTo>
                      <a:pt x="643" y="45"/>
                    </a:lnTo>
                    <a:lnTo>
                      <a:pt x="640" y="42"/>
                    </a:lnTo>
                    <a:lnTo>
                      <a:pt x="635" y="39"/>
                    </a:lnTo>
                    <a:lnTo>
                      <a:pt x="631" y="37"/>
                    </a:lnTo>
                    <a:lnTo>
                      <a:pt x="626" y="37"/>
                    </a:lnTo>
                    <a:lnTo>
                      <a:pt x="623" y="40"/>
                    </a:lnTo>
                    <a:lnTo>
                      <a:pt x="621" y="39"/>
                    </a:lnTo>
                    <a:lnTo>
                      <a:pt x="621" y="35"/>
                    </a:lnTo>
                    <a:lnTo>
                      <a:pt x="621" y="30"/>
                    </a:lnTo>
                    <a:lnTo>
                      <a:pt x="620" y="25"/>
                    </a:lnTo>
                    <a:lnTo>
                      <a:pt x="616" y="22"/>
                    </a:lnTo>
                    <a:lnTo>
                      <a:pt x="611" y="20"/>
                    </a:lnTo>
                    <a:lnTo>
                      <a:pt x="604" y="23"/>
                    </a:lnTo>
                    <a:lnTo>
                      <a:pt x="594" y="32"/>
                    </a:lnTo>
                    <a:lnTo>
                      <a:pt x="593" y="34"/>
                    </a:lnTo>
                    <a:lnTo>
                      <a:pt x="591" y="35"/>
                    </a:lnTo>
                    <a:lnTo>
                      <a:pt x="588" y="39"/>
                    </a:lnTo>
                    <a:lnTo>
                      <a:pt x="584" y="40"/>
                    </a:lnTo>
                    <a:lnTo>
                      <a:pt x="579" y="42"/>
                    </a:lnTo>
                    <a:lnTo>
                      <a:pt x="574" y="44"/>
                    </a:lnTo>
                    <a:lnTo>
                      <a:pt x="567" y="40"/>
                    </a:lnTo>
                    <a:lnTo>
                      <a:pt x="562" y="37"/>
                    </a:lnTo>
                    <a:lnTo>
                      <a:pt x="560" y="35"/>
                    </a:lnTo>
                    <a:lnTo>
                      <a:pt x="559" y="35"/>
                    </a:lnTo>
                    <a:lnTo>
                      <a:pt x="557" y="34"/>
                    </a:lnTo>
                    <a:lnTo>
                      <a:pt x="554" y="35"/>
                    </a:lnTo>
                    <a:lnTo>
                      <a:pt x="550" y="35"/>
                    </a:lnTo>
                    <a:lnTo>
                      <a:pt x="547" y="39"/>
                    </a:lnTo>
                    <a:lnTo>
                      <a:pt x="542" y="44"/>
                    </a:lnTo>
                    <a:lnTo>
                      <a:pt x="540" y="44"/>
                    </a:lnTo>
                    <a:lnTo>
                      <a:pt x="537" y="42"/>
                    </a:lnTo>
                    <a:lnTo>
                      <a:pt x="533" y="42"/>
                    </a:lnTo>
                    <a:lnTo>
                      <a:pt x="532" y="42"/>
                    </a:lnTo>
                    <a:lnTo>
                      <a:pt x="518" y="30"/>
                    </a:lnTo>
                    <a:lnTo>
                      <a:pt x="488" y="28"/>
                    </a:lnTo>
                    <a:lnTo>
                      <a:pt x="488" y="27"/>
                    </a:lnTo>
                    <a:lnTo>
                      <a:pt x="488" y="23"/>
                    </a:lnTo>
                    <a:lnTo>
                      <a:pt x="486" y="20"/>
                    </a:lnTo>
                    <a:lnTo>
                      <a:pt x="484" y="15"/>
                    </a:lnTo>
                    <a:lnTo>
                      <a:pt x="479" y="10"/>
                    </a:lnTo>
                    <a:lnTo>
                      <a:pt x="472" y="5"/>
                    </a:lnTo>
                    <a:lnTo>
                      <a:pt x="462" y="3"/>
                    </a:lnTo>
                    <a:lnTo>
                      <a:pt x="450" y="1"/>
                    </a:lnTo>
                    <a:lnTo>
                      <a:pt x="449" y="1"/>
                    </a:lnTo>
                    <a:lnTo>
                      <a:pt x="445" y="1"/>
                    </a:lnTo>
                    <a:lnTo>
                      <a:pt x="442" y="1"/>
                    </a:lnTo>
                    <a:lnTo>
                      <a:pt x="437" y="1"/>
                    </a:lnTo>
                    <a:lnTo>
                      <a:pt x="432" y="1"/>
                    </a:lnTo>
                    <a:lnTo>
                      <a:pt x="428" y="1"/>
                    </a:lnTo>
                    <a:lnTo>
                      <a:pt x="427" y="1"/>
                    </a:lnTo>
                    <a:lnTo>
                      <a:pt x="425" y="1"/>
                    </a:lnTo>
                    <a:lnTo>
                      <a:pt x="427" y="0"/>
                    </a:lnTo>
                    <a:lnTo>
                      <a:pt x="425" y="0"/>
                    </a:lnTo>
                    <a:lnTo>
                      <a:pt x="425" y="1"/>
                    </a:lnTo>
                    <a:lnTo>
                      <a:pt x="423" y="3"/>
                    </a:lnTo>
                    <a:lnTo>
                      <a:pt x="423" y="6"/>
                    </a:lnTo>
                    <a:lnTo>
                      <a:pt x="422" y="12"/>
                    </a:lnTo>
                    <a:lnTo>
                      <a:pt x="422" y="17"/>
                    </a:lnTo>
                    <a:lnTo>
                      <a:pt x="422" y="22"/>
                    </a:lnTo>
                    <a:lnTo>
                      <a:pt x="423" y="28"/>
                    </a:lnTo>
                    <a:lnTo>
                      <a:pt x="425" y="30"/>
                    </a:lnTo>
                    <a:lnTo>
                      <a:pt x="427" y="32"/>
                    </a:lnTo>
                    <a:lnTo>
                      <a:pt x="428" y="35"/>
                    </a:lnTo>
                    <a:lnTo>
                      <a:pt x="430" y="37"/>
                    </a:lnTo>
                    <a:lnTo>
                      <a:pt x="430" y="40"/>
                    </a:lnTo>
                    <a:lnTo>
                      <a:pt x="428" y="42"/>
                    </a:lnTo>
                    <a:lnTo>
                      <a:pt x="422" y="44"/>
                    </a:lnTo>
                    <a:lnTo>
                      <a:pt x="413" y="45"/>
                    </a:lnTo>
                    <a:lnTo>
                      <a:pt x="412" y="45"/>
                    </a:lnTo>
                    <a:lnTo>
                      <a:pt x="408" y="45"/>
                    </a:lnTo>
                    <a:lnTo>
                      <a:pt x="405" y="47"/>
                    </a:lnTo>
                    <a:lnTo>
                      <a:pt x="400" y="49"/>
                    </a:lnTo>
                    <a:lnTo>
                      <a:pt x="396" y="49"/>
                    </a:lnTo>
                    <a:lnTo>
                      <a:pt x="393" y="50"/>
                    </a:lnTo>
                    <a:lnTo>
                      <a:pt x="391" y="50"/>
                    </a:lnTo>
                    <a:lnTo>
                      <a:pt x="390" y="50"/>
                    </a:lnTo>
                    <a:lnTo>
                      <a:pt x="386" y="50"/>
                    </a:lnTo>
                    <a:lnTo>
                      <a:pt x="383" y="52"/>
                    </a:lnTo>
                    <a:lnTo>
                      <a:pt x="378" y="54"/>
                    </a:lnTo>
                    <a:lnTo>
                      <a:pt x="374" y="56"/>
                    </a:lnTo>
                    <a:lnTo>
                      <a:pt x="371" y="61"/>
                    </a:lnTo>
                    <a:lnTo>
                      <a:pt x="373" y="66"/>
                    </a:lnTo>
                    <a:lnTo>
                      <a:pt x="376" y="74"/>
                    </a:lnTo>
                    <a:lnTo>
                      <a:pt x="376" y="76"/>
                    </a:lnTo>
                    <a:lnTo>
                      <a:pt x="376" y="78"/>
                    </a:lnTo>
                    <a:lnTo>
                      <a:pt x="374" y="79"/>
                    </a:lnTo>
                    <a:lnTo>
                      <a:pt x="373" y="83"/>
                    </a:lnTo>
                    <a:lnTo>
                      <a:pt x="371" y="84"/>
                    </a:lnTo>
                    <a:lnTo>
                      <a:pt x="368" y="88"/>
                    </a:lnTo>
                    <a:lnTo>
                      <a:pt x="364" y="91"/>
                    </a:lnTo>
                    <a:lnTo>
                      <a:pt x="364" y="93"/>
                    </a:lnTo>
                    <a:lnTo>
                      <a:pt x="362" y="94"/>
                    </a:lnTo>
                    <a:lnTo>
                      <a:pt x="361" y="96"/>
                    </a:lnTo>
                    <a:lnTo>
                      <a:pt x="361" y="100"/>
                    </a:lnTo>
                    <a:lnTo>
                      <a:pt x="359" y="101"/>
                    </a:lnTo>
                    <a:lnTo>
                      <a:pt x="357" y="105"/>
                    </a:lnTo>
                    <a:lnTo>
                      <a:pt x="357" y="106"/>
                    </a:lnTo>
                    <a:lnTo>
                      <a:pt x="357" y="108"/>
                    </a:lnTo>
                    <a:lnTo>
                      <a:pt x="356" y="108"/>
                    </a:lnTo>
                    <a:lnTo>
                      <a:pt x="356" y="110"/>
                    </a:lnTo>
                    <a:lnTo>
                      <a:pt x="354" y="111"/>
                    </a:lnTo>
                    <a:lnTo>
                      <a:pt x="352" y="111"/>
                    </a:lnTo>
                    <a:lnTo>
                      <a:pt x="349" y="113"/>
                    </a:lnTo>
                    <a:lnTo>
                      <a:pt x="344" y="113"/>
                    </a:lnTo>
                    <a:lnTo>
                      <a:pt x="342" y="116"/>
                    </a:lnTo>
                    <a:lnTo>
                      <a:pt x="340" y="122"/>
                    </a:lnTo>
                    <a:lnTo>
                      <a:pt x="339" y="127"/>
                    </a:lnTo>
                    <a:lnTo>
                      <a:pt x="337" y="133"/>
                    </a:lnTo>
                    <a:lnTo>
                      <a:pt x="335" y="137"/>
                    </a:lnTo>
                    <a:lnTo>
                      <a:pt x="335" y="140"/>
                    </a:lnTo>
                    <a:lnTo>
                      <a:pt x="335" y="142"/>
                    </a:lnTo>
                    <a:lnTo>
                      <a:pt x="335" y="144"/>
                    </a:lnTo>
                    <a:lnTo>
                      <a:pt x="334" y="145"/>
                    </a:lnTo>
                    <a:lnTo>
                      <a:pt x="332" y="147"/>
                    </a:lnTo>
                    <a:lnTo>
                      <a:pt x="330" y="149"/>
                    </a:lnTo>
                    <a:lnTo>
                      <a:pt x="325" y="150"/>
                    </a:lnTo>
                    <a:lnTo>
                      <a:pt x="320" y="150"/>
                    </a:lnTo>
                    <a:lnTo>
                      <a:pt x="312" y="149"/>
                    </a:lnTo>
                    <a:lnTo>
                      <a:pt x="302" y="144"/>
                    </a:lnTo>
                    <a:lnTo>
                      <a:pt x="302" y="142"/>
                    </a:lnTo>
                    <a:lnTo>
                      <a:pt x="302" y="138"/>
                    </a:lnTo>
                    <a:lnTo>
                      <a:pt x="300" y="135"/>
                    </a:lnTo>
                    <a:lnTo>
                      <a:pt x="298" y="132"/>
                    </a:lnTo>
                    <a:lnTo>
                      <a:pt x="295" y="130"/>
                    </a:lnTo>
                    <a:lnTo>
                      <a:pt x="291" y="130"/>
                    </a:lnTo>
                    <a:lnTo>
                      <a:pt x="288" y="137"/>
                    </a:lnTo>
                    <a:lnTo>
                      <a:pt x="283" y="147"/>
                    </a:lnTo>
                    <a:lnTo>
                      <a:pt x="283" y="150"/>
                    </a:lnTo>
                    <a:lnTo>
                      <a:pt x="281" y="155"/>
                    </a:lnTo>
                    <a:lnTo>
                      <a:pt x="281" y="162"/>
                    </a:lnTo>
                    <a:lnTo>
                      <a:pt x="280" y="169"/>
                    </a:lnTo>
                    <a:lnTo>
                      <a:pt x="276" y="172"/>
                    </a:lnTo>
                    <a:lnTo>
                      <a:pt x="273" y="176"/>
                    </a:lnTo>
                    <a:lnTo>
                      <a:pt x="266" y="174"/>
                    </a:lnTo>
                    <a:lnTo>
                      <a:pt x="259" y="167"/>
                    </a:lnTo>
                    <a:lnTo>
                      <a:pt x="258" y="166"/>
                    </a:lnTo>
                    <a:lnTo>
                      <a:pt x="258" y="164"/>
                    </a:lnTo>
                    <a:lnTo>
                      <a:pt x="258" y="162"/>
                    </a:lnTo>
                    <a:lnTo>
                      <a:pt x="256" y="159"/>
                    </a:lnTo>
                    <a:lnTo>
                      <a:pt x="254" y="159"/>
                    </a:lnTo>
                    <a:lnTo>
                      <a:pt x="249" y="159"/>
                    </a:lnTo>
                    <a:lnTo>
                      <a:pt x="244" y="164"/>
                    </a:lnTo>
                    <a:lnTo>
                      <a:pt x="236" y="171"/>
                    </a:lnTo>
                    <a:lnTo>
                      <a:pt x="236" y="172"/>
                    </a:lnTo>
                    <a:lnTo>
                      <a:pt x="234" y="176"/>
                    </a:lnTo>
                    <a:lnTo>
                      <a:pt x="232" y="179"/>
                    </a:lnTo>
                    <a:lnTo>
                      <a:pt x="230" y="182"/>
                    </a:lnTo>
                    <a:lnTo>
                      <a:pt x="227" y="186"/>
                    </a:lnTo>
                    <a:lnTo>
                      <a:pt x="222" y="186"/>
                    </a:lnTo>
                    <a:lnTo>
                      <a:pt x="217" y="184"/>
                    </a:lnTo>
                    <a:lnTo>
                      <a:pt x="210" y="179"/>
                    </a:lnTo>
                    <a:lnTo>
                      <a:pt x="210" y="177"/>
                    </a:lnTo>
                    <a:lnTo>
                      <a:pt x="208" y="176"/>
                    </a:lnTo>
                    <a:lnTo>
                      <a:pt x="205" y="174"/>
                    </a:lnTo>
                    <a:lnTo>
                      <a:pt x="202" y="172"/>
                    </a:lnTo>
                    <a:lnTo>
                      <a:pt x="198" y="171"/>
                    </a:lnTo>
                    <a:lnTo>
                      <a:pt x="195" y="171"/>
                    </a:lnTo>
                    <a:lnTo>
                      <a:pt x="190" y="171"/>
                    </a:lnTo>
                    <a:lnTo>
                      <a:pt x="186" y="174"/>
                    </a:lnTo>
                    <a:lnTo>
                      <a:pt x="185" y="172"/>
                    </a:lnTo>
                    <a:lnTo>
                      <a:pt x="183" y="171"/>
                    </a:lnTo>
                    <a:lnTo>
                      <a:pt x="181" y="171"/>
                    </a:lnTo>
                    <a:lnTo>
                      <a:pt x="180" y="171"/>
                    </a:lnTo>
                    <a:lnTo>
                      <a:pt x="178" y="171"/>
                    </a:lnTo>
                    <a:lnTo>
                      <a:pt x="178" y="176"/>
                    </a:lnTo>
                    <a:lnTo>
                      <a:pt x="178" y="181"/>
                    </a:lnTo>
                    <a:lnTo>
                      <a:pt x="178" y="182"/>
                    </a:lnTo>
                    <a:lnTo>
                      <a:pt x="178" y="184"/>
                    </a:lnTo>
                    <a:lnTo>
                      <a:pt x="176" y="186"/>
                    </a:lnTo>
                    <a:lnTo>
                      <a:pt x="176" y="188"/>
                    </a:lnTo>
                    <a:lnTo>
                      <a:pt x="175" y="188"/>
                    </a:lnTo>
                    <a:lnTo>
                      <a:pt x="171" y="186"/>
                    </a:lnTo>
                    <a:lnTo>
                      <a:pt x="168" y="182"/>
                    </a:lnTo>
                    <a:lnTo>
                      <a:pt x="166" y="182"/>
                    </a:lnTo>
                    <a:lnTo>
                      <a:pt x="161" y="181"/>
                    </a:lnTo>
                    <a:lnTo>
                      <a:pt x="156" y="179"/>
                    </a:lnTo>
                    <a:lnTo>
                      <a:pt x="151" y="179"/>
                    </a:lnTo>
                    <a:lnTo>
                      <a:pt x="148" y="179"/>
                    </a:lnTo>
                    <a:lnTo>
                      <a:pt x="144" y="179"/>
                    </a:lnTo>
                    <a:lnTo>
                      <a:pt x="144" y="182"/>
                    </a:lnTo>
                    <a:lnTo>
                      <a:pt x="148" y="186"/>
                    </a:lnTo>
                    <a:lnTo>
                      <a:pt x="148" y="188"/>
                    </a:lnTo>
                    <a:lnTo>
                      <a:pt x="146" y="188"/>
                    </a:lnTo>
                    <a:lnTo>
                      <a:pt x="146" y="191"/>
                    </a:lnTo>
                    <a:lnTo>
                      <a:pt x="144" y="193"/>
                    </a:lnTo>
                    <a:lnTo>
                      <a:pt x="142" y="193"/>
                    </a:lnTo>
                    <a:lnTo>
                      <a:pt x="141" y="194"/>
                    </a:lnTo>
                    <a:lnTo>
                      <a:pt x="139" y="194"/>
                    </a:lnTo>
                    <a:lnTo>
                      <a:pt x="136" y="194"/>
                    </a:lnTo>
                    <a:lnTo>
                      <a:pt x="136" y="196"/>
                    </a:lnTo>
                    <a:lnTo>
                      <a:pt x="136" y="198"/>
                    </a:lnTo>
                    <a:lnTo>
                      <a:pt x="134" y="199"/>
                    </a:lnTo>
                    <a:lnTo>
                      <a:pt x="134" y="201"/>
                    </a:lnTo>
                    <a:lnTo>
                      <a:pt x="132" y="204"/>
                    </a:lnTo>
                    <a:lnTo>
                      <a:pt x="131" y="206"/>
                    </a:lnTo>
                    <a:lnTo>
                      <a:pt x="129" y="208"/>
                    </a:lnTo>
                    <a:lnTo>
                      <a:pt x="129" y="210"/>
                    </a:lnTo>
                    <a:lnTo>
                      <a:pt x="127" y="218"/>
                    </a:lnTo>
                    <a:lnTo>
                      <a:pt x="131" y="223"/>
                    </a:lnTo>
                    <a:lnTo>
                      <a:pt x="132" y="225"/>
                    </a:lnTo>
                    <a:lnTo>
                      <a:pt x="134" y="226"/>
                    </a:lnTo>
                    <a:lnTo>
                      <a:pt x="134" y="228"/>
                    </a:lnTo>
                    <a:lnTo>
                      <a:pt x="136" y="232"/>
                    </a:lnTo>
                    <a:lnTo>
                      <a:pt x="136" y="235"/>
                    </a:lnTo>
                    <a:lnTo>
                      <a:pt x="134" y="237"/>
                    </a:lnTo>
                    <a:lnTo>
                      <a:pt x="127" y="238"/>
                    </a:lnTo>
                    <a:lnTo>
                      <a:pt x="119" y="240"/>
                    </a:lnTo>
                    <a:lnTo>
                      <a:pt x="117" y="240"/>
                    </a:lnTo>
                    <a:lnTo>
                      <a:pt x="112" y="240"/>
                    </a:lnTo>
                    <a:lnTo>
                      <a:pt x="107" y="243"/>
                    </a:lnTo>
                    <a:lnTo>
                      <a:pt x="102" y="245"/>
                    </a:lnTo>
                    <a:lnTo>
                      <a:pt x="97" y="250"/>
                    </a:lnTo>
                    <a:lnTo>
                      <a:pt x="95" y="255"/>
                    </a:lnTo>
                    <a:lnTo>
                      <a:pt x="95" y="264"/>
                    </a:lnTo>
                    <a:lnTo>
                      <a:pt x="100" y="272"/>
                    </a:lnTo>
                    <a:lnTo>
                      <a:pt x="100" y="274"/>
                    </a:lnTo>
                    <a:lnTo>
                      <a:pt x="104" y="277"/>
                    </a:lnTo>
                    <a:lnTo>
                      <a:pt x="104" y="281"/>
                    </a:lnTo>
                    <a:lnTo>
                      <a:pt x="105" y="284"/>
                    </a:lnTo>
                    <a:lnTo>
                      <a:pt x="104" y="287"/>
                    </a:lnTo>
                    <a:lnTo>
                      <a:pt x="98" y="289"/>
                    </a:lnTo>
                    <a:lnTo>
                      <a:pt x="88" y="287"/>
                    </a:lnTo>
                    <a:lnTo>
                      <a:pt x="75" y="282"/>
                    </a:lnTo>
                    <a:lnTo>
                      <a:pt x="71" y="281"/>
                    </a:lnTo>
                    <a:lnTo>
                      <a:pt x="68" y="277"/>
                    </a:lnTo>
                    <a:lnTo>
                      <a:pt x="65" y="276"/>
                    </a:lnTo>
                    <a:lnTo>
                      <a:pt x="60" y="272"/>
                    </a:lnTo>
                    <a:lnTo>
                      <a:pt x="54" y="272"/>
                    </a:lnTo>
                    <a:lnTo>
                      <a:pt x="49" y="272"/>
                    </a:lnTo>
                    <a:lnTo>
                      <a:pt x="44" y="276"/>
                    </a:lnTo>
                    <a:lnTo>
                      <a:pt x="38" y="282"/>
                    </a:lnTo>
                    <a:lnTo>
                      <a:pt x="38" y="284"/>
                    </a:lnTo>
                    <a:lnTo>
                      <a:pt x="36" y="286"/>
                    </a:lnTo>
                    <a:lnTo>
                      <a:pt x="32" y="287"/>
                    </a:lnTo>
                    <a:lnTo>
                      <a:pt x="31" y="289"/>
                    </a:lnTo>
                    <a:lnTo>
                      <a:pt x="27" y="292"/>
                    </a:lnTo>
                    <a:lnTo>
                      <a:pt x="26" y="294"/>
                    </a:lnTo>
                    <a:lnTo>
                      <a:pt x="26" y="296"/>
                    </a:lnTo>
                    <a:lnTo>
                      <a:pt x="24" y="296"/>
                    </a:lnTo>
                    <a:lnTo>
                      <a:pt x="26" y="298"/>
                    </a:lnTo>
                    <a:lnTo>
                      <a:pt x="29" y="301"/>
                    </a:lnTo>
                    <a:lnTo>
                      <a:pt x="32" y="303"/>
                    </a:lnTo>
                    <a:lnTo>
                      <a:pt x="34" y="304"/>
                    </a:lnTo>
                    <a:lnTo>
                      <a:pt x="43" y="311"/>
                    </a:lnTo>
                    <a:lnTo>
                      <a:pt x="38" y="320"/>
                    </a:lnTo>
                    <a:lnTo>
                      <a:pt x="38" y="355"/>
                    </a:lnTo>
                    <a:lnTo>
                      <a:pt x="19" y="357"/>
                    </a:lnTo>
                    <a:lnTo>
                      <a:pt x="0" y="370"/>
                    </a:lnTo>
                    <a:lnTo>
                      <a:pt x="0" y="369"/>
                    </a:lnTo>
                    <a:lnTo>
                      <a:pt x="148" y="357"/>
                    </a:lnTo>
                    <a:lnTo>
                      <a:pt x="148" y="333"/>
                    </a:lnTo>
                    <a:lnTo>
                      <a:pt x="149" y="335"/>
                    </a:lnTo>
                    <a:lnTo>
                      <a:pt x="153" y="335"/>
                    </a:lnTo>
                    <a:lnTo>
                      <a:pt x="158" y="335"/>
                    </a:lnTo>
                    <a:lnTo>
                      <a:pt x="164" y="335"/>
                    </a:lnTo>
                    <a:lnTo>
                      <a:pt x="171" y="336"/>
                    </a:lnTo>
                    <a:lnTo>
                      <a:pt x="178" y="336"/>
                    </a:lnTo>
                    <a:lnTo>
                      <a:pt x="186" y="336"/>
                    </a:lnTo>
                    <a:lnTo>
                      <a:pt x="188" y="336"/>
                    </a:lnTo>
                    <a:lnTo>
                      <a:pt x="192" y="336"/>
                    </a:lnTo>
                    <a:lnTo>
                      <a:pt x="197" y="335"/>
                    </a:lnTo>
                    <a:lnTo>
                      <a:pt x="203" y="335"/>
                    </a:lnTo>
                    <a:lnTo>
                      <a:pt x="212" y="333"/>
                    </a:lnTo>
                    <a:lnTo>
                      <a:pt x="222" y="333"/>
                    </a:lnTo>
                    <a:lnTo>
                      <a:pt x="232" y="331"/>
                    </a:lnTo>
                    <a:lnTo>
                      <a:pt x="246" y="331"/>
                    </a:lnTo>
                    <a:lnTo>
                      <a:pt x="259" y="330"/>
                    </a:lnTo>
                    <a:lnTo>
                      <a:pt x="273" y="328"/>
                    </a:lnTo>
                    <a:lnTo>
                      <a:pt x="288" y="328"/>
                    </a:lnTo>
                    <a:lnTo>
                      <a:pt x="305" y="326"/>
                    </a:lnTo>
                    <a:lnTo>
                      <a:pt x="322" y="325"/>
                    </a:lnTo>
                    <a:lnTo>
                      <a:pt x="339" y="323"/>
                    </a:lnTo>
                    <a:lnTo>
                      <a:pt x="356" y="321"/>
                    </a:lnTo>
                    <a:lnTo>
                      <a:pt x="373" y="320"/>
                    </a:lnTo>
                    <a:lnTo>
                      <a:pt x="391" y="318"/>
                    </a:lnTo>
                    <a:lnTo>
                      <a:pt x="408" y="318"/>
                    </a:lnTo>
                    <a:lnTo>
                      <a:pt x="425" y="316"/>
                    </a:lnTo>
                    <a:lnTo>
                      <a:pt x="440" y="314"/>
                    </a:lnTo>
                    <a:lnTo>
                      <a:pt x="457" y="313"/>
                    </a:lnTo>
                    <a:lnTo>
                      <a:pt x="472" y="311"/>
                    </a:lnTo>
                    <a:lnTo>
                      <a:pt x="488" y="309"/>
                    </a:lnTo>
                    <a:lnTo>
                      <a:pt x="501" y="309"/>
                    </a:lnTo>
                    <a:lnTo>
                      <a:pt x="513" y="308"/>
                    </a:lnTo>
                    <a:lnTo>
                      <a:pt x="525" y="306"/>
                    </a:lnTo>
                    <a:lnTo>
                      <a:pt x="535" y="306"/>
                    </a:lnTo>
                    <a:lnTo>
                      <a:pt x="544" y="306"/>
                    </a:lnTo>
                    <a:lnTo>
                      <a:pt x="549" y="304"/>
                    </a:lnTo>
                    <a:lnTo>
                      <a:pt x="554" y="304"/>
                    </a:lnTo>
                    <a:lnTo>
                      <a:pt x="557" y="304"/>
                    </a:lnTo>
                    <a:lnTo>
                      <a:pt x="559" y="304"/>
                    </a:lnTo>
                    <a:lnTo>
                      <a:pt x="560" y="303"/>
                    </a:lnTo>
                    <a:lnTo>
                      <a:pt x="564" y="301"/>
                    </a:lnTo>
                    <a:lnTo>
                      <a:pt x="567" y="299"/>
                    </a:lnTo>
                    <a:lnTo>
                      <a:pt x="571" y="298"/>
                    </a:lnTo>
                    <a:lnTo>
                      <a:pt x="576" y="296"/>
                    </a:lnTo>
                    <a:lnTo>
                      <a:pt x="581" y="292"/>
                    </a:lnTo>
                    <a:lnTo>
                      <a:pt x="586" y="291"/>
                    </a:lnTo>
                    <a:lnTo>
                      <a:pt x="591" y="287"/>
                    </a:lnTo>
                    <a:lnTo>
                      <a:pt x="596" y="286"/>
                    </a:lnTo>
                    <a:lnTo>
                      <a:pt x="601" y="282"/>
                    </a:lnTo>
                    <a:lnTo>
                      <a:pt x="606" y="281"/>
                    </a:lnTo>
                    <a:lnTo>
                      <a:pt x="611" y="277"/>
                    </a:lnTo>
                    <a:lnTo>
                      <a:pt x="615" y="276"/>
                    </a:lnTo>
                    <a:lnTo>
                      <a:pt x="618" y="274"/>
                    </a:lnTo>
                    <a:lnTo>
                      <a:pt x="620" y="274"/>
                    </a:lnTo>
                    <a:lnTo>
                      <a:pt x="621" y="272"/>
                    </a:lnTo>
                    <a:lnTo>
                      <a:pt x="621" y="270"/>
                    </a:lnTo>
                    <a:lnTo>
                      <a:pt x="623" y="269"/>
                    </a:lnTo>
                    <a:lnTo>
                      <a:pt x="625" y="265"/>
                    </a:lnTo>
                    <a:lnTo>
                      <a:pt x="626" y="264"/>
                    </a:lnTo>
                    <a:lnTo>
                      <a:pt x="630" y="260"/>
                    </a:lnTo>
                    <a:lnTo>
                      <a:pt x="635" y="259"/>
                    </a:lnTo>
                    <a:lnTo>
                      <a:pt x="640" y="255"/>
                    </a:lnTo>
                    <a:lnTo>
                      <a:pt x="643" y="255"/>
                    </a:lnTo>
                    <a:lnTo>
                      <a:pt x="643" y="254"/>
                    </a:lnTo>
                    <a:lnTo>
                      <a:pt x="645" y="252"/>
                    </a:lnTo>
                    <a:lnTo>
                      <a:pt x="647" y="252"/>
                    </a:lnTo>
                    <a:lnTo>
                      <a:pt x="647" y="248"/>
                    </a:lnTo>
                    <a:lnTo>
                      <a:pt x="647" y="247"/>
                    </a:lnTo>
                    <a:lnTo>
                      <a:pt x="648" y="245"/>
                    </a:lnTo>
                    <a:lnTo>
                      <a:pt x="648" y="243"/>
                    </a:lnTo>
                    <a:lnTo>
                      <a:pt x="650" y="240"/>
                    </a:lnTo>
                    <a:lnTo>
                      <a:pt x="652" y="238"/>
                    </a:lnTo>
                    <a:lnTo>
                      <a:pt x="653" y="237"/>
                    </a:lnTo>
                    <a:lnTo>
                      <a:pt x="655" y="235"/>
                    </a:lnTo>
                    <a:lnTo>
                      <a:pt x="657" y="232"/>
                    </a:lnTo>
                    <a:lnTo>
                      <a:pt x="659" y="228"/>
                    </a:lnTo>
                    <a:lnTo>
                      <a:pt x="660" y="225"/>
                    </a:lnTo>
                    <a:lnTo>
                      <a:pt x="662" y="221"/>
                    </a:lnTo>
                    <a:lnTo>
                      <a:pt x="664" y="215"/>
                    </a:lnTo>
                    <a:lnTo>
                      <a:pt x="667" y="211"/>
                    </a:lnTo>
                    <a:lnTo>
                      <a:pt x="672" y="208"/>
                    </a:lnTo>
                    <a:lnTo>
                      <a:pt x="677" y="204"/>
                    </a:lnTo>
                    <a:lnTo>
                      <a:pt x="684" y="201"/>
                    </a:lnTo>
                    <a:lnTo>
                      <a:pt x="689" y="198"/>
                    </a:lnTo>
                    <a:lnTo>
                      <a:pt x="694" y="194"/>
                    </a:lnTo>
                    <a:lnTo>
                      <a:pt x="699" y="189"/>
                    </a:lnTo>
                    <a:lnTo>
                      <a:pt x="701" y="184"/>
                    </a:lnTo>
                    <a:lnTo>
                      <a:pt x="703" y="182"/>
                    </a:lnTo>
                    <a:lnTo>
                      <a:pt x="704" y="182"/>
                    </a:lnTo>
                    <a:lnTo>
                      <a:pt x="703" y="184"/>
                    </a:lnTo>
                    <a:lnTo>
                      <a:pt x="701" y="186"/>
                    </a:lnTo>
                    <a:lnTo>
                      <a:pt x="701" y="188"/>
                    </a:lnTo>
                    <a:lnTo>
                      <a:pt x="699" y="188"/>
                    </a:lnTo>
                    <a:lnTo>
                      <a:pt x="699" y="189"/>
                    </a:lnTo>
                    <a:lnTo>
                      <a:pt x="723" y="157"/>
                    </a:lnTo>
                    <a:lnTo>
                      <a:pt x="711" y="157"/>
                    </a:lnTo>
                    <a:lnTo>
                      <a:pt x="711" y="155"/>
                    </a:lnTo>
                    <a:lnTo>
                      <a:pt x="709" y="154"/>
                    </a:lnTo>
                    <a:lnTo>
                      <a:pt x="709" y="152"/>
                    </a:lnTo>
                    <a:lnTo>
                      <a:pt x="708" y="150"/>
                    </a:lnTo>
                    <a:lnTo>
                      <a:pt x="704" y="150"/>
                    </a:lnTo>
                    <a:lnTo>
                      <a:pt x="701" y="149"/>
                    </a:lnTo>
                    <a:lnTo>
                      <a:pt x="696" y="149"/>
                    </a:lnTo>
                    <a:lnTo>
                      <a:pt x="696" y="147"/>
                    </a:lnTo>
                    <a:lnTo>
                      <a:pt x="692" y="142"/>
                    </a:lnTo>
                    <a:lnTo>
                      <a:pt x="687" y="137"/>
                    </a:lnTo>
                    <a:lnTo>
                      <a:pt x="682" y="128"/>
                    </a:lnTo>
                    <a:lnTo>
                      <a:pt x="675" y="120"/>
                    </a:lnTo>
                    <a:lnTo>
                      <a:pt x="669" y="110"/>
                    </a:lnTo>
                    <a:lnTo>
                      <a:pt x="660" y="101"/>
                    </a:lnTo>
                    <a:lnTo>
                      <a:pt x="652" y="91"/>
                    </a:lnTo>
                    <a:lnTo>
                      <a:pt x="652" y="88"/>
                    </a:lnTo>
                    <a:lnTo>
                      <a:pt x="652" y="84"/>
                    </a:lnTo>
                    <a:lnTo>
                      <a:pt x="653" y="79"/>
                    </a:lnTo>
                    <a:lnTo>
                      <a:pt x="653" y="76"/>
                    </a:lnTo>
                    <a:lnTo>
                      <a:pt x="653" y="71"/>
                    </a:lnTo>
                    <a:lnTo>
                      <a:pt x="652" y="64"/>
                    </a:lnTo>
                    <a:lnTo>
                      <a:pt x="650" y="59"/>
                    </a:lnTo>
                    <a:lnTo>
                      <a:pt x="647" y="56"/>
                    </a:lnTo>
                    <a:lnTo>
                      <a:pt x="647" y="52"/>
                    </a:lnTo>
                    <a:lnTo>
                      <a:pt x="647" y="50"/>
                    </a:lnTo>
                    <a:lnTo>
                      <a:pt x="648" y="50"/>
                    </a:lnTo>
                    <a:lnTo>
                      <a:pt x="648" y="52"/>
                    </a:lnTo>
                    <a:lnTo>
                      <a:pt x="650" y="52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407" name="Group 63"/>
              <p:cNvGrpSpPr>
                <a:grpSpLocks/>
              </p:cNvGrpSpPr>
              <p:nvPr/>
            </p:nvGrpSpPr>
            <p:grpSpPr bwMode="auto">
              <a:xfrm>
                <a:off x="4830" y="1006"/>
                <a:ext cx="350" cy="562"/>
                <a:chOff x="5086" y="1113"/>
                <a:chExt cx="359" cy="579"/>
              </a:xfrm>
            </p:grpSpPr>
            <p:sp>
              <p:nvSpPr>
                <p:cNvPr id="534" name="Freeform 64"/>
                <p:cNvSpPr>
                  <a:spLocks/>
                </p:cNvSpPr>
                <p:nvPr/>
              </p:nvSpPr>
              <p:spPr bwMode="auto">
                <a:xfrm>
                  <a:off x="5086" y="1113"/>
                  <a:ext cx="359" cy="579"/>
                </a:xfrm>
                <a:custGeom>
                  <a:avLst/>
                  <a:gdLst>
                    <a:gd name="T0" fmla="*/ 90 w 359"/>
                    <a:gd name="T1" fmla="*/ 565 h 579"/>
                    <a:gd name="T2" fmla="*/ 74 w 359"/>
                    <a:gd name="T3" fmla="*/ 550 h 579"/>
                    <a:gd name="T4" fmla="*/ 0 w 359"/>
                    <a:gd name="T5" fmla="*/ 318 h 579"/>
                    <a:gd name="T6" fmla="*/ 15 w 359"/>
                    <a:gd name="T7" fmla="*/ 311 h 579"/>
                    <a:gd name="T8" fmla="*/ 18 w 359"/>
                    <a:gd name="T9" fmla="*/ 311 h 579"/>
                    <a:gd name="T10" fmla="*/ 18 w 359"/>
                    <a:gd name="T11" fmla="*/ 294 h 579"/>
                    <a:gd name="T12" fmla="*/ 27 w 359"/>
                    <a:gd name="T13" fmla="*/ 289 h 579"/>
                    <a:gd name="T14" fmla="*/ 30 w 359"/>
                    <a:gd name="T15" fmla="*/ 259 h 579"/>
                    <a:gd name="T16" fmla="*/ 39 w 359"/>
                    <a:gd name="T17" fmla="*/ 250 h 579"/>
                    <a:gd name="T18" fmla="*/ 39 w 359"/>
                    <a:gd name="T19" fmla="*/ 238 h 579"/>
                    <a:gd name="T20" fmla="*/ 47 w 359"/>
                    <a:gd name="T21" fmla="*/ 221 h 579"/>
                    <a:gd name="T22" fmla="*/ 39 w 359"/>
                    <a:gd name="T23" fmla="*/ 198 h 579"/>
                    <a:gd name="T24" fmla="*/ 39 w 359"/>
                    <a:gd name="T25" fmla="*/ 169 h 579"/>
                    <a:gd name="T26" fmla="*/ 44 w 359"/>
                    <a:gd name="T27" fmla="*/ 154 h 579"/>
                    <a:gd name="T28" fmla="*/ 44 w 359"/>
                    <a:gd name="T29" fmla="*/ 125 h 579"/>
                    <a:gd name="T30" fmla="*/ 51 w 359"/>
                    <a:gd name="T31" fmla="*/ 98 h 579"/>
                    <a:gd name="T32" fmla="*/ 91 w 359"/>
                    <a:gd name="T33" fmla="*/ 12 h 579"/>
                    <a:gd name="T34" fmla="*/ 105 w 359"/>
                    <a:gd name="T35" fmla="*/ 34 h 579"/>
                    <a:gd name="T36" fmla="*/ 125 w 359"/>
                    <a:gd name="T37" fmla="*/ 29 h 579"/>
                    <a:gd name="T38" fmla="*/ 145 w 359"/>
                    <a:gd name="T39" fmla="*/ 12 h 579"/>
                    <a:gd name="T40" fmla="*/ 152 w 359"/>
                    <a:gd name="T41" fmla="*/ 3 h 579"/>
                    <a:gd name="T42" fmla="*/ 174 w 359"/>
                    <a:gd name="T43" fmla="*/ 7 h 579"/>
                    <a:gd name="T44" fmla="*/ 205 w 359"/>
                    <a:gd name="T45" fmla="*/ 22 h 579"/>
                    <a:gd name="T46" fmla="*/ 255 w 359"/>
                    <a:gd name="T47" fmla="*/ 177 h 579"/>
                    <a:gd name="T48" fmla="*/ 294 w 359"/>
                    <a:gd name="T49" fmla="*/ 213 h 579"/>
                    <a:gd name="T50" fmla="*/ 311 w 359"/>
                    <a:gd name="T51" fmla="*/ 237 h 579"/>
                    <a:gd name="T52" fmla="*/ 332 w 359"/>
                    <a:gd name="T53" fmla="*/ 243 h 579"/>
                    <a:gd name="T54" fmla="*/ 340 w 359"/>
                    <a:gd name="T55" fmla="*/ 265 h 579"/>
                    <a:gd name="T56" fmla="*/ 359 w 359"/>
                    <a:gd name="T57" fmla="*/ 267 h 579"/>
                    <a:gd name="T58" fmla="*/ 350 w 359"/>
                    <a:gd name="T59" fmla="*/ 289 h 579"/>
                    <a:gd name="T60" fmla="*/ 335 w 359"/>
                    <a:gd name="T61" fmla="*/ 293 h 579"/>
                    <a:gd name="T62" fmla="*/ 323 w 359"/>
                    <a:gd name="T63" fmla="*/ 306 h 579"/>
                    <a:gd name="T64" fmla="*/ 320 w 359"/>
                    <a:gd name="T65" fmla="*/ 320 h 579"/>
                    <a:gd name="T66" fmla="*/ 304 w 359"/>
                    <a:gd name="T67" fmla="*/ 326 h 579"/>
                    <a:gd name="T68" fmla="*/ 299 w 359"/>
                    <a:gd name="T69" fmla="*/ 323 h 579"/>
                    <a:gd name="T70" fmla="*/ 296 w 359"/>
                    <a:gd name="T71" fmla="*/ 330 h 579"/>
                    <a:gd name="T72" fmla="*/ 284 w 359"/>
                    <a:gd name="T73" fmla="*/ 357 h 579"/>
                    <a:gd name="T74" fmla="*/ 264 w 359"/>
                    <a:gd name="T75" fmla="*/ 335 h 579"/>
                    <a:gd name="T76" fmla="*/ 262 w 359"/>
                    <a:gd name="T77" fmla="*/ 348 h 579"/>
                    <a:gd name="T78" fmla="*/ 244 w 359"/>
                    <a:gd name="T79" fmla="*/ 362 h 579"/>
                    <a:gd name="T80" fmla="*/ 220 w 359"/>
                    <a:gd name="T81" fmla="*/ 362 h 579"/>
                    <a:gd name="T82" fmla="*/ 213 w 359"/>
                    <a:gd name="T83" fmla="*/ 353 h 579"/>
                    <a:gd name="T84" fmla="*/ 208 w 359"/>
                    <a:gd name="T85" fmla="*/ 372 h 579"/>
                    <a:gd name="T86" fmla="*/ 198 w 359"/>
                    <a:gd name="T87" fmla="*/ 436 h 579"/>
                    <a:gd name="T88" fmla="*/ 171 w 359"/>
                    <a:gd name="T89" fmla="*/ 450 h 579"/>
                    <a:gd name="T90" fmla="*/ 162 w 359"/>
                    <a:gd name="T91" fmla="*/ 448 h 579"/>
                    <a:gd name="T92" fmla="*/ 156 w 359"/>
                    <a:gd name="T93" fmla="*/ 448 h 579"/>
                    <a:gd name="T94" fmla="*/ 157 w 359"/>
                    <a:gd name="T95" fmla="*/ 475 h 579"/>
                    <a:gd name="T96" fmla="*/ 144 w 359"/>
                    <a:gd name="T97" fmla="*/ 460 h 579"/>
                    <a:gd name="T98" fmla="*/ 125 w 359"/>
                    <a:gd name="T99" fmla="*/ 475 h 579"/>
                    <a:gd name="T100" fmla="*/ 122 w 359"/>
                    <a:gd name="T101" fmla="*/ 506 h 579"/>
                    <a:gd name="T102" fmla="*/ 120 w 359"/>
                    <a:gd name="T103" fmla="*/ 528 h 579"/>
                    <a:gd name="T104" fmla="*/ 106 w 359"/>
                    <a:gd name="T105" fmla="*/ 541 h 579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w 359"/>
                    <a:gd name="T160" fmla="*/ 0 h 579"/>
                    <a:gd name="T161" fmla="*/ 359 w 359"/>
                    <a:gd name="T162" fmla="*/ 579 h 579"/>
                  </a:gdLst>
                  <a:ahLst/>
                  <a:cxnLst>
                    <a:cxn ang="T106">
                      <a:pos x="T0" y="T1"/>
                    </a:cxn>
                    <a:cxn ang="T107">
                      <a:pos x="T2" y="T3"/>
                    </a:cxn>
                    <a:cxn ang="T108">
                      <a:pos x="T4" y="T5"/>
                    </a:cxn>
                    <a:cxn ang="T109">
                      <a:pos x="T6" y="T7"/>
                    </a:cxn>
                    <a:cxn ang="T110">
                      <a:pos x="T8" y="T9"/>
                    </a:cxn>
                    <a:cxn ang="T111">
                      <a:pos x="T10" y="T11"/>
                    </a:cxn>
                    <a:cxn ang="T112">
                      <a:pos x="T12" y="T13"/>
                    </a:cxn>
                    <a:cxn ang="T113">
                      <a:pos x="T14" y="T15"/>
                    </a:cxn>
                    <a:cxn ang="T114">
                      <a:pos x="T16" y="T17"/>
                    </a:cxn>
                    <a:cxn ang="T115">
                      <a:pos x="T18" y="T19"/>
                    </a:cxn>
                    <a:cxn ang="T116">
                      <a:pos x="T20" y="T21"/>
                    </a:cxn>
                    <a:cxn ang="T117">
                      <a:pos x="T22" y="T23"/>
                    </a:cxn>
                    <a:cxn ang="T118">
                      <a:pos x="T24" y="T25"/>
                    </a:cxn>
                    <a:cxn ang="T119">
                      <a:pos x="T26" y="T27"/>
                    </a:cxn>
                    <a:cxn ang="T120">
                      <a:pos x="T28" y="T29"/>
                    </a:cxn>
                    <a:cxn ang="T121">
                      <a:pos x="T30" y="T31"/>
                    </a:cxn>
                    <a:cxn ang="T122">
                      <a:pos x="T32" y="T33"/>
                    </a:cxn>
                    <a:cxn ang="T123">
                      <a:pos x="T34" y="T35"/>
                    </a:cxn>
                    <a:cxn ang="T124">
                      <a:pos x="T36" y="T37"/>
                    </a:cxn>
                    <a:cxn ang="T125">
                      <a:pos x="T38" y="T39"/>
                    </a:cxn>
                    <a:cxn ang="T126">
                      <a:pos x="T40" y="T41"/>
                    </a:cxn>
                    <a:cxn ang="T127">
                      <a:pos x="T42" y="T43"/>
                    </a:cxn>
                    <a:cxn ang="T128">
                      <a:pos x="T44" y="T45"/>
                    </a:cxn>
                    <a:cxn ang="T129">
                      <a:pos x="T46" y="T47"/>
                    </a:cxn>
                    <a:cxn ang="T130">
                      <a:pos x="T48" y="T49"/>
                    </a:cxn>
                    <a:cxn ang="T131">
                      <a:pos x="T50" y="T51"/>
                    </a:cxn>
                    <a:cxn ang="T132">
                      <a:pos x="T52" y="T53"/>
                    </a:cxn>
                    <a:cxn ang="T133">
                      <a:pos x="T54" y="T55"/>
                    </a:cxn>
                    <a:cxn ang="T134">
                      <a:pos x="T56" y="T57"/>
                    </a:cxn>
                    <a:cxn ang="T135">
                      <a:pos x="T58" y="T59"/>
                    </a:cxn>
                    <a:cxn ang="T136">
                      <a:pos x="T60" y="T61"/>
                    </a:cxn>
                    <a:cxn ang="T137">
                      <a:pos x="T62" y="T63"/>
                    </a:cxn>
                    <a:cxn ang="T138">
                      <a:pos x="T64" y="T65"/>
                    </a:cxn>
                    <a:cxn ang="T139">
                      <a:pos x="T66" y="T67"/>
                    </a:cxn>
                    <a:cxn ang="T140">
                      <a:pos x="T68" y="T69"/>
                    </a:cxn>
                    <a:cxn ang="T141">
                      <a:pos x="T70" y="T71"/>
                    </a:cxn>
                    <a:cxn ang="T142">
                      <a:pos x="T72" y="T73"/>
                    </a:cxn>
                    <a:cxn ang="T143">
                      <a:pos x="T74" y="T75"/>
                    </a:cxn>
                    <a:cxn ang="T144">
                      <a:pos x="T76" y="T77"/>
                    </a:cxn>
                    <a:cxn ang="T145">
                      <a:pos x="T78" y="T79"/>
                    </a:cxn>
                    <a:cxn ang="T146">
                      <a:pos x="T80" y="T81"/>
                    </a:cxn>
                    <a:cxn ang="T147">
                      <a:pos x="T82" y="T83"/>
                    </a:cxn>
                    <a:cxn ang="T148">
                      <a:pos x="T84" y="T85"/>
                    </a:cxn>
                    <a:cxn ang="T149">
                      <a:pos x="T86" y="T87"/>
                    </a:cxn>
                    <a:cxn ang="T150">
                      <a:pos x="T88" y="T89"/>
                    </a:cxn>
                    <a:cxn ang="T151">
                      <a:pos x="T90" y="T91"/>
                    </a:cxn>
                    <a:cxn ang="T152">
                      <a:pos x="T92" y="T93"/>
                    </a:cxn>
                    <a:cxn ang="T153">
                      <a:pos x="T94" y="T95"/>
                    </a:cxn>
                    <a:cxn ang="T154">
                      <a:pos x="T96" y="T97"/>
                    </a:cxn>
                    <a:cxn ang="T155">
                      <a:pos x="T98" y="T99"/>
                    </a:cxn>
                    <a:cxn ang="T156">
                      <a:pos x="T100" y="T101"/>
                    </a:cxn>
                    <a:cxn ang="T157">
                      <a:pos x="T102" y="T103"/>
                    </a:cxn>
                    <a:cxn ang="T158">
                      <a:pos x="T104" y="T105"/>
                    </a:cxn>
                  </a:cxnLst>
                  <a:rect l="T159" t="T160" r="T161" b="T162"/>
                  <a:pathLst>
                    <a:path w="359" h="579">
                      <a:moveTo>
                        <a:pt x="98" y="579"/>
                      </a:moveTo>
                      <a:lnTo>
                        <a:pt x="96" y="577"/>
                      </a:lnTo>
                      <a:lnTo>
                        <a:pt x="95" y="575"/>
                      </a:lnTo>
                      <a:lnTo>
                        <a:pt x="91" y="573"/>
                      </a:lnTo>
                      <a:lnTo>
                        <a:pt x="90" y="572"/>
                      </a:lnTo>
                      <a:lnTo>
                        <a:pt x="90" y="565"/>
                      </a:lnTo>
                      <a:lnTo>
                        <a:pt x="88" y="560"/>
                      </a:lnTo>
                      <a:lnTo>
                        <a:pt x="84" y="557"/>
                      </a:lnTo>
                      <a:lnTo>
                        <a:pt x="83" y="553"/>
                      </a:lnTo>
                      <a:lnTo>
                        <a:pt x="79" y="551"/>
                      </a:lnTo>
                      <a:lnTo>
                        <a:pt x="78" y="551"/>
                      </a:lnTo>
                      <a:lnTo>
                        <a:pt x="74" y="550"/>
                      </a:lnTo>
                      <a:lnTo>
                        <a:pt x="68" y="541"/>
                      </a:lnTo>
                      <a:lnTo>
                        <a:pt x="2" y="323"/>
                      </a:lnTo>
                      <a:lnTo>
                        <a:pt x="0" y="323"/>
                      </a:lnTo>
                      <a:lnTo>
                        <a:pt x="0" y="321"/>
                      </a:lnTo>
                      <a:lnTo>
                        <a:pt x="0" y="318"/>
                      </a:lnTo>
                      <a:lnTo>
                        <a:pt x="0" y="315"/>
                      </a:lnTo>
                      <a:lnTo>
                        <a:pt x="2" y="311"/>
                      </a:lnTo>
                      <a:lnTo>
                        <a:pt x="3" y="308"/>
                      </a:lnTo>
                      <a:lnTo>
                        <a:pt x="7" y="306"/>
                      </a:lnTo>
                      <a:lnTo>
                        <a:pt x="10" y="308"/>
                      </a:lnTo>
                      <a:lnTo>
                        <a:pt x="15" y="311"/>
                      </a:lnTo>
                      <a:lnTo>
                        <a:pt x="15" y="313"/>
                      </a:lnTo>
                      <a:lnTo>
                        <a:pt x="17" y="313"/>
                      </a:lnTo>
                      <a:lnTo>
                        <a:pt x="17" y="315"/>
                      </a:lnTo>
                      <a:lnTo>
                        <a:pt x="18" y="315"/>
                      </a:lnTo>
                      <a:lnTo>
                        <a:pt x="18" y="313"/>
                      </a:lnTo>
                      <a:lnTo>
                        <a:pt x="18" y="311"/>
                      </a:lnTo>
                      <a:lnTo>
                        <a:pt x="20" y="306"/>
                      </a:lnTo>
                      <a:lnTo>
                        <a:pt x="20" y="301"/>
                      </a:lnTo>
                      <a:lnTo>
                        <a:pt x="20" y="299"/>
                      </a:lnTo>
                      <a:lnTo>
                        <a:pt x="18" y="298"/>
                      </a:lnTo>
                      <a:lnTo>
                        <a:pt x="18" y="296"/>
                      </a:lnTo>
                      <a:lnTo>
                        <a:pt x="18" y="294"/>
                      </a:lnTo>
                      <a:lnTo>
                        <a:pt x="18" y="293"/>
                      </a:lnTo>
                      <a:lnTo>
                        <a:pt x="20" y="291"/>
                      </a:lnTo>
                      <a:lnTo>
                        <a:pt x="24" y="293"/>
                      </a:lnTo>
                      <a:lnTo>
                        <a:pt x="30" y="294"/>
                      </a:lnTo>
                      <a:lnTo>
                        <a:pt x="29" y="293"/>
                      </a:lnTo>
                      <a:lnTo>
                        <a:pt x="27" y="289"/>
                      </a:lnTo>
                      <a:lnTo>
                        <a:pt x="25" y="284"/>
                      </a:lnTo>
                      <a:lnTo>
                        <a:pt x="24" y="279"/>
                      </a:lnTo>
                      <a:lnTo>
                        <a:pt x="22" y="274"/>
                      </a:lnTo>
                      <a:lnTo>
                        <a:pt x="24" y="267"/>
                      </a:lnTo>
                      <a:lnTo>
                        <a:pt x="25" y="262"/>
                      </a:lnTo>
                      <a:lnTo>
                        <a:pt x="30" y="259"/>
                      </a:lnTo>
                      <a:lnTo>
                        <a:pt x="32" y="257"/>
                      </a:lnTo>
                      <a:lnTo>
                        <a:pt x="34" y="255"/>
                      </a:lnTo>
                      <a:lnTo>
                        <a:pt x="35" y="254"/>
                      </a:lnTo>
                      <a:lnTo>
                        <a:pt x="37" y="252"/>
                      </a:lnTo>
                      <a:lnTo>
                        <a:pt x="39" y="250"/>
                      </a:lnTo>
                      <a:lnTo>
                        <a:pt x="39" y="249"/>
                      </a:lnTo>
                      <a:lnTo>
                        <a:pt x="40" y="249"/>
                      </a:lnTo>
                      <a:lnTo>
                        <a:pt x="40" y="247"/>
                      </a:lnTo>
                      <a:lnTo>
                        <a:pt x="39" y="245"/>
                      </a:lnTo>
                      <a:lnTo>
                        <a:pt x="39" y="242"/>
                      </a:lnTo>
                      <a:lnTo>
                        <a:pt x="39" y="238"/>
                      </a:lnTo>
                      <a:lnTo>
                        <a:pt x="40" y="235"/>
                      </a:lnTo>
                      <a:lnTo>
                        <a:pt x="42" y="230"/>
                      </a:lnTo>
                      <a:lnTo>
                        <a:pt x="44" y="227"/>
                      </a:lnTo>
                      <a:lnTo>
                        <a:pt x="49" y="223"/>
                      </a:lnTo>
                      <a:lnTo>
                        <a:pt x="47" y="223"/>
                      </a:lnTo>
                      <a:lnTo>
                        <a:pt x="47" y="221"/>
                      </a:lnTo>
                      <a:lnTo>
                        <a:pt x="47" y="218"/>
                      </a:lnTo>
                      <a:lnTo>
                        <a:pt x="46" y="215"/>
                      </a:lnTo>
                      <a:lnTo>
                        <a:pt x="44" y="211"/>
                      </a:lnTo>
                      <a:lnTo>
                        <a:pt x="42" y="208"/>
                      </a:lnTo>
                      <a:lnTo>
                        <a:pt x="40" y="203"/>
                      </a:lnTo>
                      <a:lnTo>
                        <a:pt x="39" y="198"/>
                      </a:lnTo>
                      <a:lnTo>
                        <a:pt x="39" y="193"/>
                      </a:lnTo>
                      <a:lnTo>
                        <a:pt x="37" y="188"/>
                      </a:lnTo>
                      <a:lnTo>
                        <a:pt x="37" y="183"/>
                      </a:lnTo>
                      <a:lnTo>
                        <a:pt x="37" y="177"/>
                      </a:lnTo>
                      <a:lnTo>
                        <a:pt x="39" y="172"/>
                      </a:lnTo>
                      <a:lnTo>
                        <a:pt x="39" y="169"/>
                      </a:lnTo>
                      <a:lnTo>
                        <a:pt x="42" y="164"/>
                      </a:lnTo>
                      <a:lnTo>
                        <a:pt x="46" y="161"/>
                      </a:lnTo>
                      <a:lnTo>
                        <a:pt x="46" y="159"/>
                      </a:lnTo>
                      <a:lnTo>
                        <a:pt x="44" y="157"/>
                      </a:lnTo>
                      <a:lnTo>
                        <a:pt x="44" y="154"/>
                      </a:lnTo>
                      <a:lnTo>
                        <a:pt x="44" y="149"/>
                      </a:lnTo>
                      <a:lnTo>
                        <a:pt x="44" y="145"/>
                      </a:lnTo>
                      <a:lnTo>
                        <a:pt x="44" y="140"/>
                      </a:lnTo>
                      <a:lnTo>
                        <a:pt x="44" y="135"/>
                      </a:lnTo>
                      <a:lnTo>
                        <a:pt x="44" y="130"/>
                      </a:lnTo>
                      <a:lnTo>
                        <a:pt x="44" y="125"/>
                      </a:lnTo>
                      <a:lnTo>
                        <a:pt x="44" y="120"/>
                      </a:lnTo>
                      <a:lnTo>
                        <a:pt x="44" y="115"/>
                      </a:lnTo>
                      <a:lnTo>
                        <a:pt x="46" y="110"/>
                      </a:lnTo>
                      <a:lnTo>
                        <a:pt x="47" y="105"/>
                      </a:lnTo>
                      <a:lnTo>
                        <a:pt x="49" y="101"/>
                      </a:lnTo>
                      <a:lnTo>
                        <a:pt x="51" y="98"/>
                      </a:lnTo>
                      <a:lnTo>
                        <a:pt x="78" y="15"/>
                      </a:lnTo>
                      <a:lnTo>
                        <a:pt x="79" y="13"/>
                      </a:lnTo>
                      <a:lnTo>
                        <a:pt x="81" y="13"/>
                      </a:lnTo>
                      <a:lnTo>
                        <a:pt x="84" y="12"/>
                      </a:lnTo>
                      <a:lnTo>
                        <a:pt x="88" y="10"/>
                      </a:lnTo>
                      <a:lnTo>
                        <a:pt x="91" y="12"/>
                      </a:lnTo>
                      <a:lnTo>
                        <a:pt x="95" y="13"/>
                      </a:lnTo>
                      <a:lnTo>
                        <a:pt x="98" y="18"/>
                      </a:lnTo>
                      <a:lnTo>
                        <a:pt x="101" y="29"/>
                      </a:lnTo>
                      <a:lnTo>
                        <a:pt x="101" y="30"/>
                      </a:lnTo>
                      <a:lnTo>
                        <a:pt x="103" y="32"/>
                      </a:lnTo>
                      <a:lnTo>
                        <a:pt x="105" y="34"/>
                      </a:lnTo>
                      <a:lnTo>
                        <a:pt x="108" y="35"/>
                      </a:lnTo>
                      <a:lnTo>
                        <a:pt x="110" y="37"/>
                      </a:lnTo>
                      <a:lnTo>
                        <a:pt x="115" y="37"/>
                      </a:lnTo>
                      <a:lnTo>
                        <a:pt x="118" y="34"/>
                      </a:lnTo>
                      <a:lnTo>
                        <a:pt x="125" y="30"/>
                      </a:lnTo>
                      <a:lnTo>
                        <a:pt x="125" y="29"/>
                      </a:lnTo>
                      <a:lnTo>
                        <a:pt x="128" y="27"/>
                      </a:lnTo>
                      <a:lnTo>
                        <a:pt x="132" y="23"/>
                      </a:lnTo>
                      <a:lnTo>
                        <a:pt x="135" y="20"/>
                      </a:lnTo>
                      <a:lnTo>
                        <a:pt x="139" y="17"/>
                      </a:lnTo>
                      <a:lnTo>
                        <a:pt x="142" y="13"/>
                      </a:lnTo>
                      <a:lnTo>
                        <a:pt x="145" y="12"/>
                      </a:lnTo>
                      <a:lnTo>
                        <a:pt x="152" y="10"/>
                      </a:lnTo>
                      <a:lnTo>
                        <a:pt x="152" y="8"/>
                      </a:lnTo>
                      <a:lnTo>
                        <a:pt x="152" y="5"/>
                      </a:lnTo>
                      <a:lnTo>
                        <a:pt x="152" y="3"/>
                      </a:lnTo>
                      <a:lnTo>
                        <a:pt x="154" y="1"/>
                      </a:lnTo>
                      <a:lnTo>
                        <a:pt x="157" y="0"/>
                      </a:lnTo>
                      <a:lnTo>
                        <a:pt x="162" y="1"/>
                      </a:lnTo>
                      <a:lnTo>
                        <a:pt x="169" y="3"/>
                      </a:lnTo>
                      <a:lnTo>
                        <a:pt x="171" y="5"/>
                      </a:lnTo>
                      <a:lnTo>
                        <a:pt x="174" y="7"/>
                      </a:lnTo>
                      <a:lnTo>
                        <a:pt x="179" y="10"/>
                      </a:lnTo>
                      <a:lnTo>
                        <a:pt x="186" y="13"/>
                      </a:lnTo>
                      <a:lnTo>
                        <a:pt x="193" y="15"/>
                      </a:lnTo>
                      <a:lnTo>
                        <a:pt x="198" y="18"/>
                      </a:lnTo>
                      <a:lnTo>
                        <a:pt x="203" y="20"/>
                      </a:lnTo>
                      <a:lnTo>
                        <a:pt x="205" y="22"/>
                      </a:lnTo>
                      <a:lnTo>
                        <a:pt x="213" y="30"/>
                      </a:lnTo>
                      <a:lnTo>
                        <a:pt x="254" y="164"/>
                      </a:lnTo>
                      <a:lnTo>
                        <a:pt x="254" y="166"/>
                      </a:lnTo>
                      <a:lnTo>
                        <a:pt x="254" y="169"/>
                      </a:lnTo>
                      <a:lnTo>
                        <a:pt x="254" y="172"/>
                      </a:lnTo>
                      <a:lnTo>
                        <a:pt x="255" y="177"/>
                      </a:lnTo>
                      <a:lnTo>
                        <a:pt x="260" y="184"/>
                      </a:lnTo>
                      <a:lnTo>
                        <a:pt x="266" y="188"/>
                      </a:lnTo>
                      <a:lnTo>
                        <a:pt x="276" y="191"/>
                      </a:lnTo>
                      <a:lnTo>
                        <a:pt x="289" y="193"/>
                      </a:lnTo>
                      <a:lnTo>
                        <a:pt x="294" y="196"/>
                      </a:lnTo>
                      <a:lnTo>
                        <a:pt x="294" y="213"/>
                      </a:lnTo>
                      <a:lnTo>
                        <a:pt x="303" y="221"/>
                      </a:lnTo>
                      <a:lnTo>
                        <a:pt x="304" y="225"/>
                      </a:lnTo>
                      <a:lnTo>
                        <a:pt x="306" y="228"/>
                      </a:lnTo>
                      <a:lnTo>
                        <a:pt x="308" y="233"/>
                      </a:lnTo>
                      <a:lnTo>
                        <a:pt x="311" y="237"/>
                      </a:lnTo>
                      <a:lnTo>
                        <a:pt x="315" y="238"/>
                      </a:lnTo>
                      <a:lnTo>
                        <a:pt x="318" y="238"/>
                      </a:lnTo>
                      <a:lnTo>
                        <a:pt x="321" y="237"/>
                      </a:lnTo>
                      <a:lnTo>
                        <a:pt x="323" y="237"/>
                      </a:lnTo>
                      <a:lnTo>
                        <a:pt x="326" y="240"/>
                      </a:lnTo>
                      <a:lnTo>
                        <a:pt x="332" y="243"/>
                      </a:lnTo>
                      <a:lnTo>
                        <a:pt x="337" y="247"/>
                      </a:lnTo>
                      <a:lnTo>
                        <a:pt x="340" y="250"/>
                      </a:lnTo>
                      <a:lnTo>
                        <a:pt x="345" y="254"/>
                      </a:lnTo>
                      <a:lnTo>
                        <a:pt x="348" y="257"/>
                      </a:lnTo>
                      <a:lnTo>
                        <a:pt x="340" y="265"/>
                      </a:lnTo>
                      <a:lnTo>
                        <a:pt x="347" y="276"/>
                      </a:lnTo>
                      <a:lnTo>
                        <a:pt x="350" y="272"/>
                      </a:lnTo>
                      <a:lnTo>
                        <a:pt x="354" y="271"/>
                      </a:lnTo>
                      <a:lnTo>
                        <a:pt x="357" y="267"/>
                      </a:lnTo>
                      <a:lnTo>
                        <a:pt x="359" y="267"/>
                      </a:lnTo>
                      <a:lnTo>
                        <a:pt x="359" y="269"/>
                      </a:lnTo>
                      <a:lnTo>
                        <a:pt x="359" y="274"/>
                      </a:lnTo>
                      <a:lnTo>
                        <a:pt x="354" y="284"/>
                      </a:lnTo>
                      <a:lnTo>
                        <a:pt x="352" y="287"/>
                      </a:lnTo>
                      <a:lnTo>
                        <a:pt x="350" y="289"/>
                      </a:lnTo>
                      <a:lnTo>
                        <a:pt x="347" y="293"/>
                      </a:lnTo>
                      <a:lnTo>
                        <a:pt x="345" y="296"/>
                      </a:lnTo>
                      <a:lnTo>
                        <a:pt x="343" y="298"/>
                      </a:lnTo>
                      <a:lnTo>
                        <a:pt x="342" y="299"/>
                      </a:lnTo>
                      <a:lnTo>
                        <a:pt x="342" y="301"/>
                      </a:lnTo>
                      <a:lnTo>
                        <a:pt x="335" y="293"/>
                      </a:lnTo>
                      <a:lnTo>
                        <a:pt x="330" y="298"/>
                      </a:lnTo>
                      <a:lnTo>
                        <a:pt x="333" y="306"/>
                      </a:lnTo>
                      <a:lnTo>
                        <a:pt x="326" y="308"/>
                      </a:lnTo>
                      <a:lnTo>
                        <a:pt x="325" y="308"/>
                      </a:lnTo>
                      <a:lnTo>
                        <a:pt x="323" y="306"/>
                      </a:lnTo>
                      <a:lnTo>
                        <a:pt x="321" y="306"/>
                      </a:lnTo>
                      <a:lnTo>
                        <a:pt x="318" y="306"/>
                      </a:lnTo>
                      <a:lnTo>
                        <a:pt x="318" y="308"/>
                      </a:lnTo>
                      <a:lnTo>
                        <a:pt x="318" y="311"/>
                      </a:lnTo>
                      <a:lnTo>
                        <a:pt x="320" y="316"/>
                      </a:lnTo>
                      <a:lnTo>
                        <a:pt x="320" y="320"/>
                      </a:lnTo>
                      <a:lnTo>
                        <a:pt x="318" y="321"/>
                      </a:lnTo>
                      <a:lnTo>
                        <a:pt x="316" y="323"/>
                      </a:lnTo>
                      <a:lnTo>
                        <a:pt x="313" y="325"/>
                      </a:lnTo>
                      <a:lnTo>
                        <a:pt x="310" y="326"/>
                      </a:lnTo>
                      <a:lnTo>
                        <a:pt x="306" y="326"/>
                      </a:lnTo>
                      <a:lnTo>
                        <a:pt x="304" y="326"/>
                      </a:lnTo>
                      <a:lnTo>
                        <a:pt x="301" y="325"/>
                      </a:lnTo>
                      <a:lnTo>
                        <a:pt x="298" y="321"/>
                      </a:lnTo>
                      <a:lnTo>
                        <a:pt x="299" y="323"/>
                      </a:lnTo>
                      <a:lnTo>
                        <a:pt x="299" y="321"/>
                      </a:lnTo>
                      <a:lnTo>
                        <a:pt x="298" y="321"/>
                      </a:lnTo>
                      <a:lnTo>
                        <a:pt x="298" y="323"/>
                      </a:lnTo>
                      <a:lnTo>
                        <a:pt x="296" y="326"/>
                      </a:lnTo>
                      <a:lnTo>
                        <a:pt x="296" y="330"/>
                      </a:lnTo>
                      <a:lnTo>
                        <a:pt x="296" y="338"/>
                      </a:lnTo>
                      <a:lnTo>
                        <a:pt x="294" y="340"/>
                      </a:lnTo>
                      <a:lnTo>
                        <a:pt x="293" y="345"/>
                      </a:lnTo>
                      <a:lnTo>
                        <a:pt x="289" y="347"/>
                      </a:lnTo>
                      <a:lnTo>
                        <a:pt x="289" y="348"/>
                      </a:lnTo>
                      <a:lnTo>
                        <a:pt x="284" y="357"/>
                      </a:lnTo>
                      <a:lnTo>
                        <a:pt x="277" y="348"/>
                      </a:lnTo>
                      <a:lnTo>
                        <a:pt x="277" y="342"/>
                      </a:lnTo>
                      <a:lnTo>
                        <a:pt x="267" y="337"/>
                      </a:lnTo>
                      <a:lnTo>
                        <a:pt x="267" y="335"/>
                      </a:lnTo>
                      <a:lnTo>
                        <a:pt x="266" y="335"/>
                      </a:lnTo>
                      <a:lnTo>
                        <a:pt x="264" y="335"/>
                      </a:lnTo>
                      <a:lnTo>
                        <a:pt x="262" y="335"/>
                      </a:lnTo>
                      <a:lnTo>
                        <a:pt x="260" y="337"/>
                      </a:lnTo>
                      <a:lnTo>
                        <a:pt x="260" y="338"/>
                      </a:lnTo>
                      <a:lnTo>
                        <a:pt x="260" y="342"/>
                      </a:lnTo>
                      <a:lnTo>
                        <a:pt x="262" y="347"/>
                      </a:lnTo>
                      <a:lnTo>
                        <a:pt x="262" y="348"/>
                      </a:lnTo>
                      <a:lnTo>
                        <a:pt x="260" y="350"/>
                      </a:lnTo>
                      <a:lnTo>
                        <a:pt x="257" y="353"/>
                      </a:lnTo>
                      <a:lnTo>
                        <a:pt x="254" y="355"/>
                      </a:lnTo>
                      <a:lnTo>
                        <a:pt x="249" y="359"/>
                      </a:lnTo>
                      <a:lnTo>
                        <a:pt x="245" y="360"/>
                      </a:lnTo>
                      <a:lnTo>
                        <a:pt x="244" y="362"/>
                      </a:lnTo>
                      <a:lnTo>
                        <a:pt x="242" y="362"/>
                      </a:lnTo>
                      <a:lnTo>
                        <a:pt x="244" y="375"/>
                      </a:lnTo>
                      <a:lnTo>
                        <a:pt x="223" y="375"/>
                      </a:lnTo>
                      <a:lnTo>
                        <a:pt x="230" y="364"/>
                      </a:lnTo>
                      <a:lnTo>
                        <a:pt x="220" y="364"/>
                      </a:lnTo>
                      <a:lnTo>
                        <a:pt x="220" y="362"/>
                      </a:lnTo>
                      <a:lnTo>
                        <a:pt x="220" y="359"/>
                      </a:lnTo>
                      <a:lnTo>
                        <a:pt x="218" y="353"/>
                      </a:lnTo>
                      <a:lnTo>
                        <a:pt x="218" y="350"/>
                      </a:lnTo>
                      <a:lnTo>
                        <a:pt x="216" y="348"/>
                      </a:lnTo>
                      <a:lnTo>
                        <a:pt x="215" y="348"/>
                      </a:lnTo>
                      <a:lnTo>
                        <a:pt x="213" y="353"/>
                      </a:lnTo>
                      <a:lnTo>
                        <a:pt x="210" y="364"/>
                      </a:lnTo>
                      <a:lnTo>
                        <a:pt x="210" y="365"/>
                      </a:lnTo>
                      <a:lnTo>
                        <a:pt x="210" y="367"/>
                      </a:lnTo>
                      <a:lnTo>
                        <a:pt x="210" y="370"/>
                      </a:lnTo>
                      <a:lnTo>
                        <a:pt x="208" y="372"/>
                      </a:lnTo>
                      <a:lnTo>
                        <a:pt x="208" y="375"/>
                      </a:lnTo>
                      <a:lnTo>
                        <a:pt x="208" y="377"/>
                      </a:lnTo>
                      <a:lnTo>
                        <a:pt x="210" y="411"/>
                      </a:lnTo>
                      <a:lnTo>
                        <a:pt x="205" y="421"/>
                      </a:lnTo>
                      <a:lnTo>
                        <a:pt x="198" y="436"/>
                      </a:lnTo>
                      <a:lnTo>
                        <a:pt x="193" y="428"/>
                      </a:lnTo>
                      <a:lnTo>
                        <a:pt x="183" y="431"/>
                      </a:lnTo>
                      <a:lnTo>
                        <a:pt x="179" y="450"/>
                      </a:lnTo>
                      <a:lnTo>
                        <a:pt x="171" y="448"/>
                      </a:lnTo>
                      <a:lnTo>
                        <a:pt x="171" y="450"/>
                      </a:lnTo>
                      <a:lnTo>
                        <a:pt x="171" y="453"/>
                      </a:lnTo>
                      <a:lnTo>
                        <a:pt x="169" y="453"/>
                      </a:lnTo>
                      <a:lnTo>
                        <a:pt x="169" y="455"/>
                      </a:lnTo>
                      <a:lnTo>
                        <a:pt x="167" y="455"/>
                      </a:lnTo>
                      <a:lnTo>
                        <a:pt x="166" y="453"/>
                      </a:lnTo>
                      <a:lnTo>
                        <a:pt x="162" y="448"/>
                      </a:lnTo>
                      <a:lnTo>
                        <a:pt x="162" y="447"/>
                      </a:lnTo>
                      <a:lnTo>
                        <a:pt x="161" y="447"/>
                      </a:lnTo>
                      <a:lnTo>
                        <a:pt x="161" y="445"/>
                      </a:lnTo>
                      <a:lnTo>
                        <a:pt x="159" y="445"/>
                      </a:lnTo>
                      <a:lnTo>
                        <a:pt x="157" y="447"/>
                      </a:lnTo>
                      <a:lnTo>
                        <a:pt x="156" y="448"/>
                      </a:lnTo>
                      <a:lnTo>
                        <a:pt x="156" y="453"/>
                      </a:lnTo>
                      <a:lnTo>
                        <a:pt x="154" y="462"/>
                      </a:lnTo>
                      <a:lnTo>
                        <a:pt x="156" y="463"/>
                      </a:lnTo>
                      <a:lnTo>
                        <a:pt x="156" y="467"/>
                      </a:lnTo>
                      <a:lnTo>
                        <a:pt x="156" y="472"/>
                      </a:lnTo>
                      <a:lnTo>
                        <a:pt x="157" y="475"/>
                      </a:lnTo>
                      <a:lnTo>
                        <a:pt x="156" y="477"/>
                      </a:lnTo>
                      <a:lnTo>
                        <a:pt x="154" y="475"/>
                      </a:lnTo>
                      <a:lnTo>
                        <a:pt x="152" y="469"/>
                      </a:lnTo>
                      <a:lnTo>
                        <a:pt x="147" y="457"/>
                      </a:lnTo>
                      <a:lnTo>
                        <a:pt x="144" y="460"/>
                      </a:lnTo>
                      <a:lnTo>
                        <a:pt x="140" y="462"/>
                      </a:lnTo>
                      <a:lnTo>
                        <a:pt x="137" y="465"/>
                      </a:lnTo>
                      <a:lnTo>
                        <a:pt x="132" y="469"/>
                      </a:lnTo>
                      <a:lnTo>
                        <a:pt x="128" y="472"/>
                      </a:lnTo>
                      <a:lnTo>
                        <a:pt x="127" y="475"/>
                      </a:lnTo>
                      <a:lnTo>
                        <a:pt x="125" y="475"/>
                      </a:lnTo>
                      <a:lnTo>
                        <a:pt x="122" y="497"/>
                      </a:lnTo>
                      <a:lnTo>
                        <a:pt x="127" y="499"/>
                      </a:lnTo>
                      <a:lnTo>
                        <a:pt x="127" y="506"/>
                      </a:lnTo>
                      <a:lnTo>
                        <a:pt x="123" y="506"/>
                      </a:lnTo>
                      <a:lnTo>
                        <a:pt x="122" y="506"/>
                      </a:lnTo>
                      <a:lnTo>
                        <a:pt x="118" y="507"/>
                      </a:lnTo>
                      <a:lnTo>
                        <a:pt x="117" y="511"/>
                      </a:lnTo>
                      <a:lnTo>
                        <a:pt x="115" y="514"/>
                      </a:lnTo>
                      <a:lnTo>
                        <a:pt x="117" y="519"/>
                      </a:lnTo>
                      <a:lnTo>
                        <a:pt x="120" y="528"/>
                      </a:lnTo>
                      <a:lnTo>
                        <a:pt x="118" y="529"/>
                      </a:lnTo>
                      <a:lnTo>
                        <a:pt x="117" y="533"/>
                      </a:lnTo>
                      <a:lnTo>
                        <a:pt x="113" y="536"/>
                      </a:lnTo>
                      <a:lnTo>
                        <a:pt x="110" y="538"/>
                      </a:lnTo>
                      <a:lnTo>
                        <a:pt x="108" y="541"/>
                      </a:lnTo>
                      <a:lnTo>
                        <a:pt x="106" y="541"/>
                      </a:lnTo>
                      <a:lnTo>
                        <a:pt x="106" y="543"/>
                      </a:lnTo>
                      <a:lnTo>
                        <a:pt x="106" y="565"/>
                      </a:lnTo>
                      <a:lnTo>
                        <a:pt x="98" y="579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35" name="Freeform 65"/>
                <p:cNvSpPr>
                  <a:spLocks/>
                </p:cNvSpPr>
                <p:nvPr/>
              </p:nvSpPr>
              <p:spPr bwMode="auto">
                <a:xfrm>
                  <a:off x="5343" y="1465"/>
                  <a:ext cx="17" cy="23"/>
                </a:xfrm>
                <a:custGeom>
                  <a:avLst/>
                  <a:gdLst>
                    <a:gd name="T0" fmla="*/ 9 w 17"/>
                    <a:gd name="T1" fmla="*/ 0 h 23"/>
                    <a:gd name="T2" fmla="*/ 17 w 17"/>
                    <a:gd name="T3" fmla="*/ 7 h 23"/>
                    <a:gd name="T4" fmla="*/ 14 w 17"/>
                    <a:gd name="T5" fmla="*/ 15 h 23"/>
                    <a:gd name="T6" fmla="*/ 10 w 17"/>
                    <a:gd name="T7" fmla="*/ 17 h 23"/>
                    <a:gd name="T8" fmla="*/ 10 w 17"/>
                    <a:gd name="T9" fmla="*/ 17 h 23"/>
                    <a:gd name="T10" fmla="*/ 12 w 17"/>
                    <a:gd name="T11" fmla="*/ 18 h 23"/>
                    <a:gd name="T12" fmla="*/ 12 w 17"/>
                    <a:gd name="T13" fmla="*/ 20 h 23"/>
                    <a:gd name="T14" fmla="*/ 12 w 17"/>
                    <a:gd name="T15" fmla="*/ 23 h 23"/>
                    <a:gd name="T16" fmla="*/ 10 w 17"/>
                    <a:gd name="T17" fmla="*/ 23 h 23"/>
                    <a:gd name="T18" fmla="*/ 9 w 17"/>
                    <a:gd name="T19" fmla="*/ 23 h 23"/>
                    <a:gd name="T20" fmla="*/ 5 w 17"/>
                    <a:gd name="T21" fmla="*/ 22 h 23"/>
                    <a:gd name="T22" fmla="*/ 0 w 17"/>
                    <a:gd name="T23" fmla="*/ 18 h 23"/>
                    <a:gd name="T24" fmla="*/ 0 w 17"/>
                    <a:gd name="T25" fmla="*/ 17 h 23"/>
                    <a:gd name="T26" fmla="*/ 0 w 17"/>
                    <a:gd name="T27" fmla="*/ 12 h 23"/>
                    <a:gd name="T28" fmla="*/ 0 w 17"/>
                    <a:gd name="T29" fmla="*/ 10 h 23"/>
                    <a:gd name="T30" fmla="*/ 2 w 17"/>
                    <a:gd name="T31" fmla="*/ 8 h 23"/>
                    <a:gd name="T32" fmla="*/ 9 w 17"/>
                    <a:gd name="T33" fmla="*/ 0 h 23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7"/>
                    <a:gd name="T52" fmla="*/ 0 h 23"/>
                    <a:gd name="T53" fmla="*/ 17 w 17"/>
                    <a:gd name="T54" fmla="*/ 23 h 23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7" h="23">
                      <a:moveTo>
                        <a:pt x="9" y="0"/>
                      </a:moveTo>
                      <a:lnTo>
                        <a:pt x="17" y="7"/>
                      </a:lnTo>
                      <a:lnTo>
                        <a:pt x="14" y="15"/>
                      </a:lnTo>
                      <a:lnTo>
                        <a:pt x="10" y="17"/>
                      </a:lnTo>
                      <a:lnTo>
                        <a:pt x="12" y="18"/>
                      </a:lnTo>
                      <a:lnTo>
                        <a:pt x="12" y="20"/>
                      </a:lnTo>
                      <a:lnTo>
                        <a:pt x="12" y="23"/>
                      </a:lnTo>
                      <a:lnTo>
                        <a:pt x="10" y="23"/>
                      </a:lnTo>
                      <a:lnTo>
                        <a:pt x="9" y="23"/>
                      </a:lnTo>
                      <a:lnTo>
                        <a:pt x="5" y="22"/>
                      </a:lnTo>
                      <a:lnTo>
                        <a:pt x="0" y="18"/>
                      </a:lnTo>
                      <a:lnTo>
                        <a:pt x="0" y="17"/>
                      </a:lnTo>
                      <a:lnTo>
                        <a:pt x="0" y="12"/>
                      </a:lnTo>
                      <a:lnTo>
                        <a:pt x="0" y="10"/>
                      </a:lnTo>
                      <a:lnTo>
                        <a:pt x="2" y="8"/>
                      </a:lnTo>
                      <a:lnTo>
                        <a:pt x="9" y="0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408" name="Group 66"/>
              <p:cNvGrpSpPr>
                <a:grpSpLocks/>
              </p:cNvGrpSpPr>
              <p:nvPr/>
            </p:nvGrpSpPr>
            <p:grpSpPr bwMode="auto">
              <a:xfrm>
                <a:off x="4607" y="1852"/>
                <a:ext cx="126" cy="291"/>
                <a:chOff x="4856" y="1462"/>
                <a:chExt cx="130" cy="300"/>
              </a:xfrm>
            </p:grpSpPr>
            <p:sp>
              <p:nvSpPr>
                <p:cNvPr id="532" name="Freeform 67"/>
                <p:cNvSpPr>
                  <a:spLocks/>
                </p:cNvSpPr>
                <p:nvPr/>
              </p:nvSpPr>
              <p:spPr bwMode="auto">
                <a:xfrm>
                  <a:off x="4856" y="1462"/>
                  <a:ext cx="130" cy="300"/>
                </a:xfrm>
                <a:custGeom>
                  <a:avLst/>
                  <a:gdLst>
                    <a:gd name="T0" fmla="*/ 12 w 130"/>
                    <a:gd name="T1" fmla="*/ 202 h 300"/>
                    <a:gd name="T2" fmla="*/ 23 w 130"/>
                    <a:gd name="T3" fmla="*/ 192 h 300"/>
                    <a:gd name="T4" fmla="*/ 32 w 130"/>
                    <a:gd name="T5" fmla="*/ 186 h 300"/>
                    <a:gd name="T6" fmla="*/ 39 w 130"/>
                    <a:gd name="T7" fmla="*/ 171 h 300"/>
                    <a:gd name="T8" fmla="*/ 49 w 130"/>
                    <a:gd name="T9" fmla="*/ 159 h 300"/>
                    <a:gd name="T10" fmla="*/ 57 w 130"/>
                    <a:gd name="T11" fmla="*/ 154 h 300"/>
                    <a:gd name="T12" fmla="*/ 59 w 130"/>
                    <a:gd name="T13" fmla="*/ 146 h 300"/>
                    <a:gd name="T14" fmla="*/ 56 w 130"/>
                    <a:gd name="T15" fmla="*/ 141 h 300"/>
                    <a:gd name="T16" fmla="*/ 49 w 130"/>
                    <a:gd name="T17" fmla="*/ 137 h 300"/>
                    <a:gd name="T18" fmla="*/ 32 w 130"/>
                    <a:gd name="T19" fmla="*/ 122 h 300"/>
                    <a:gd name="T20" fmla="*/ 20 w 130"/>
                    <a:gd name="T21" fmla="*/ 112 h 300"/>
                    <a:gd name="T22" fmla="*/ 3 w 130"/>
                    <a:gd name="T23" fmla="*/ 93 h 300"/>
                    <a:gd name="T24" fmla="*/ 6 w 130"/>
                    <a:gd name="T25" fmla="*/ 76 h 300"/>
                    <a:gd name="T26" fmla="*/ 0 w 130"/>
                    <a:gd name="T27" fmla="*/ 56 h 300"/>
                    <a:gd name="T28" fmla="*/ 28 w 130"/>
                    <a:gd name="T29" fmla="*/ 0 h 300"/>
                    <a:gd name="T30" fmla="*/ 113 w 130"/>
                    <a:gd name="T31" fmla="*/ 60 h 300"/>
                    <a:gd name="T32" fmla="*/ 106 w 130"/>
                    <a:gd name="T33" fmla="*/ 76 h 300"/>
                    <a:gd name="T34" fmla="*/ 106 w 130"/>
                    <a:gd name="T35" fmla="*/ 87 h 300"/>
                    <a:gd name="T36" fmla="*/ 96 w 130"/>
                    <a:gd name="T37" fmla="*/ 95 h 300"/>
                    <a:gd name="T38" fmla="*/ 113 w 130"/>
                    <a:gd name="T39" fmla="*/ 102 h 300"/>
                    <a:gd name="T40" fmla="*/ 118 w 130"/>
                    <a:gd name="T41" fmla="*/ 100 h 300"/>
                    <a:gd name="T42" fmla="*/ 120 w 130"/>
                    <a:gd name="T43" fmla="*/ 97 h 300"/>
                    <a:gd name="T44" fmla="*/ 122 w 130"/>
                    <a:gd name="T45" fmla="*/ 95 h 300"/>
                    <a:gd name="T46" fmla="*/ 125 w 130"/>
                    <a:gd name="T47" fmla="*/ 98 h 300"/>
                    <a:gd name="T48" fmla="*/ 127 w 130"/>
                    <a:gd name="T49" fmla="*/ 107 h 300"/>
                    <a:gd name="T50" fmla="*/ 127 w 130"/>
                    <a:gd name="T51" fmla="*/ 127 h 300"/>
                    <a:gd name="T52" fmla="*/ 127 w 130"/>
                    <a:gd name="T53" fmla="*/ 141 h 300"/>
                    <a:gd name="T54" fmla="*/ 127 w 130"/>
                    <a:gd name="T55" fmla="*/ 146 h 300"/>
                    <a:gd name="T56" fmla="*/ 127 w 130"/>
                    <a:gd name="T57" fmla="*/ 151 h 300"/>
                    <a:gd name="T58" fmla="*/ 130 w 130"/>
                    <a:gd name="T59" fmla="*/ 161 h 300"/>
                    <a:gd name="T60" fmla="*/ 130 w 130"/>
                    <a:gd name="T61" fmla="*/ 173 h 300"/>
                    <a:gd name="T62" fmla="*/ 130 w 130"/>
                    <a:gd name="T63" fmla="*/ 183 h 300"/>
                    <a:gd name="T64" fmla="*/ 128 w 130"/>
                    <a:gd name="T65" fmla="*/ 181 h 300"/>
                    <a:gd name="T66" fmla="*/ 125 w 130"/>
                    <a:gd name="T67" fmla="*/ 163 h 300"/>
                    <a:gd name="T68" fmla="*/ 122 w 130"/>
                    <a:gd name="T69" fmla="*/ 151 h 300"/>
                    <a:gd name="T70" fmla="*/ 118 w 130"/>
                    <a:gd name="T71" fmla="*/ 151 h 300"/>
                    <a:gd name="T72" fmla="*/ 122 w 130"/>
                    <a:gd name="T73" fmla="*/ 168 h 300"/>
                    <a:gd name="T74" fmla="*/ 122 w 130"/>
                    <a:gd name="T75" fmla="*/ 175 h 300"/>
                    <a:gd name="T76" fmla="*/ 122 w 130"/>
                    <a:gd name="T77" fmla="*/ 186 h 300"/>
                    <a:gd name="T78" fmla="*/ 122 w 130"/>
                    <a:gd name="T79" fmla="*/ 190 h 300"/>
                    <a:gd name="T80" fmla="*/ 122 w 130"/>
                    <a:gd name="T81" fmla="*/ 193 h 300"/>
                    <a:gd name="T82" fmla="*/ 118 w 130"/>
                    <a:gd name="T83" fmla="*/ 202 h 300"/>
                    <a:gd name="T84" fmla="*/ 115 w 130"/>
                    <a:gd name="T85" fmla="*/ 208 h 300"/>
                    <a:gd name="T86" fmla="*/ 110 w 130"/>
                    <a:gd name="T87" fmla="*/ 219 h 300"/>
                    <a:gd name="T88" fmla="*/ 108 w 130"/>
                    <a:gd name="T89" fmla="*/ 230 h 300"/>
                    <a:gd name="T90" fmla="*/ 103 w 130"/>
                    <a:gd name="T91" fmla="*/ 239 h 300"/>
                    <a:gd name="T92" fmla="*/ 94 w 130"/>
                    <a:gd name="T93" fmla="*/ 249 h 300"/>
                    <a:gd name="T94" fmla="*/ 96 w 130"/>
                    <a:gd name="T95" fmla="*/ 256 h 300"/>
                    <a:gd name="T96" fmla="*/ 86 w 130"/>
                    <a:gd name="T97" fmla="*/ 290 h 300"/>
                    <a:gd name="T98" fmla="*/ 76 w 130"/>
                    <a:gd name="T99" fmla="*/ 300 h 300"/>
                    <a:gd name="T100" fmla="*/ 71 w 130"/>
                    <a:gd name="T101" fmla="*/ 295 h 300"/>
                    <a:gd name="T102" fmla="*/ 72 w 130"/>
                    <a:gd name="T103" fmla="*/ 285 h 300"/>
                    <a:gd name="T104" fmla="*/ 74 w 130"/>
                    <a:gd name="T105" fmla="*/ 276 h 300"/>
                    <a:gd name="T106" fmla="*/ 64 w 130"/>
                    <a:gd name="T107" fmla="*/ 271 h 300"/>
                    <a:gd name="T108" fmla="*/ 49 w 130"/>
                    <a:gd name="T109" fmla="*/ 278 h 300"/>
                    <a:gd name="T110" fmla="*/ 44 w 130"/>
                    <a:gd name="T111" fmla="*/ 271 h 300"/>
                    <a:gd name="T112" fmla="*/ 34 w 130"/>
                    <a:gd name="T113" fmla="*/ 266 h 300"/>
                    <a:gd name="T114" fmla="*/ 23 w 130"/>
                    <a:gd name="T115" fmla="*/ 261 h 300"/>
                    <a:gd name="T116" fmla="*/ 6 w 130"/>
                    <a:gd name="T117" fmla="*/ 247 h 300"/>
                    <a:gd name="T118" fmla="*/ 3 w 130"/>
                    <a:gd name="T119" fmla="*/ 237 h 300"/>
                    <a:gd name="T120" fmla="*/ 1 w 130"/>
                    <a:gd name="T121" fmla="*/ 227 h 300"/>
                    <a:gd name="T122" fmla="*/ 3 w 130"/>
                    <a:gd name="T123" fmla="*/ 219 h 300"/>
                    <a:gd name="T124" fmla="*/ 13 w 130"/>
                    <a:gd name="T125" fmla="*/ 205 h 300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60000 65536"/>
                    <a:gd name="T187" fmla="*/ 0 60000 65536"/>
                    <a:gd name="T188" fmla="*/ 0 60000 65536"/>
                    <a:gd name="T189" fmla="*/ 0 w 130"/>
                    <a:gd name="T190" fmla="*/ 0 h 300"/>
                    <a:gd name="T191" fmla="*/ 130 w 130"/>
                    <a:gd name="T192" fmla="*/ 300 h 300"/>
                  </a:gdLst>
                  <a:ahLst/>
                  <a:cxnLst>
                    <a:cxn ang="T126">
                      <a:pos x="T0" y="T1"/>
                    </a:cxn>
                    <a:cxn ang="T127">
                      <a:pos x="T2" y="T3"/>
                    </a:cxn>
                    <a:cxn ang="T128">
                      <a:pos x="T4" y="T5"/>
                    </a:cxn>
                    <a:cxn ang="T129">
                      <a:pos x="T6" y="T7"/>
                    </a:cxn>
                    <a:cxn ang="T130">
                      <a:pos x="T8" y="T9"/>
                    </a:cxn>
                    <a:cxn ang="T131">
                      <a:pos x="T10" y="T11"/>
                    </a:cxn>
                    <a:cxn ang="T132">
                      <a:pos x="T12" y="T13"/>
                    </a:cxn>
                    <a:cxn ang="T133">
                      <a:pos x="T14" y="T15"/>
                    </a:cxn>
                    <a:cxn ang="T134">
                      <a:pos x="T16" y="T17"/>
                    </a:cxn>
                    <a:cxn ang="T135">
                      <a:pos x="T18" y="T19"/>
                    </a:cxn>
                    <a:cxn ang="T136">
                      <a:pos x="T20" y="T21"/>
                    </a:cxn>
                    <a:cxn ang="T137">
                      <a:pos x="T22" y="T23"/>
                    </a:cxn>
                    <a:cxn ang="T138">
                      <a:pos x="T24" y="T25"/>
                    </a:cxn>
                    <a:cxn ang="T139">
                      <a:pos x="T26" y="T27"/>
                    </a:cxn>
                    <a:cxn ang="T140">
                      <a:pos x="T28" y="T29"/>
                    </a:cxn>
                    <a:cxn ang="T141">
                      <a:pos x="T30" y="T31"/>
                    </a:cxn>
                    <a:cxn ang="T142">
                      <a:pos x="T32" y="T33"/>
                    </a:cxn>
                    <a:cxn ang="T143">
                      <a:pos x="T34" y="T35"/>
                    </a:cxn>
                    <a:cxn ang="T144">
                      <a:pos x="T36" y="T37"/>
                    </a:cxn>
                    <a:cxn ang="T145">
                      <a:pos x="T38" y="T39"/>
                    </a:cxn>
                    <a:cxn ang="T146">
                      <a:pos x="T40" y="T41"/>
                    </a:cxn>
                    <a:cxn ang="T147">
                      <a:pos x="T42" y="T43"/>
                    </a:cxn>
                    <a:cxn ang="T148">
                      <a:pos x="T44" y="T45"/>
                    </a:cxn>
                    <a:cxn ang="T149">
                      <a:pos x="T46" y="T47"/>
                    </a:cxn>
                    <a:cxn ang="T150">
                      <a:pos x="T48" y="T49"/>
                    </a:cxn>
                    <a:cxn ang="T151">
                      <a:pos x="T50" y="T51"/>
                    </a:cxn>
                    <a:cxn ang="T152">
                      <a:pos x="T52" y="T53"/>
                    </a:cxn>
                    <a:cxn ang="T153">
                      <a:pos x="T54" y="T55"/>
                    </a:cxn>
                    <a:cxn ang="T154">
                      <a:pos x="T56" y="T57"/>
                    </a:cxn>
                    <a:cxn ang="T155">
                      <a:pos x="T58" y="T59"/>
                    </a:cxn>
                    <a:cxn ang="T156">
                      <a:pos x="T60" y="T61"/>
                    </a:cxn>
                    <a:cxn ang="T157">
                      <a:pos x="T62" y="T63"/>
                    </a:cxn>
                    <a:cxn ang="T158">
                      <a:pos x="T64" y="T65"/>
                    </a:cxn>
                    <a:cxn ang="T159">
                      <a:pos x="T66" y="T67"/>
                    </a:cxn>
                    <a:cxn ang="T160">
                      <a:pos x="T68" y="T69"/>
                    </a:cxn>
                    <a:cxn ang="T161">
                      <a:pos x="T70" y="T71"/>
                    </a:cxn>
                    <a:cxn ang="T162">
                      <a:pos x="T72" y="T73"/>
                    </a:cxn>
                    <a:cxn ang="T163">
                      <a:pos x="T74" y="T75"/>
                    </a:cxn>
                    <a:cxn ang="T164">
                      <a:pos x="T76" y="T77"/>
                    </a:cxn>
                    <a:cxn ang="T165">
                      <a:pos x="T78" y="T79"/>
                    </a:cxn>
                    <a:cxn ang="T166">
                      <a:pos x="T80" y="T81"/>
                    </a:cxn>
                    <a:cxn ang="T167">
                      <a:pos x="T82" y="T83"/>
                    </a:cxn>
                    <a:cxn ang="T168">
                      <a:pos x="T84" y="T85"/>
                    </a:cxn>
                    <a:cxn ang="T169">
                      <a:pos x="T86" y="T87"/>
                    </a:cxn>
                    <a:cxn ang="T170">
                      <a:pos x="T88" y="T89"/>
                    </a:cxn>
                    <a:cxn ang="T171">
                      <a:pos x="T90" y="T91"/>
                    </a:cxn>
                    <a:cxn ang="T172">
                      <a:pos x="T92" y="T93"/>
                    </a:cxn>
                    <a:cxn ang="T173">
                      <a:pos x="T94" y="T95"/>
                    </a:cxn>
                    <a:cxn ang="T174">
                      <a:pos x="T96" y="T97"/>
                    </a:cxn>
                    <a:cxn ang="T175">
                      <a:pos x="T98" y="T99"/>
                    </a:cxn>
                    <a:cxn ang="T176">
                      <a:pos x="T100" y="T101"/>
                    </a:cxn>
                    <a:cxn ang="T177">
                      <a:pos x="T102" y="T103"/>
                    </a:cxn>
                    <a:cxn ang="T178">
                      <a:pos x="T104" y="T105"/>
                    </a:cxn>
                    <a:cxn ang="T179">
                      <a:pos x="T106" y="T107"/>
                    </a:cxn>
                    <a:cxn ang="T180">
                      <a:pos x="T108" y="T109"/>
                    </a:cxn>
                    <a:cxn ang="T181">
                      <a:pos x="T110" y="T111"/>
                    </a:cxn>
                    <a:cxn ang="T182">
                      <a:pos x="T112" y="T113"/>
                    </a:cxn>
                    <a:cxn ang="T183">
                      <a:pos x="T114" y="T115"/>
                    </a:cxn>
                    <a:cxn ang="T184">
                      <a:pos x="T116" y="T117"/>
                    </a:cxn>
                    <a:cxn ang="T185">
                      <a:pos x="T118" y="T119"/>
                    </a:cxn>
                    <a:cxn ang="T186">
                      <a:pos x="T120" y="T121"/>
                    </a:cxn>
                    <a:cxn ang="T187">
                      <a:pos x="T122" y="T123"/>
                    </a:cxn>
                    <a:cxn ang="T188">
                      <a:pos x="T124" y="T125"/>
                    </a:cxn>
                  </a:cxnLst>
                  <a:rect l="T189" t="T190" r="T191" b="T192"/>
                  <a:pathLst>
                    <a:path w="130" h="300">
                      <a:moveTo>
                        <a:pt x="8" y="205"/>
                      </a:moveTo>
                      <a:lnTo>
                        <a:pt x="8" y="203"/>
                      </a:lnTo>
                      <a:lnTo>
                        <a:pt x="12" y="202"/>
                      </a:lnTo>
                      <a:lnTo>
                        <a:pt x="15" y="198"/>
                      </a:lnTo>
                      <a:lnTo>
                        <a:pt x="20" y="195"/>
                      </a:lnTo>
                      <a:lnTo>
                        <a:pt x="23" y="192"/>
                      </a:lnTo>
                      <a:lnTo>
                        <a:pt x="28" y="190"/>
                      </a:lnTo>
                      <a:lnTo>
                        <a:pt x="30" y="186"/>
                      </a:lnTo>
                      <a:lnTo>
                        <a:pt x="32" y="186"/>
                      </a:lnTo>
                      <a:lnTo>
                        <a:pt x="32" y="181"/>
                      </a:lnTo>
                      <a:lnTo>
                        <a:pt x="35" y="176"/>
                      </a:lnTo>
                      <a:lnTo>
                        <a:pt x="39" y="171"/>
                      </a:lnTo>
                      <a:lnTo>
                        <a:pt x="42" y="166"/>
                      </a:lnTo>
                      <a:lnTo>
                        <a:pt x="45" y="163"/>
                      </a:lnTo>
                      <a:lnTo>
                        <a:pt x="49" y="159"/>
                      </a:lnTo>
                      <a:lnTo>
                        <a:pt x="52" y="158"/>
                      </a:lnTo>
                      <a:lnTo>
                        <a:pt x="54" y="156"/>
                      </a:lnTo>
                      <a:lnTo>
                        <a:pt x="57" y="154"/>
                      </a:lnTo>
                      <a:lnTo>
                        <a:pt x="59" y="151"/>
                      </a:lnTo>
                      <a:lnTo>
                        <a:pt x="59" y="149"/>
                      </a:lnTo>
                      <a:lnTo>
                        <a:pt x="59" y="146"/>
                      </a:lnTo>
                      <a:lnTo>
                        <a:pt x="57" y="144"/>
                      </a:lnTo>
                      <a:lnTo>
                        <a:pt x="56" y="142"/>
                      </a:lnTo>
                      <a:lnTo>
                        <a:pt x="56" y="141"/>
                      </a:lnTo>
                      <a:lnTo>
                        <a:pt x="54" y="141"/>
                      </a:lnTo>
                      <a:lnTo>
                        <a:pt x="52" y="139"/>
                      </a:lnTo>
                      <a:lnTo>
                        <a:pt x="49" y="137"/>
                      </a:lnTo>
                      <a:lnTo>
                        <a:pt x="44" y="132"/>
                      </a:lnTo>
                      <a:lnTo>
                        <a:pt x="39" y="127"/>
                      </a:lnTo>
                      <a:lnTo>
                        <a:pt x="32" y="122"/>
                      </a:lnTo>
                      <a:lnTo>
                        <a:pt x="27" y="117"/>
                      </a:lnTo>
                      <a:lnTo>
                        <a:pt x="22" y="114"/>
                      </a:lnTo>
                      <a:lnTo>
                        <a:pt x="20" y="112"/>
                      </a:lnTo>
                      <a:lnTo>
                        <a:pt x="10" y="107"/>
                      </a:lnTo>
                      <a:lnTo>
                        <a:pt x="5" y="100"/>
                      </a:lnTo>
                      <a:lnTo>
                        <a:pt x="3" y="93"/>
                      </a:lnTo>
                      <a:lnTo>
                        <a:pt x="3" y="87"/>
                      </a:lnTo>
                      <a:lnTo>
                        <a:pt x="5" y="82"/>
                      </a:lnTo>
                      <a:lnTo>
                        <a:pt x="6" y="76"/>
                      </a:lnTo>
                      <a:lnTo>
                        <a:pt x="8" y="73"/>
                      </a:lnTo>
                      <a:lnTo>
                        <a:pt x="10" y="73"/>
                      </a:lnTo>
                      <a:lnTo>
                        <a:pt x="0" y="56"/>
                      </a:lnTo>
                      <a:lnTo>
                        <a:pt x="17" y="31"/>
                      </a:lnTo>
                      <a:lnTo>
                        <a:pt x="23" y="9"/>
                      </a:lnTo>
                      <a:lnTo>
                        <a:pt x="28" y="0"/>
                      </a:lnTo>
                      <a:lnTo>
                        <a:pt x="113" y="27"/>
                      </a:lnTo>
                      <a:lnTo>
                        <a:pt x="115" y="60"/>
                      </a:lnTo>
                      <a:lnTo>
                        <a:pt x="113" y="60"/>
                      </a:lnTo>
                      <a:lnTo>
                        <a:pt x="105" y="75"/>
                      </a:lnTo>
                      <a:lnTo>
                        <a:pt x="105" y="76"/>
                      </a:lnTo>
                      <a:lnTo>
                        <a:pt x="106" y="76"/>
                      </a:lnTo>
                      <a:lnTo>
                        <a:pt x="106" y="80"/>
                      </a:lnTo>
                      <a:lnTo>
                        <a:pt x="106" y="83"/>
                      </a:lnTo>
                      <a:lnTo>
                        <a:pt x="106" y="87"/>
                      </a:lnTo>
                      <a:lnTo>
                        <a:pt x="105" y="90"/>
                      </a:lnTo>
                      <a:lnTo>
                        <a:pt x="101" y="93"/>
                      </a:lnTo>
                      <a:lnTo>
                        <a:pt x="96" y="95"/>
                      </a:lnTo>
                      <a:lnTo>
                        <a:pt x="94" y="100"/>
                      </a:lnTo>
                      <a:lnTo>
                        <a:pt x="113" y="100"/>
                      </a:lnTo>
                      <a:lnTo>
                        <a:pt x="113" y="102"/>
                      </a:lnTo>
                      <a:lnTo>
                        <a:pt x="116" y="104"/>
                      </a:lnTo>
                      <a:lnTo>
                        <a:pt x="118" y="104"/>
                      </a:lnTo>
                      <a:lnTo>
                        <a:pt x="118" y="100"/>
                      </a:lnTo>
                      <a:lnTo>
                        <a:pt x="118" y="98"/>
                      </a:lnTo>
                      <a:lnTo>
                        <a:pt x="120" y="97"/>
                      </a:lnTo>
                      <a:lnTo>
                        <a:pt x="122" y="95"/>
                      </a:lnTo>
                      <a:lnTo>
                        <a:pt x="123" y="95"/>
                      </a:lnTo>
                      <a:lnTo>
                        <a:pt x="123" y="97"/>
                      </a:lnTo>
                      <a:lnTo>
                        <a:pt x="125" y="98"/>
                      </a:lnTo>
                      <a:lnTo>
                        <a:pt x="125" y="100"/>
                      </a:lnTo>
                      <a:lnTo>
                        <a:pt x="125" y="104"/>
                      </a:lnTo>
                      <a:lnTo>
                        <a:pt x="127" y="107"/>
                      </a:lnTo>
                      <a:lnTo>
                        <a:pt x="127" y="112"/>
                      </a:lnTo>
                      <a:lnTo>
                        <a:pt x="127" y="119"/>
                      </a:lnTo>
                      <a:lnTo>
                        <a:pt x="127" y="127"/>
                      </a:lnTo>
                      <a:lnTo>
                        <a:pt x="125" y="137"/>
                      </a:lnTo>
                      <a:lnTo>
                        <a:pt x="125" y="139"/>
                      </a:lnTo>
                      <a:lnTo>
                        <a:pt x="127" y="141"/>
                      </a:lnTo>
                      <a:lnTo>
                        <a:pt x="127" y="142"/>
                      </a:lnTo>
                      <a:lnTo>
                        <a:pt x="127" y="144"/>
                      </a:lnTo>
                      <a:lnTo>
                        <a:pt x="127" y="146"/>
                      </a:lnTo>
                      <a:lnTo>
                        <a:pt x="127" y="148"/>
                      </a:lnTo>
                      <a:lnTo>
                        <a:pt x="127" y="149"/>
                      </a:lnTo>
                      <a:lnTo>
                        <a:pt x="127" y="151"/>
                      </a:lnTo>
                      <a:lnTo>
                        <a:pt x="128" y="153"/>
                      </a:lnTo>
                      <a:lnTo>
                        <a:pt x="128" y="156"/>
                      </a:lnTo>
                      <a:lnTo>
                        <a:pt x="130" y="161"/>
                      </a:lnTo>
                      <a:lnTo>
                        <a:pt x="130" y="164"/>
                      </a:lnTo>
                      <a:lnTo>
                        <a:pt x="130" y="170"/>
                      </a:lnTo>
                      <a:lnTo>
                        <a:pt x="130" y="173"/>
                      </a:lnTo>
                      <a:lnTo>
                        <a:pt x="130" y="178"/>
                      </a:lnTo>
                      <a:lnTo>
                        <a:pt x="130" y="180"/>
                      </a:lnTo>
                      <a:lnTo>
                        <a:pt x="130" y="183"/>
                      </a:lnTo>
                      <a:lnTo>
                        <a:pt x="128" y="181"/>
                      </a:lnTo>
                      <a:lnTo>
                        <a:pt x="127" y="178"/>
                      </a:lnTo>
                      <a:lnTo>
                        <a:pt x="127" y="171"/>
                      </a:lnTo>
                      <a:lnTo>
                        <a:pt x="125" y="163"/>
                      </a:lnTo>
                      <a:lnTo>
                        <a:pt x="123" y="153"/>
                      </a:lnTo>
                      <a:lnTo>
                        <a:pt x="123" y="151"/>
                      </a:lnTo>
                      <a:lnTo>
                        <a:pt x="122" y="151"/>
                      </a:lnTo>
                      <a:lnTo>
                        <a:pt x="120" y="149"/>
                      </a:lnTo>
                      <a:lnTo>
                        <a:pt x="118" y="151"/>
                      </a:lnTo>
                      <a:lnTo>
                        <a:pt x="118" y="154"/>
                      </a:lnTo>
                      <a:lnTo>
                        <a:pt x="120" y="159"/>
                      </a:lnTo>
                      <a:lnTo>
                        <a:pt x="122" y="168"/>
                      </a:lnTo>
                      <a:lnTo>
                        <a:pt x="122" y="170"/>
                      </a:lnTo>
                      <a:lnTo>
                        <a:pt x="122" y="171"/>
                      </a:lnTo>
                      <a:lnTo>
                        <a:pt x="122" y="175"/>
                      </a:lnTo>
                      <a:lnTo>
                        <a:pt x="122" y="178"/>
                      </a:lnTo>
                      <a:lnTo>
                        <a:pt x="122" y="183"/>
                      </a:lnTo>
                      <a:lnTo>
                        <a:pt x="122" y="186"/>
                      </a:lnTo>
                      <a:lnTo>
                        <a:pt x="122" y="188"/>
                      </a:lnTo>
                      <a:lnTo>
                        <a:pt x="122" y="190"/>
                      </a:lnTo>
                      <a:lnTo>
                        <a:pt x="122" y="192"/>
                      </a:lnTo>
                      <a:lnTo>
                        <a:pt x="122" y="193"/>
                      </a:lnTo>
                      <a:lnTo>
                        <a:pt x="122" y="197"/>
                      </a:lnTo>
                      <a:lnTo>
                        <a:pt x="122" y="198"/>
                      </a:lnTo>
                      <a:lnTo>
                        <a:pt x="118" y="202"/>
                      </a:lnTo>
                      <a:lnTo>
                        <a:pt x="116" y="205"/>
                      </a:lnTo>
                      <a:lnTo>
                        <a:pt x="116" y="207"/>
                      </a:lnTo>
                      <a:lnTo>
                        <a:pt x="115" y="208"/>
                      </a:lnTo>
                      <a:lnTo>
                        <a:pt x="115" y="212"/>
                      </a:lnTo>
                      <a:lnTo>
                        <a:pt x="115" y="214"/>
                      </a:lnTo>
                      <a:lnTo>
                        <a:pt x="110" y="219"/>
                      </a:lnTo>
                      <a:lnTo>
                        <a:pt x="108" y="227"/>
                      </a:lnTo>
                      <a:lnTo>
                        <a:pt x="108" y="229"/>
                      </a:lnTo>
                      <a:lnTo>
                        <a:pt x="108" y="230"/>
                      </a:lnTo>
                      <a:lnTo>
                        <a:pt x="106" y="232"/>
                      </a:lnTo>
                      <a:lnTo>
                        <a:pt x="105" y="236"/>
                      </a:lnTo>
                      <a:lnTo>
                        <a:pt x="103" y="239"/>
                      </a:lnTo>
                      <a:lnTo>
                        <a:pt x="100" y="244"/>
                      </a:lnTo>
                      <a:lnTo>
                        <a:pt x="98" y="247"/>
                      </a:lnTo>
                      <a:lnTo>
                        <a:pt x="94" y="249"/>
                      </a:lnTo>
                      <a:lnTo>
                        <a:pt x="94" y="251"/>
                      </a:lnTo>
                      <a:lnTo>
                        <a:pt x="96" y="254"/>
                      </a:lnTo>
                      <a:lnTo>
                        <a:pt x="96" y="256"/>
                      </a:lnTo>
                      <a:lnTo>
                        <a:pt x="96" y="258"/>
                      </a:lnTo>
                      <a:lnTo>
                        <a:pt x="89" y="281"/>
                      </a:lnTo>
                      <a:lnTo>
                        <a:pt x="86" y="290"/>
                      </a:lnTo>
                      <a:lnTo>
                        <a:pt x="83" y="296"/>
                      </a:lnTo>
                      <a:lnTo>
                        <a:pt x="79" y="300"/>
                      </a:lnTo>
                      <a:lnTo>
                        <a:pt x="76" y="300"/>
                      </a:lnTo>
                      <a:lnTo>
                        <a:pt x="74" y="300"/>
                      </a:lnTo>
                      <a:lnTo>
                        <a:pt x="72" y="296"/>
                      </a:lnTo>
                      <a:lnTo>
                        <a:pt x="71" y="295"/>
                      </a:lnTo>
                      <a:lnTo>
                        <a:pt x="71" y="290"/>
                      </a:lnTo>
                      <a:lnTo>
                        <a:pt x="72" y="286"/>
                      </a:lnTo>
                      <a:lnTo>
                        <a:pt x="72" y="285"/>
                      </a:lnTo>
                      <a:lnTo>
                        <a:pt x="74" y="283"/>
                      </a:lnTo>
                      <a:lnTo>
                        <a:pt x="74" y="280"/>
                      </a:lnTo>
                      <a:lnTo>
                        <a:pt x="74" y="276"/>
                      </a:lnTo>
                      <a:lnTo>
                        <a:pt x="72" y="273"/>
                      </a:lnTo>
                      <a:lnTo>
                        <a:pt x="69" y="271"/>
                      </a:lnTo>
                      <a:lnTo>
                        <a:pt x="64" y="271"/>
                      </a:lnTo>
                      <a:lnTo>
                        <a:pt x="56" y="273"/>
                      </a:lnTo>
                      <a:lnTo>
                        <a:pt x="49" y="278"/>
                      </a:lnTo>
                      <a:lnTo>
                        <a:pt x="49" y="276"/>
                      </a:lnTo>
                      <a:lnTo>
                        <a:pt x="47" y="274"/>
                      </a:lnTo>
                      <a:lnTo>
                        <a:pt x="44" y="271"/>
                      </a:lnTo>
                      <a:lnTo>
                        <a:pt x="42" y="269"/>
                      </a:lnTo>
                      <a:lnTo>
                        <a:pt x="39" y="266"/>
                      </a:lnTo>
                      <a:lnTo>
                        <a:pt x="34" y="266"/>
                      </a:lnTo>
                      <a:lnTo>
                        <a:pt x="28" y="264"/>
                      </a:lnTo>
                      <a:lnTo>
                        <a:pt x="27" y="263"/>
                      </a:lnTo>
                      <a:lnTo>
                        <a:pt x="23" y="261"/>
                      </a:lnTo>
                      <a:lnTo>
                        <a:pt x="20" y="258"/>
                      </a:lnTo>
                      <a:lnTo>
                        <a:pt x="18" y="256"/>
                      </a:lnTo>
                      <a:lnTo>
                        <a:pt x="6" y="247"/>
                      </a:lnTo>
                      <a:lnTo>
                        <a:pt x="6" y="239"/>
                      </a:lnTo>
                      <a:lnTo>
                        <a:pt x="3" y="237"/>
                      </a:lnTo>
                      <a:lnTo>
                        <a:pt x="1" y="234"/>
                      </a:lnTo>
                      <a:lnTo>
                        <a:pt x="1" y="230"/>
                      </a:lnTo>
                      <a:lnTo>
                        <a:pt x="1" y="227"/>
                      </a:lnTo>
                      <a:lnTo>
                        <a:pt x="1" y="224"/>
                      </a:lnTo>
                      <a:lnTo>
                        <a:pt x="1" y="220"/>
                      </a:lnTo>
                      <a:lnTo>
                        <a:pt x="3" y="219"/>
                      </a:lnTo>
                      <a:lnTo>
                        <a:pt x="5" y="217"/>
                      </a:lnTo>
                      <a:lnTo>
                        <a:pt x="12" y="208"/>
                      </a:lnTo>
                      <a:lnTo>
                        <a:pt x="13" y="205"/>
                      </a:lnTo>
                      <a:lnTo>
                        <a:pt x="8" y="20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33" name="Freeform 68"/>
                <p:cNvSpPr>
                  <a:spLocks/>
                </p:cNvSpPr>
                <p:nvPr/>
              </p:nvSpPr>
              <p:spPr bwMode="auto">
                <a:xfrm>
                  <a:off x="4856" y="1462"/>
                  <a:ext cx="130" cy="300"/>
                </a:xfrm>
                <a:custGeom>
                  <a:avLst/>
                  <a:gdLst>
                    <a:gd name="T0" fmla="*/ 12 w 130"/>
                    <a:gd name="T1" fmla="*/ 202 h 300"/>
                    <a:gd name="T2" fmla="*/ 28 w 130"/>
                    <a:gd name="T3" fmla="*/ 190 h 300"/>
                    <a:gd name="T4" fmla="*/ 32 w 130"/>
                    <a:gd name="T5" fmla="*/ 181 h 300"/>
                    <a:gd name="T6" fmla="*/ 45 w 130"/>
                    <a:gd name="T7" fmla="*/ 163 h 300"/>
                    <a:gd name="T8" fmla="*/ 54 w 130"/>
                    <a:gd name="T9" fmla="*/ 156 h 300"/>
                    <a:gd name="T10" fmla="*/ 59 w 130"/>
                    <a:gd name="T11" fmla="*/ 146 h 300"/>
                    <a:gd name="T12" fmla="*/ 54 w 130"/>
                    <a:gd name="T13" fmla="*/ 141 h 300"/>
                    <a:gd name="T14" fmla="*/ 44 w 130"/>
                    <a:gd name="T15" fmla="*/ 132 h 300"/>
                    <a:gd name="T16" fmla="*/ 22 w 130"/>
                    <a:gd name="T17" fmla="*/ 114 h 300"/>
                    <a:gd name="T18" fmla="*/ 5 w 130"/>
                    <a:gd name="T19" fmla="*/ 100 h 300"/>
                    <a:gd name="T20" fmla="*/ 6 w 130"/>
                    <a:gd name="T21" fmla="*/ 76 h 300"/>
                    <a:gd name="T22" fmla="*/ 17 w 130"/>
                    <a:gd name="T23" fmla="*/ 31 h 300"/>
                    <a:gd name="T24" fmla="*/ 115 w 130"/>
                    <a:gd name="T25" fmla="*/ 60 h 300"/>
                    <a:gd name="T26" fmla="*/ 105 w 130"/>
                    <a:gd name="T27" fmla="*/ 76 h 300"/>
                    <a:gd name="T28" fmla="*/ 106 w 130"/>
                    <a:gd name="T29" fmla="*/ 87 h 300"/>
                    <a:gd name="T30" fmla="*/ 94 w 130"/>
                    <a:gd name="T31" fmla="*/ 100 h 300"/>
                    <a:gd name="T32" fmla="*/ 116 w 130"/>
                    <a:gd name="T33" fmla="*/ 104 h 300"/>
                    <a:gd name="T34" fmla="*/ 118 w 130"/>
                    <a:gd name="T35" fmla="*/ 98 h 300"/>
                    <a:gd name="T36" fmla="*/ 122 w 130"/>
                    <a:gd name="T37" fmla="*/ 95 h 300"/>
                    <a:gd name="T38" fmla="*/ 125 w 130"/>
                    <a:gd name="T39" fmla="*/ 98 h 300"/>
                    <a:gd name="T40" fmla="*/ 127 w 130"/>
                    <a:gd name="T41" fmla="*/ 112 h 300"/>
                    <a:gd name="T42" fmla="*/ 125 w 130"/>
                    <a:gd name="T43" fmla="*/ 137 h 300"/>
                    <a:gd name="T44" fmla="*/ 127 w 130"/>
                    <a:gd name="T45" fmla="*/ 144 h 300"/>
                    <a:gd name="T46" fmla="*/ 127 w 130"/>
                    <a:gd name="T47" fmla="*/ 151 h 300"/>
                    <a:gd name="T48" fmla="*/ 130 w 130"/>
                    <a:gd name="T49" fmla="*/ 161 h 300"/>
                    <a:gd name="T50" fmla="*/ 130 w 130"/>
                    <a:gd name="T51" fmla="*/ 178 h 300"/>
                    <a:gd name="T52" fmla="*/ 130 w 130"/>
                    <a:gd name="T53" fmla="*/ 183 h 300"/>
                    <a:gd name="T54" fmla="*/ 125 w 130"/>
                    <a:gd name="T55" fmla="*/ 163 h 300"/>
                    <a:gd name="T56" fmla="*/ 122 w 130"/>
                    <a:gd name="T57" fmla="*/ 151 h 300"/>
                    <a:gd name="T58" fmla="*/ 118 w 130"/>
                    <a:gd name="T59" fmla="*/ 154 h 300"/>
                    <a:gd name="T60" fmla="*/ 122 w 130"/>
                    <a:gd name="T61" fmla="*/ 170 h 300"/>
                    <a:gd name="T62" fmla="*/ 122 w 130"/>
                    <a:gd name="T63" fmla="*/ 183 h 300"/>
                    <a:gd name="T64" fmla="*/ 122 w 130"/>
                    <a:gd name="T65" fmla="*/ 190 h 300"/>
                    <a:gd name="T66" fmla="*/ 122 w 130"/>
                    <a:gd name="T67" fmla="*/ 193 h 300"/>
                    <a:gd name="T68" fmla="*/ 116 w 130"/>
                    <a:gd name="T69" fmla="*/ 205 h 300"/>
                    <a:gd name="T70" fmla="*/ 115 w 130"/>
                    <a:gd name="T71" fmla="*/ 212 h 300"/>
                    <a:gd name="T72" fmla="*/ 108 w 130"/>
                    <a:gd name="T73" fmla="*/ 227 h 300"/>
                    <a:gd name="T74" fmla="*/ 105 w 130"/>
                    <a:gd name="T75" fmla="*/ 236 h 300"/>
                    <a:gd name="T76" fmla="*/ 94 w 130"/>
                    <a:gd name="T77" fmla="*/ 249 h 300"/>
                    <a:gd name="T78" fmla="*/ 96 w 130"/>
                    <a:gd name="T79" fmla="*/ 256 h 300"/>
                    <a:gd name="T80" fmla="*/ 86 w 130"/>
                    <a:gd name="T81" fmla="*/ 290 h 300"/>
                    <a:gd name="T82" fmla="*/ 74 w 130"/>
                    <a:gd name="T83" fmla="*/ 300 h 300"/>
                    <a:gd name="T84" fmla="*/ 72 w 130"/>
                    <a:gd name="T85" fmla="*/ 286 h 300"/>
                    <a:gd name="T86" fmla="*/ 74 w 130"/>
                    <a:gd name="T87" fmla="*/ 280 h 300"/>
                    <a:gd name="T88" fmla="*/ 64 w 130"/>
                    <a:gd name="T89" fmla="*/ 271 h 300"/>
                    <a:gd name="T90" fmla="*/ 49 w 130"/>
                    <a:gd name="T91" fmla="*/ 278 h 300"/>
                    <a:gd name="T92" fmla="*/ 42 w 130"/>
                    <a:gd name="T93" fmla="*/ 269 h 300"/>
                    <a:gd name="T94" fmla="*/ 28 w 130"/>
                    <a:gd name="T95" fmla="*/ 264 h 300"/>
                    <a:gd name="T96" fmla="*/ 18 w 130"/>
                    <a:gd name="T97" fmla="*/ 256 h 300"/>
                    <a:gd name="T98" fmla="*/ 3 w 130"/>
                    <a:gd name="T99" fmla="*/ 237 h 300"/>
                    <a:gd name="T100" fmla="*/ 1 w 130"/>
                    <a:gd name="T101" fmla="*/ 227 h 300"/>
                    <a:gd name="T102" fmla="*/ 5 w 130"/>
                    <a:gd name="T103" fmla="*/ 217 h 300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w 130"/>
                    <a:gd name="T157" fmla="*/ 0 h 300"/>
                    <a:gd name="T158" fmla="*/ 130 w 130"/>
                    <a:gd name="T159" fmla="*/ 300 h 300"/>
                  </a:gdLst>
                  <a:ahLst/>
                  <a:cxnLst>
                    <a:cxn ang="T104">
                      <a:pos x="T0" y="T1"/>
                    </a:cxn>
                    <a:cxn ang="T105">
                      <a:pos x="T2" y="T3"/>
                    </a:cxn>
                    <a:cxn ang="T106">
                      <a:pos x="T4" y="T5"/>
                    </a:cxn>
                    <a:cxn ang="T107">
                      <a:pos x="T6" y="T7"/>
                    </a:cxn>
                    <a:cxn ang="T108">
                      <a:pos x="T8" y="T9"/>
                    </a:cxn>
                    <a:cxn ang="T109">
                      <a:pos x="T10" y="T11"/>
                    </a:cxn>
                    <a:cxn ang="T110">
                      <a:pos x="T12" y="T13"/>
                    </a:cxn>
                    <a:cxn ang="T111">
                      <a:pos x="T14" y="T15"/>
                    </a:cxn>
                    <a:cxn ang="T112">
                      <a:pos x="T16" y="T17"/>
                    </a:cxn>
                    <a:cxn ang="T113">
                      <a:pos x="T18" y="T19"/>
                    </a:cxn>
                    <a:cxn ang="T114">
                      <a:pos x="T20" y="T21"/>
                    </a:cxn>
                    <a:cxn ang="T115">
                      <a:pos x="T22" y="T23"/>
                    </a:cxn>
                    <a:cxn ang="T116">
                      <a:pos x="T24" y="T25"/>
                    </a:cxn>
                    <a:cxn ang="T117">
                      <a:pos x="T26" y="T27"/>
                    </a:cxn>
                    <a:cxn ang="T118">
                      <a:pos x="T28" y="T29"/>
                    </a:cxn>
                    <a:cxn ang="T119">
                      <a:pos x="T30" y="T31"/>
                    </a:cxn>
                    <a:cxn ang="T120">
                      <a:pos x="T32" y="T33"/>
                    </a:cxn>
                    <a:cxn ang="T121">
                      <a:pos x="T34" y="T35"/>
                    </a:cxn>
                    <a:cxn ang="T122">
                      <a:pos x="T36" y="T37"/>
                    </a:cxn>
                    <a:cxn ang="T123">
                      <a:pos x="T38" y="T39"/>
                    </a:cxn>
                    <a:cxn ang="T124">
                      <a:pos x="T40" y="T41"/>
                    </a:cxn>
                    <a:cxn ang="T125">
                      <a:pos x="T42" y="T43"/>
                    </a:cxn>
                    <a:cxn ang="T126">
                      <a:pos x="T44" y="T45"/>
                    </a:cxn>
                    <a:cxn ang="T127">
                      <a:pos x="T46" y="T47"/>
                    </a:cxn>
                    <a:cxn ang="T128">
                      <a:pos x="T48" y="T49"/>
                    </a:cxn>
                    <a:cxn ang="T129">
                      <a:pos x="T50" y="T51"/>
                    </a:cxn>
                    <a:cxn ang="T130">
                      <a:pos x="T52" y="T53"/>
                    </a:cxn>
                    <a:cxn ang="T131">
                      <a:pos x="T54" y="T55"/>
                    </a:cxn>
                    <a:cxn ang="T132">
                      <a:pos x="T56" y="T57"/>
                    </a:cxn>
                    <a:cxn ang="T133">
                      <a:pos x="T58" y="T59"/>
                    </a:cxn>
                    <a:cxn ang="T134">
                      <a:pos x="T60" y="T61"/>
                    </a:cxn>
                    <a:cxn ang="T135">
                      <a:pos x="T62" y="T63"/>
                    </a:cxn>
                    <a:cxn ang="T136">
                      <a:pos x="T64" y="T65"/>
                    </a:cxn>
                    <a:cxn ang="T137">
                      <a:pos x="T66" y="T67"/>
                    </a:cxn>
                    <a:cxn ang="T138">
                      <a:pos x="T68" y="T69"/>
                    </a:cxn>
                    <a:cxn ang="T139">
                      <a:pos x="T70" y="T71"/>
                    </a:cxn>
                    <a:cxn ang="T140">
                      <a:pos x="T72" y="T73"/>
                    </a:cxn>
                    <a:cxn ang="T141">
                      <a:pos x="T74" y="T75"/>
                    </a:cxn>
                    <a:cxn ang="T142">
                      <a:pos x="T76" y="T77"/>
                    </a:cxn>
                    <a:cxn ang="T143">
                      <a:pos x="T78" y="T79"/>
                    </a:cxn>
                    <a:cxn ang="T144">
                      <a:pos x="T80" y="T81"/>
                    </a:cxn>
                    <a:cxn ang="T145">
                      <a:pos x="T82" y="T83"/>
                    </a:cxn>
                    <a:cxn ang="T146">
                      <a:pos x="T84" y="T85"/>
                    </a:cxn>
                    <a:cxn ang="T147">
                      <a:pos x="T86" y="T87"/>
                    </a:cxn>
                    <a:cxn ang="T148">
                      <a:pos x="T88" y="T89"/>
                    </a:cxn>
                    <a:cxn ang="T149">
                      <a:pos x="T90" y="T91"/>
                    </a:cxn>
                    <a:cxn ang="T150">
                      <a:pos x="T92" y="T93"/>
                    </a:cxn>
                    <a:cxn ang="T151">
                      <a:pos x="T94" y="T95"/>
                    </a:cxn>
                    <a:cxn ang="T152">
                      <a:pos x="T96" y="T97"/>
                    </a:cxn>
                    <a:cxn ang="T153">
                      <a:pos x="T98" y="T99"/>
                    </a:cxn>
                    <a:cxn ang="T154">
                      <a:pos x="T100" y="T101"/>
                    </a:cxn>
                    <a:cxn ang="T155">
                      <a:pos x="T102" y="T103"/>
                    </a:cxn>
                  </a:cxnLst>
                  <a:rect l="T156" t="T157" r="T158" b="T159"/>
                  <a:pathLst>
                    <a:path w="130" h="300">
                      <a:moveTo>
                        <a:pt x="8" y="205"/>
                      </a:moveTo>
                      <a:lnTo>
                        <a:pt x="8" y="205"/>
                      </a:lnTo>
                      <a:lnTo>
                        <a:pt x="8" y="203"/>
                      </a:lnTo>
                      <a:lnTo>
                        <a:pt x="12" y="202"/>
                      </a:lnTo>
                      <a:lnTo>
                        <a:pt x="15" y="198"/>
                      </a:lnTo>
                      <a:lnTo>
                        <a:pt x="20" y="195"/>
                      </a:lnTo>
                      <a:lnTo>
                        <a:pt x="23" y="192"/>
                      </a:lnTo>
                      <a:lnTo>
                        <a:pt x="28" y="190"/>
                      </a:lnTo>
                      <a:lnTo>
                        <a:pt x="30" y="186"/>
                      </a:lnTo>
                      <a:lnTo>
                        <a:pt x="32" y="186"/>
                      </a:lnTo>
                      <a:lnTo>
                        <a:pt x="32" y="181"/>
                      </a:lnTo>
                      <a:lnTo>
                        <a:pt x="35" y="176"/>
                      </a:lnTo>
                      <a:lnTo>
                        <a:pt x="39" y="171"/>
                      </a:lnTo>
                      <a:lnTo>
                        <a:pt x="42" y="166"/>
                      </a:lnTo>
                      <a:lnTo>
                        <a:pt x="45" y="163"/>
                      </a:lnTo>
                      <a:lnTo>
                        <a:pt x="49" y="159"/>
                      </a:lnTo>
                      <a:lnTo>
                        <a:pt x="52" y="158"/>
                      </a:lnTo>
                      <a:lnTo>
                        <a:pt x="54" y="156"/>
                      </a:lnTo>
                      <a:lnTo>
                        <a:pt x="57" y="154"/>
                      </a:lnTo>
                      <a:lnTo>
                        <a:pt x="59" y="151"/>
                      </a:lnTo>
                      <a:lnTo>
                        <a:pt x="59" y="149"/>
                      </a:lnTo>
                      <a:lnTo>
                        <a:pt x="59" y="146"/>
                      </a:lnTo>
                      <a:lnTo>
                        <a:pt x="57" y="144"/>
                      </a:lnTo>
                      <a:lnTo>
                        <a:pt x="56" y="142"/>
                      </a:lnTo>
                      <a:lnTo>
                        <a:pt x="56" y="141"/>
                      </a:lnTo>
                      <a:lnTo>
                        <a:pt x="54" y="141"/>
                      </a:lnTo>
                      <a:lnTo>
                        <a:pt x="52" y="139"/>
                      </a:lnTo>
                      <a:lnTo>
                        <a:pt x="49" y="137"/>
                      </a:lnTo>
                      <a:lnTo>
                        <a:pt x="44" y="132"/>
                      </a:lnTo>
                      <a:lnTo>
                        <a:pt x="39" y="127"/>
                      </a:lnTo>
                      <a:lnTo>
                        <a:pt x="32" y="122"/>
                      </a:lnTo>
                      <a:lnTo>
                        <a:pt x="27" y="117"/>
                      </a:lnTo>
                      <a:lnTo>
                        <a:pt x="22" y="114"/>
                      </a:lnTo>
                      <a:lnTo>
                        <a:pt x="20" y="112"/>
                      </a:lnTo>
                      <a:lnTo>
                        <a:pt x="10" y="107"/>
                      </a:lnTo>
                      <a:lnTo>
                        <a:pt x="5" y="100"/>
                      </a:lnTo>
                      <a:lnTo>
                        <a:pt x="3" y="93"/>
                      </a:lnTo>
                      <a:lnTo>
                        <a:pt x="3" y="87"/>
                      </a:lnTo>
                      <a:lnTo>
                        <a:pt x="5" y="82"/>
                      </a:lnTo>
                      <a:lnTo>
                        <a:pt x="6" y="76"/>
                      </a:lnTo>
                      <a:lnTo>
                        <a:pt x="8" y="73"/>
                      </a:lnTo>
                      <a:lnTo>
                        <a:pt x="10" y="73"/>
                      </a:lnTo>
                      <a:lnTo>
                        <a:pt x="0" y="56"/>
                      </a:lnTo>
                      <a:lnTo>
                        <a:pt x="17" y="31"/>
                      </a:lnTo>
                      <a:lnTo>
                        <a:pt x="23" y="9"/>
                      </a:lnTo>
                      <a:lnTo>
                        <a:pt x="28" y="0"/>
                      </a:lnTo>
                      <a:lnTo>
                        <a:pt x="113" y="27"/>
                      </a:lnTo>
                      <a:lnTo>
                        <a:pt x="115" y="60"/>
                      </a:lnTo>
                      <a:lnTo>
                        <a:pt x="113" y="60"/>
                      </a:lnTo>
                      <a:lnTo>
                        <a:pt x="105" y="75"/>
                      </a:lnTo>
                      <a:lnTo>
                        <a:pt x="105" y="76"/>
                      </a:lnTo>
                      <a:lnTo>
                        <a:pt x="106" y="76"/>
                      </a:lnTo>
                      <a:lnTo>
                        <a:pt x="106" y="80"/>
                      </a:lnTo>
                      <a:lnTo>
                        <a:pt x="106" y="83"/>
                      </a:lnTo>
                      <a:lnTo>
                        <a:pt x="106" y="87"/>
                      </a:lnTo>
                      <a:lnTo>
                        <a:pt x="105" y="90"/>
                      </a:lnTo>
                      <a:lnTo>
                        <a:pt x="101" y="93"/>
                      </a:lnTo>
                      <a:lnTo>
                        <a:pt x="96" y="95"/>
                      </a:lnTo>
                      <a:lnTo>
                        <a:pt x="94" y="100"/>
                      </a:lnTo>
                      <a:lnTo>
                        <a:pt x="113" y="100"/>
                      </a:lnTo>
                      <a:lnTo>
                        <a:pt x="113" y="102"/>
                      </a:lnTo>
                      <a:lnTo>
                        <a:pt x="116" y="104"/>
                      </a:lnTo>
                      <a:lnTo>
                        <a:pt x="118" y="104"/>
                      </a:lnTo>
                      <a:lnTo>
                        <a:pt x="118" y="100"/>
                      </a:lnTo>
                      <a:lnTo>
                        <a:pt x="118" y="98"/>
                      </a:lnTo>
                      <a:lnTo>
                        <a:pt x="120" y="97"/>
                      </a:lnTo>
                      <a:lnTo>
                        <a:pt x="122" y="95"/>
                      </a:lnTo>
                      <a:lnTo>
                        <a:pt x="123" y="95"/>
                      </a:lnTo>
                      <a:lnTo>
                        <a:pt x="123" y="97"/>
                      </a:lnTo>
                      <a:lnTo>
                        <a:pt x="125" y="98"/>
                      </a:lnTo>
                      <a:lnTo>
                        <a:pt x="125" y="100"/>
                      </a:lnTo>
                      <a:lnTo>
                        <a:pt x="125" y="104"/>
                      </a:lnTo>
                      <a:lnTo>
                        <a:pt x="127" y="107"/>
                      </a:lnTo>
                      <a:lnTo>
                        <a:pt x="127" y="112"/>
                      </a:lnTo>
                      <a:lnTo>
                        <a:pt x="127" y="119"/>
                      </a:lnTo>
                      <a:lnTo>
                        <a:pt x="127" y="127"/>
                      </a:lnTo>
                      <a:lnTo>
                        <a:pt x="125" y="137"/>
                      </a:lnTo>
                      <a:lnTo>
                        <a:pt x="125" y="139"/>
                      </a:lnTo>
                      <a:lnTo>
                        <a:pt x="127" y="141"/>
                      </a:lnTo>
                      <a:lnTo>
                        <a:pt x="127" y="142"/>
                      </a:lnTo>
                      <a:lnTo>
                        <a:pt x="127" y="144"/>
                      </a:lnTo>
                      <a:lnTo>
                        <a:pt x="127" y="146"/>
                      </a:lnTo>
                      <a:lnTo>
                        <a:pt x="127" y="148"/>
                      </a:lnTo>
                      <a:lnTo>
                        <a:pt x="127" y="149"/>
                      </a:lnTo>
                      <a:lnTo>
                        <a:pt x="127" y="151"/>
                      </a:lnTo>
                      <a:lnTo>
                        <a:pt x="128" y="153"/>
                      </a:lnTo>
                      <a:lnTo>
                        <a:pt x="128" y="156"/>
                      </a:lnTo>
                      <a:lnTo>
                        <a:pt x="130" y="161"/>
                      </a:lnTo>
                      <a:lnTo>
                        <a:pt x="130" y="164"/>
                      </a:lnTo>
                      <a:lnTo>
                        <a:pt x="130" y="170"/>
                      </a:lnTo>
                      <a:lnTo>
                        <a:pt x="130" y="173"/>
                      </a:lnTo>
                      <a:lnTo>
                        <a:pt x="130" y="178"/>
                      </a:lnTo>
                      <a:lnTo>
                        <a:pt x="130" y="180"/>
                      </a:lnTo>
                      <a:lnTo>
                        <a:pt x="130" y="183"/>
                      </a:lnTo>
                      <a:lnTo>
                        <a:pt x="128" y="181"/>
                      </a:lnTo>
                      <a:lnTo>
                        <a:pt x="127" y="178"/>
                      </a:lnTo>
                      <a:lnTo>
                        <a:pt x="127" y="171"/>
                      </a:lnTo>
                      <a:lnTo>
                        <a:pt x="125" y="163"/>
                      </a:lnTo>
                      <a:lnTo>
                        <a:pt x="123" y="153"/>
                      </a:lnTo>
                      <a:lnTo>
                        <a:pt x="123" y="151"/>
                      </a:lnTo>
                      <a:lnTo>
                        <a:pt x="122" y="151"/>
                      </a:lnTo>
                      <a:lnTo>
                        <a:pt x="120" y="149"/>
                      </a:lnTo>
                      <a:lnTo>
                        <a:pt x="118" y="151"/>
                      </a:lnTo>
                      <a:lnTo>
                        <a:pt x="118" y="154"/>
                      </a:lnTo>
                      <a:lnTo>
                        <a:pt x="120" y="159"/>
                      </a:lnTo>
                      <a:lnTo>
                        <a:pt x="122" y="168"/>
                      </a:lnTo>
                      <a:lnTo>
                        <a:pt x="122" y="170"/>
                      </a:lnTo>
                      <a:lnTo>
                        <a:pt x="122" y="171"/>
                      </a:lnTo>
                      <a:lnTo>
                        <a:pt x="122" y="175"/>
                      </a:lnTo>
                      <a:lnTo>
                        <a:pt x="122" y="178"/>
                      </a:lnTo>
                      <a:lnTo>
                        <a:pt x="122" y="183"/>
                      </a:lnTo>
                      <a:lnTo>
                        <a:pt x="122" y="186"/>
                      </a:lnTo>
                      <a:lnTo>
                        <a:pt x="122" y="188"/>
                      </a:lnTo>
                      <a:lnTo>
                        <a:pt x="122" y="190"/>
                      </a:lnTo>
                      <a:lnTo>
                        <a:pt x="122" y="192"/>
                      </a:lnTo>
                      <a:lnTo>
                        <a:pt x="122" y="193"/>
                      </a:lnTo>
                      <a:lnTo>
                        <a:pt x="122" y="197"/>
                      </a:lnTo>
                      <a:lnTo>
                        <a:pt x="122" y="198"/>
                      </a:lnTo>
                      <a:lnTo>
                        <a:pt x="118" y="202"/>
                      </a:lnTo>
                      <a:lnTo>
                        <a:pt x="116" y="205"/>
                      </a:lnTo>
                      <a:lnTo>
                        <a:pt x="116" y="207"/>
                      </a:lnTo>
                      <a:lnTo>
                        <a:pt x="115" y="208"/>
                      </a:lnTo>
                      <a:lnTo>
                        <a:pt x="115" y="212"/>
                      </a:lnTo>
                      <a:lnTo>
                        <a:pt x="115" y="214"/>
                      </a:lnTo>
                      <a:lnTo>
                        <a:pt x="110" y="219"/>
                      </a:lnTo>
                      <a:lnTo>
                        <a:pt x="108" y="227"/>
                      </a:lnTo>
                      <a:lnTo>
                        <a:pt x="108" y="229"/>
                      </a:lnTo>
                      <a:lnTo>
                        <a:pt x="108" y="230"/>
                      </a:lnTo>
                      <a:lnTo>
                        <a:pt x="106" y="232"/>
                      </a:lnTo>
                      <a:lnTo>
                        <a:pt x="105" y="236"/>
                      </a:lnTo>
                      <a:lnTo>
                        <a:pt x="103" y="239"/>
                      </a:lnTo>
                      <a:lnTo>
                        <a:pt x="100" y="244"/>
                      </a:lnTo>
                      <a:lnTo>
                        <a:pt x="98" y="247"/>
                      </a:lnTo>
                      <a:lnTo>
                        <a:pt x="94" y="249"/>
                      </a:lnTo>
                      <a:lnTo>
                        <a:pt x="94" y="251"/>
                      </a:lnTo>
                      <a:lnTo>
                        <a:pt x="96" y="254"/>
                      </a:lnTo>
                      <a:lnTo>
                        <a:pt x="96" y="256"/>
                      </a:lnTo>
                      <a:lnTo>
                        <a:pt x="96" y="258"/>
                      </a:lnTo>
                      <a:lnTo>
                        <a:pt x="89" y="281"/>
                      </a:lnTo>
                      <a:lnTo>
                        <a:pt x="86" y="290"/>
                      </a:lnTo>
                      <a:lnTo>
                        <a:pt x="83" y="296"/>
                      </a:lnTo>
                      <a:lnTo>
                        <a:pt x="79" y="300"/>
                      </a:lnTo>
                      <a:lnTo>
                        <a:pt x="76" y="300"/>
                      </a:lnTo>
                      <a:lnTo>
                        <a:pt x="74" y="300"/>
                      </a:lnTo>
                      <a:lnTo>
                        <a:pt x="72" y="296"/>
                      </a:lnTo>
                      <a:lnTo>
                        <a:pt x="71" y="295"/>
                      </a:lnTo>
                      <a:lnTo>
                        <a:pt x="71" y="290"/>
                      </a:lnTo>
                      <a:lnTo>
                        <a:pt x="72" y="286"/>
                      </a:lnTo>
                      <a:lnTo>
                        <a:pt x="72" y="285"/>
                      </a:lnTo>
                      <a:lnTo>
                        <a:pt x="74" y="283"/>
                      </a:lnTo>
                      <a:lnTo>
                        <a:pt x="74" y="280"/>
                      </a:lnTo>
                      <a:lnTo>
                        <a:pt x="74" y="276"/>
                      </a:lnTo>
                      <a:lnTo>
                        <a:pt x="72" y="273"/>
                      </a:lnTo>
                      <a:lnTo>
                        <a:pt x="69" y="271"/>
                      </a:lnTo>
                      <a:lnTo>
                        <a:pt x="64" y="271"/>
                      </a:lnTo>
                      <a:lnTo>
                        <a:pt x="56" y="273"/>
                      </a:lnTo>
                      <a:lnTo>
                        <a:pt x="49" y="278"/>
                      </a:lnTo>
                      <a:lnTo>
                        <a:pt x="49" y="276"/>
                      </a:lnTo>
                      <a:lnTo>
                        <a:pt x="47" y="274"/>
                      </a:lnTo>
                      <a:lnTo>
                        <a:pt x="44" y="271"/>
                      </a:lnTo>
                      <a:lnTo>
                        <a:pt x="42" y="269"/>
                      </a:lnTo>
                      <a:lnTo>
                        <a:pt x="39" y="266"/>
                      </a:lnTo>
                      <a:lnTo>
                        <a:pt x="34" y="266"/>
                      </a:lnTo>
                      <a:lnTo>
                        <a:pt x="28" y="264"/>
                      </a:lnTo>
                      <a:lnTo>
                        <a:pt x="27" y="263"/>
                      </a:lnTo>
                      <a:lnTo>
                        <a:pt x="23" y="261"/>
                      </a:lnTo>
                      <a:lnTo>
                        <a:pt x="20" y="258"/>
                      </a:lnTo>
                      <a:lnTo>
                        <a:pt x="18" y="256"/>
                      </a:lnTo>
                      <a:lnTo>
                        <a:pt x="6" y="247"/>
                      </a:lnTo>
                      <a:lnTo>
                        <a:pt x="6" y="239"/>
                      </a:lnTo>
                      <a:lnTo>
                        <a:pt x="3" y="237"/>
                      </a:lnTo>
                      <a:lnTo>
                        <a:pt x="1" y="234"/>
                      </a:lnTo>
                      <a:lnTo>
                        <a:pt x="1" y="230"/>
                      </a:lnTo>
                      <a:lnTo>
                        <a:pt x="1" y="227"/>
                      </a:lnTo>
                      <a:lnTo>
                        <a:pt x="1" y="224"/>
                      </a:lnTo>
                      <a:lnTo>
                        <a:pt x="1" y="220"/>
                      </a:lnTo>
                      <a:lnTo>
                        <a:pt x="3" y="219"/>
                      </a:lnTo>
                      <a:lnTo>
                        <a:pt x="5" y="217"/>
                      </a:lnTo>
                      <a:lnTo>
                        <a:pt x="12" y="208"/>
                      </a:lnTo>
                      <a:lnTo>
                        <a:pt x="13" y="205"/>
                      </a:lnTo>
                      <a:lnTo>
                        <a:pt x="8" y="205"/>
                      </a:lnTo>
                    </a:path>
                  </a:pathLst>
                </a:custGeom>
                <a:solidFill>
                  <a:srgbClr val="00206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409" name="Freeform 69"/>
              <p:cNvSpPr>
                <a:spLocks/>
              </p:cNvSpPr>
              <p:nvPr/>
            </p:nvSpPr>
            <p:spPr bwMode="auto">
              <a:xfrm>
                <a:off x="3295" y="2545"/>
                <a:ext cx="810" cy="287"/>
              </a:xfrm>
              <a:custGeom>
                <a:avLst/>
                <a:gdLst>
                  <a:gd name="T0" fmla="*/ 562 w 833"/>
                  <a:gd name="T1" fmla="*/ 0 h 295"/>
                  <a:gd name="T2" fmla="*/ 562 w 833"/>
                  <a:gd name="T3" fmla="*/ 12 h 295"/>
                  <a:gd name="T4" fmla="*/ 562 w 833"/>
                  <a:gd name="T5" fmla="*/ 18 h 295"/>
                  <a:gd name="T6" fmla="*/ 556 w 833"/>
                  <a:gd name="T7" fmla="*/ 22 h 295"/>
                  <a:gd name="T8" fmla="*/ 549 w 833"/>
                  <a:gd name="T9" fmla="*/ 37 h 295"/>
                  <a:gd name="T10" fmla="*/ 544 w 833"/>
                  <a:gd name="T11" fmla="*/ 46 h 295"/>
                  <a:gd name="T12" fmla="*/ 534 w 833"/>
                  <a:gd name="T13" fmla="*/ 45 h 295"/>
                  <a:gd name="T14" fmla="*/ 519 w 833"/>
                  <a:gd name="T15" fmla="*/ 55 h 295"/>
                  <a:gd name="T16" fmla="*/ 508 w 833"/>
                  <a:gd name="T17" fmla="*/ 65 h 295"/>
                  <a:gd name="T18" fmla="*/ 505 w 833"/>
                  <a:gd name="T19" fmla="*/ 57 h 295"/>
                  <a:gd name="T20" fmla="*/ 497 w 833"/>
                  <a:gd name="T21" fmla="*/ 60 h 295"/>
                  <a:gd name="T22" fmla="*/ 492 w 833"/>
                  <a:gd name="T23" fmla="*/ 69 h 295"/>
                  <a:gd name="T24" fmla="*/ 488 w 833"/>
                  <a:gd name="T25" fmla="*/ 78 h 295"/>
                  <a:gd name="T26" fmla="*/ 483 w 833"/>
                  <a:gd name="T27" fmla="*/ 84 h 295"/>
                  <a:gd name="T28" fmla="*/ 473 w 833"/>
                  <a:gd name="T29" fmla="*/ 88 h 295"/>
                  <a:gd name="T30" fmla="*/ 457 w 833"/>
                  <a:gd name="T31" fmla="*/ 99 h 295"/>
                  <a:gd name="T32" fmla="*/ 449 w 833"/>
                  <a:gd name="T33" fmla="*/ 108 h 295"/>
                  <a:gd name="T34" fmla="*/ 432 w 833"/>
                  <a:gd name="T35" fmla="*/ 114 h 295"/>
                  <a:gd name="T36" fmla="*/ 424 w 833"/>
                  <a:gd name="T37" fmla="*/ 123 h 295"/>
                  <a:gd name="T38" fmla="*/ 421 w 833"/>
                  <a:gd name="T39" fmla="*/ 130 h 295"/>
                  <a:gd name="T40" fmla="*/ 413 w 833"/>
                  <a:gd name="T41" fmla="*/ 139 h 295"/>
                  <a:gd name="T42" fmla="*/ 405 w 833"/>
                  <a:gd name="T43" fmla="*/ 140 h 295"/>
                  <a:gd name="T44" fmla="*/ 317 w 833"/>
                  <a:gd name="T45" fmla="*/ 172 h 295"/>
                  <a:gd name="T46" fmla="*/ 7 w 833"/>
                  <a:gd name="T47" fmla="*/ 200 h 295"/>
                  <a:gd name="T48" fmla="*/ 0 w 833"/>
                  <a:gd name="T49" fmla="*/ 198 h 295"/>
                  <a:gd name="T50" fmla="*/ 8 w 833"/>
                  <a:gd name="T51" fmla="*/ 193 h 295"/>
                  <a:gd name="T52" fmla="*/ 18 w 833"/>
                  <a:gd name="T53" fmla="*/ 188 h 295"/>
                  <a:gd name="T54" fmla="*/ 18 w 833"/>
                  <a:gd name="T55" fmla="*/ 177 h 295"/>
                  <a:gd name="T56" fmla="*/ 15 w 833"/>
                  <a:gd name="T57" fmla="*/ 171 h 295"/>
                  <a:gd name="T58" fmla="*/ 18 w 833"/>
                  <a:gd name="T59" fmla="*/ 161 h 295"/>
                  <a:gd name="T60" fmla="*/ 18 w 833"/>
                  <a:gd name="T61" fmla="*/ 157 h 295"/>
                  <a:gd name="T62" fmla="*/ 18 w 833"/>
                  <a:gd name="T63" fmla="*/ 151 h 295"/>
                  <a:gd name="T64" fmla="*/ 27 w 833"/>
                  <a:gd name="T65" fmla="*/ 143 h 295"/>
                  <a:gd name="T66" fmla="*/ 22 w 833"/>
                  <a:gd name="T67" fmla="*/ 140 h 295"/>
                  <a:gd name="T68" fmla="*/ 18 w 833"/>
                  <a:gd name="T69" fmla="*/ 139 h 295"/>
                  <a:gd name="T70" fmla="*/ 20 w 833"/>
                  <a:gd name="T71" fmla="*/ 137 h 295"/>
                  <a:gd name="T72" fmla="*/ 27 w 833"/>
                  <a:gd name="T73" fmla="*/ 131 h 295"/>
                  <a:gd name="T74" fmla="*/ 35 w 833"/>
                  <a:gd name="T75" fmla="*/ 124 h 295"/>
                  <a:gd name="T76" fmla="*/ 40 w 833"/>
                  <a:gd name="T77" fmla="*/ 117 h 295"/>
                  <a:gd name="T78" fmla="*/ 37 w 833"/>
                  <a:gd name="T79" fmla="*/ 114 h 295"/>
                  <a:gd name="T80" fmla="*/ 43 w 833"/>
                  <a:gd name="T81" fmla="*/ 101 h 295"/>
                  <a:gd name="T82" fmla="*/ 45 w 833"/>
                  <a:gd name="T83" fmla="*/ 101 h 295"/>
                  <a:gd name="T84" fmla="*/ 44 w 833"/>
                  <a:gd name="T85" fmla="*/ 97 h 295"/>
                  <a:gd name="T86" fmla="*/ 38 w 833"/>
                  <a:gd name="T87" fmla="*/ 90 h 295"/>
                  <a:gd name="T88" fmla="*/ 42 w 833"/>
                  <a:gd name="T89" fmla="*/ 88 h 295"/>
                  <a:gd name="T90" fmla="*/ 44 w 833"/>
                  <a:gd name="T91" fmla="*/ 88 h 295"/>
                  <a:gd name="T92" fmla="*/ 143 w 833"/>
                  <a:gd name="T93" fmla="*/ 59 h 295"/>
                  <a:gd name="T94" fmla="*/ 144 w 833"/>
                  <a:gd name="T95" fmla="*/ 46 h 295"/>
                  <a:gd name="T96" fmla="*/ 154 w 833"/>
                  <a:gd name="T97" fmla="*/ 46 h 295"/>
                  <a:gd name="T98" fmla="*/ 169 w 833"/>
                  <a:gd name="T99" fmla="*/ 46 h 295"/>
                  <a:gd name="T100" fmla="*/ 177 w 833"/>
                  <a:gd name="T101" fmla="*/ 46 h 295"/>
                  <a:gd name="T102" fmla="*/ 194 w 833"/>
                  <a:gd name="T103" fmla="*/ 45 h 295"/>
                  <a:gd name="T104" fmla="*/ 218 w 833"/>
                  <a:gd name="T105" fmla="*/ 43 h 295"/>
                  <a:gd name="T106" fmla="*/ 250 w 833"/>
                  <a:gd name="T107" fmla="*/ 41 h 295"/>
                  <a:gd name="T108" fmla="*/ 283 w 833"/>
                  <a:gd name="T109" fmla="*/ 37 h 295"/>
                  <a:gd name="T110" fmla="*/ 319 w 833"/>
                  <a:gd name="T111" fmla="*/ 34 h 295"/>
                  <a:gd name="T112" fmla="*/ 352 w 833"/>
                  <a:gd name="T113" fmla="*/ 29 h 295"/>
                  <a:gd name="T114" fmla="*/ 382 w 833"/>
                  <a:gd name="T115" fmla="*/ 25 h 295"/>
                  <a:gd name="T116" fmla="*/ 405 w 833"/>
                  <a:gd name="T117" fmla="*/ 22 h 295"/>
                  <a:gd name="T118" fmla="*/ 417 w 833"/>
                  <a:gd name="T119" fmla="*/ 20 h 295"/>
                  <a:gd name="T120" fmla="*/ 544 w 833"/>
                  <a:gd name="T121" fmla="*/ 7 h 295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w 833"/>
                  <a:gd name="T184" fmla="*/ 0 h 295"/>
                  <a:gd name="T185" fmla="*/ 833 w 833"/>
                  <a:gd name="T186" fmla="*/ 295 h 295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T183" t="T184" r="T185" b="T186"/>
                <a:pathLst>
                  <a:path w="833" h="295">
                    <a:moveTo>
                      <a:pt x="804" y="7"/>
                    </a:moveTo>
                    <a:lnTo>
                      <a:pt x="816" y="0"/>
                    </a:lnTo>
                    <a:lnTo>
                      <a:pt x="831" y="0"/>
                    </a:lnTo>
                    <a:lnTo>
                      <a:pt x="831" y="2"/>
                    </a:lnTo>
                    <a:lnTo>
                      <a:pt x="831" y="6"/>
                    </a:lnTo>
                    <a:lnTo>
                      <a:pt x="831" y="12"/>
                    </a:lnTo>
                    <a:lnTo>
                      <a:pt x="831" y="17"/>
                    </a:lnTo>
                    <a:lnTo>
                      <a:pt x="833" y="24"/>
                    </a:lnTo>
                    <a:lnTo>
                      <a:pt x="831" y="31"/>
                    </a:lnTo>
                    <a:lnTo>
                      <a:pt x="831" y="34"/>
                    </a:lnTo>
                    <a:lnTo>
                      <a:pt x="831" y="36"/>
                    </a:lnTo>
                    <a:lnTo>
                      <a:pt x="824" y="36"/>
                    </a:lnTo>
                    <a:lnTo>
                      <a:pt x="819" y="39"/>
                    </a:lnTo>
                    <a:lnTo>
                      <a:pt x="814" y="44"/>
                    </a:lnTo>
                    <a:lnTo>
                      <a:pt x="811" y="51"/>
                    </a:lnTo>
                    <a:lnTo>
                      <a:pt x="807" y="58"/>
                    </a:lnTo>
                    <a:lnTo>
                      <a:pt x="805" y="63"/>
                    </a:lnTo>
                    <a:lnTo>
                      <a:pt x="804" y="66"/>
                    </a:lnTo>
                    <a:lnTo>
                      <a:pt x="797" y="63"/>
                    </a:lnTo>
                    <a:lnTo>
                      <a:pt x="790" y="63"/>
                    </a:lnTo>
                    <a:lnTo>
                      <a:pt x="782" y="68"/>
                    </a:lnTo>
                    <a:lnTo>
                      <a:pt x="773" y="75"/>
                    </a:lnTo>
                    <a:lnTo>
                      <a:pt x="767" y="83"/>
                    </a:lnTo>
                    <a:lnTo>
                      <a:pt x="760" y="90"/>
                    </a:lnTo>
                    <a:lnTo>
                      <a:pt x="755" y="94"/>
                    </a:lnTo>
                    <a:lnTo>
                      <a:pt x="753" y="94"/>
                    </a:lnTo>
                    <a:lnTo>
                      <a:pt x="751" y="88"/>
                    </a:lnTo>
                    <a:lnTo>
                      <a:pt x="748" y="87"/>
                    </a:lnTo>
                    <a:lnTo>
                      <a:pt x="746" y="85"/>
                    </a:lnTo>
                    <a:lnTo>
                      <a:pt x="743" y="85"/>
                    </a:lnTo>
                    <a:lnTo>
                      <a:pt x="739" y="87"/>
                    </a:lnTo>
                    <a:lnTo>
                      <a:pt x="736" y="88"/>
                    </a:lnTo>
                    <a:lnTo>
                      <a:pt x="733" y="92"/>
                    </a:lnTo>
                    <a:lnTo>
                      <a:pt x="731" y="97"/>
                    </a:lnTo>
                    <a:lnTo>
                      <a:pt x="728" y="100"/>
                    </a:lnTo>
                    <a:lnTo>
                      <a:pt x="724" y="105"/>
                    </a:lnTo>
                    <a:lnTo>
                      <a:pt x="723" y="110"/>
                    </a:lnTo>
                    <a:lnTo>
                      <a:pt x="721" y="114"/>
                    </a:lnTo>
                    <a:lnTo>
                      <a:pt x="717" y="119"/>
                    </a:lnTo>
                    <a:lnTo>
                      <a:pt x="717" y="121"/>
                    </a:lnTo>
                    <a:lnTo>
                      <a:pt x="716" y="122"/>
                    </a:lnTo>
                    <a:lnTo>
                      <a:pt x="716" y="124"/>
                    </a:lnTo>
                    <a:lnTo>
                      <a:pt x="707" y="126"/>
                    </a:lnTo>
                    <a:lnTo>
                      <a:pt x="699" y="129"/>
                    </a:lnTo>
                    <a:lnTo>
                      <a:pt x="690" y="134"/>
                    </a:lnTo>
                    <a:lnTo>
                      <a:pt x="682" y="141"/>
                    </a:lnTo>
                    <a:lnTo>
                      <a:pt x="677" y="146"/>
                    </a:lnTo>
                    <a:lnTo>
                      <a:pt x="670" y="153"/>
                    </a:lnTo>
                    <a:lnTo>
                      <a:pt x="667" y="156"/>
                    </a:lnTo>
                    <a:lnTo>
                      <a:pt x="665" y="158"/>
                    </a:lnTo>
                    <a:lnTo>
                      <a:pt x="655" y="158"/>
                    </a:lnTo>
                    <a:lnTo>
                      <a:pt x="646" y="161"/>
                    </a:lnTo>
                    <a:lnTo>
                      <a:pt x="640" y="165"/>
                    </a:lnTo>
                    <a:lnTo>
                      <a:pt x="633" y="170"/>
                    </a:lnTo>
                    <a:lnTo>
                      <a:pt x="630" y="175"/>
                    </a:lnTo>
                    <a:lnTo>
                      <a:pt x="626" y="180"/>
                    </a:lnTo>
                    <a:lnTo>
                      <a:pt x="624" y="183"/>
                    </a:lnTo>
                    <a:lnTo>
                      <a:pt x="624" y="185"/>
                    </a:lnTo>
                    <a:lnTo>
                      <a:pt x="623" y="192"/>
                    </a:lnTo>
                    <a:lnTo>
                      <a:pt x="619" y="197"/>
                    </a:lnTo>
                    <a:lnTo>
                      <a:pt x="616" y="202"/>
                    </a:lnTo>
                    <a:lnTo>
                      <a:pt x="611" y="204"/>
                    </a:lnTo>
                    <a:lnTo>
                      <a:pt x="608" y="205"/>
                    </a:lnTo>
                    <a:lnTo>
                      <a:pt x="602" y="205"/>
                    </a:lnTo>
                    <a:lnTo>
                      <a:pt x="599" y="205"/>
                    </a:lnTo>
                    <a:lnTo>
                      <a:pt x="599" y="239"/>
                    </a:lnTo>
                    <a:lnTo>
                      <a:pt x="470" y="253"/>
                    </a:lnTo>
                    <a:lnTo>
                      <a:pt x="218" y="275"/>
                    </a:lnTo>
                    <a:lnTo>
                      <a:pt x="7" y="293"/>
                    </a:lnTo>
                    <a:lnTo>
                      <a:pt x="7" y="295"/>
                    </a:lnTo>
                    <a:lnTo>
                      <a:pt x="2" y="295"/>
                    </a:lnTo>
                    <a:lnTo>
                      <a:pt x="0" y="293"/>
                    </a:lnTo>
                    <a:lnTo>
                      <a:pt x="0" y="292"/>
                    </a:lnTo>
                    <a:lnTo>
                      <a:pt x="3" y="290"/>
                    </a:lnTo>
                    <a:lnTo>
                      <a:pt x="7" y="286"/>
                    </a:lnTo>
                    <a:lnTo>
                      <a:pt x="8" y="285"/>
                    </a:lnTo>
                    <a:lnTo>
                      <a:pt x="12" y="283"/>
                    </a:lnTo>
                    <a:lnTo>
                      <a:pt x="14" y="283"/>
                    </a:lnTo>
                    <a:lnTo>
                      <a:pt x="19" y="276"/>
                    </a:lnTo>
                    <a:lnTo>
                      <a:pt x="20" y="270"/>
                    </a:lnTo>
                    <a:lnTo>
                      <a:pt x="22" y="264"/>
                    </a:lnTo>
                    <a:lnTo>
                      <a:pt x="20" y="259"/>
                    </a:lnTo>
                    <a:lnTo>
                      <a:pt x="19" y="256"/>
                    </a:lnTo>
                    <a:lnTo>
                      <a:pt x="17" y="254"/>
                    </a:lnTo>
                    <a:lnTo>
                      <a:pt x="15" y="251"/>
                    </a:lnTo>
                    <a:lnTo>
                      <a:pt x="20" y="239"/>
                    </a:lnTo>
                    <a:lnTo>
                      <a:pt x="20" y="237"/>
                    </a:lnTo>
                    <a:lnTo>
                      <a:pt x="22" y="236"/>
                    </a:lnTo>
                    <a:lnTo>
                      <a:pt x="24" y="234"/>
                    </a:lnTo>
                    <a:lnTo>
                      <a:pt x="25" y="231"/>
                    </a:lnTo>
                    <a:lnTo>
                      <a:pt x="29" y="227"/>
                    </a:lnTo>
                    <a:lnTo>
                      <a:pt x="30" y="224"/>
                    </a:lnTo>
                    <a:lnTo>
                      <a:pt x="32" y="222"/>
                    </a:lnTo>
                    <a:lnTo>
                      <a:pt x="34" y="222"/>
                    </a:lnTo>
                    <a:lnTo>
                      <a:pt x="39" y="215"/>
                    </a:lnTo>
                    <a:lnTo>
                      <a:pt x="41" y="210"/>
                    </a:lnTo>
                    <a:lnTo>
                      <a:pt x="41" y="209"/>
                    </a:lnTo>
                    <a:lnTo>
                      <a:pt x="39" y="205"/>
                    </a:lnTo>
                    <a:lnTo>
                      <a:pt x="36" y="205"/>
                    </a:lnTo>
                    <a:lnTo>
                      <a:pt x="32" y="204"/>
                    </a:lnTo>
                    <a:lnTo>
                      <a:pt x="30" y="204"/>
                    </a:lnTo>
                    <a:lnTo>
                      <a:pt x="32" y="202"/>
                    </a:lnTo>
                    <a:lnTo>
                      <a:pt x="34" y="200"/>
                    </a:lnTo>
                    <a:lnTo>
                      <a:pt x="36" y="198"/>
                    </a:lnTo>
                    <a:lnTo>
                      <a:pt x="39" y="195"/>
                    </a:lnTo>
                    <a:lnTo>
                      <a:pt x="41" y="193"/>
                    </a:lnTo>
                    <a:lnTo>
                      <a:pt x="42" y="192"/>
                    </a:lnTo>
                    <a:lnTo>
                      <a:pt x="44" y="190"/>
                    </a:lnTo>
                    <a:lnTo>
                      <a:pt x="49" y="183"/>
                    </a:lnTo>
                    <a:lnTo>
                      <a:pt x="52" y="178"/>
                    </a:lnTo>
                    <a:lnTo>
                      <a:pt x="54" y="175"/>
                    </a:lnTo>
                    <a:lnTo>
                      <a:pt x="54" y="171"/>
                    </a:lnTo>
                    <a:lnTo>
                      <a:pt x="54" y="168"/>
                    </a:lnTo>
                    <a:lnTo>
                      <a:pt x="52" y="166"/>
                    </a:lnTo>
                    <a:lnTo>
                      <a:pt x="51" y="165"/>
                    </a:lnTo>
                    <a:lnTo>
                      <a:pt x="61" y="148"/>
                    </a:lnTo>
                    <a:lnTo>
                      <a:pt x="63" y="148"/>
                    </a:lnTo>
                    <a:lnTo>
                      <a:pt x="64" y="148"/>
                    </a:lnTo>
                    <a:lnTo>
                      <a:pt x="64" y="146"/>
                    </a:lnTo>
                    <a:lnTo>
                      <a:pt x="63" y="143"/>
                    </a:lnTo>
                    <a:lnTo>
                      <a:pt x="58" y="139"/>
                    </a:lnTo>
                    <a:lnTo>
                      <a:pt x="54" y="136"/>
                    </a:lnTo>
                    <a:lnTo>
                      <a:pt x="52" y="132"/>
                    </a:lnTo>
                    <a:lnTo>
                      <a:pt x="52" y="131"/>
                    </a:lnTo>
                    <a:lnTo>
                      <a:pt x="54" y="129"/>
                    </a:lnTo>
                    <a:lnTo>
                      <a:pt x="58" y="129"/>
                    </a:lnTo>
                    <a:lnTo>
                      <a:pt x="59" y="129"/>
                    </a:lnTo>
                    <a:lnTo>
                      <a:pt x="61" y="129"/>
                    </a:lnTo>
                    <a:lnTo>
                      <a:pt x="63" y="129"/>
                    </a:lnTo>
                    <a:lnTo>
                      <a:pt x="64" y="100"/>
                    </a:lnTo>
                    <a:lnTo>
                      <a:pt x="64" y="99"/>
                    </a:lnTo>
                    <a:lnTo>
                      <a:pt x="212" y="87"/>
                    </a:lnTo>
                    <a:lnTo>
                      <a:pt x="212" y="63"/>
                    </a:lnTo>
                    <a:lnTo>
                      <a:pt x="213" y="65"/>
                    </a:lnTo>
                    <a:lnTo>
                      <a:pt x="217" y="65"/>
                    </a:lnTo>
                    <a:lnTo>
                      <a:pt x="222" y="65"/>
                    </a:lnTo>
                    <a:lnTo>
                      <a:pt x="228" y="65"/>
                    </a:lnTo>
                    <a:lnTo>
                      <a:pt x="235" y="66"/>
                    </a:lnTo>
                    <a:lnTo>
                      <a:pt x="242" y="66"/>
                    </a:lnTo>
                    <a:lnTo>
                      <a:pt x="250" y="66"/>
                    </a:lnTo>
                    <a:lnTo>
                      <a:pt x="252" y="66"/>
                    </a:lnTo>
                    <a:lnTo>
                      <a:pt x="256" y="66"/>
                    </a:lnTo>
                    <a:lnTo>
                      <a:pt x="261" y="65"/>
                    </a:lnTo>
                    <a:lnTo>
                      <a:pt x="267" y="65"/>
                    </a:lnTo>
                    <a:lnTo>
                      <a:pt x="276" y="63"/>
                    </a:lnTo>
                    <a:lnTo>
                      <a:pt x="286" y="63"/>
                    </a:lnTo>
                    <a:lnTo>
                      <a:pt x="296" y="61"/>
                    </a:lnTo>
                    <a:lnTo>
                      <a:pt x="310" y="61"/>
                    </a:lnTo>
                    <a:lnTo>
                      <a:pt x="323" y="60"/>
                    </a:lnTo>
                    <a:lnTo>
                      <a:pt x="337" y="58"/>
                    </a:lnTo>
                    <a:lnTo>
                      <a:pt x="352" y="58"/>
                    </a:lnTo>
                    <a:lnTo>
                      <a:pt x="369" y="56"/>
                    </a:lnTo>
                    <a:lnTo>
                      <a:pt x="386" y="55"/>
                    </a:lnTo>
                    <a:lnTo>
                      <a:pt x="403" y="53"/>
                    </a:lnTo>
                    <a:lnTo>
                      <a:pt x="420" y="51"/>
                    </a:lnTo>
                    <a:lnTo>
                      <a:pt x="437" y="50"/>
                    </a:lnTo>
                    <a:lnTo>
                      <a:pt x="455" y="48"/>
                    </a:lnTo>
                    <a:lnTo>
                      <a:pt x="472" y="48"/>
                    </a:lnTo>
                    <a:lnTo>
                      <a:pt x="489" y="46"/>
                    </a:lnTo>
                    <a:lnTo>
                      <a:pt x="504" y="44"/>
                    </a:lnTo>
                    <a:lnTo>
                      <a:pt x="521" y="43"/>
                    </a:lnTo>
                    <a:lnTo>
                      <a:pt x="536" y="41"/>
                    </a:lnTo>
                    <a:lnTo>
                      <a:pt x="552" y="39"/>
                    </a:lnTo>
                    <a:lnTo>
                      <a:pt x="565" y="39"/>
                    </a:lnTo>
                    <a:lnTo>
                      <a:pt x="577" y="38"/>
                    </a:lnTo>
                    <a:lnTo>
                      <a:pt x="589" y="36"/>
                    </a:lnTo>
                    <a:lnTo>
                      <a:pt x="599" y="36"/>
                    </a:lnTo>
                    <a:lnTo>
                      <a:pt x="608" y="36"/>
                    </a:lnTo>
                    <a:lnTo>
                      <a:pt x="613" y="34"/>
                    </a:lnTo>
                    <a:lnTo>
                      <a:pt x="618" y="34"/>
                    </a:lnTo>
                    <a:lnTo>
                      <a:pt x="621" y="34"/>
                    </a:lnTo>
                    <a:lnTo>
                      <a:pt x="623" y="34"/>
                    </a:lnTo>
                    <a:lnTo>
                      <a:pt x="804" y="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410" name="Group 70"/>
              <p:cNvGrpSpPr>
                <a:grpSpLocks/>
              </p:cNvGrpSpPr>
              <p:nvPr/>
            </p:nvGrpSpPr>
            <p:grpSpPr bwMode="auto">
              <a:xfrm>
                <a:off x="3183" y="2812"/>
                <a:ext cx="342" cy="594"/>
                <a:chOff x="3392" y="2451"/>
                <a:chExt cx="352" cy="612"/>
              </a:xfrm>
            </p:grpSpPr>
            <p:sp>
              <p:nvSpPr>
                <p:cNvPr id="530" name="Freeform 71"/>
                <p:cNvSpPr>
                  <a:spLocks/>
                </p:cNvSpPr>
                <p:nvPr/>
              </p:nvSpPr>
              <p:spPr bwMode="auto">
                <a:xfrm>
                  <a:off x="3392" y="2451"/>
                  <a:ext cx="352" cy="612"/>
                </a:xfrm>
                <a:custGeom>
                  <a:avLst/>
                  <a:gdLst>
                    <a:gd name="T0" fmla="*/ 262 w 352"/>
                    <a:gd name="T1" fmla="*/ 594 h 612"/>
                    <a:gd name="T2" fmla="*/ 276 w 352"/>
                    <a:gd name="T3" fmla="*/ 589 h 612"/>
                    <a:gd name="T4" fmla="*/ 291 w 352"/>
                    <a:gd name="T5" fmla="*/ 585 h 612"/>
                    <a:gd name="T6" fmla="*/ 305 w 352"/>
                    <a:gd name="T7" fmla="*/ 580 h 612"/>
                    <a:gd name="T8" fmla="*/ 293 w 352"/>
                    <a:gd name="T9" fmla="*/ 577 h 612"/>
                    <a:gd name="T10" fmla="*/ 313 w 352"/>
                    <a:gd name="T11" fmla="*/ 577 h 612"/>
                    <a:gd name="T12" fmla="*/ 315 w 352"/>
                    <a:gd name="T13" fmla="*/ 583 h 612"/>
                    <a:gd name="T14" fmla="*/ 333 w 352"/>
                    <a:gd name="T15" fmla="*/ 577 h 612"/>
                    <a:gd name="T16" fmla="*/ 343 w 352"/>
                    <a:gd name="T17" fmla="*/ 585 h 612"/>
                    <a:gd name="T18" fmla="*/ 352 w 352"/>
                    <a:gd name="T19" fmla="*/ 578 h 612"/>
                    <a:gd name="T20" fmla="*/ 333 w 352"/>
                    <a:gd name="T21" fmla="*/ 0 h 612"/>
                    <a:gd name="T22" fmla="*/ 122 w 352"/>
                    <a:gd name="T23" fmla="*/ 20 h 612"/>
                    <a:gd name="T24" fmla="*/ 120 w 352"/>
                    <a:gd name="T25" fmla="*/ 28 h 612"/>
                    <a:gd name="T26" fmla="*/ 93 w 352"/>
                    <a:gd name="T27" fmla="*/ 59 h 612"/>
                    <a:gd name="T28" fmla="*/ 64 w 352"/>
                    <a:gd name="T29" fmla="*/ 113 h 612"/>
                    <a:gd name="T30" fmla="*/ 56 w 352"/>
                    <a:gd name="T31" fmla="*/ 133 h 612"/>
                    <a:gd name="T32" fmla="*/ 57 w 352"/>
                    <a:gd name="T33" fmla="*/ 142 h 612"/>
                    <a:gd name="T34" fmla="*/ 46 w 352"/>
                    <a:gd name="T35" fmla="*/ 147 h 612"/>
                    <a:gd name="T36" fmla="*/ 44 w 352"/>
                    <a:gd name="T37" fmla="*/ 157 h 612"/>
                    <a:gd name="T38" fmla="*/ 47 w 352"/>
                    <a:gd name="T39" fmla="*/ 165 h 612"/>
                    <a:gd name="T40" fmla="*/ 41 w 352"/>
                    <a:gd name="T41" fmla="*/ 174 h 612"/>
                    <a:gd name="T42" fmla="*/ 42 w 352"/>
                    <a:gd name="T43" fmla="*/ 177 h 612"/>
                    <a:gd name="T44" fmla="*/ 47 w 352"/>
                    <a:gd name="T45" fmla="*/ 182 h 612"/>
                    <a:gd name="T46" fmla="*/ 35 w 352"/>
                    <a:gd name="T47" fmla="*/ 189 h 612"/>
                    <a:gd name="T48" fmla="*/ 29 w 352"/>
                    <a:gd name="T49" fmla="*/ 204 h 612"/>
                    <a:gd name="T50" fmla="*/ 44 w 352"/>
                    <a:gd name="T51" fmla="*/ 240 h 612"/>
                    <a:gd name="T52" fmla="*/ 47 w 352"/>
                    <a:gd name="T53" fmla="*/ 248 h 612"/>
                    <a:gd name="T54" fmla="*/ 42 w 352"/>
                    <a:gd name="T55" fmla="*/ 253 h 612"/>
                    <a:gd name="T56" fmla="*/ 39 w 352"/>
                    <a:gd name="T57" fmla="*/ 265 h 612"/>
                    <a:gd name="T58" fmla="*/ 37 w 352"/>
                    <a:gd name="T59" fmla="*/ 270 h 612"/>
                    <a:gd name="T60" fmla="*/ 37 w 352"/>
                    <a:gd name="T61" fmla="*/ 279 h 612"/>
                    <a:gd name="T62" fmla="*/ 42 w 352"/>
                    <a:gd name="T63" fmla="*/ 281 h 612"/>
                    <a:gd name="T64" fmla="*/ 47 w 352"/>
                    <a:gd name="T65" fmla="*/ 287 h 612"/>
                    <a:gd name="T66" fmla="*/ 46 w 352"/>
                    <a:gd name="T67" fmla="*/ 319 h 612"/>
                    <a:gd name="T68" fmla="*/ 56 w 352"/>
                    <a:gd name="T69" fmla="*/ 331 h 612"/>
                    <a:gd name="T70" fmla="*/ 52 w 352"/>
                    <a:gd name="T71" fmla="*/ 338 h 612"/>
                    <a:gd name="T72" fmla="*/ 61 w 352"/>
                    <a:gd name="T73" fmla="*/ 341 h 612"/>
                    <a:gd name="T74" fmla="*/ 61 w 352"/>
                    <a:gd name="T75" fmla="*/ 350 h 612"/>
                    <a:gd name="T76" fmla="*/ 68 w 352"/>
                    <a:gd name="T77" fmla="*/ 355 h 612"/>
                    <a:gd name="T78" fmla="*/ 63 w 352"/>
                    <a:gd name="T79" fmla="*/ 367 h 612"/>
                    <a:gd name="T80" fmla="*/ 56 w 352"/>
                    <a:gd name="T81" fmla="*/ 370 h 612"/>
                    <a:gd name="T82" fmla="*/ 44 w 352"/>
                    <a:gd name="T83" fmla="*/ 375 h 612"/>
                    <a:gd name="T84" fmla="*/ 54 w 352"/>
                    <a:gd name="T85" fmla="*/ 384 h 612"/>
                    <a:gd name="T86" fmla="*/ 44 w 352"/>
                    <a:gd name="T87" fmla="*/ 399 h 612"/>
                    <a:gd name="T88" fmla="*/ 32 w 352"/>
                    <a:gd name="T89" fmla="*/ 416 h 612"/>
                    <a:gd name="T90" fmla="*/ 25 w 352"/>
                    <a:gd name="T91" fmla="*/ 450 h 612"/>
                    <a:gd name="T92" fmla="*/ 15 w 352"/>
                    <a:gd name="T93" fmla="*/ 458 h 612"/>
                    <a:gd name="T94" fmla="*/ 17 w 352"/>
                    <a:gd name="T95" fmla="*/ 467 h 612"/>
                    <a:gd name="T96" fmla="*/ 10 w 352"/>
                    <a:gd name="T97" fmla="*/ 477 h 612"/>
                    <a:gd name="T98" fmla="*/ 15 w 352"/>
                    <a:gd name="T99" fmla="*/ 482 h 612"/>
                    <a:gd name="T100" fmla="*/ 5 w 352"/>
                    <a:gd name="T101" fmla="*/ 494 h 612"/>
                    <a:gd name="T102" fmla="*/ 0 w 352"/>
                    <a:gd name="T103" fmla="*/ 502 h 612"/>
                    <a:gd name="T104" fmla="*/ 7 w 352"/>
                    <a:gd name="T105" fmla="*/ 507 h 612"/>
                    <a:gd name="T106" fmla="*/ 3 w 352"/>
                    <a:gd name="T107" fmla="*/ 517 h 612"/>
                    <a:gd name="T108" fmla="*/ 203 w 352"/>
                    <a:gd name="T109" fmla="*/ 511 h 612"/>
                    <a:gd name="T110" fmla="*/ 198 w 352"/>
                    <a:gd name="T111" fmla="*/ 543 h 612"/>
                    <a:gd name="T112" fmla="*/ 198 w 352"/>
                    <a:gd name="T113" fmla="*/ 563 h 612"/>
                    <a:gd name="T114" fmla="*/ 211 w 352"/>
                    <a:gd name="T115" fmla="*/ 577 h 612"/>
                    <a:gd name="T116" fmla="*/ 223 w 352"/>
                    <a:gd name="T117" fmla="*/ 605 h 612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w 352"/>
                    <a:gd name="T178" fmla="*/ 0 h 612"/>
                    <a:gd name="T179" fmla="*/ 352 w 352"/>
                    <a:gd name="T180" fmla="*/ 612 h 612"/>
                  </a:gdLst>
                  <a:ahLst/>
                  <a:cxnLst>
                    <a:cxn ang="T118">
                      <a:pos x="T0" y="T1"/>
                    </a:cxn>
                    <a:cxn ang="T119">
                      <a:pos x="T2" y="T3"/>
                    </a:cxn>
                    <a:cxn ang="T120">
                      <a:pos x="T4" y="T5"/>
                    </a:cxn>
                    <a:cxn ang="T121">
                      <a:pos x="T6" y="T7"/>
                    </a:cxn>
                    <a:cxn ang="T122">
                      <a:pos x="T8" y="T9"/>
                    </a:cxn>
                    <a:cxn ang="T123">
                      <a:pos x="T10" y="T11"/>
                    </a:cxn>
                    <a:cxn ang="T124">
                      <a:pos x="T12" y="T13"/>
                    </a:cxn>
                    <a:cxn ang="T125">
                      <a:pos x="T14" y="T15"/>
                    </a:cxn>
                    <a:cxn ang="T126">
                      <a:pos x="T16" y="T17"/>
                    </a:cxn>
                    <a:cxn ang="T127">
                      <a:pos x="T18" y="T19"/>
                    </a:cxn>
                    <a:cxn ang="T128">
                      <a:pos x="T20" y="T21"/>
                    </a:cxn>
                    <a:cxn ang="T129">
                      <a:pos x="T22" y="T23"/>
                    </a:cxn>
                    <a:cxn ang="T130">
                      <a:pos x="T24" y="T25"/>
                    </a:cxn>
                    <a:cxn ang="T131">
                      <a:pos x="T26" y="T27"/>
                    </a:cxn>
                    <a:cxn ang="T132">
                      <a:pos x="T28" y="T29"/>
                    </a:cxn>
                    <a:cxn ang="T133">
                      <a:pos x="T30" y="T31"/>
                    </a:cxn>
                    <a:cxn ang="T134">
                      <a:pos x="T32" y="T33"/>
                    </a:cxn>
                    <a:cxn ang="T135">
                      <a:pos x="T34" y="T35"/>
                    </a:cxn>
                    <a:cxn ang="T136">
                      <a:pos x="T36" y="T37"/>
                    </a:cxn>
                    <a:cxn ang="T137">
                      <a:pos x="T38" y="T39"/>
                    </a:cxn>
                    <a:cxn ang="T138">
                      <a:pos x="T40" y="T41"/>
                    </a:cxn>
                    <a:cxn ang="T139">
                      <a:pos x="T42" y="T43"/>
                    </a:cxn>
                    <a:cxn ang="T140">
                      <a:pos x="T44" y="T45"/>
                    </a:cxn>
                    <a:cxn ang="T141">
                      <a:pos x="T46" y="T47"/>
                    </a:cxn>
                    <a:cxn ang="T142">
                      <a:pos x="T48" y="T49"/>
                    </a:cxn>
                    <a:cxn ang="T143">
                      <a:pos x="T50" y="T51"/>
                    </a:cxn>
                    <a:cxn ang="T144">
                      <a:pos x="T52" y="T53"/>
                    </a:cxn>
                    <a:cxn ang="T145">
                      <a:pos x="T54" y="T55"/>
                    </a:cxn>
                    <a:cxn ang="T146">
                      <a:pos x="T56" y="T57"/>
                    </a:cxn>
                    <a:cxn ang="T147">
                      <a:pos x="T58" y="T59"/>
                    </a:cxn>
                    <a:cxn ang="T148">
                      <a:pos x="T60" y="T61"/>
                    </a:cxn>
                    <a:cxn ang="T149">
                      <a:pos x="T62" y="T63"/>
                    </a:cxn>
                    <a:cxn ang="T150">
                      <a:pos x="T64" y="T65"/>
                    </a:cxn>
                    <a:cxn ang="T151">
                      <a:pos x="T66" y="T67"/>
                    </a:cxn>
                    <a:cxn ang="T152">
                      <a:pos x="T68" y="T69"/>
                    </a:cxn>
                    <a:cxn ang="T153">
                      <a:pos x="T70" y="T71"/>
                    </a:cxn>
                    <a:cxn ang="T154">
                      <a:pos x="T72" y="T73"/>
                    </a:cxn>
                    <a:cxn ang="T155">
                      <a:pos x="T74" y="T75"/>
                    </a:cxn>
                    <a:cxn ang="T156">
                      <a:pos x="T76" y="T77"/>
                    </a:cxn>
                    <a:cxn ang="T157">
                      <a:pos x="T78" y="T79"/>
                    </a:cxn>
                    <a:cxn ang="T158">
                      <a:pos x="T80" y="T81"/>
                    </a:cxn>
                    <a:cxn ang="T159">
                      <a:pos x="T82" y="T83"/>
                    </a:cxn>
                    <a:cxn ang="T160">
                      <a:pos x="T84" y="T85"/>
                    </a:cxn>
                    <a:cxn ang="T161">
                      <a:pos x="T86" y="T87"/>
                    </a:cxn>
                    <a:cxn ang="T162">
                      <a:pos x="T88" y="T89"/>
                    </a:cxn>
                    <a:cxn ang="T163">
                      <a:pos x="T90" y="T91"/>
                    </a:cxn>
                    <a:cxn ang="T164">
                      <a:pos x="T92" y="T93"/>
                    </a:cxn>
                    <a:cxn ang="T165">
                      <a:pos x="T94" y="T95"/>
                    </a:cxn>
                    <a:cxn ang="T166">
                      <a:pos x="T96" y="T97"/>
                    </a:cxn>
                    <a:cxn ang="T167">
                      <a:pos x="T98" y="T99"/>
                    </a:cxn>
                    <a:cxn ang="T168">
                      <a:pos x="T100" y="T101"/>
                    </a:cxn>
                    <a:cxn ang="T169">
                      <a:pos x="T102" y="T103"/>
                    </a:cxn>
                    <a:cxn ang="T170">
                      <a:pos x="T104" y="T105"/>
                    </a:cxn>
                    <a:cxn ang="T171">
                      <a:pos x="T106" y="T107"/>
                    </a:cxn>
                    <a:cxn ang="T172">
                      <a:pos x="T108" y="T109"/>
                    </a:cxn>
                    <a:cxn ang="T173">
                      <a:pos x="T110" y="T111"/>
                    </a:cxn>
                    <a:cxn ang="T174">
                      <a:pos x="T112" y="T113"/>
                    </a:cxn>
                    <a:cxn ang="T175">
                      <a:pos x="T114" y="T115"/>
                    </a:cxn>
                    <a:cxn ang="T176">
                      <a:pos x="T116" y="T117"/>
                    </a:cxn>
                  </a:cxnLst>
                  <a:rect l="T177" t="T178" r="T179" b="T180"/>
                  <a:pathLst>
                    <a:path w="352" h="612">
                      <a:moveTo>
                        <a:pt x="240" y="609"/>
                      </a:moveTo>
                      <a:lnTo>
                        <a:pt x="252" y="599"/>
                      </a:lnTo>
                      <a:lnTo>
                        <a:pt x="252" y="590"/>
                      </a:lnTo>
                      <a:lnTo>
                        <a:pt x="262" y="594"/>
                      </a:lnTo>
                      <a:lnTo>
                        <a:pt x="266" y="592"/>
                      </a:lnTo>
                      <a:lnTo>
                        <a:pt x="271" y="590"/>
                      </a:lnTo>
                      <a:lnTo>
                        <a:pt x="276" y="589"/>
                      </a:lnTo>
                      <a:lnTo>
                        <a:pt x="281" y="587"/>
                      </a:lnTo>
                      <a:lnTo>
                        <a:pt x="284" y="585"/>
                      </a:lnTo>
                      <a:lnTo>
                        <a:pt x="288" y="585"/>
                      </a:lnTo>
                      <a:lnTo>
                        <a:pt x="291" y="585"/>
                      </a:lnTo>
                      <a:lnTo>
                        <a:pt x="301" y="583"/>
                      </a:lnTo>
                      <a:lnTo>
                        <a:pt x="306" y="583"/>
                      </a:lnTo>
                      <a:lnTo>
                        <a:pt x="306" y="582"/>
                      </a:lnTo>
                      <a:lnTo>
                        <a:pt x="305" y="580"/>
                      </a:lnTo>
                      <a:lnTo>
                        <a:pt x="301" y="578"/>
                      </a:lnTo>
                      <a:lnTo>
                        <a:pt x="296" y="577"/>
                      </a:lnTo>
                      <a:lnTo>
                        <a:pt x="293" y="577"/>
                      </a:lnTo>
                      <a:lnTo>
                        <a:pt x="301" y="573"/>
                      </a:lnTo>
                      <a:lnTo>
                        <a:pt x="306" y="573"/>
                      </a:lnTo>
                      <a:lnTo>
                        <a:pt x="311" y="575"/>
                      </a:lnTo>
                      <a:lnTo>
                        <a:pt x="313" y="577"/>
                      </a:lnTo>
                      <a:lnTo>
                        <a:pt x="315" y="578"/>
                      </a:lnTo>
                      <a:lnTo>
                        <a:pt x="315" y="582"/>
                      </a:lnTo>
                      <a:lnTo>
                        <a:pt x="315" y="583"/>
                      </a:lnTo>
                      <a:lnTo>
                        <a:pt x="323" y="585"/>
                      </a:lnTo>
                      <a:lnTo>
                        <a:pt x="332" y="575"/>
                      </a:lnTo>
                      <a:lnTo>
                        <a:pt x="333" y="577"/>
                      </a:lnTo>
                      <a:lnTo>
                        <a:pt x="335" y="578"/>
                      </a:lnTo>
                      <a:lnTo>
                        <a:pt x="335" y="580"/>
                      </a:lnTo>
                      <a:lnTo>
                        <a:pt x="340" y="583"/>
                      </a:lnTo>
                      <a:lnTo>
                        <a:pt x="343" y="585"/>
                      </a:lnTo>
                      <a:lnTo>
                        <a:pt x="347" y="585"/>
                      </a:lnTo>
                      <a:lnTo>
                        <a:pt x="349" y="583"/>
                      </a:lnTo>
                      <a:lnTo>
                        <a:pt x="350" y="582"/>
                      </a:lnTo>
                      <a:lnTo>
                        <a:pt x="352" y="578"/>
                      </a:lnTo>
                      <a:lnTo>
                        <a:pt x="352" y="577"/>
                      </a:lnTo>
                      <a:lnTo>
                        <a:pt x="328" y="392"/>
                      </a:lnTo>
                      <a:lnTo>
                        <a:pt x="333" y="0"/>
                      </a:lnTo>
                      <a:lnTo>
                        <a:pt x="122" y="18"/>
                      </a:lnTo>
                      <a:lnTo>
                        <a:pt x="122" y="20"/>
                      </a:lnTo>
                      <a:lnTo>
                        <a:pt x="122" y="22"/>
                      </a:lnTo>
                      <a:lnTo>
                        <a:pt x="120" y="25"/>
                      </a:lnTo>
                      <a:lnTo>
                        <a:pt x="120" y="27"/>
                      </a:lnTo>
                      <a:lnTo>
                        <a:pt x="120" y="28"/>
                      </a:lnTo>
                      <a:lnTo>
                        <a:pt x="118" y="30"/>
                      </a:lnTo>
                      <a:lnTo>
                        <a:pt x="118" y="32"/>
                      </a:lnTo>
                      <a:lnTo>
                        <a:pt x="103" y="44"/>
                      </a:lnTo>
                      <a:lnTo>
                        <a:pt x="93" y="59"/>
                      </a:lnTo>
                      <a:lnTo>
                        <a:pt x="93" y="89"/>
                      </a:lnTo>
                      <a:lnTo>
                        <a:pt x="85" y="98"/>
                      </a:lnTo>
                      <a:lnTo>
                        <a:pt x="79" y="98"/>
                      </a:lnTo>
                      <a:lnTo>
                        <a:pt x="64" y="113"/>
                      </a:lnTo>
                      <a:lnTo>
                        <a:pt x="69" y="123"/>
                      </a:lnTo>
                      <a:lnTo>
                        <a:pt x="54" y="132"/>
                      </a:lnTo>
                      <a:lnTo>
                        <a:pt x="56" y="132"/>
                      </a:lnTo>
                      <a:lnTo>
                        <a:pt x="56" y="133"/>
                      </a:lnTo>
                      <a:lnTo>
                        <a:pt x="57" y="135"/>
                      </a:lnTo>
                      <a:lnTo>
                        <a:pt x="57" y="137"/>
                      </a:lnTo>
                      <a:lnTo>
                        <a:pt x="57" y="138"/>
                      </a:lnTo>
                      <a:lnTo>
                        <a:pt x="57" y="142"/>
                      </a:lnTo>
                      <a:lnTo>
                        <a:pt x="54" y="143"/>
                      </a:lnTo>
                      <a:lnTo>
                        <a:pt x="49" y="145"/>
                      </a:lnTo>
                      <a:lnTo>
                        <a:pt x="47" y="145"/>
                      </a:lnTo>
                      <a:lnTo>
                        <a:pt x="46" y="147"/>
                      </a:lnTo>
                      <a:lnTo>
                        <a:pt x="44" y="149"/>
                      </a:lnTo>
                      <a:lnTo>
                        <a:pt x="44" y="150"/>
                      </a:lnTo>
                      <a:lnTo>
                        <a:pt x="44" y="154"/>
                      </a:lnTo>
                      <a:lnTo>
                        <a:pt x="44" y="157"/>
                      </a:lnTo>
                      <a:lnTo>
                        <a:pt x="46" y="159"/>
                      </a:lnTo>
                      <a:lnTo>
                        <a:pt x="47" y="162"/>
                      </a:lnTo>
                      <a:lnTo>
                        <a:pt x="47" y="164"/>
                      </a:lnTo>
                      <a:lnTo>
                        <a:pt x="47" y="165"/>
                      </a:lnTo>
                      <a:lnTo>
                        <a:pt x="46" y="167"/>
                      </a:lnTo>
                      <a:lnTo>
                        <a:pt x="44" y="171"/>
                      </a:lnTo>
                      <a:lnTo>
                        <a:pt x="42" y="172"/>
                      </a:lnTo>
                      <a:lnTo>
                        <a:pt x="41" y="174"/>
                      </a:lnTo>
                      <a:lnTo>
                        <a:pt x="39" y="176"/>
                      </a:lnTo>
                      <a:lnTo>
                        <a:pt x="39" y="177"/>
                      </a:lnTo>
                      <a:lnTo>
                        <a:pt x="41" y="177"/>
                      </a:lnTo>
                      <a:lnTo>
                        <a:pt x="42" y="177"/>
                      </a:lnTo>
                      <a:lnTo>
                        <a:pt x="44" y="177"/>
                      </a:lnTo>
                      <a:lnTo>
                        <a:pt x="46" y="179"/>
                      </a:lnTo>
                      <a:lnTo>
                        <a:pt x="47" y="181"/>
                      </a:lnTo>
                      <a:lnTo>
                        <a:pt x="47" y="182"/>
                      </a:lnTo>
                      <a:lnTo>
                        <a:pt x="46" y="184"/>
                      </a:lnTo>
                      <a:lnTo>
                        <a:pt x="41" y="187"/>
                      </a:lnTo>
                      <a:lnTo>
                        <a:pt x="39" y="187"/>
                      </a:lnTo>
                      <a:lnTo>
                        <a:pt x="35" y="189"/>
                      </a:lnTo>
                      <a:lnTo>
                        <a:pt x="34" y="189"/>
                      </a:lnTo>
                      <a:lnTo>
                        <a:pt x="32" y="191"/>
                      </a:lnTo>
                      <a:lnTo>
                        <a:pt x="32" y="196"/>
                      </a:lnTo>
                      <a:lnTo>
                        <a:pt x="29" y="204"/>
                      </a:lnTo>
                      <a:lnTo>
                        <a:pt x="37" y="213"/>
                      </a:lnTo>
                      <a:lnTo>
                        <a:pt x="39" y="220"/>
                      </a:lnTo>
                      <a:lnTo>
                        <a:pt x="44" y="240"/>
                      </a:lnTo>
                      <a:lnTo>
                        <a:pt x="46" y="242"/>
                      </a:lnTo>
                      <a:lnTo>
                        <a:pt x="46" y="243"/>
                      </a:lnTo>
                      <a:lnTo>
                        <a:pt x="47" y="247"/>
                      </a:lnTo>
                      <a:lnTo>
                        <a:pt x="47" y="248"/>
                      </a:lnTo>
                      <a:lnTo>
                        <a:pt x="47" y="250"/>
                      </a:lnTo>
                      <a:lnTo>
                        <a:pt x="46" y="252"/>
                      </a:lnTo>
                      <a:lnTo>
                        <a:pt x="42" y="253"/>
                      </a:lnTo>
                      <a:lnTo>
                        <a:pt x="41" y="255"/>
                      </a:lnTo>
                      <a:lnTo>
                        <a:pt x="41" y="259"/>
                      </a:lnTo>
                      <a:lnTo>
                        <a:pt x="39" y="262"/>
                      </a:lnTo>
                      <a:lnTo>
                        <a:pt x="39" y="265"/>
                      </a:lnTo>
                      <a:lnTo>
                        <a:pt x="39" y="269"/>
                      </a:lnTo>
                      <a:lnTo>
                        <a:pt x="39" y="270"/>
                      </a:lnTo>
                      <a:lnTo>
                        <a:pt x="37" y="270"/>
                      </a:lnTo>
                      <a:lnTo>
                        <a:pt x="37" y="272"/>
                      </a:lnTo>
                      <a:lnTo>
                        <a:pt x="37" y="274"/>
                      </a:lnTo>
                      <a:lnTo>
                        <a:pt x="37" y="275"/>
                      </a:lnTo>
                      <a:lnTo>
                        <a:pt x="37" y="279"/>
                      </a:lnTo>
                      <a:lnTo>
                        <a:pt x="37" y="281"/>
                      </a:lnTo>
                      <a:lnTo>
                        <a:pt x="39" y="282"/>
                      </a:lnTo>
                      <a:lnTo>
                        <a:pt x="41" y="282"/>
                      </a:lnTo>
                      <a:lnTo>
                        <a:pt x="42" y="281"/>
                      </a:lnTo>
                      <a:lnTo>
                        <a:pt x="44" y="281"/>
                      </a:lnTo>
                      <a:lnTo>
                        <a:pt x="46" y="284"/>
                      </a:lnTo>
                      <a:lnTo>
                        <a:pt x="46" y="286"/>
                      </a:lnTo>
                      <a:lnTo>
                        <a:pt x="47" y="287"/>
                      </a:lnTo>
                      <a:lnTo>
                        <a:pt x="46" y="299"/>
                      </a:lnTo>
                      <a:lnTo>
                        <a:pt x="52" y="304"/>
                      </a:lnTo>
                      <a:lnTo>
                        <a:pt x="44" y="314"/>
                      </a:lnTo>
                      <a:lnTo>
                        <a:pt x="46" y="319"/>
                      </a:lnTo>
                      <a:lnTo>
                        <a:pt x="57" y="318"/>
                      </a:lnTo>
                      <a:lnTo>
                        <a:pt x="57" y="330"/>
                      </a:lnTo>
                      <a:lnTo>
                        <a:pt x="56" y="330"/>
                      </a:lnTo>
                      <a:lnTo>
                        <a:pt x="56" y="331"/>
                      </a:lnTo>
                      <a:lnTo>
                        <a:pt x="54" y="333"/>
                      </a:lnTo>
                      <a:lnTo>
                        <a:pt x="52" y="335"/>
                      </a:lnTo>
                      <a:lnTo>
                        <a:pt x="51" y="336"/>
                      </a:lnTo>
                      <a:lnTo>
                        <a:pt x="52" y="338"/>
                      </a:lnTo>
                      <a:lnTo>
                        <a:pt x="54" y="340"/>
                      </a:lnTo>
                      <a:lnTo>
                        <a:pt x="61" y="340"/>
                      </a:lnTo>
                      <a:lnTo>
                        <a:pt x="61" y="341"/>
                      </a:lnTo>
                      <a:lnTo>
                        <a:pt x="61" y="343"/>
                      </a:lnTo>
                      <a:lnTo>
                        <a:pt x="59" y="345"/>
                      </a:lnTo>
                      <a:lnTo>
                        <a:pt x="59" y="348"/>
                      </a:lnTo>
                      <a:lnTo>
                        <a:pt x="61" y="350"/>
                      </a:lnTo>
                      <a:lnTo>
                        <a:pt x="64" y="352"/>
                      </a:lnTo>
                      <a:lnTo>
                        <a:pt x="69" y="352"/>
                      </a:lnTo>
                      <a:lnTo>
                        <a:pt x="68" y="355"/>
                      </a:lnTo>
                      <a:lnTo>
                        <a:pt x="66" y="357"/>
                      </a:lnTo>
                      <a:lnTo>
                        <a:pt x="66" y="360"/>
                      </a:lnTo>
                      <a:lnTo>
                        <a:pt x="64" y="363"/>
                      </a:lnTo>
                      <a:lnTo>
                        <a:pt x="63" y="367"/>
                      </a:lnTo>
                      <a:lnTo>
                        <a:pt x="61" y="369"/>
                      </a:lnTo>
                      <a:lnTo>
                        <a:pt x="61" y="370"/>
                      </a:lnTo>
                      <a:lnTo>
                        <a:pt x="59" y="370"/>
                      </a:lnTo>
                      <a:lnTo>
                        <a:pt x="56" y="370"/>
                      </a:lnTo>
                      <a:lnTo>
                        <a:pt x="51" y="372"/>
                      </a:lnTo>
                      <a:lnTo>
                        <a:pt x="47" y="372"/>
                      </a:lnTo>
                      <a:lnTo>
                        <a:pt x="44" y="374"/>
                      </a:lnTo>
                      <a:lnTo>
                        <a:pt x="44" y="375"/>
                      </a:lnTo>
                      <a:lnTo>
                        <a:pt x="47" y="377"/>
                      </a:lnTo>
                      <a:lnTo>
                        <a:pt x="54" y="380"/>
                      </a:lnTo>
                      <a:lnTo>
                        <a:pt x="54" y="382"/>
                      </a:lnTo>
                      <a:lnTo>
                        <a:pt x="54" y="384"/>
                      </a:lnTo>
                      <a:lnTo>
                        <a:pt x="52" y="389"/>
                      </a:lnTo>
                      <a:lnTo>
                        <a:pt x="49" y="392"/>
                      </a:lnTo>
                      <a:lnTo>
                        <a:pt x="47" y="396"/>
                      </a:lnTo>
                      <a:lnTo>
                        <a:pt x="44" y="399"/>
                      </a:lnTo>
                      <a:lnTo>
                        <a:pt x="44" y="402"/>
                      </a:lnTo>
                      <a:lnTo>
                        <a:pt x="42" y="404"/>
                      </a:lnTo>
                      <a:lnTo>
                        <a:pt x="41" y="416"/>
                      </a:lnTo>
                      <a:lnTo>
                        <a:pt x="32" y="416"/>
                      </a:lnTo>
                      <a:lnTo>
                        <a:pt x="25" y="443"/>
                      </a:lnTo>
                      <a:lnTo>
                        <a:pt x="17" y="448"/>
                      </a:lnTo>
                      <a:lnTo>
                        <a:pt x="25" y="448"/>
                      </a:lnTo>
                      <a:lnTo>
                        <a:pt x="25" y="450"/>
                      </a:lnTo>
                      <a:lnTo>
                        <a:pt x="24" y="450"/>
                      </a:lnTo>
                      <a:lnTo>
                        <a:pt x="20" y="453"/>
                      </a:lnTo>
                      <a:lnTo>
                        <a:pt x="19" y="455"/>
                      </a:lnTo>
                      <a:lnTo>
                        <a:pt x="15" y="458"/>
                      </a:lnTo>
                      <a:lnTo>
                        <a:pt x="15" y="460"/>
                      </a:lnTo>
                      <a:lnTo>
                        <a:pt x="15" y="463"/>
                      </a:lnTo>
                      <a:lnTo>
                        <a:pt x="17" y="465"/>
                      </a:lnTo>
                      <a:lnTo>
                        <a:pt x="17" y="467"/>
                      </a:lnTo>
                      <a:lnTo>
                        <a:pt x="15" y="468"/>
                      </a:lnTo>
                      <a:lnTo>
                        <a:pt x="13" y="470"/>
                      </a:lnTo>
                      <a:lnTo>
                        <a:pt x="10" y="473"/>
                      </a:lnTo>
                      <a:lnTo>
                        <a:pt x="10" y="477"/>
                      </a:lnTo>
                      <a:lnTo>
                        <a:pt x="8" y="479"/>
                      </a:lnTo>
                      <a:lnTo>
                        <a:pt x="10" y="480"/>
                      </a:lnTo>
                      <a:lnTo>
                        <a:pt x="13" y="480"/>
                      </a:lnTo>
                      <a:lnTo>
                        <a:pt x="15" y="482"/>
                      </a:lnTo>
                      <a:lnTo>
                        <a:pt x="15" y="485"/>
                      </a:lnTo>
                      <a:lnTo>
                        <a:pt x="13" y="487"/>
                      </a:lnTo>
                      <a:lnTo>
                        <a:pt x="8" y="492"/>
                      </a:lnTo>
                      <a:lnTo>
                        <a:pt x="5" y="494"/>
                      </a:lnTo>
                      <a:lnTo>
                        <a:pt x="2" y="495"/>
                      </a:lnTo>
                      <a:lnTo>
                        <a:pt x="0" y="497"/>
                      </a:lnTo>
                      <a:lnTo>
                        <a:pt x="0" y="501"/>
                      </a:lnTo>
                      <a:lnTo>
                        <a:pt x="0" y="502"/>
                      </a:lnTo>
                      <a:lnTo>
                        <a:pt x="2" y="504"/>
                      </a:lnTo>
                      <a:lnTo>
                        <a:pt x="3" y="506"/>
                      </a:lnTo>
                      <a:lnTo>
                        <a:pt x="5" y="506"/>
                      </a:lnTo>
                      <a:lnTo>
                        <a:pt x="7" y="507"/>
                      </a:lnTo>
                      <a:lnTo>
                        <a:pt x="5" y="509"/>
                      </a:lnTo>
                      <a:lnTo>
                        <a:pt x="5" y="512"/>
                      </a:lnTo>
                      <a:lnTo>
                        <a:pt x="5" y="514"/>
                      </a:lnTo>
                      <a:lnTo>
                        <a:pt x="3" y="517"/>
                      </a:lnTo>
                      <a:lnTo>
                        <a:pt x="3" y="521"/>
                      </a:lnTo>
                      <a:lnTo>
                        <a:pt x="3" y="523"/>
                      </a:lnTo>
                      <a:lnTo>
                        <a:pt x="3" y="524"/>
                      </a:lnTo>
                      <a:lnTo>
                        <a:pt x="203" y="511"/>
                      </a:lnTo>
                      <a:lnTo>
                        <a:pt x="203" y="534"/>
                      </a:lnTo>
                      <a:lnTo>
                        <a:pt x="201" y="534"/>
                      </a:lnTo>
                      <a:lnTo>
                        <a:pt x="200" y="538"/>
                      </a:lnTo>
                      <a:lnTo>
                        <a:pt x="198" y="543"/>
                      </a:lnTo>
                      <a:lnTo>
                        <a:pt x="196" y="546"/>
                      </a:lnTo>
                      <a:lnTo>
                        <a:pt x="195" y="553"/>
                      </a:lnTo>
                      <a:lnTo>
                        <a:pt x="195" y="558"/>
                      </a:lnTo>
                      <a:lnTo>
                        <a:pt x="198" y="563"/>
                      </a:lnTo>
                      <a:lnTo>
                        <a:pt x="203" y="567"/>
                      </a:lnTo>
                      <a:lnTo>
                        <a:pt x="205" y="568"/>
                      </a:lnTo>
                      <a:lnTo>
                        <a:pt x="208" y="572"/>
                      </a:lnTo>
                      <a:lnTo>
                        <a:pt x="211" y="577"/>
                      </a:lnTo>
                      <a:lnTo>
                        <a:pt x="217" y="583"/>
                      </a:lnTo>
                      <a:lnTo>
                        <a:pt x="220" y="590"/>
                      </a:lnTo>
                      <a:lnTo>
                        <a:pt x="223" y="597"/>
                      </a:lnTo>
                      <a:lnTo>
                        <a:pt x="223" y="605"/>
                      </a:lnTo>
                      <a:lnTo>
                        <a:pt x="222" y="612"/>
                      </a:lnTo>
                      <a:lnTo>
                        <a:pt x="240" y="609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31" name="Freeform 72"/>
                <p:cNvSpPr>
                  <a:spLocks/>
                </p:cNvSpPr>
                <p:nvPr/>
              </p:nvSpPr>
              <p:spPr bwMode="auto">
                <a:xfrm>
                  <a:off x="3392" y="2451"/>
                  <a:ext cx="352" cy="612"/>
                </a:xfrm>
                <a:custGeom>
                  <a:avLst/>
                  <a:gdLst>
                    <a:gd name="T0" fmla="*/ 262 w 352"/>
                    <a:gd name="T1" fmla="*/ 594 h 612"/>
                    <a:gd name="T2" fmla="*/ 281 w 352"/>
                    <a:gd name="T3" fmla="*/ 587 h 612"/>
                    <a:gd name="T4" fmla="*/ 301 w 352"/>
                    <a:gd name="T5" fmla="*/ 583 h 612"/>
                    <a:gd name="T6" fmla="*/ 296 w 352"/>
                    <a:gd name="T7" fmla="*/ 577 h 612"/>
                    <a:gd name="T8" fmla="*/ 306 w 352"/>
                    <a:gd name="T9" fmla="*/ 573 h 612"/>
                    <a:gd name="T10" fmla="*/ 315 w 352"/>
                    <a:gd name="T11" fmla="*/ 582 h 612"/>
                    <a:gd name="T12" fmla="*/ 332 w 352"/>
                    <a:gd name="T13" fmla="*/ 575 h 612"/>
                    <a:gd name="T14" fmla="*/ 340 w 352"/>
                    <a:gd name="T15" fmla="*/ 583 h 612"/>
                    <a:gd name="T16" fmla="*/ 352 w 352"/>
                    <a:gd name="T17" fmla="*/ 578 h 612"/>
                    <a:gd name="T18" fmla="*/ 333 w 352"/>
                    <a:gd name="T19" fmla="*/ 0 h 612"/>
                    <a:gd name="T20" fmla="*/ 122 w 352"/>
                    <a:gd name="T21" fmla="*/ 22 h 612"/>
                    <a:gd name="T22" fmla="*/ 118 w 352"/>
                    <a:gd name="T23" fmla="*/ 32 h 612"/>
                    <a:gd name="T24" fmla="*/ 79 w 352"/>
                    <a:gd name="T25" fmla="*/ 98 h 612"/>
                    <a:gd name="T26" fmla="*/ 56 w 352"/>
                    <a:gd name="T27" fmla="*/ 132 h 612"/>
                    <a:gd name="T28" fmla="*/ 57 w 352"/>
                    <a:gd name="T29" fmla="*/ 142 h 612"/>
                    <a:gd name="T30" fmla="*/ 46 w 352"/>
                    <a:gd name="T31" fmla="*/ 147 h 612"/>
                    <a:gd name="T32" fmla="*/ 46 w 352"/>
                    <a:gd name="T33" fmla="*/ 159 h 612"/>
                    <a:gd name="T34" fmla="*/ 46 w 352"/>
                    <a:gd name="T35" fmla="*/ 167 h 612"/>
                    <a:gd name="T36" fmla="*/ 39 w 352"/>
                    <a:gd name="T37" fmla="*/ 177 h 612"/>
                    <a:gd name="T38" fmla="*/ 46 w 352"/>
                    <a:gd name="T39" fmla="*/ 179 h 612"/>
                    <a:gd name="T40" fmla="*/ 41 w 352"/>
                    <a:gd name="T41" fmla="*/ 187 h 612"/>
                    <a:gd name="T42" fmla="*/ 32 w 352"/>
                    <a:gd name="T43" fmla="*/ 196 h 612"/>
                    <a:gd name="T44" fmla="*/ 44 w 352"/>
                    <a:gd name="T45" fmla="*/ 240 h 612"/>
                    <a:gd name="T46" fmla="*/ 47 w 352"/>
                    <a:gd name="T47" fmla="*/ 248 h 612"/>
                    <a:gd name="T48" fmla="*/ 42 w 352"/>
                    <a:gd name="T49" fmla="*/ 253 h 612"/>
                    <a:gd name="T50" fmla="*/ 39 w 352"/>
                    <a:gd name="T51" fmla="*/ 269 h 612"/>
                    <a:gd name="T52" fmla="*/ 37 w 352"/>
                    <a:gd name="T53" fmla="*/ 272 h 612"/>
                    <a:gd name="T54" fmla="*/ 39 w 352"/>
                    <a:gd name="T55" fmla="*/ 282 h 612"/>
                    <a:gd name="T56" fmla="*/ 46 w 352"/>
                    <a:gd name="T57" fmla="*/ 284 h 612"/>
                    <a:gd name="T58" fmla="*/ 44 w 352"/>
                    <a:gd name="T59" fmla="*/ 314 h 612"/>
                    <a:gd name="T60" fmla="*/ 56 w 352"/>
                    <a:gd name="T61" fmla="*/ 330 h 612"/>
                    <a:gd name="T62" fmla="*/ 52 w 352"/>
                    <a:gd name="T63" fmla="*/ 338 h 612"/>
                    <a:gd name="T64" fmla="*/ 61 w 352"/>
                    <a:gd name="T65" fmla="*/ 341 h 612"/>
                    <a:gd name="T66" fmla="*/ 64 w 352"/>
                    <a:gd name="T67" fmla="*/ 352 h 612"/>
                    <a:gd name="T68" fmla="*/ 66 w 352"/>
                    <a:gd name="T69" fmla="*/ 357 h 612"/>
                    <a:gd name="T70" fmla="*/ 61 w 352"/>
                    <a:gd name="T71" fmla="*/ 370 h 612"/>
                    <a:gd name="T72" fmla="*/ 47 w 352"/>
                    <a:gd name="T73" fmla="*/ 372 h 612"/>
                    <a:gd name="T74" fmla="*/ 54 w 352"/>
                    <a:gd name="T75" fmla="*/ 380 h 612"/>
                    <a:gd name="T76" fmla="*/ 47 w 352"/>
                    <a:gd name="T77" fmla="*/ 396 h 612"/>
                    <a:gd name="T78" fmla="*/ 32 w 352"/>
                    <a:gd name="T79" fmla="*/ 416 h 612"/>
                    <a:gd name="T80" fmla="*/ 25 w 352"/>
                    <a:gd name="T81" fmla="*/ 450 h 612"/>
                    <a:gd name="T82" fmla="*/ 15 w 352"/>
                    <a:gd name="T83" fmla="*/ 460 h 612"/>
                    <a:gd name="T84" fmla="*/ 15 w 352"/>
                    <a:gd name="T85" fmla="*/ 468 h 612"/>
                    <a:gd name="T86" fmla="*/ 10 w 352"/>
                    <a:gd name="T87" fmla="*/ 480 h 612"/>
                    <a:gd name="T88" fmla="*/ 13 w 352"/>
                    <a:gd name="T89" fmla="*/ 487 h 612"/>
                    <a:gd name="T90" fmla="*/ 0 w 352"/>
                    <a:gd name="T91" fmla="*/ 497 h 612"/>
                    <a:gd name="T92" fmla="*/ 5 w 352"/>
                    <a:gd name="T93" fmla="*/ 506 h 612"/>
                    <a:gd name="T94" fmla="*/ 5 w 352"/>
                    <a:gd name="T95" fmla="*/ 514 h 612"/>
                    <a:gd name="T96" fmla="*/ 203 w 352"/>
                    <a:gd name="T97" fmla="*/ 511 h 612"/>
                    <a:gd name="T98" fmla="*/ 198 w 352"/>
                    <a:gd name="T99" fmla="*/ 543 h 612"/>
                    <a:gd name="T100" fmla="*/ 203 w 352"/>
                    <a:gd name="T101" fmla="*/ 567 h 612"/>
                    <a:gd name="T102" fmla="*/ 217 w 352"/>
                    <a:gd name="T103" fmla="*/ 583 h 612"/>
                    <a:gd name="T104" fmla="*/ 240 w 352"/>
                    <a:gd name="T105" fmla="*/ 609 h 612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w 352"/>
                    <a:gd name="T160" fmla="*/ 0 h 612"/>
                    <a:gd name="T161" fmla="*/ 352 w 352"/>
                    <a:gd name="T162" fmla="*/ 612 h 612"/>
                  </a:gdLst>
                  <a:ahLst/>
                  <a:cxnLst>
                    <a:cxn ang="T106">
                      <a:pos x="T0" y="T1"/>
                    </a:cxn>
                    <a:cxn ang="T107">
                      <a:pos x="T2" y="T3"/>
                    </a:cxn>
                    <a:cxn ang="T108">
                      <a:pos x="T4" y="T5"/>
                    </a:cxn>
                    <a:cxn ang="T109">
                      <a:pos x="T6" y="T7"/>
                    </a:cxn>
                    <a:cxn ang="T110">
                      <a:pos x="T8" y="T9"/>
                    </a:cxn>
                    <a:cxn ang="T111">
                      <a:pos x="T10" y="T11"/>
                    </a:cxn>
                    <a:cxn ang="T112">
                      <a:pos x="T12" y="T13"/>
                    </a:cxn>
                    <a:cxn ang="T113">
                      <a:pos x="T14" y="T15"/>
                    </a:cxn>
                    <a:cxn ang="T114">
                      <a:pos x="T16" y="T17"/>
                    </a:cxn>
                    <a:cxn ang="T115">
                      <a:pos x="T18" y="T19"/>
                    </a:cxn>
                    <a:cxn ang="T116">
                      <a:pos x="T20" y="T21"/>
                    </a:cxn>
                    <a:cxn ang="T117">
                      <a:pos x="T22" y="T23"/>
                    </a:cxn>
                    <a:cxn ang="T118">
                      <a:pos x="T24" y="T25"/>
                    </a:cxn>
                    <a:cxn ang="T119">
                      <a:pos x="T26" y="T27"/>
                    </a:cxn>
                    <a:cxn ang="T120">
                      <a:pos x="T28" y="T29"/>
                    </a:cxn>
                    <a:cxn ang="T121">
                      <a:pos x="T30" y="T31"/>
                    </a:cxn>
                    <a:cxn ang="T122">
                      <a:pos x="T32" y="T33"/>
                    </a:cxn>
                    <a:cxn ang="T123">
                      <a:pos x="T34" y="T35"/>
                    </a:cxn>
                    <a:cxn ang="T124">
                      <a:pos x="T36" y="T37"/>
                    </a:cxn>
                    <a:cxn ang="T125">
                      <a:pos x="T38" y="T39"/>
                    </a:cxn>
                    <a:cxn ang="T126">
                      <a:pos x="T40" y="T41"/>
                    </a:cxn>
                    <a:cxn ang="T127">
                      <a:pos x="T42" y="T43"/>
                    </a:cxn>
                    <a:cxn ang="T128">
                      <a:pos x="T44" y="T45"/>
                    </a:cxn>
                    <a:cxn ang="T129">
                      <a:pos x="T46" y="T47"/>
                    </a:cxn>
                    <a:cxn ang="T130">
                      <a:pos x="T48" y="T49"/>
                    </a:cxn>
                    <a:cxn ang="T131">
                      <a:pos x="T50" y="T51"/>
                    </a:cxn>
                    <a:cxn ang="T132">
                      <a:pos x="T52" y="T53"/>
                    </a:cxn>
                    <a:cxn ang="T133">
                      <a:pos x="T54" y="T55"/>
                    </a:cxn>
                    <a:cxn ang="T134">
                      <a:pos x="T56" y="T57"/>
                    </a:cxn>
                    <a:cxn ang="T135">
                      <a:pos x="T58" y="T59"/>
                    </a:cxn>
                    <a:cxn ang="T136">
                      <a:pos x="T60" y="T61"/>
                    </a:cxn>
                    <a:cxn ang="T137">
                      <a:pos x="T62" y="T63"/>
                    </a:cxn>
                    <a:cxn ang="T138">
                      <a:pos x="T64" y="T65"/>
                    </a:cxn>
                    <a:cxn ang="T139">
                      <a:pos x="T66" y="T67"/>
                    </a:cxn>
                    <a:cxn ang="T140">
                      <a:pos x="T68" y="T69"/>
                    </a:cxn>
                    <a:cxn ang="T141">
                      <a:pos x="T70" y="T71"/>
                    </a:cxn>
                    <a:cxn ang="T142">
                      <a:pos x="T72" y="T73"/>
                    </a:cxn>
                    <a:cxn ang="T143">
                      <a:pos x="T74" y="T75"/>
                    </a:cxn>
                    <a:cxn ang="T144">
                      <a:pos x="T76" y="T77"/>
                    </a:cxn>
                    <a:cxn ang="T145">
                      <a:pos x="T78" y="T79"/>
                    </a:cxn>
                    <a:cxn ang="T146">
                      <a:pos x="T80" y="T81"/>
                    </a:cxn>
                    <a:cxn ang="T147">
                      <a:pos x="T82" y="T83"/>
                    </a:cxn>
                    <a:cxn ang="T148">
                      <a:pos x="T84" y="T85"/>
                    </a:cxn>
                    <a:cxn ang="T149">
                      <a:pos x="T86" y="T87"/>
                    </a:cxn>
                    <a:cxn ang="T150">
                      <a:pos x="T88" y="T89"/>
                    </a:cxn>
                    <a:cxn ang="T151">
                      <a:pos x="T90" y="T91"/>
                    </a:cxn>
                    <a:cxn ang="T152">
                      <a:pos x="T92" y="T93"/>
                    </a:cxn>
                    <a:cxn ang="T153">
                      <a:pos x="T94" y="T95"/>
                    </a:cxn>
                    <a:cxn ang="T154">
                      <a:pos x="T96" y="T97"/>
                    </a:cxn>
                    <a:cxn ang="T155">
                      <a:pos x="T98" y="T99"/>
                    </a:cxn>
                    <a:cxn ang="T156">
                      <a:pos x="T100" y="T101"/>
                    </a:cxn>
                    <a:cxn ang="T157">
                      <a:pos x="T102" y="T103"/>
                    </a:cxn>
                    <a:cxn ang="T158">
                      <a:pos x="T104" y="T105"/>
                    </a:cxn>
                  </a:cxnLst>
                  <a:rect l="T159" t="T160" r="T161" b="T162"/>
                  <a:pathLst>
                    <a:path w="352" h="612">
                      <a:moveTo>
                        <a:pt x="240" y="609"/>
                      </a:moveTo>
                      <a:lnTo>
                        <a:pt x="252" y="599"/>
                      </a:lnTo>
                      <a:lnTo>
                        <a:pt x="252" y="590"/>
                      </a:lnTo>
                      <a:lnTo>
                        <a:pt x="262" y="594"/>
                      </a:lnTo>
                      <a:lnTo>
                        <a:pt x="266" y="592"/>
                      </a:lnTo>
                      <a:lnTo>
                        <a:pt x="271" y="590"/>
                      </a:lnTo>
                      <a:lnTo>
                        <a:pt x="276" y="589"/>
                      </a:lnTo>
                      <a:lnTo>
                        <a:pt x="281" y="587"/>
                      </a:lnTo>
                      <a:lnTo>
                        <a:pt x="284" y="585"/>
                      </a:lnTo>
                      <a:lnTo>
                        <a:pt x="288" y="585"/>
                      </a:lnTo>
                      <a:lnTo>
                        <a:pt x="291" y="585"/>
                      </a:lnTo>
                      <a:lnTo>
                        <a:pt x="301" y="583"/>
                      </a:lnTo>
                      <a:lnTo>
                        <a:pt x="306" y="583"/>
                      </a:lnTo>
                      <a:lnTo>
                        <a:pt x="306" y="582"/>
                      </a:lnTo>
                      <a:lnTo>
                        <a:pt x="305" y="580"/>
                      </a:lnTo>
                      <a:lnTo>
                        <a:pt x="301" y="578"/>
                      </a:lnTo>
                      <a:lnTo>
                        <a:pt x="296" y="577"/>
                      </a:lnTo>
                      <a:lnTo>
                        <a:pt x="293" y="577"/>
                      </a:lnTo>
                      <a:lnTo>
                        <a:pt x="301" y="573"/>
                      </a:lnTo>
                      <a:lnTo>
                        <a:pt x="306" y="573"/>
                      </a:lnTo>
                      <a:lnTo>
                        <a:pt x="311" y="575"/>
                      </a:lnTo>
                      <a:lnTo>
                        <a:pt x="313" y="577"/>
                      </a:lnTo>
                      <a:lnTo>
                        <a:pt x="315" y="578"/>
                      </a:lnTo>
                      <a:lnTo>
                        <a:pt x="315" y="582"/>
                      </a:lnTo>
                      <a:lnTo>
                        <a:pt x="315" y="583"/>
                      </a:lnTo>
                      <a:lnTo>
                        <a:pt x="323" y="585"/>
                      </a:lnTo>
                      <a:lnTo>
                        <a:pt x="332" y="575"/>
                      </a:lnTo>
                      <a:lnTo>
                        <a:pt x="333" y="577"/>
                      </a:lnTo>
                      <a:lnTo>
                        <a:pt x="335" y="578"/>
                      </a:lnTo>
                      <a:lnTo>
                        <a:pt x="335" y="580"/>
                      </a:lnTo>
                      <a:lnTo>
                        <a:pt x="340" y="583"/>
                      </a:lnTo>
                      <a:lnTo>
                        <a:pt x="343" y="585"/>
                      </a:lnTo>
                      <a:lnTo>
                        <a:pt x="347" y="585"/>
                      </a:lnTo>
                      <a:lnTo>
                        <a:pt x="349" y="583"/>
                      </a:lnTo>
                      <a:lnTo>
                        <a:pt x="350" y="582"/>
                      </a:lnTo>
                      <a:lnTo>
                        <a:pt x="352" y="578"/>
                      </a:lnTo>
                      <a:lnTo>
                        <a:pt x="352" y="577"/>
                      </a:lnTo>
                      <a:lnTo>
                        <a:pt x="328" y="392"/>
                      </a:lnTo>
                      <a:lnTo>
                        <a:pt x="333" y="0"/>
                      </a:lnTo>
                      <a:lnTo>
                        <a:pt x="122" y="18"/>
                      </a:lnTo>
                      <a:lnTo>
                        <a:pt x="122" y="20"/>
                      </a:lnTo>
                      <a:lnTo>
                        <a:pt x="122" y="22"/>
                      </a:lnTo>
                      <a:lnTo>
                        <a:pt x="120" y="25"/>
                      </a:lnTo>
                      <a:lnTo>
                        <a:pt x="120" y="27"/>
                      </a:lnTo>
                      <a:lnTo>
                        <a:pt x="120" y="28"/>
                      </a:lnTo>
                      <a:lnTo>
                        <a:pt x="118" y="30"/>
                      </a:lnTo>
                      <a:lnTo>
                        <a:pt x="118" y="32"/>
                      </a:lnTo>
                      <a:lnTo>
                        <a:pt x="103" y="44"/>
                      </a:lnTo>
                      <a:lnTo>
                        <a:pt x="93" y="59"/>
                      </a:lnTo>
                      <a:lnTo>
                        <a:pt x="93" y="89"/>
                      </a:lnTo>
                      <a:lnTo>
                        <a:pt x="85" y="98"/>
                      </a:lnTo>
                      <a:lnTo>
                        <a:pt x="79" y="98"/>
                      </a:lnTo>
                      <a:lnTo>
                        <a:pt x="64" y="113"/>
                      </a:lnTo>
                      <a:lnTo>
                        <a:pt x="69" y="123"/>
                      </a:lnTo>
                      <a:lnTo>
                        <a:pt x="54" y="132"/>
                      </a:lnTo>
                      <a:lnTo>
                        <a:pt x="56" y="132"/>
                      </a:lnTo>
                      <a:lnTo>
                        <a:pt x="56" y="133"/>
                      </a:lnTo>
                      <a:lnTo>
                        <a:pt x="57" y="135"/>
                      </a:lnTo>
                      <a:lnTo>
                        <a:pt x="57" y="137"/>
                      </a:lnTo>
                      <a:lnTo>
                        <a:pt x="57" y="138"/>
                      </a:lnTo>
                      <a:lnTo>
                        <a:pt x="57" y="142"/>
                      </a:lnTo>
                      <a:lnTo>
                        <a:pt x="54" y="143"/>
                      </a:lnTo>
                      <a:lnTo>
                        <a:pt x="49" y="145"/>
                      </a:lnTo>
                      <a:lnTo>
                        <a:pt x="47" y="145"/>
                      </a:lnTo>
                      <a:lnTo>
                        <a:pt x="46" y="147"/>
                      </a:lnTo>
                      <a:lnTo>
                        <a:pt x="44" y="149"/>
                      </a:lnTo>
                      <a:lnTo>
                        <a:pt x="44" y="150"/>
                      </a:lnTo>
                      <a:lnTo>
                        <a:pt x="44" y="154"/>
                      </a:lnTo>
                      <a:lnTo>
                        <a:pt x="44" y="157"/>
                      </a:lnTo>
                      <a:lnTo>
                        <a:pt x="46" y="159"/>
                      </a:lnTo>
                      <a:lnTo>
                        <a:pt x="47" y="162"/>
                      </a:lnTo>
                      <a:lnTo>
                        <a:pt x="47" y="164"/>
                      </a:lnTo>
                      <a:lnTo>
                        <a:pt x="47" y="165"/>
                      </a:lnTo>
                      <a:lnTo>
                        <a:pt x="46" y="167"/>
                      </a:lnTo>
                      <a:lnTo>
                        <a:pt x="44" y="171"/>
                      </a:lnTo>
                      <a:lnTo>
                        <a:pt x="42" y="172"/>
                      </a:lnTo>
                      <a:lnTo>
                        <a:pt x="41" y="174"/>
                      </a:lnTo>
                      <a:lnTo>
                        <a:pt x="39" y="176"/>
                      </a:lnTo>
                      <a:lnTo>
                        <a:pt x="39" y="177"/>
                      </a:lnTo>
                      <a:lnTo>
                        <a:pt x="41" y="177"/>
                      </a:lnTo>
                      <a:lnTo>
                        <a:pt x="42" y="177"/>
                      </a:lnTo>
                      <a:lnTo>
                        <a:pt x="44" y="177"/>
                      </a:lnTo>
                      <a:lnTo>
                        <a:pt x="46" y="179"/>
                      </a:lnTo>
                      <a:lnTo>
                        <a:pt x="47" y="181"/>
                      </a:lnTo>
                      <a:lnTo>
                        <a:pt x="47" y="182"/>
                      </a:lnTo>
                      <a:lnTo>
                        <a:pt x="46" y="184"/>
                      </a:lnTo>
                      <a:lnTo>
                        <a:pt x="41" y="187"/>
                      </a:lnTo>
                      <a:lnTo>
                        <a:pt x="39" y="187"/>
                      </a:lnTo>
                      <a:lnTo>
                        <a:pt x="35" y="189"/>
                      </a:lnTo>
                      <a:lnTo>
                        <a:pt x="34" y="189"/>
                      </a:lnTo>
                      <a:lnTo>
                        <a:pt x="32" y="191"/>
                      </a:lnTo>
                      <a:lnTo>
                        <a:pt x="32" y="196"/>
                      </a:lnTo>
                      <a:lnTo>
                        <a:pt x="29" y="204"/>
                      </a:lnTo>
                      <a:lnTo>
                        <a:pt x="37" y="213"/>
                      </a:lnTo>
                      <a:lnTo>
                        <a:pt x="39" y="220"/>
                      </a:lnTo>
                      <a:lnTo>
                        <a:pt x="44" y="240"/>
                      </a:lnTo>
                      <a:lnTo>
                        <a:pt x="46" y="242"/>
                      </a:lnTo>
                      <a:lnTo>
                        <a:pt x="46" y="243"/>
                      </a:lnTo>
                      <a:lnTo>
                        <a:pt x="47" y="247"/>
                      </a:lnTo>
                      <a:lnTo>
                        <a:pt x="47" y="248"/>
                      </a:lnTo>
                      <a:lnTo>
                        <a:pt x="47" y="250"/>
                      </a:lnTo>
                      <a:lnTo>
                        <a:pt x="46" y="252"/>
                      </a:lnTo>
                      <a:lnTo>
                        <a:pt x="42" y="253"/>
                      </a:lnTo>
                      <a:lnTo>
                        <a:pt x="41" y="255"/>
                      </a:lnTo>
                      <a:lnTo>
                        <a:pt x="41" y="259"/>
                      </a:lnTo>
                      <a:lnTo>
                        <a:pt x="39" y="262"/>
                      </a:lnTo>
                      <a:lnTo>
                        <a:pt x="39" y="265"/>
                      </a:lnTo>
                      <a:lnTo>
                        <a:pt x="39" y="269"/>
                      </a:lnTo>
                      <a:lnTo>
                        <a:pt x="39" y="270"/>
                      </a:lnTo>
                      <a:lnTo>
                        <a:pt x="37" y="270"/>
                      </a:lnTo>
                      <a:lnTo>
                        <a:pt x="37" y="272"/>
                      </a:lnTo>
                      <a:lnTo>
                        <a:pt x="37" y="274"/>
                      </a:lnTo>
                      <a:lnTo>
                        <a:pt x="37" y="275"/>
                      </a:lnTo>
                      <a:lnTo>
                        <a:pt x="37" y="279"/>
                      </a:lnTo>
                      <a:lnTo>
                        <a:pt x="37" y="281"/>
                      </a:lnTo>
                      <a:lnTo>
                        <a:pt x="39" y="282"/>
                      </a:lnTo>
                      <a:lnTo>
                        <a:pt x="41" y="282"/>
                      </a:lnTo>
                      <a:lnTo>
                        <a:pt x="42" y="281"/>
                      </a:lnTo>
                      <a:lnTo>
                        <a:pt x="44" y="281"/>
                      </a:lnTo>
                      <a:lnTo>
                        <a:pt x="46" y="284"/>
                      </a:lnTo>
                      <a:lnTo>
                        <a:pt x="46" y="286"/>
                      </a:lnTo>
                      <a:lnTo>
                        <a:pt x="47" y="287"/>
                      </a:lnTo>
                      <a:lnTo>
                        <a:pt x="46" y="299"/>
                      </a:lnTo>
                      <a:lnTo>
                        <a:pt x="52" y="304"/>
                      </a:lnTo>
                      <a:lnTo>
                        <a:pt x="44" y="314"/>
                      </a:lnTo>
                      <a:lnTo>
                        <a:pt x="46" y="319"/>
                      </a:lnTo>
                      <a:lnTo>
                        <a:pt x="57" y="318"/>
                      </a:lnTo>
                      <a:lnTo>
                        <a:pt x="57" y="330"/>
                      </a:lnTo>
                      <a:lnTo>
                        <a:pt x="56" y="330"/>
                      </a:lnTo>
                      <a:lnTo>
                        <a:pt x="56" y="331"/>
                      </a:lnTo>
                      <a:lnTo>
                        <a:pt x="54" y="333"/>
                      </a:lnTo>
                      <a:lnTo>
                        <a:pt x="52" y="335"/>
                      </a:lnTo>
                      <a:lnTo>
                        <a:pt x="51" y="336"/>
                      </a:lnTo>
                      <a:lnTo>
                        <a:pt x="52" y="338"/>
                      </a:lnTo>
                      <a:lnTo>
                        <a:pt x="54" y="340"/>
                      </a:lnTo>
                      <a:lnTo>
                        <a:pt x="61" y="340"/>
                      </a:lnTo>
                      <a:lnTo>
                        <a:pt x="61" y="341"/>
                      </a:lnTo>
                      <a:lnTo>
                        <a:pt x="61" y="343"/>
                      </a:lnTo>
                      <a:lnTo>
                        <a:pt x="59" y="345"/>
                      </a:lnTo>
                      <a:lnTo>
                        <a:pt x="59" y="348"/>
                      </a:lnTo>
                      <a:lnTo>
                        <a:pt x="61" y="350"/>
                      </a:lnTo>
                      <a:lnTo>
                        <a:pt x="64" y="352"/>
                      </a:lnTo>
                      <a:lnTo>
                        <a:pt x="69" y="352"/>
                      </a:lnTo>
                      <a:lnTo>
                        <a:pt x="68" y="355"/>
                      </a:lnTo>
                      <a:lnTo>
                        <a:pt x="66" y="357"/>
                      </a:lnTo>
                      <a:lnTo>
                        <a:pt x="66" y="360"/>
                      </a:lnTo>
                      <a:lnTo>
                        <a:pt x="64" y="363"/>
                      </a:lnTo>
                      <a:lnTo>
                        <a:pt x="63" y="367"/>
                      </a:lnTo>
                      <a:lnTo>
                        <a:pt x="61" y="369"/>
                      </a:lnTo>
                      <a:lnTo>
                        <a:pt x="61" y="370"/>
                      </a:lnTo>
                      <a:lnTo>
                        <a:pt x="59" y="370"/>
                      </a:lnTo>
                      <a:lnTo>
                        <a:pt x="56" y="370"/>
                      </a:lnTo>
                      <a:lnTo>
                        <a:pt x="51" y="372"/>
                      </a:lnTo>
                      <a:lnTo>
                        <a:pt x="47" y="372"/>
                      </a:lnTo>
                      <a:lnTo>
                        <a:pt x="44" y="374"/>
                      </a:lnTo>
                      <a:lnTo>
                        <a:pt x="44" y="375"/>
                      </a:lnTo>
                      <a:lnTo>
                        <a:pt x="47" y="377"/>
                      </a:lnTo>
                      <a:lnTo>
                        <a:pt x="54" y="380"/>
                      </a:lnTo>
                      <a:lnTo>
                        <a:pt x="54" y="382"/>
                      </a:lnTo>
                      <a:lnTo>
                        <a:pt x="54" y="384"/>
                      </a:lnTo>
                      <a:lnTo>
                        <a:pt x="52" y="389"/>
                      </a:lnTo>
                      <a:lnTo>
                        <a:pt x="49" y="392"/>
                      </a:lnTo>
                      <a:lnTo>
                        <a:pt x="47" y="396"/>
                      </a:lnTo>
                      <a:lnTo>
                        <a:pt x="44" y="399"/>
                      </a:lnTo>
                      <a:lnTo>
                        <a:pt x="44" y="402"/>
                      </a:lnTo>
                      <a:lnTo>
                        <a:pt x="42" y="404"/>
                      </a:lnTo>
                      <a:lnTo>
                        <a:pt x="41" y="416"/>
                      </a:lnTo>
                      <a:lnTo>
                        <a:pt x="32" y="416"/>
                      </a:lnTo>
                      <a:lnTo>
                        <a:pt x="25" y="443"/>
                      </a:lnTo>
                      <a:lnTo>
                        <a:pt x="17" y="448"/>
                      </a:lnTo>
                      <a:lnTo>
                        <a:pt x="25" y="448"/>
                      </a:lnTo>
                      <a:lnTo>
                        <a:pt x="25" y="450"/>
                      </a:lnTo>
                      <a:lnTo>
                        <a:pt x="24" y="450"/>
                      </a:lnTo>
                      <a:lnTo>
                        <a:pt x="20" y="453"/>
                      </a:lnTo>
                      <a:lnTo>
                        <a:pt x="19" y="455"/>
                      </a:lnTo>
                      <a:lnTo>
                        <a:pt x="15" y="458"/>
                      </a:lnTo>
                      <a:lnTo>
                        <a:pt x="15" y="460"/>
                      </a:lnTo>
                      <a:lnTo>
                        <a:pt x="15" y="463"/>
                      </a:lnTo>
                      <a:lnTo>
                        <a:pt x="17" y="465"/>
                      </a:lnTo>
                      <a:lnTo>
                        <a:pt x="17" y="467"/>
                      </a:lnTo>
                      <a:lnTo>
                        <a:pt x="15" y="468"/>
                      </a:lnTo>
                      <a:lnTo>
                        <a:pt x="13" y="470"/>
                      </a:lnTo>
                      <a:lnTo>
                        <a:pt x="10" y="473"/>
                      </a:lnTo>
                      <a:lnTo>
                        <a:pt x="10" y="477"/>
                      </a:lnTo>
                      <a:lnTo>
                        <a:pt x="8" y="479"/>
                      </a:lnTo>
                      <a:lnTo>
                        <a:pt x="10" y="480"/>
                      </a:lnTo>
                      <a:lnTo>
                        <a:pt x="13" y="480"/>
                      </a:lnTo>
                      <a:lnTo>
                        <a:pt x="15" y="482"/>
                      </a:lnTo>
                      <a:lnTo>
                        <a:pt x="15" y="485"/>
                      </a:lnTo>
                      <a:lnTo>
                        <a:pt x="13" y="487"/>
                      </a:lnTo>
                      <a:lnTo>
                        <a:pt x="8" y="492"/>
                      </a:lnTo>
                      <a:lnTo>
                        <a:pt x="5" y="494"/>
                      </a:lnTo>
                      <a:lnTo>
                        <a:pt x="2" y="495"/>
                      </a:lnTo>
                      <a:lnTo>
                        <a:pt x="0" y="497"/>
                      </a:lnTo>
                      <a:lnTo>
                        <a:pt x="0" y="501"/>
                      </a:lnTo>
                      <a:lnTo>
                        <a:pt x="0" y="502"/>
                      </a:lnTo>
                      <a:lnTo>
                        <a:pt x="2" y="504"/>
                      </a:lnTo>
                      <a:lnTo>
                        <a:pt x="3" y="506"/>
                      </a:lnTo>
                      <a:lnTo>
                        <a:pt x="5" y="506"/>
                      </a:lnTo>
                      <a:lnTo>
                        <a:pt x="7" y="507"/>
                      </a:lnTo>
                      <a:lnTo>
                        <a:pt x="5" y="509"/>
                      </a:lnTo>
                      <a:lnTo>
                        <a:pt x="5" y="512"/>
                      </a:lnTo>
                      <a:lnTo>
                        <a:pt x="5" y="514"/>
                      </a:lnTo>
                      <a:lnTo>
                        <a:pt x="3" y="517"/>
                      </a:lnTo>
                      <a:lnTo>
                        <a:pt x="3" y="521"/>
                      </a:lnTo>
                      <a:lnTo>
                        <a:pt x="3" y="523"/>
                      </a:lnTo>
                      <a:lnTo>
                        <a:pt x="3" y="524"/>
                      </a:lnTo>
                      <a:lnTo>
                        <a:pt x="203" y="511"/>
                      </a:lnTo>
                      <a:lnTo>
                        <a:pt x="203" y="534"/>
                      </a:lnTo>
                      <a:lnTo>
                        <a:pt x="201" y="534"/>
                      </a:lnTo>
                      <a:lnTo>
                        <a:pt x="200" y="538"/>
                      </a:lnTo>
                      <a:lnTo>
                        <a:pt x="198" y="543"/>
                      </a:lnTo>
                      <a:lnTo>
                        <a:pt x="196" y="546"/>
                      </a:lnTo>
                      <a:lnTo>
                        <a:pt x="195" y="553"/>
                      </a:lnTo>
                      <a:lnTo>
                        <a:pt x="195" y="558"/>
                      </a:lnTo>
                      <a:lnTo>
                        <a:pt x="198" y="563"/>
                      </a:lnTo>
                      <a:lnTo>
                        <a:pt x="203" y="567"/>
                      </a:lnTo>
                      <a:lnTo>
                        <a:pt x="205" y="568"/>
                      </a:lnTo>
                      <a:lnTo>
                        <a:pt x="208" y="572"/>
                      </a:lnTo>
                      <a:lnTo>
                        <a:pt x="211" y="577"/>
                      </a:lnTo>
                      <a:lnTo>
                        <a:pt x="217" y="583"/>
                      </a:lnTo>
                      <a:lnTo>
                        <a:pt x="220" y="590"/>
                      </a:lnTo>
                      <a:lnTo>
                        <a:pt x="223" y="597"/>
                      </a:lnTo>
                      <a:lnTo>
                        <a:pt x="223" y="605"/>
                      </a:lnTo>
                      <a:lnTo>
                        <a:pt x="222" y="612"/>
                      </a:lnTo>
                      <a:lnTo>
                        <a:pt x="240" y="609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411" name="Group 73"/>
              <p:cNvGrpSpPr>
                <a:grpSpLocks/>
              </p:cNvGrpSpPr>
              <p:nvPr/>
            </p:nvGrpSpPr>
            <p:grpSpPr bwMode="auto">
              <a:xfrm>
                <a:off x="4248" y="2069"/>
                <a:ext cx="436" cy="217"/>
                <a:chOff x="4487" y="1686"/>
                <a:chExt cx="448" cy="223"/>
              </a:xfrm>
            </p:grpSpPr>
            <p:sp>
              <p:nvSpPr>
                <p:cNvPr id="528" name="Freeform 74"/>
                <p:cNvSpPr>
                  <a:spLocks/>
                </p:cNvSpPr>
                <p:nvPr/>
              </p:nvSpPr>
              <p:spPr bwMode="auto">
                <a:xfrm>
                  <a:off x="4487" y="1686"/>
                  <a:ext cx="448" cy="223"/>
                </a:xfrm>
                <a:custGeom>
                  <a:avLst/>
                  <a:gdLst>
                    <a:gd name="T0" fmla="*/ 249 w 448"/>
                    <a:gd name="T1" fmla="*/ 155 h 223"/>
                    <a:gd name="T2" fmla="*/ 238 w 448"/>
                    <a:gd name="T3" fmla="*/ 189 h 223"/>
                    <a:gd name="T4" fmla="*/ 252 w 448"/>
                    <a:gd name="T5" fmla="*/ 186 h 223"/>
                    <a:gd name="T6" fmla="*/ 264 w 448"/>
                    <a:gd name="T7" fmla="*/ 188 h 223"/>
                    <a:gd name="T8" fmla="*/ 284 w 448"/>
                    <a:gd name="T9" fmla="*/ 201 h 223"/>
                    <a:gd name="T10" fmla="*/ 330 w 448"/>
                    <a:gd name="T11" fmla="*/ 215 h 223"/>
                    <a:gd name="T12" fmla="*/ 299 w 448"/>
                    <a:gd name="T13" fmla="*/ 179 h 223"/>
                    <a:gd name="T14" fmla="*/ 308 w 448"/>
                    <a:gd name="T15" fmla="*/ 177 h 223"/>
                    <a:gd name="T16" fmla="*/ 316 w 448"/>
                    <a:gd name="T17" fmla="*/ 172 h 223"/>
                    <a:gd name="T18" fmla="*/ 299 w 448"/>
                    <a:gd name="T19" fmla="*/ 142 h 223"/>
                    <a:gd name="T20" fmla="*/ 299 w 448"/>
                    <a:gd name="T21" fmla="*/ 111 h 223"/>
                    <a:gd name="T22" fmla="*/ 291 w 448"/>
                    <a:gd name="T23" fmla="*/ 81 h 223"/>
                    <a:gd name="T24" fmla="*/ 301 w 448"/>
                    <a:gd name="T25" fmla="*/ 66 h 223"/>
                    <a:gd name="T26" fmla="*/ 301 w 448"/>
                    <a:gd name="T27" fmla="*/ 52 h 223"/>
                    <a:gd name="T28" fmla="*/ 308 w 448"/>
                    <a:gd name="T29" fmla="*/ 61 h 223"/>
                    <a:gd name="T30" fmla="*/ 321 w 448"/>
                    <a:gd name="T31" fmla="*/ 42 h 223"/>
                    <a:gd name="T32" fmla="*/ 320 w 448"/>
                    <a:gd name="T33" fmla="*/ 28 h 223"/>
                    <a:gd name="T34" fmla="*/ 331 w 448"/>
                    <a:gd name="T35" fmla="*/ 27 h 223"/>
                    <a:gd name="T36" fmla="*/ 337 w 448"/>
                    <a:gd name="T37" fmla="*/ 32 h 223"/>
                    <a:gd name="T38" fmla="*/ 331 w 448"/>
                    <a:gd name="T39" fmla="*/ 44 h 223"/>
                    <a:gd name="T40" fmla="*/ 316 w 448"/>
                    <a:gd name="T41" fmla="*/ 72 h 223"/>
                    <a:gd name="T42" fmla="*/ 326 w 448"/>
                    <a:gd name="T43" fmla="*/ 83 h 223"/>
                    <a:gd name="T44" fmla="*/ 335 w 448"/>
                    <a:gd name="T45" fmla="*/ 76 h 223"/>
                    <a:gd name="T46" fmla="*/ 326 w 448"/>
                    <a:gd name="T47" fmla="*/ 91 h 223"/>
                    <a:gd name="T48" fmla="*/ 325 w 448"/>
                    <a:gd name="T49" fmla="*/ 110 h 223"/>
                    <a:gd name="T50" fmla="*/ 320 w 448"/>
                    <a:gd name="T51" fmla="*/ 127 h 223"/>
                    <a:gd name="T52" fmla="*/ 340 w 448"/>
                    <a:gd name="T53" fmla="*/ 145 h 223"/>
                    <a:gd name="T54" fmla="*/ 325 w 448"/>
                    <a:gd name="T55" fmla="*/ 150 h 223"/>
                    <a:gd name="T56" fmla="*/ 335 w 448"/>
                    <a:gd name="T57" fmla="*/ 157 h 223"/>
                    <a:gd name="T58" fmla="*/ 337 w 448"/>
                    <a:gd name="T59" fmla="*/ 176 h 223"/>
                    <a:gd name="T60" fmla="*/ 348 w 448"/>
                    <a:gd name="T61" fmla="*/ 182 h 223"/>
                    <a:gd name="T62" fmla="*/ 360 w 448"/>
                    <a:gd name="T63" fmla="*/ 186 h 223"/>
                    <a:gd name="T64" fmla="*/ 355 w 448"/>
                    <a:gd name="T65" fmla="*/ 176 h 223"/>
                    <a:gd name="T66" fmla="*/ 364 w 448"/>
                    <a:gd name="T67" fmla="*/ 177 h 223"/>
                    <a:gd name="T68" fmla="*/ 372 w 448"/>
                    <a:gd name="T69" fmla="*/ 181 h 223"/>
                    <a:gd name="T70" fmla="*/ 369 w 448"/>
                    <a:gd name="T71" fmla="*/ 198 h 223"/>
                    <a:gd name="T72" fmla="*/ 382 w 448"/>
                    <a:gd name="T73" fmla="*/ 194 h 223"/>
                    <a:gd name="T74" fmla="*/ 381 w 448"/>
                    <a:gd name="T75" fmla="*/ 211 h 223"/>
                    <a:gd name="T76" fmla="*/ 387 w 448"/>
                    <a:gd name="T77" fmla="*/ 223 h 223"/>
                    <a:gd name="T78" fmla="*/ 409 w 448"/>
                    <a:gd name="T79" fmla="*/ 206 h 223"/>
                    <a:gd name="T80" fmla="*/ 440 w 448"/>
                    <a:gd name="T81" fmla="*/ 145 h 223"/>
                    <a:gd name="T82" fmla="*/ 441 w 448"/>
                    <a:gd name="T83" fmla="*/ 172 h 223"/>
                    <a:gd name="T84" fmla="*/ 435 w 448"/>
                    <a:gd name="T85" fmla="*/ 203 h 223"/>
                    <a:gd name="T86" fmla="*/ 433 w 448"/>
                    <a:gd name="T87" fmla="*/ 215 h 223"/>
                    <a:gd name="T88" fmla="*/ 436 w 448"/>
                    <a:gd name="T89" fmla="*/ 213 h 223"/>
                    <a:gd name="T90" fmla="*/ 447 w 448"/>
                    <a:gd name="T91" fmla="*/ 179 h 223"/>
                    <a:gd name="T92" fmla="*/ 448 w 448"/>
                    <a:gd name="T93" fmla="*/ 144 h 223"/>
                    <a:gd name="T94" fmla="*/ 0 w 448"/>
                    <a:gd name="T95" fmla="*/ 66 h 223"/>
                    <a:gd name="T96" fmla="*/ 52 w 448"/>
                    <a:gd name="T97" fmla="*/ 94 h 223"/>
                    <a:gd name="T98" fmla="*/ 84 w 448"/>
                    <a:gd name="T99" fmla="*/ 74 h 223"/>
                    <a:gd name="T100" fmla="*/ 111 w 448"/>
                    <a:gd name="T101" fmla="*/ 54 h 223"/>
                    <a:gd name="T102" fmla="*/ 147 w 448"/>
                    <a:gd name="T103" fmla="*/ 56 h 223"/>
                    <a:gd name="T104" fmla="*/ 159 w 448"/>
                    <a:gd name="T105" fmla="*/ 62 h 223"/>
                    <a:gd name="T106" fmla="*/ 176 w 448"/>
                    <a:gd name="T107" fmla="*/ 88 h 223"/>
                    <a:gd name="T108" fmla="*/ 193 w 448"/>
                    <a:gd name="T109" fmla="*/ 86 h 223"/>
                    <a:gd name="T110" fmla="*/ 198 w 448"/>
                    <a:gd name="T111" fmla="*/ 108 h 223"/>
                    <a:gd name="T112" fmla="*/ 228 w 448"/>
                    <a:gd name="T113" fmla="*/ 115 h 223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w 448"/>
                    <a:gd name="T172" fmla="*/ 0 h 223"/>
                    <a:gd name="T173" fmla="*/ 448 w 448"/>
                    <a:gd name="T174" fmla="*/ 223 h 223"/>
                  </a:gdLst>
                  <a:ahLst/>
                  <a:cxnLst>
                    <a:cxn ang="T114">
                      <a:pos x="T0" y="T1"/>
                    </a:cxn>
                    <a:cxn ang="T115">
                      <a:pos x="T2" y="T3"/>
                    </a:cxn>
                    <a:cxn ang="T116">
                      <a:pos x="T4" y="T5"/>
                    </a:cxn>
                    <a:cxn ang="T117">
                      <a:pos x="T6" y="T7"/>
                    </a:cxn>
                    <a:cxn ang="T118">
                      <a:pos x="T8" y="T9"/>
                    </a:cxn>
                    <a:cxn ang="T119">
                      <a:pos x="T10" y="T11"/>
                    </a:cxn>
                    <a:cxn ang="T120">
                      <a:pos x="T12" y="T13"/>
                    </a:cxn>
                    <a:cxn ang="T121">
                      <a:pos x="T14" y="T15"/>
                    </a:cxn>
                    <a:cxn ang="T122">
                      <a:pos x="T16" y="T17"/>
                    </a:cxn>
                    <a:cxn ang="T123">
                      <a:pos x="T18" y="T19"/>
                    </a:cxn>
                    <a:cxn ang="T124">
                      <a:pos x="T20" y="T21"/>
                    </a:cxn>
                    <a:cxn ang="T125">
                      <a:pos x="T22" y="T23"/>
                    </a:cxn>
                    <a:cxn ang="T126">
                      <a:pos x="T24" y="T25"/>
                    </a:cxn>
                    <a:cxn ang="T127">
                      <a:pos x="T26" y="T27"/>
                    </a:cxn>
                    <a:cxn ang="T128">
                      <a:pos x="T28" y="T29"/>
                    </a:cxn>
                    <a:cxn ang="T129">
                      <a:pos x="T30" y="T31"/>
                    </a:cxn>
                    <a:cxn ang="T130">
                      <a:pos x="T32" y="T33"/>
                    </a:cxn>
                    <a:cxn ang="T131">
                      <a:pos x="T34" y="T35"/>
                    </a:cxn>
                    <a:cxn ang="T132">
                      <a:pos x="T36" y="T37"/>
                    </a:cxn>
                    <a:cxn ang="T133">
                      <a:pos x="T38" y="T39"/>
                    </a:cxn>
                    <a:cxn ang="T134">
                      <a:pos x="T40" y="T41"/>
                    </a:cxn>
                    <a:cxn ang="T135">
                      <a:pos x="T42" y="T43"/>
                    </a:cxn>
                    <a:cxn ang="T136">
                      <a:pos x="T44" y="T45"/>
                    </a:cxn>
                    <a:cxn ang="T137">
                      <a:pos x="T46" y="T47"/>
                    </a:cxn>
                    <a:cxn ang="T138">
                      <a:pos x="T48" y="T49"/>
                    </a:cxn>
                    <a:cxn ang="T139">
                      <a:pos x="T50" y="T51"/>
                    </a:cxn>
                    <a:cxn ang="T140">
                      <a:pos x="T52" y="T53"/>
                    </a:cxn>
                    <a:cxn ang="T141">
                      <a:pos x="T54" y="T55"/>
                    </a:cxn>
                    <a:cxn ang="T142">
                      <a:pos x="T56" y="T57"/>
                    </a:cxn>
                    <a:cxn ang="T143">
                      <a:pos x="T58" y="T59"/>
                    </a:cxn>
                    <a:cxn ang="T144">
                      <a:pos x="T60" y="T61"/>
                    </a:cxn>
                    <a:cxn ang="T145">
                      <a:pos x="T62" y="T63"/>
                    </a:cxn>
                    <a:cxn ang="T146">
                      <a:pos x="T64" y="T65"/>
                    </a:cxn>
                    <a:cxn ang="T147">
                      <a:pos x="T66" y="T67"/>
                    </a:cxn>
                    <a:cxn ang="T148">
                      <a:pos x="T68" y="T69"/>
                    </a:cxn>
                    <a:cxn ang="T149">
                      <a:pos x="T70" y="T71"/>
                    </a:cxn>
                    <a:cxn ang="T150">
                      <a:pos x="T72" y="T73"/>
                    </a:cxn>
                    <a:cxn ang="T151">
                      <a:pos x="T74" y="T75"/>
                    </a:cxn>
                    <a:cxn ang="T152">
                      <a:pos x="T76" y="T77"/>
                    </a:cxn>
                    <a:cxn ang="T153">
                      <a:pos x="T78" y="T79"/>
                    </a:cxn>
                    <a:cxn ang="T154">
                      <a:pos x="T80" y="T81"/>
                    </a:cxn>
                    <a:cxn ang="T155">
                      <a:pos x="T82" y="T83"/>
                    </a:cxn>
                    <a:cxn ang="T156">
                      <a:pos x="T84" y="T85"/>
                    </a:cxn>
                    <a:cxn ang="T157">
                      <a:pos x="T86" y="T87"/>
                    </a:cxn>
                    <a:cxn ang="T158">
                      <a:pos x="T88" y="T89"/>
                    </a:cxn>
                    <a:cxn ang="T159">
                      <a:pos x="T90" y="T91"/>
                    </a:cxn>
                    <a:cxn ang="T160">
                      <a:pos x="T92" y="T93"/>
                    </a:cxn>
                    <a:cxn ang="T161">
                      <a:pos x="T94" y="T95"/>
                    </a:cxn>
                    <a:cxn ang="T162">
                      <a:pos x="T96" y="T97"/>
                    </a:cxn>
                    <a:cxn ang="T163">
                      <a:pos x="T98" y="T99"/>
                    </a:cxn>
                    <a:cxn ang="T164">
                      <a:pos x="T100" y="T101"/>
                    </a:cxn>
                    <a:cxn ang="T165">
                      <a:pos x="T102" y="T103"/>
                    </a:cxn>
                    <a:cxn ang="T166">
                      <a:pos x="T104" y="T105"/>
                    </a:cxn>
                    <a:cxn ang="T167">
                      <a:pos x="T106" y="T107"/>
                    </a:cxn>
                    <a:cxn ang="T168">
                      <a:pos x="T108" y="T109"/>
                    </a:cxn>
                    <a:cxn ang="T169">
                      <a:pos x="T110" y="T111"/>
                    </a:cxn>
                    <a:cxn ang="T170">
                      <a:pos x="T112" y="T113"/>
                    </a:cxn>
                  </a:cxnLst>
                  <a:rect l="T171" t="T172" r="T173" b="T174"/>
                  <a:pathLst>
                    <a:path w="448" h="223">
                      <a:moveTo>
                        <a:pt x="247" y="115"/>
                      </a:moveTo>
                      <a:lnTo>
                        <a:pt x="260" y="123"/>
                      </a:lnTo>
                      <a:lnTo>
                        <a:pt x="252" y="137"/>
                      </a:lnTo>
                      <a:lnTo>
                        <a:pt x="252" y="145"/>
                      </a:lnTo>
                      <a:lnTo>
                        <a:pt x="252" y="147"/>
                      </a:lnTo>
                      <a:lnTo>
                        <a:pt x="250" y="150"/>
                      </a:lnTo>
                      <a:lnTo>
                        <a:pt x="249" y="155"/>
                      </a:lnTo>
                      <a:lnTo>
                        <a:pt x="245" y="162"/>
                      </a:lnTo>
                      <a:lnTo>
                        <a:pt x="243" y="169"/>
                      </a:lnTo>
                      <a:lnTo>
                        <a:pt x="240" y="176"/>
                      </a:lnTo>
                      <a:lnTo>
                        <a:pt x="238" y="179"/>
                      </a:lnTo>
                      <a:lnTo>
                        <a:pt x="238" y="181"/>
                      </a:lnTo>
                      <a:lnTo>
                        <a:pt x="237" y="186"/>
                      </a:lnTo>
                      <a:lnTo>
                        <a:pt x="238" y="189"/>
                      </a:lnTo>
                      <a:lnTo>
                        <a:pt x="240" y="193"/>
                      </a:lnTo>
                      <a:lnTo>
                        <a:pt x="242" y="193"/>
                      </a:lnTo>
                      <a:lnTo>
                        <a:pt x="243" y="193"/>
                      </a:lnTo>
                      <a:lnTo>
                        <a:pt x="247" y="193"/>
                      </a:lnTo>
                      <a:lnTo>
                        <a:pt x="249" y="191"/>
                      </a:lnTo>
                      <a:lnTo>
                        <a:pt x="250" y="191"/>
                      </a:lnTo>
                      <a:lnTo>
                        <a:pt x="252" y="186"/>
                      </a:lnTo>
                      <a:lnTo>
                        <a:pt x="255" y="182"/>
                      </a:lnTo>
                      <a:lnTo>
                        <a:pt x="257" y="182"/>
                      </a:lnTo>
                      <a:lnTo>
                        <a:pt x="259" y="182"/>
                      </a:lnTo>
                      <a:lnTo>
                        <a:pt x="260" y="184"/>
                      </a:lnTo>
                      <a:lnTo>
                        <a:pt x="262" y="186"/>
                      </a:lnTo>
                      <a:lnTo>
                        <a:pt x="264" y="188"/>
                      </a:lnTo>
                      <a:lnTo>
                        <a:pt x="274" y="201"/>
                      </a:lnTo>
                      <a:lnTo>
                        <a:pt x="277" y="201"/>
                      </a:lnTo>
                      <a:lnTo>
                        <a:pt x="277" y="193"/>
                      </a:lnTo>
                      <a:lnTo>
                        <a:pt x="282" y="193"/>
                      </a:lnTo>
                      <a:lnTo>
                        <a:pt x="282" y="194"/>
                      </a:lnTo>
                      <a:lnTo>
                        <a:pt x="284" y="198"/>
                      </a:lnTo>
                      <a:lnTo>
                        <a:pt x="284" y="201"/>
                      </a:lnTo>
                      <a:lnTo>
                        <a:pt x="286" y="201"/>
                      </a:lnTo>
                      <a:lnTo>
                        <a:pt x="298" y="201"/>
                      </a:lnTo>
                      <a:lnTo>
                        <a:pt x="308" y="203"/>
                      </a:lnTo>
                      <a:lnTo>
                        <a:pt x="316" y="204"/>
                      </a:lnTo>
                      <a:lnTo>
                        <a:pt x="321" y="208"/>
                      </a:lnTo>
                      <a:lnTo>
                        <a:pt x="326" y="211"/>
                      </a:lnTo>
                      <a:lnTo>
                        <a:pt x="330" y="215"/>
                      </a:lnTo>
                      <a:lnTo>
                        <a:pt x="331" y="216"/>
                      </a:lnTo>
                      <a:lnTo>
                        <a:pt x="331" y="218"/>
                      </a:lnTo>
                      <a:lnTo>
                        <a:pt x="335" y="210"/>
                      </a:lnTo>
                      <a:lnTo>
                        <a:pt x="326" y="199"/>
                      </a:lnTo>
                      <a:lnTo>
                        <a:pt x="325" y="191"/>
                      </a:lnTo>
                      <a:lnTo>
                        <a:pt x="313" y="188"/>
                      </a:lnTo>
                      <a:lnTo>
                        <a:pt x="299" y="179"/>
                      </a:lnTo>
                      <a:lnTo>
                        <a:pt x="289" y="171"/>
                      </a:lnTo>
                      <a:lnTo>
                        <a:pt x="291" y="167"/>
                      </a:lnTo>
                      <a:lnTo>
                        <a:pt x="299" y="174"/>
                      </a:lnTo>
                      <a:lnTo>
                        <a:pt x="301" y="174"/>
                      </a:lnTo>
                      <a:lnTo>
                        <a:pt x="303" y="176"/>
                      </a:lnTo>
                      <a:lnTo>
                        <a:pt x="306" y="176"/>
                      </a:lnTo>
                      <a:lnTo>
                        <a:pt x="308" y="177"/>
                      </a:lnTo>
                      <a:lnTo>
                        <a:pt x="316" y="182"/>
                      </a:lnTo>
                      <a:lnTo>
                        <a:pt x="321" y="184"/>
                      </a:lnTo>
                      <a:lnTo>
                        <a:pt x="323" y="182"/>
                      </a:lnTo>
                      <a:lnTo>
                        <a:pt x="323" y="181"/>
                      </a:lnTo>
                      <a:lnTo>
                        <a:pt x="321" y="177"/>
                      </a:lnTo>
                      <a:lnTo>
                        <a:pt x="318" y="176"/>
                      </a:lnTo>
                      <a:lnTo>
                        <a:pt x="316" y="172"/>
                      </a:lnTo>
                      <a:lnTo>
                        <a:pt x="315" y="172"/>
                      </a:lnTo>
                      <a:lnTo>
                        <a:pt x="311" y="167"/>
                      </a:lnTo>
                      <a:lnTo>
                        <a:pt x="308" y="164"/>
                      </a:lnTo>
                      <a:lnTo>
                        <a:pt x="304" y="159"/>
                      </a:lnTo>
                      <a:lnTo>
                        <a:pt x="303" y="154"/>
                      </a:lnTo>
                      <a:lnTo>
                        <a:pt x="299" y="149"/>
                      </a:lnTo>
                      <a:lnTo>
                        <a:pt x="299" y="142"/>
                      </a:lnTo>
                      <a:lnTo>
                        <a:pt x="298" y="137"/>
                      </a:lnTo>
                      <a:lnTo>
                        <a:pt x="298" y="132"/>
                      </a:lnTo>
                      <a:lnTo>
                        <a:pt x="298" y="127"/>
                      </a:lnTo>
                      <a:lnTo>
                        <a:pt x="298" y="122"/>
                      </a:lnTo>
                      <a:lnTo>
                        <a:pt x="298" y="118"/>
                      </a:lnTo>
                      <a:lnTo>
                        <a:pt x="299" y="115"/>
                      </a:lnTo>
                      <a:lnTo>
                        <a:pt x="299" y="111"/>
                      </a:lnTo>
                      <a:lnTo>
                        <a:pt x="299" y="108"/>
                      </a:lnTo>
                      <a:lnTo>
                        <a:pt x="299" y="106"/>
                      </a:lnTo>
                      <a:lnTo>
                        <a:pt x="299" y="98"/>
                      </a:lnTo>
                      <a:lnTo>
                        <a:pt x="296" y="93"/>
                      </a:lnTo>
                      <a:lnTo>
                        <a:pt x="294" y="86"/>
                      </a:lnTo>
                      <a:lnTo>
                        <a:pt x="291" y="81"/>
                      </a:lnTo>
                      <a:lnTo>
                        <a:pt x="287" y="78"/>
                      </a:lnTo>
                      <a:lnTo>
                        <a:pt x="286" y="74"/>
                      </a:lnTo>
                      <a:lnTo>
                        <a:pt x="284" y="72"/>
                      </a:lnTo>
                      <a:lnTo>
                        <a:pt x="282" y="72"/>
                      </a:lnTo>
                      <a:lnTo>
                        <a:pt x="296" y="72"/>
                      </a:lnTo>
                      <a:lnTo>
                        <a:pt x="301" y="67"/>
                      </a:lnTo>
                      <a:lnTo>
                        <a:pt x="301" y="66"/>
                      </a:lnTo>
                      <a:lnTo>
                        <a:pt x="301" y="64"/>
                      </a:lnTo>
                      <a:lnTo>
                        <a:pt x="301" y="61"/>
                      </a:lnTo>
                      <a:lnTo>
                        <a:pt x="301" y="59"/>
                      </a:lnTo>
                      <a:lnTo>
                        <a:pt x="299" y="56"/>
                      </a:lnTo>
                      <a:lnTo>
                        <a:pt x="298" y="52"/>
                      </a:lnTo>
                      <a:lnTo>
                        <a:pt x="299" y="52"/>
                      </a:lnTo>
                      <a:lnTo>
                        <a:pt x="301" y="52"/>
                      </a:lnTo>
                      <a:lnTo>
                        <a:pt x="303" y="52"/>
                      </a:lnTo>
                      <a:lnTo>
                        <a:pt x="303" y="54"/>
                      </a:lnTo>
                      <a:lnTo>
                        <a:pt x="304" y="56"/>
                      </a:lnTo>
                      <a:lnTo>
                        <a:pt x="306" y="59"/>
                      </a:lnTo>
                      <a:lnTo>
                        <a:pt x="306" y="61"/>
                      </a:lnTo>
                      <a:lnTo>
                        <a:pt x="308" y="61"/>
                      </a:lnTo>
                      <a:lnTo>
                        <a:pt x="309" y="59"/>
                      </a:lnTo>
                      <a:lnTo>
                        <a:pt x="309" y="57"/>
                      </a:lnTo>
                      <a:lnTo>
                        <a:pt x="311" y="56"/>
                      </a:lnTo>
                      <a:lnTo>
                        <a:pt x="321" y="42"/>
                      </a:lnTo>
                      <a:lnTo>
                        <a:pt x="320" y="40"/>
                      </a:lnTo>
                      <a:lnTo>
                        <a:pt x="320" y="39"/>
                      </a:lnTo>
                      <a:lnTo>
                        <a:pt x="320" y="35"/>
                      </a:lnTo>
                      <a:lnTo>
                        <a:pt x="320" y="34"/>
                      </a:lnTo>
                      <a:lnTo>
                        <a:pt x="320" y="32"/>
                      </a:lnTo>
                      <a:lnTo>
                        <a:pt x="320" y="28"/>
                      </a:lnTo>
                      <a:lnTo>
                        <a:pt x="325" y="23"/>
                      </a:lnTo>
                      <a:lnTo>
                        <a:pt x="328" y="22"/>
                      </a:lnTo>
                      <a:lnTo>
                        <a:pt x="330" y="20"/>
                      </a:lnTo>
                      <a:lnTo>
                        <a:pt x="331" y="22"/>
                      </a:lnTo>
                      <a:lnTo>
                        <a:pt x="331" y="23"/>
                      </a:lnTo>
                      <a:lnTo>
                        <a:pt x="331" y="25"/>
                      </a:lnTo>
                      <a:lnTo>
                        <a:pt x="331" y="27"/>
                      </a:lnTo>
                      <a:lnTo>
                        <a:pt x="330" y="27"/>
                      </a:lnTo>
                      <a:lnTo>
                        <a:pt x="330" y="32"/>
                      </a:lnTo>
                      <a:lnTo>
                        <a:pt x="330" y="35"/>
                      </a:lnTo>
                      <a:lnTo>
                        <a:pt x="333" y="35"/>
                      </a:lnTo>
                      <a:lnTo>
                        <a:pt x="335" y="34"/>
                      </a:lnTo>
                      <a:lnTo>
                        <a:pt x="337" y="32"/>
                      </a:lnTo>
                      <a:lnTo>
                        <a:pt x="338" y="30"/>
                      </a:lnTo>
                      <a:lnTo>
                        <a:pt x="340" y="30"/>
                      </a:lnTo>
                      <a:lnTo>
                        <a:pt x="338" y="34"/>
                      </a:lnTo>
                      <a:lnTo>
                        <a:pt x="338" y="37"/>
                      </a:lnTo>
                      <a:lnTo>
                        <a:pt x="337" y="39"/>
                      </a:lnTo>
                      <a:lnTo>
                        <a:pt x="333" y="42"/>
                      </a:lnTo>
                      <a:lnTo>
                        <a:pt x="331" y="44"/>
                      </a:lnTo>
                      <a:lnTo>
                        <a:pt x="330" y="45"/>
                      </a:lnTo>
                      <a:lnTo>
                        <a:pt x="330" y="47"/>
                      </a:lnTo>
                      <a:lnTo>
                        <a:pt x="328" y="47"/>
                      </a:lnTo>
                      <a:lnTo>
                        <a:pt x="323" y="52"/>
                      </a:lnTo>
                      <a:lnTo>
                        <a:pt x="320" y="59"/>
                      </a:lnTo>
                      <a:lnTo>
                        <a:pt x="316" y="66"/>
                      </a:lnTo>
                      <a:lnTo>
                        <a:pt x="316" y="72"/>
                      </a:lnTo>
                      <a:lnTo>
                        <a:pt x="316" y="79"/>
                      </a:lnTo>
                      <a:lnTo>
                        <a:pt x="316" y="84"/>
                      </a:lnTo>
                      <a:lnTo>
                        <a:pt x="318" y="88"/>
                      </a:lnTo>
                      <a:lnTo>
                        <a:pt x="318" y="89"/>
                      </a:lnTo>
                      <a:lnTo>
                        <a:pt x="321" y="88"/>
                      </a:lnTo>
                      <a:lnTo>
                        <a:pt x="323" y="86"/>
                      </a:lnTo>
                      <a:lnTo>
                        <a:pt x="326" y="83"/>
                      </a:lnTo>
                      <a:lnTo>
                        <a:pt x="328" y="79"/>
                      </a:lnTo>
                      <a:lnTo>
                        <a:pt x="330" y="76"/>
                      </a:lnTo>
                      <a:lnTo>
                        <a:pt x="331" y="72"/>
                      </a:lnTo>
                      <a:lnTo>
                        <a:pt x="333" y="71"/>
                      </a:lnTo>
                      <a:lnTo>
                        <a:pt x="333" y="69"/>
                      </a:lnTo>
                      <a:lnTo>
                        <a:pt x="335" y="72"/>
                      </a:lnTo>
                      <a:lnTo>
                        <a:pt x="335" y="76"/>
                      </a:lnTo>
                      <a:lnTo>
                        <a:pt x="333" y="79"/>
                      </a:lnTo>
                      <a:lnTo>
                        <a:pt x="331" y="83"/>
                      </a:lnTo>
                      <a:lnTo>
                        <a:pt x="330" y="86"/>
                      </a:lnTo>
                      <a:lnTo>
                        <a:pt x="328" y="88"/>
                      </a:lnTo>
                      <a:lnTo>
                        <a:pt x="328" y="89"/>
                      </a:lnTo>
                      <a:lnTo>
                        <a:pt x="326" y="89"/>
                      </a:lnTo>
                      <a:lnTo>
                        <a:pt x="326" y="91"/>
                      </a:lnTo>
                      <a:lnTo>
                        <a:pt x="326" y="93"/>
                      </a:lnTo>
                      <a:lnTo>
                        <a:pt x="326" y="96"/>
                      </a:lnTo>
                      <a:lnTo>
                        <a:pt x="326" y="100"/>
                      </a:lnTo>
                      <a:lnTo>
                        <a:pt x="326" y="103"/>
                      </a:lnTo>
                      <a:lnTo>
                        <a:pt x="326" y="106"/>
                      </a:lnTo>
                      <a:lnTo>
                        <a:pt x="325" y="110"/>
                      </a:lnTo>
                      <a:lnTo>
                        <a:pt x="320" y="116"/>
                      </a:lnTo>
                      <a:lnTo>
                        <a:pt x="318" y="120"/>
                      </a:lnTo>
                      <a:lnTo>
                        <a:pt x="316" y="123"/>
                      </a:lnTo>
                      <a:lnTo>
                        <a:pt x="316" y="125"/>
                      </a:lnTo>
                      <a:lnTo>
                        <a:pt x="318" y="127"/>
                      </a:lnTo>
                      <a:lnTo>
                        <a:pt x="320" y="127"/>
                      </a:lnTo>
                      <a:lnTo>
                        <a:pt x="330" y="132"/>
                      </a:lnTo>
                      <a:lnTo>
                        <a:pt x="337" y="137"/>
                      </a:lnTo>
                      <a:lnTo>
                        <a:pt x="340" y="140"/>
                      </a:lnTo>
                      <a:lnTo>
                        <a:pt x="342" y="142"/>
                      </a:lnTo>
                      <a:lnTo>
                        <a:pt x="342" y="144"/>
                      </a:lnTo>
                      <a:lnTo>
                        <a:pt x="340" y="145"/>
                      </a:lnTo>
                      <a:lnTo>
                        <a:pt x="338" y="145"/>
                      </a:lnTo>
                      <a:lnTo>
                        <a:pt x="337" y="145"/>
                      </a:lnTo>
                      <a:lnTo>
                        <a:pt x="331" y="145"/>
                      </a:lnTo>
                      <a:lnTo>
                        <a:pt x="328" y="147"/>
                      </a:lnTo>
                      <a:lnTo>
                        <a:pt x="325" y="147"/>
                      </a:lnTo>
                      <a:lnTo>
                        <a:pt x="325" y="149"/>
                      </a:lnTo>
                      <a:lnTo>
                        <a:pt x="325" y="150"/>
                      </a:lnTo>
                      <a:lnTo>
                        <a:pt x="325" y="152"/>
                      </a:lnTo>
                      <a:lnTo>
                        <a:pt x="326" y="152"/>
                      </a:lnTo>
                      <a:lnTo>
                        <a:pt x="333" y="152"/>
                      </a:lnTo>
                      <a:lnTo>
                        <a:pt x="337" y="154"/>
                      </a:lnTo>
                      <a:lnTo>
                        <a:pt x="337" y="155"/>
                      </a:lnTo>
                      <a:lnTo>
                        <a:pt x="335" y="157"/>
                      </a:lnTo>
                      <a:lnTo>
                        <a:pt x="331" y="159"/>
                      </a:lnTo>
                      <a:lnTo>
                        <a:pt x="328" y="160"/>
                      </a:lnTo>
                      <a:lnTo>
                        <a:pt x="326" y="160"/>
                      </a:lnTo>
                      <a:lnTo>
                        <a:pt x="325" y="162"/>
                      </a:lnTo>
                      <a:lnTo>
                        <a:pt x="325" y="166"/>
                      </a:lnTo>
                      <a:lnTo>
                        <a:pt x="335" y="177"/>
                      </a:lnTo>
                      <a:lnTo>
                        <a:pt x="337" y="176"/>
                      </a:lnTo>
                      <a:lnTo>
                        <a:pt x="338" y="176"/>
                      </a:lnTo>
                      <a:lnTo>
                        <a:pt x="340" y="174"/>
                      </a:lnTo>
                      <a:lnTo>
                        <a:pt x="342" y="176"/>
                      </a:lnTo>
                      <a:lnTo>
                        <a:pt x="345" y="177"/>
                      </a:lnTo>
                      <a:lnTo>
                        <a:pt x="347" y="181"/>
                      </a:lnTo>
                      <a:lnTo>
                        <a:pt x="348" y="182"/>
                      </a:lnTo>
                      <a:lnTo>
                        <a:pt x="348" y="184"/>
                      </a:lnTo>
                      <a:lnTo>
                        <a:pt x="350" y="186"/>
                      </a:lnTo>
                      <a:lnTo>
                        <a:pt x="352" y="188"/>
                      </a:lnTo>
                      <a:lnTo>
                        <a:pt x="355" y="188"/>
                      </a:lnTo>
                      <a:lnTo>
                        <a:pt x="359" y="186"/>
                      </a:lnTo>
                      <a:lnTo>
                        <a:pt x="360" y="186"/>
                      </a:lnTo>
                      <a:lnTo>
                        <a:pt x="359" y="184"/>
                      </a:lnTo>
                      <a:lnTo>
                        <a:pt x="359" y="182"/>
                      </a:lnTo>
                      <a:lnTo>
                        <a:pt x="357" y="179"/>
                      </a:lnTo>
                      <a:lnTo>
                        <a:pt x="355" y="176"/>
                      </a:lnTo>
                      <a:lnTo>
                        <a:pt x="357" y="174"/>
                      </a:lnTo>
                      <a:lnTo>
                        <a:pt x="359" y="172"/>
                      </a:lnTo>
                      <a:lnTo>
                        <a:pt x="360" y="171"/>
                      </a:lnTo>
                      <a:lnTo>
                        <a:pt x="362" y="171"/>
                      </a:lnTo>
                      <a:lnTo>
                        <a:pt x="364" y="171"/>
                      </a:lnTo>
                      <a:lnTo>
                        <a:pt x="364" y="177"/>
                      </a:lnTo>
                      <a:lnTo>
                        <a:pt x="364" y="182"/>
                      </a:lnTo>
                      <a:lnTo>
                        <a:pt x="365" y="184"/>
                      </a:lnTo>
                      <a:lnTo>
                        <a:pt x="367" y="186"/>
                      </a:lnTo>
                      <a:lnTo>
                        <a:pt x="369" y="184"/>
                      </a:lnTo>
                      <a:lnTo>
                        <a:pt x="370" y="182"/>
                      </a:lnTo>
                      <a:lnTo>
                        <a:pt x="372" y="182"/>
                      </a:lnTo>
                      <a:lnTo>
                        <a:pt x="372" y="181"/>
                      </a:lnTo>
                      <a:lnTo>
                        <a:pt x="374" y="181"/>
                      </a:lnTo>
                      <a:lnTo>
                        <a:pt x="375" y="182"/>
                      </a:lnTo>
                      <a:lnTo>
                        <a:pt x="377" y="184"/>
                      </a:lnTo>
                      <a:lnTo>
                        <a:pt x="370" y="191"/>
                      </a:lnTo>
                      <a:lnTo>
                        <a:pt x="369" y="194"/>
                      </a:lnTo>
                      <a:lnTo>
                        <a:pt x="369" y="198"/>
                      </a:lnTo>
                      <a:lnTo>
                        <a:pt x="372" y="198"/>
                      </a:lnTo>
                      <a:lnTo>
                        <a:pt x="375" y="196"/>
                      </a:lnTo>
                      <a:lnTo>
                        <a:pt x="379" y="194"/>
                      </a:lnTo>
                      <a:lnTo>
                        <a:pt x="382" y="193"/>
                      </a:lnTo>
                      <a:lnTo>
                        <a:pt x="382" y="194"/>
                      </a:lnTo>
                      <a:lnTo>
                        <a:pt x="382" y="198"/>
                      </a:lnTo>
                      <a:lnTo>
                        <a:pt x="382" y="199"/>
                      </a:lnTo>
                      <a:lnTo>
                        <a:pt x="382" y="203"/>
                      </a:lnTo>
                      <a:lnTo>
                        <a:pt x="382" y="204"/>
                      </a:lnTo>
                      <a:lnTo>
                        <a:pt x="382" y="206"/>
                      </a:lnTo>
                      <a:lnTo>
                        <a:pt x="381" y="211"/>
                      </a:lnTo>
                      <a:lnTo>
                        <a:pt x="381" y="215"/>
                      </a:lnTo>
                      <a:lnTo>
                        <a:pt x="381" y="218"/>
                      </a:lnTo>
                      <a:lnTo>
                        <a:pt x="382" y="220"/>
                      </a:lnTo>
                      <a:lnTo>
                        <a:pt x="384" y="221"/>
                      </a:lnTo>
                      <a:lnTo>
                        <a:pt x="386" y="223"/>
                      </a:lnTo>
                      <a:lnTo>
                        <a:pt x="387" y="223"/>
                      </a:lnTo>
                      <a:lnTo>
                        <a:pt x="394" y="220"/>
                      </a:lnTo>
                      <a:lnTo>
                        <a:pt x="397" y="216"/>
                      </a:lnTo>
                      <a:lnTo>
                        <a:pt x="399" y="215"/>
                      </a:lnTo>
                      <a:lnTo>
                        <a:pt x="403" y="211"/>
                      </a:lnTo>
                      <a:lnTo>
                        <a:pt x="406" y="210"/>
                      </a:lnTo>
                      <a:lnTo>
                        <a:pt x="409" y="206"/>
                      </a:lnTo>
                      <a:lnTo>
                        <a:pt x="413" y="204"/>
                      </a:lnTo>
                      <a:lnTo>
                        <a:pt x="418" y="203"/>
                      </a:lnTo>
                      <a:lnTo>
                        <a:pt x="425" y="203"/>
                      </a:lnTo>
                      <a:lnTo>
                        <a:pt x="430" y="198"/>
                      </a:lnTo>
                      <a:lnTo>
                        <a:pt x="431" y="171"/>
                      </a:lnTo>
                      <a:lnTo>
                        <a:pt x="436" y="171"/>
                      </a:lnTo>
                      <a:lnTo>
                        <a:pt x="440" y="145"/>
                      </a:lnTo>
                      <a:lnTo>
                        <a:pt x="441" y="144"/>
                      </a:lnTo>
                      <a:lnTo>
                        <a:pt x="443" y="144"/>
                      </a:lnTo>
                      <a:lnTo>
                        <a:pt x="443" y="145"/>
                      </a:lnTo>
                      <a:lnTo>
                        <a:pt x="443" y="155"/>
                      </a:lnTo>
                      <a:lnTo>
                        <a:pt x="441" y="164"/>
                      </a:lnTo>
                      <a:lnTo>
                        <a:pt x="441" y="172"/>
                      </a:lnTo>
                      <a:lnTo>
                        <a:pt x="440" y="179"/>
                      </a:lnTo>
                      <a:lnTo>
                        <a:pt x="438" y="184"/>
                      </a:lnTo>
                      <a:lnTo>
                        <a:pt x="438" y="189"/>
                      </a:lnTo>
                      <a:lnTo>
                        <a:pt x="436" y="194"/>
                      </a:lnTo>
                      <a:lnTo>
                        <a:pt x="436" y="198"/>
                      </a:lnTo>
                      <a:lnTo>
                        <a:pt x="435" y="201"/>
                      </a:lnTo>
                      <a:lnTo>
                        <a:pt x="435" y="203"/>
                      </a:lnTo>
                      <a:lnTo>
                        <a:pt x="435" y="204"/>
                      </a:lnTo>
                      <a:lnTo>
                        <a:pt x="433" y="206"/>
                      </a:lnTo>
                      <a:lnTo>
                        <a:pt x="433" y="208"/>
                      </a:lnTo>
                      <a:lnTo>
                        <a:pt x="433" y="210"/>
                      </a:lnTo>
                      <a:lnTo>
                        <a:pt x="433" y="215"/>
                      </a:lnTo>
                      <a:lnTo>
                        <a:pt x="433" y="216"/>
                      </a:lnTo>
                      <a:lnTo>
                        <a:pt x="433" y="218"/>
                      </a:lnTo>
                      <a:lnTo>
                        <a:pt x="435" y="216"/>
                      </a:lnTo>
                      <a:lnTo>
                        <a:pt x="435" y="215"/>
                      </a:lnTo>
                      <a:lnTo>
                        <a:pt x="436" y="215"/>
                      </a:lnTo>
                      <a:lnTo>
                        <a:pt x="436" y="213"/>
                      </a:lnTo>
                      <a:lnTo>
                        <a:pt x="438" y="211"/>
                      </a:lnTo>
                      <a:lnTo>
                        <a:pt x="440" y="206"/>
                      </a:lnTo>
                      <a:lnTo>
                        <a:pt x="441" y="203"/>
                      </a:lnTo>
                      <a:lnTo>
                        <a:pt x="443" y="198"/>
                      </a:lnTo>
                      <a:lnTo>
                        <a:pt x="443" y="191"/>
                      </a:lnTo>
                      <a:lnTo>
                        <a:pt x="445" y="186"/>
                      </a:lnTo>
                      <a:lnTo>
                        <a:pt x="447" y="179"/>
                      </a:lnTo>
                      <a:lnTo>
                        <a:pt x="447" y="172"/>
                      </a:lnTo>
                      <a:lnTo>
                        <a:pt x="447" y="167"/>
                      </a:lnTo>
                      <a:lnTo>
                        <a:pt x="447" y="160"/>
                      </a:lnTo>
                      <a:lnTo>
                        <a:pt x="447" y="155"/>
                      </a:lnTo>
                      <a:lnTo>
                        <a:pt x="448" y="150"/>
                      </a:lnTo>
                      <a:lnTo>
                        <a:pt x="448" y="147"/>
                      </a:lnTo>
                      <a:lnTo>
                        <a:pt x="448" y="144"/>
                      </a:lnTo>
                      <a:lnTo>
                        <a:pt x="448" y="142"/>
                      </a:lnTo>
                      <a:lnTo>
                        <a:pt x="386" y="154"/>
                      </a:lnTo>
                      <a:lnTo>
                        <a:pt x="345" y="0"/>
                      </a:lnTo>
                      <a:lnTo>
                        <a:pt x="0" y="66"/>
                      </a:lnTo>
                      <a:lnTo>
                        <a:pt x="10" y="127"/>
                      </a:lnTo>
                      <a:lnTo>
                        <a:pt x="45" y="94"/>
                      </a:lnTo>
                      <a:lnTo>
                        <a:pt x="45" y="96"/>
                      </a:lnTo>
                      <a:lnTo>
                        <a:pt x="47" y="96"/>
                      </a:lnTo>
                      <a:lnTo>
                        <a:pt x="49" y="96"/>
                      </a:lnTo>
                      <a:lnTo>
                        <a:pt x="52" y="94"/>
                      </a:lnTo>
                      <a:lnTo>
                        <a:pt x="57" y="89"/>
                      </a:lnTo>
                      <a:lnTo>
                        <a:pt x="62" y="83"/>
                      </a:lnTo>
                      <a:lnTo>
                        <a:pt x="69" y="71"/>
                      </a:lnTo>
                      <a:lnTo>
                        <a:pt x="71" y="71"/>
                      </a:lnTo>
                      <a:lnTo>
                        <a:pt x="74" y="72"/>
                      </a:lnTo>
                      <a:lnTo>
                        <a:pt x="79" y="74"/>
                      </a:lnTo>
                      <a:lnTo>
                        <a:pt x="84" y="74"/>
                      </a:lnTo>
                      <a:lnTo>
                        <a:pt x="89" y="74"/>
                      </a:lnTo>
                      <a:lnTo>
                        <a:pt x="96" y="72"/>
                      </a:lnTo>
                      <a:lnTo>
                        <a:pt x="101" y="67"/>
                      </a:lnTo>
                      <a:lnTo>
                        <a:pt x="106" y="61"/>
                      </a:lnTo>
                      <a:lnTo>
                        <a:pt x="108" y="59"/>
                      </a:lnTo>
                      <a:lnTo>
                        <a:pt x="108" y="57"/>
                      </a:lnTo>
                      <a:lnTo>
                        <a:pt x="111" y="54"/>
                      </a:lnTo>
                      <a:lnTo>
                        <a:pt x="115" y="52"/>
                      </a:lnTo>
                      <a:lnTo>
                        <a:pt x="120" y="50"/>
                      </a:lnTo>
                      <a:lnTo>
                        <a:pt x="125" y="50"/>
                      </a:lnTo>
                      <a:lnTo>
                        <a:pt x="133" y="52"/>
                      </a:lnTo>
                      <a:lnTo>
                        <a:pt x="144" y="56"/>
                      </a:lnTo>
                      <a:lnTo>
                        <a:pt x="145" y="56"/>
                      </a:lnTo>
                      <a:lnTo>
                        <a:pt x="147" y="56"/>
                      </a:lnTo>
                      <a:lnTo>
                        <a:pt x="149" y="56"/>
                      </a:lnTo>
                      <a:lnTo>
                        <a:pt x="150" y="56"/>
                      </a:lnTo>
                      <a:lnTo>
                        <a:pt x="154" y="56"/>
                      </a:lnTo>
                      <a:lnTo>
                        <a:pt x="155" y="56"/>
                      </a:lnTo>
                      <a:lnTo>
                        <a:pt x="157" y="56"/>
                      </a:lnTo>
                      <a:lnTo>
                        <a:pt x="159" y="62"/>
                      </a:lnTo>
                      <a:lnTo>
                        <a:pt x="161" y="64"/>
                      </a:lnTo>
                      <a:lnTo>
                        <a:pt x="164" y="66"/>
                      </a:lnTo>
                      <a:lnTo>
                        <a:pt x="167" y="69"/>
                      </a:lnTo>
                      <a:lnTo>
                        <a:pt x="171" y="72"/>
                      </a:lnTo>
                      <a:lnTo>
                        <a:pt x="174" y="78"/>
                      </a:lnTo>
                      <a:lnTo>
                        <a:pt x="176" y="83"/>
                      </a:lnTo>
                      <a:lnTo>
                        <a:pt x="176" y="88"/>
                      </a:lnTo>
                      <a:lnTo>
                        <a:pt x="172" y="93"/>
                      </a:lnTo>
                      <a:lnTo>
                        <a:pt x="174" y="91"/>
                      </a:lnTo>
                      <a:lnTo>
                        <a:pt x="176" y="89"/>
                      </a:lnTo>
                      <a:lnTo>
                        <a:pt x="179" y="89"/>
                      </a:lnTo>
                      <a:lnTo>
                        <a:pt x="184" y="88"/>
                      </a:lnTo>
                      <a:lnTo>
                        <a:pt x="188" y="86"/>
                      </a:lnTo>
                      <a:lnTo>
                        <a:pt x="193" y="86"/>
                      </a:lnTo>
                      <a:lnTo>
                        <a:pt x="196" y="89"/>
                      </a:lnTo>
                      <a:lnTo>
                        <a:pt x="199" y="93"/>
                      </a:lnTo>
                      <a:lnTo>
                        <a:pt x="199" y="94"/>
                      </a:lnTo>
                      <a:lnTo>
                        <a:pt x="198" y="98"/>
                      </a:lnTo>
                      <a:lnTo>
                        <a:pt x="198" y="100"/>
                      </a:lnTo>
                      <a:lnTo>
                        <a:pt x="198" y="103"/>
                      </a:lnTo>
                      <a:lnTo>
                        <a:pt x="198" y="108"/>
                      </a:lnTo>
                      <a:lnTo>
                        <a:pt x="203" y="110"/>
                      </a:lnTo>
                      <a:lnTo>
                        <a:pt x="210" y="113"/>
                      </a:lnTo>
                      <a:lnTo>
                        <a:pt x="221" y="113"/>
                      </a:lnTo>
                      <a:lnTo>
                        <a:pt x="223" y="113"/>
                      </a:lnTo>
                      <a:lnTo>
                        <a:pt x="227" y="115"/>
                      </a:lnTo>
                      <a:lnTo>
                        <a:pt x="228" y="115"/>
                      </a:lnTo>
                      <a:lnTo>
                        <a:pt x="230" y="116"/>
                      </a:lnTo>
                      <a:lnTo>
                        <a:pt x="233" y="118"/>
                      </a:lnTo>
                      <a:lnTo>
                        <a:pt x="237" y="120"/>
                      </a:lnTo>
                      <a:lnTo>
                        <a:pt x="240" y="122"/>
                      </a:lnTo>
                      <a:lnTo>
                        <a:pt x="247" y="11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29" name="Freeform 75"/>
                <p:cNvSpPr>
                  <a:spLocks/>
                </p:cNvSpPr>
                <p:nvPr/>
              </p:nvSpPr>
              <p:spPr bwMode="auto">
                <a:xfrm>
                  <a:off x="4487" y="1686"/>
                  <a:ext cx="448" cy="223"/>
                </a:xfrm>
                <a:custGeom>
                  <a:avLst/>
                  <a:gdLst>
                    <a:gd name="T0" fmla="*/ 249 w 448"/>
                    <a:gd name="T1" fmla="*/ 155 h 223"/>
                    <a:gd name="T2" fmla="*/ 238 w 448"/>
                    <a:gd name="T3" fmla="*/ 189 h 223"/>
                    <a:gd name="T4" fmla="*/ 252 w 448"/>
                    <a:gd name="T5" fmla="*/ 186 h 223"/>
                    <a:gd name="T6" fmla="*/ 274 w 448"/>
                    <a:gd name="T7" fmla="*/ 201 h 223"/>
                    <a:gd name="T8" fmla="*/ 286 w 448"/>
                    <a:gd name="T9" fmla="*/ 201 h 223"/>
                    <a:gd name="T10" fmla="*/ 331 w 448"/>
                    <a:gd name="T11" fmla="*/ 216 h 223"/>
                    <a:gd name="T12" fmla="*/ 291 w 448"/>
                    <a:gd name="T13" fmla="*/ 167 h 223"/>
                    <a:gd name="T14" fmla="*/ 316 w 448"/>
                    <a:gd name="T15" fmla="*/ 182 h 223"/>
                    <a:gd name="T16" fmla="*/ 315 w 448"/>
                    <a:gd name="T17" fmla="*/ 172 h 223"/>
                    <a:gd name="T18" fmla="*/ 298 w 448"/>
                    <a:gd name="T19" fmla="*/ 132 h 223"/>
                    <a:gd name="T20" fmla="*/ 299 w 448"/>
                    <a:gd name="T21" fmla="*/ 106 h 223"/>
                    <a:gd name="T22" fmla="*/ 284 w 448"/>
                    <a:gd name="T23" fmla="*/ 72 h 223"/>
                    <a:gd name="T24" fmla="*/ 301 w 448"/>
                    <a:gd name="T25" fmla="*/ 59 h 223"/>
                    <a:gd name="T26" fmla="*/ 304 w 448"/>
                    <a:gd name="T27" fmla="*/ 56 h 223"/>
                    <a:gd name="T28" fmla="*/ 309 w 448"/>
                    <a:gd name="T29" fmla="*/ 57 h 223"/>
                    <a:gd name="T30" fmla="*/ 320 w 448"/>
                    <a:gd name="T31" fmla="*/ 35 h 223"/>
                    <a:gd name="T32" fmla="*/ 330 w 448"/>
                    <a:gd name="T33" fmla="*/ 20 h 223"/>
                    <a:gd name="T34" fmla="*/ 330 w 448"/>
                    <a:gd name="T35" fmla="*/ 35 h 223"/>
                    <a:gd name="T36" fmla="*/ 338 w 448"/>
                    <a:gd name="T37" fmla="*/ 34 h 223"/>
                    <a:gd name="T38" fmla="*/ 328 w 448"/>
                    <a:gd name="T39" fmla="*/ 47 h 223"/>
                    <a:gd name="T40" fmla="*/ 318 w 448"/>
                    <a:gd name="T41" fmla="*/ 89 h 223"/>
                    <a:gd name="T42" fmla="*/ 333 w 448"/>
                    <a:gd name="T43" fmla="*/ 71 h 223"/>
                    <a:gd name="T44" fmla="*/ 328 w 448"/>
                    <a:gd name="T45" fmla="*/ 88 h 223"/>
                    <a:gd name="T46" fmla="*/ 326 w 448"/>
                    <a:gd name="T47" fmla="*/ 103 h 223"/>
                    <a:gd name="T48" fmla="*/ 316 w 448"/>
                    <a:gd name="T49" fmla="*/ 125 h 223"/>
                    <a:gd name="T50" fmla="*/ 340 w 448"/>
                    <a:gd name="T51" fmla="*/ 140 h 223"/>
                    <a:gd name="T52" fmla="*/ 328 w 448"/>
                    <a:gd name="T53" fmla="*/ 147 h 223"/>
                    <a:gd name="T54" fmla="*/ 333 w 448"/>
                    <a:gd name="T55" fmla="*/ 152 h 223"/>
                    <a:gd name="T56" fmla="*/ 325 w 448"/>
                    <a:gd name="T57" fmla="*/ 166 h 223"/>
                    <a:gd name="T58" fmla="*/ 342 w 448"/>
                    <a:gd name="T59" fmla="*/ 176 h 223"/>
                    <a:gd name="T60" fmla="*/ 352 w 448"/>
                    <a:gd name="T61" fmla="*/ 188 h 223"/>
                    <a:gd name="T62" fmla="*/ 359 w 448"/>
                    <a:gd name="T63" fmla="*/ 182 h 223"/>
                    <a:gd name="T64" fmla="*/ 362 w 448"/>
                    <a:gd name="T65" fmla="*/ 171 h 223"/>
                    <a:gd name="T66" fmla="*/ 370 w 448"/>
                    <a:gd name="T67" fmla="*/ 182 h 223"/>
                    <a:gd name="T68" fmla="*/ 377 w 448"/>
                    <a:gd name="T69" fmla="*/ 184 h 223"/>
                    <a:gd name="T70" fmla="*/ 382 w 448"/>
                    <a:gd name="T71" fmla="*/ 193 h 223"/>
                    <a:gd name="T72" fmla="*/ 382 w 448"/>
                    <a:gd name="T73" fmla="*/ 206 h 223"/>
                    <a:gd name="T74" fmla="*/ 386 w 448"/>
                    <a:gd name="T75" fmla="*/ 223 h 223"/>
                    <a:gd name="T76" fmla="*/ 403 w 448"/>
                    <a:gd name="T77" fmla="*/ 211 h 223"/>
                    <a:gd name="T78" fmla="*/ 436 w 448"/>
                    <a:gd name="T79" fmla="*/ 171 h 223"/>
                    <a:gd name="T80" fmla="*/ 443 w 448"/>
                    <a:gd name="T81" fmla="*/ 155 h 223"/>
                    <a:gd name="T82" fmla="*/ 435 w 448"/>
                    <a:gd name="T83" fmla="*/ 201 h 223"/>
                    <a:gd name="T84" fmla="*/ 433 w 448"/>
                    <a:gd name="T85" fmla="*/ 210 h 223"/>
                    <a:gd name="T86" fmla="*/ 436 w 448"/>
                    <a:gd name="T87" fmla="*/ 213 h 223"/>
                    <a:gd name="T88" fmla="*/ 447 w 448"/>
                    <a:gd name="T89" fmla="*/ 179 h 223"/>
                    <a:gd name="T90" fmla="*/ 448 w 448"/>
                    <a:gd name="T91" fmla="*/ 142 h 223"/>
                    <a:gd name="T92" fmla="*/ 45 w 448"/>
                    <a:gd name="T93" fmla="*/ 94 h 223"/>
                    <a:gd name="T94" fmla="*/ 62 w 448"/>
                    <a:gd name="T95" fmla="*/ 83 h 223"/>
                    <a:gd name="T96" fmla="*/ 96 w 448"/>
                    <a:gd name="T97" fmla="*/ 72 h 223"/>
                    <a:gd name="T98" fmla="*/ 120 w 448"/>
                    <a:gd name="T99" fmla="*/ 50 h 223"/>
                    <a:gd name="T100" fmla="*/ 150 w 448"/>
                    <a:gd name="T101" fmla="*/ 56 h 223"/>
                    <a:gd name="T102" fmla="*/ 164 w 448"/>
                    <a:gd name="T103" fmla="*/ 66 h 223"/>
                    <a:gd name="T104" fmla="*/ 174 w 448"/>
                    <a:gd name="T105" fmla="*/ 91 h 223"/>
                    <a:gd name="T106" fmla="*/ 199 w 448"/>
                    <a:gd name="T107" fmla="*/ 93 h 223"/>
                    <a:gd name="T108" fmla="*/ 221 w 448"/>
                    <a:gd name="T109" fmla="*/ 113 h 223"/>
                    <a:gd name="T110" fmla="*/ 237 w 448"/>
                    <a:gd name="T111" fmla="*/ 120 h 223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w 448"/>
                    <a:gd name="T169" fmla="*/ 0 h 223"/>
                    <a:gd name="T170" fmla="*/ 448 w 448"/>
                    <a:gd name="T171" fmla="*/ 223 h 223"/>
                  </a:gdLst>
                  <a:ahLst/>
                  <a:cxnLst>
                    <a:cxn ang="T112">
                      <a:pos x="T0" y="T1"/>
                    </a:cxn>
                    <a:cxn ang="T113">
                      <a:pos x="T2" y="T3"/>
                    </a:cxn>
                    <a:cxn ang="T114">
                      <a:pos x="T4" y="T5"/>
                    </a:cxn>
                    <a:cxn ang="T115">
                      <a:pos x="T6" y="T7"/>
                    </a:cxn>
                    <a:cxn ang="T116">
                      <a:pos x="T8" y="T9"/>
                    </a:cxn>
                    <a:cxn ang="T117">
                      <a:pos x="T10" y="T11"/>
                    </a:cxn>
                    <a:cxn ang="T118">
                      <a:pos x="T12" y="T13"/>
                    </a:cxn>
                    <a:cxn ang="T119">
                      <a:pos x="T14" y="T15"/>
                    </a:cxn>
                    <a:cxn ang="T120">
                      <a:pos x="T16" y="T17"/>
                    </a:cxn>
                    <a:cxn ang="T121">
                      <a:pos x="T18" y="T19"/>
                    </a:cxn>
                    <a:cxn ang="T122">
                      <a:pos x="T20" y="T21"/>
                    </a:cxn>
                    <a:cxn ang="T123">
                      <a:pos x="T22" y="T23"/>
                    </a:cxn>
                    <a:cxn ang="T124">
                      <a:pos x="T24" y="T25"/>
                    </a:cxn>
                    <a:cxn ang="T125">
                      <a:pos x="T26" y="T27"/>
                    </a:cxn>
                    <a:cxn ang="T126">
                      <a:pos x="T28" y="T29"/>
                    </a:cxn>
                    <a:cxn ang="T127">
                      <a:pos x="T30" y="T31"/>
                    </a:cxn>
                    <a:cxn ang="T128">
                      <a:pos x="T32" y="T33"/>
                    </a:cxn>
                    <a:cxn ang="T129">
                      <a:pos x="T34" y="T35"/>
                    </a:cxn>
                    <a:cxn ang="T130">
                      <a:pos x="T36" y="T37"/>
                    </a:cxn>
                    <a:cxn ang="T131">
                      <a:pos x="T38" y="T39"/>
                    </a:cxn>
                    <a:cxn ang="T132">
                      <a:pos x="T40" y="T41"/>
                    </a:cxn>
                    <a:cxn ang="T133">
                      <a:pos x="T42" y="T43"/>
                    </a:cxn>
                    <a:cxn ang="T134">
                      <a:pos x="T44" y="T45"/>
                    </a:cxn>
                    <a:cxn ang="T135">
                      <a:pos x="T46" y="T47"/>
                    </a:cxn>
                    <a:cxn ang="T136">
                      <a:pos x="T48" y="T49"/>
                    </a:cxn>
                    <a:cxn ang="T137">
                      <a:pos x="T50" y="T51"/>
                    </a:cxn>
                    <a:cxn ang="T138">
                      <a:pos x="T52" y="T53"/>
                    </a:cxn>
                    <a:cxn ang="T139">
                      <a:pos x="T54" y="T55"/>
                    </a:cxn>
                    <a:cxn ang="T140">
                      <a:pos x="T56" y="T57"/>
                    </a:cxn>
                    <a:cxn ang="T141">
                      <a:pos x="T58" y="T59"/>
                    </a:cxn>
                    <a:cxn ang="T142">
                      <a:pos x="T60" y="T61"/>
                    </a:cxn>
                    <a:cxn ang="T143">
                      <a:pos x="T62" y="T63"/>
                    </a:cxn>
                    <a:cxn ang="T144">
                      <a:pos x="T64" y="T65"/>
                    </a:cxn>
                    <a:cxn ang="T145">
                      <a:pos x="T66" y="T67"/>
                    </a:cxn>
                    <a:cxn ang="T146">
                      <a:pos x="T68" y="T69"/>
                    </a:cxn>
                    <a:cxn ang="T147">
                      <a:pos x="T70" y="T71"/>
                    </a:cxn>
                    <a:cxn ang="T148">
                      <a:pos x="T72" y="T73"/>
                    </a:cxn>
                    <a:cxn ang="T149">
                      <a:pos x="T74" y="T75"/>
                    </a:cxn>
                    <a:cxn ang="T150">
                      <a:pos x="T76" y="T77"/>
                    </a:cxn>
                    <a:cxn ang="T151">
                      <a:pos x="T78" y="T79"/>
                    </a:cxn>
                    <a:cxn ang="T152">
                      <a:pos x="T80" y="T81"/>
                    </a:cxn>
                    <a:cxn ang="T153">
                      <a:pos x="T82" y="T83"/>
                    </a:cxn>
                    <a:cxn ang="T154">
                      <a:pos x="T84" y="T85"/>
                    </a:cxn>
                    <a:cxn ang="T155">
                      <a:pos x="T86" y="T87"/>
                    </a:cxn>
                    <a:cxn ang="T156">
                      <a:pos x="T88" y="T89"/>
                    </a:cxn>
                    <a:cxn ang="T157">
                      <a:pos x="T90" y="T91"/>
                    </a:cxn>
                    <a:cxn ang="T158">
                      <a:pos x="T92" y="T93"/>
                    </a:cxn>
                    <a:cxn ang="T159">
                      <a:pos x="T94" y="T95"/>
                    </a:cxn>
                    <a:cxn ang="T160">
                      <a:pos x="T96" y="T97"/>
                    </a:cxn>
                    <a:cxn ang="T161">
                      <a:pos x="T98" y="T99"/>
                    </a:cxn>
                    <a:cxn ang="T162">
                      <a:pos x="T100" y="T101"/>
                    </a:cxn>
                    <a:cxn ang="T163">
                      <a:pos x="T102" y="T103"/>
                    </a:cxn>
                    <a:cxn ang="T164">
                      <a:pos x="T104" y="T105"/>
                    </a:cxn>
                    <a:cxn ang="T165">
                      <a:pos x="T106" y="T107"/>
                    </a:cxn>
                    <a:cxn ang="T166">
                      <a:pos x="T108" y="T109"/>
                    </a:cxn>
                    <a:cxn ang="T167">
                      <a:pos x="T110" y="T111"/>
                    </a:cxn>
                  </a:cxnLst>
                  <a:rect l="T168" t="T169" r="T170" b="T171"/>
                  <a:pathLst>
                    <a:path w="448" h="223">
                      <a:moveTo>
                        <a:pt x="247" y="115"/>
                      </a:moveTo>
                      <a:lnTo>
                        <a:pt x="260" y="123"/>
                      </a:lnTo>
                      <a:lnTo>
                        <a:pt x="252" y="137"/>
                      </a:lnTo>
                      <a:lnTo>
                        <a:pt x="252" y="145"/>
                      </a:lnTo>
                      <a:lnTo>
                        <a:pt x="252" y="147"/>
                      </a:lnTo>
                      <a:lnTo>
                        <a:pt x="250" y="150"/>
                      </a:lnTo>
                      <a:lnTo>
                        <a:pt x="249" y="155"/>
                      </a:lnTo>
                      <a:lnTo>
                        <a:pt x="245" y="162"/>
                      </a:lnTo>
                      <a:lnTo>
                        <a:pt x="243" y="169"/>
                      </a:lnTo>
                      <a:lnTo>
                        <a:pt x="240" y="176"/>
                      </a:lnTo>
                      <a:lnTo>
                        <a:pt x="238" y="179"/>
                      </a:lnTo>
                      <a:lnTo>
                        <a:pt x="238" y="181"/>
                      </a:lnTo>
                      <a:lnTo>
                        <a:pt x="237" y="186"/>
                      </a:lnTo>
                      <a:lnTo>
                        <a:pt x="238" y="189"/>
                      </a:lnTo>
                      <a:lnTo>
                        <a:pt x="240" y="193"/>
                      </a:lnTo>
                      <a:lnTo>
                        <a:pt x="242" y="193"/>
                      </a:lnTo>
                      <a:lnTo>
                        <a:pt x="243" y="193"/>
                      </a:lnTo>
                      <a:lnTo>
                        <a:pt x="247" y="193"/>
                      </a:lnTo>
                      <a:lnTo>
                        <a:pt x="249" y="191"/>
                      </a:lnTo>
                      <a:lnTo>
                        <a:pt x="250" y="191"/>
                      </a:lnTo>
                      <a:lnTo>
                        <a:pt x="252" y="186"/>
                      </a:lnTo>
                      <a:lnTo>
                        <a:pt x="255" y="182"/>
                      </a:lnTo>
                      <a:lnTo>
                        <a:pt x="257" y="182"/>
                      </a:lnTo>
                      <a:lnTo>
                        <a:pt x="259" y="182"/>
                      </a:lnTo>
                      <a:lnTo>
                        <a:pt x="260" y="184"/>
                      </a:lnTo>
                      <a:lnTo>
                        <a:pt x="262" y="186"/>
                      </a:lnTo>
                      <a:lnTo>
                        <a:pt x="264" y="188"/>
                      </a:lnTo>
                      <a:lnTo>
                        <a:pt x="274" y="201"/>
                      </a:lnTo>
                      <a:lnTo>
                        <a:pt x="277" y="201"/>
                      </a:lnTo>
                      <a:lnTo>
                        <a:pt x="277" y="193"/>
                      </a:lnTo>
                      <a:lnTo>
                        <a:pt x="282" y="193"/>
                      </a:lnTo>
                      <a:lnTo>
                        <a:pt x="282" y="194"/>
                      </a:lnTo>
                      <a:lnTo>
                        <a:pt x="284" y="198"/>
                      </a:lnTo>
                      <a:lnTo>
                        <a:pt x="284" y="201"/>
                      </a:lnTo>
                      <a:lnTo>
                        <a:pt x="286" y="201"/>
                      </a:lnTo>
                      <a:lnTo>
                        <a:pt x="298" y="201"/>
                      </a:lnTo>
                      <a:lnTo>
                        <a:pt x="308" y="203"/>
                      </a:lnTo>
                      <a:lnTo>
                        <a:pt x="316" y="204"/>
                      </a:lnTo>
                      <a:lnTo>
                        <a:pt x="321" y="208"/>
                      </a:lnTo>
                      <a:lnTo>
                        <a:pt x="326" y="211"/>
                      </a:lnTo>
                      <a:lnTo>
                        <a:pt x="330" y="215"/>
                      </a:lnTo>
                      <a:lnTo>
                        <a:pt x="331" y="216"/>
                      </a:lnTo>
                      <a:lnTo>
                        <a:pt x="331" y="218"/>
                      </a:lnTo>
                      <a:lnTo>
                        <a:pt x="335" y="210"/>
                      </a:lnTo>
                      <a:lnTo>
                        <a:pt x="326" y="199"/>
                      </a:lnTo>
                      <a:lnTo>
                        <a:pt x="325" y="191"/>
                      </a:lnTo>
                      <a:lnTo>
                        <a:pt x="313" y="188"/>
                      </a:lnTo>
                      <a:lnTo>
                        <a:pt x="299" y="179"/>
                      </a:lnTo>
                      <a:lnTo>
                        <a:pt x="289" y="171"/>
                      </a:lnTo>
                      <a:lnTo>
                        <a:pt x="291" y="167"/>
                      </a:lnTo>
                      <a:lnTo>
                        <a:pt x="299" y="174"/>
                      </a:lnTo>
                      <a:lnTo>
                        <a:pt x="301" y="174"/>
                      </a:lnTo>
                      <a:lnTo>
                        <a:pt x="303" y="176"/>
                      </a:lnTo>
                      <a:lnTo>
                        <a:pt x="306" y="176"/>
                      </a:lnTo>
                      <a:lnTo>
                        <a:pt x="308" y="177"/>
                      </a:lnTo>
                      <a:lnTo>
                        <a:pt x="316" y="182"/>
                      </a:lnTo>
                      <a:lnTo>
                        <a:pt x="321" y="184"/>
                      </a:lnTo>
                      <a:lnTo>
                        <a:pt x="323" y="182"/>
                      </a:lnTo>
                      <a:lnTo>
                        <a:pt x="323" y="181"/>
                      </a:lnTo>
                      <a:lnTo>
                        <a:pt x="321" y="177"/>
                      </a:lnTo>
                      <a:lnTo>
                        <a:pt x="318" y="176"/>
                      </a:lnTo>
                      <a:lnTo>
                        <a:pt x="316" y="172"/>
                      </a:lnTo>
                      <a:lnTo>
                        <a:pt x="315" y="172"/>
                      </a:lnTo>
                      <a:lnTo>
                        <a:pt x="311" y="167"/>
                      </a:lnTo>
                      <a:lnTo>
                        <a:pt x="308" y="164"/>
                      </a:lnTo>
                      <a:lnTo>
                        <a:pt x="304" y="159"/>
                      </a:lnTo>
                      <a:lnTo>
                        <a:pt x="303" y="154"/>
                      </a:lnTo>
                      <a:lnTo>
                        <a:pt x="299" y="149"/>
                      </a:lnTo>
                      <a:lnTo>
                        <a:pt x="299" y="142"/>
                      </a:lnTo>
                      <a:lnTo>
                        <a:pt x="298" y="137"/>
                      </a:lnTo>
                      <a:lnTo>
                        <a:pt x="298" y="132"/>
                      </a:lnTo>
                      <a:lnTo>
                        <a:pt x="298" y="127"/>
                      </a:lnTo>
                      <a:lnTo>
                        <a:pt x="298" y="122"/>
                      </a:lnTo>
                      <a:lnTo>
                        <a:pt x="298" y="118"/>
                      </a:lnTo>
                      <a:lnTo>
                        <a:pt x="299" y="115"/>
                      </a:lnTo>
                      <a:lnTo>
                        <a:pt x="299" y="111"/>
                      </a:lnTo>
                      <a:lnTo>
                        <a:pt x="299" y="108"/>
                      </a:lnTo>
                      <a:lnTo>
                        <a:pt x="299" y="106"/>
                      </a:lnTo>
                      <a:lnTo>
                        <a:pt x="299" y="98"/>
                      </a:lnTo>
                      <a:lnTo>
                        <a:pt x="296" y="93"/>
                      </a:lnTo>
                      <a:lnTo>
                        <a:pt x="294" y="86"/>
                      </a:lnTo>
                      <a:lnTo>
                        <a:pt x="291" y="81"/>
                      </a:lnTo>
                      <a:lnTo>
                        <a:pt x="287" y="78"/>
                      </a:lnTo>
                      <a:lnTo>
                        <a:pt x="286" y="74"/>
                      </a:lnTo>
                      <a:lnTo>
                        <a:pt x="284" y="72"/>
                      </a:lnTo>
                      <a:lnTo>
                        <a:pt x="282" y="72"/>
                      </a:lnTo>
                      <a:lnTo>
                        <a:pt x="296" y="72"/>
                      </a:lnTo>
                      <a:lnTo>
                        <a:pt x="301" y="67"/>
                      </a:lnTo>
                      <a:lnTo>
                        <a:pt x="301" y="66"/>
                      </a:lnTo>
                      <a:lnTo>
                        <a:pt x="301" y="64"/>
                      </a:lnTo>
                      <a:lnTo>
                        <a:pt x="301" y="61"/>
                      </a:lnTo>
                      <a:lnTo>
                        <a:pt x="301" y="59"/>
                      </a:lnTo>
                      <a:lnTo>
                        <a:pt x="299" y="56"/>
                      </a:lnTo>
                      <a:lnTo>
                        <a:pt x="298" y="52"/>
                      </a:lnTo>
                      <a:lnTo>
                        <a:pt x="299" y="52"/>
                      </a:lnTo>
                      <a:lnTo>
                        <a:pt x="301" y="52"/>
                      </a:lnTo>
                      <a:lnTo>
                        <a:pt x="303" y="52"/>
                      </a:lnTo>
                      <a:lnTo>
                        <a:pt x="303" y="54"/>
                      </a:lnTo>
                      <a:lnTo>
                        <a:pt x="304" y="56"/>
                      </a:lnTo>
                      <a:lnTo>
                        <a:pt x="306" y="59"/>
                      </a:lnTo>
                      <a:lnTo>
                        <a:pt x="306" y="61"/>
                      </a:lnTo>
                      <a:lnTo>
                        <a:pt x="308" y="61"/>
                      </a:lnTo>
                      <a:lnTo>
                        <a:pt x="309" y="59"/>
                      </a:lnTo>
                      <a:lnTo>
                        <a:pt x="309" y="57"/>
                      </a:lnTo>
                      <a:lnTo>
                        <a:pt x="311" y="56"/>
                      </a:lnTo>
                      <a:lnTo>
                        <a:pt x="321" y="42"/>
                      </a:lnTo>
                      <a:lnTo>
                        <a:pt x="320" y="40"/>
                      </a:lnTo>
                      <a:lnTo>
                        <a:pt x="320" y="39"/>
                      </a:lnTo>
                      <a:lnTo>
                        <a:pt x="320" y="35"/>
                      </a:lnTo>
                      <a:lnTo>
                        <a:pt x="320" y="34"/>
                      </a:lnTo>
                      <a:lnTo>
                        <a:pt x="320" y="32"/>
                      </a:lnTo>
                      <a:lnTo>
                        <a:pt x="320" y="28"/>
                      </a:lnTo>
                      <a:lnTo>
                        <a:pt x="325" y="23"/>
                      </a:lnTo>
                      <a:lnTo>
                        <a:pt x="328" y="22"/>
                      </a:lnTo>
                      <a:lnTo>
                        <a:pt x="330" y="20"/>
                      </a:lnTo>
                      <a:lnTo>
                        <a:pt x="331" y="22"/>
                      </a:lnTo>
                      <a:lnTo>
                        <a:pt x="331" y="23"/>
                      </a:lnTo>
                      <a:lnTo>
                        <a:pt x="331" y="25"/>
                      </a:lnTo>
                      <a:lnTo>
                        <a:pt x="331" y="27"/>
                      </a:lnTo>
                      <a:lnTo>
                        <a:pt x="330" y="27"/>
                      </a:lnTo>
                      <a:lnTo>
                        <a:pt x="330" y="32"/>
                      </a:lnTo>
                      <a:lnTo>
                        <a:pt x="330" y="35"/>
                      </a:lnTo>
                      <a:lnTo>
                        <a:pt x="333" y="35"/>
                      </a:lnTo>
                      <a:lnTo>
                        <a:pt x="335" y="34"/>
                      </a:lnTo>
                      <a:lnTo>
                        <a:pt x="337" y="32"/>
                      </a:lnTo>
                      <a:lnTo>
                        <a:pt x="338" y="30"/>
                      </a:lnTo>
                      <a:lnTo>
                        <a:pt x="340" y="30"/>
                      </a:lnTo>
                      <a:lnTo>
                        <a:pt x="338" y="34"/>
                      </a:lnTo>
                      <a:lnTo>
                        <a:pt x="338" y="37"/>
                      </a:lnTo>
                      <a:lnTo>
                        <a:pt x="337" y="39"/>
                      </a:lnTo>
                      <a:lnTo>
                        <a:pt x="333" y="42"/>
                      </a:lnTo>
                      <a:lnTo>
                        <a:pt x="331" y="44"/>
                      </a:lnTo>
                      <a:lnTo>
                        <a:pt x="330" y="45"/>
                      </a:lnTo>
                      <a:lnTo>
                        <a:pt x="330" y="47"/>
                      </a:lnTo>
                      <a:lnTo>
                        <a:pt x="328" y="47"/>
                      </a:lnTo>
                      <a:lnTo>
                        <a:pt x="323" y="52"/>
                      </a:lnTo>
                      <a:lnTo>
                        <a:pt x="320" y="59"/>
                      </a:lnTo>
                      <a:lnTo>
                        <a:pt x="316" y="66"/>
                      </a:lnTo>
                      <a:lnTo>
                        <a:pt x="316" y="72"/>
                      </a:lnTo>
                      <a:lnTo>
                        <a:pt x="316" y="79"/>
                      </a:lnTo>
                      <a:lnTo>
                        <a:pt x="316" y="84"/>
                      </a:lnTo>
                      <a:lnTo>
                        <a:pt x="318" y="88"/>
                      </a:lnTo>
                      <a:lnTo>
                        <a:pt x="318" y="89"/>
                      </a:lnTo>
                      <a:lnTo>
                        <a:pt x="321" y="88"/>
                      </a:lnTo>
                      <a:lnTo>
                        <a:pt x="323" y="86"/>
                      </a:lnTo>
                      <a:lnTo>
                        <a:pt x="326" y="83"/>
                      </a:lnTo>
                      <a:lnTo>
                        <a:pt x="328" y="79"/>
                      </a:lnTo>
                      <a:lnTo>
                        <a:pt x="330" y="76"/>
                      </a:lnTo>
                      <a:lnTo>
                        <a:pt x="331" y="72"/>
                      </a:lnTo>
                      <a:lnTo>
                        <a:pt x="333" y="71"/>
                      </a:lnTo>
                      <a:lnTo>
                        <a:pt x="333" y="69"/>
                      </a:lnTo>
                      <a:lnTo>
                        <a:pt x="335" y="72"/>
                      </a:lnTo>
                      <a:lnTo>
                        <a:pt x="335" y="76"/>
                      </a:lnTo>
                      <a:lnTo>
                        <a:pt x="333" y="79"/>
                      </a:lnTo>
                      <a:lnTo>
                        <a:pt x="331" y="83"/>
                      </a:lnTo>
                      <a:lnTo>
                        <a:pt x="330" y="86"/>
                      </a:lnTo>
                      <a:lnTo>
                        <a:pt x="328" y="88"/>
                      </a:lnTo>
                      <a:lnTo>
                        <a:pt x="328" y="89"/>
                      </a:lnTo>
                      <a:lnTo>
                        <a:pt x="326" y="89"/>
                      </a:lnTo>
                      <a:lnTo>
                        <a:pt x="326" y="91"/>
                      </a:lnTo>
                      <a:lnTo>
                        <a:pt x="326" y="93"/>
                      </a:lnTo>
                      <a:lnTo>
                        <a:pt x="326" y="96"/>
                      </a:lnTo>
                      <a:lnTo>
                        <a:pt x="326" y="100"/>
                      </a:lnTo>
                      <a:lnTo>
                        <a:pt x="326" y="103"/>
                      </a:lnTo>
                      <a:lnTo>
                        <a:pt x="326" y="106"/>
                      </a:lnTo>
                      <a:lnTo>
                        <a:pt x="325" y="110"/>
                      </a:lnTo>
                      <a:lnTo>
                        <a:pt x="320" y="116"/>
                      </a:lnTo>
                      <a:lnTo>
                        <a:pt x="318" y="120"/>
                      </a:lnTo>
                      <a:lnTo>
                        <a:pt x="316" y="123"/>
                      </a:lnTo>
                      <a:lnTo>
                        <a:pt x="316" y="125"/>
                      </a:lnTo>
                      <a:lnTo>
                        <a:pt x="318" y="127"/>
                      </a:lnTo>
                      <a:lnTo>
                        <a:pt x="320" y="127"/>
                      </a:lnTo>
                      <a:lnTo>
                        <a:pt x="330" y="132"/>
                      </a:lnTo>
                      <a:lnTo>
                        <a:pt x="337" y="137"/>
                      </a:lnTo>
                      <a:lnTo>
                        <a:pt x="340" y="140"/>
                      </a:lnTo>
                      <a:lnTo>
                        <a:pt x="342" y="142"/>
                      </a:lnTo>
                      <a:lnTo>
                        <a:pt x="342" y="144"/>
                      </a:lnTo>
                      <a:lnTo>
                        <a:pt x="340" y="145"/>
                      </a:lnTo>
                      <a:lnTo>
                        <a:pt x="338" y="145"/>
                      </a:lnTo>
                      <a:lnTo>
                        <a:pt x="337" y="145"/>
                      </a:lnTo>
                      <a:lnTo>
                        <a:pt x="331" y="145"/>
                      </a:lnTo>
                      <a:lnTo>
                        <a:pt x="328" y="147"/>
                      </a:lnTo>
                      <a:lnTo>
                        <a:pt x="325" y="147"/>
                      </a:lnTo>
                      <a:lnTo>
                        <a:pt x="325" y="149"/>
                      </a:lnTo>
                      <a:lnTo>
                        <a:pt x="325" y="150"/>
                      </a:lnTo>
                      <a:lnTo>
                        <a:pt x="325" y="152"/>
                      </a:lnTo>
                      <a:lnTo>
                        <a:pt x="326" y="152"/>
                      </a:lnTo>
                      <a:lnTo>
                        <a:pt x="333" y="152"/>
                      </a:lnTo>
                      <a:lnTo>
                        <a:pt x="337" y="154"/>
                      </a:lnTo>
                      <a:lnTo>
                        <a:pt x="337" y="155"/>
                      </a:lnTo>
                      <a:lnTo>
                        <a:pt x="335" y="157"/>
                      </a:lnTo>
                      <a:lnTo>
                        <a:pt x="331" y="159"/>
                      </a:lnTo>
                      <a:lnTo>
                        <a:pt x="328" y="160"/>
                      </a:lnTo>
                      <a:lnTo>
                        <a:pt x="326" y="160"/>
                      </a:lnTo>
                      <a:lnTo>
                        <a:pt x="325" y="162"/>
                      </a:lnTo>
                      <a:lnTo>
                        <a:pt x="325" y="166"/>
                      </a:lnTo>
                      <a:lnTo>
                        <a:pt x="335" y="177"/>
                      </a:lnTo>
                      <a:lnTo>
                        <a:pt x="337" y="176"/>
                      </a:lnTo>
                      <a:lnTo>
                        <a:pt x="338" y="176"/>
                      </a:lnTo>
                      <a:lnTo>
                        <a:pt x="340" y="174"/>
                      </a:lnTo>
                      <a:lnTo>
                        <a:pt x="342" y="176"/>
                      </a:lnTo>
                      <a:lnTo>
                        <a:pt x="345" y="177"/>
                      </a:lnTo>
                      <a:lnTo>
                        <a:pt x="347" y="181"/>
                      </a:lnTo>
                      <a:lnTo>
                        <a:pt x="348" y="182"/>
                      </a:lnTo>
                      <a:lnTo>
                        <a:pt x="348" y="184"/>
                      </a:lnTo>
                      <a:lnTo>
                        <a:pt x="350" y="186"/>
                      </a:lnTo>
                      <a:lnTo>
                        <a:pt x="352" y="188"/>
                      </a:lnTo>
                      <a:lnTo>
                        <a:pt x="355" y="188"/>
                      </a:lnTo>
                      <a:lnTo>
                        <a:pt x="359" y="186"/>
                      </a:lnTo>
                      <a:lnTo>
                        <a:pt x="360" y="186"/>
                      </a:lnTo>
                      <a:lnTo>
                        <a:pt x="359" y="184"/>
                      </a:lnTo>
                      <a:lnTo>
                        <a:pt x="359" y="182"/>
                      </a:lnTo>
                      <a:lnTo>
                        <a:pt x="357" y="179"/>
                      </a:lnTo>
                      <a:lnTo>
                        <a:pt x="355" y="176"/>
                      </a:lnTo>
                      <a:lnTo>
                        <a:pt x="357" y="174"/>
                      </a:lnTo>
                      <a:lnTo>
                        <a:pt x="359" y="172"/>
                      </a:lnTo>
                      <a:lnTo>
                        <a:pt x="360" y="171"/>
                      </a:lnTo>
                      <a:lnTo>
                        <a:pt x="362" y="171"/>
                      </a:lnTo>
                      <a:lnTo>
                        <a:pt x="364" y="171"/>
                      </a:lnTo>
                      <a:lnTo>
                        <a:pt x="364" y="177"/>
                      </a:lnTo>
                      <a:lnTo>
                        <a:pt x="364" y="182"/>
                      </a:lnTo>
                      <a:lnTo>
                        <a:pt x="365" y="184"/>
                      </a:lnTo>
                      <a:lnTo>
                        <a:pt x="367" y="186"/>
                      </a:lnTo>
                      <a:lnTo>
                        <a:pt x="369" y="184"/>
                      </a:lnTo>
                      <a:lnTo>
                        <a:pt x="370" y="182"/>
                      </a:lnTo>
                      <a:lnTo>
                        <a:pt x="372" y="182"/>
                      </a:lnTo>
                      <a:lnTo>
                        <a:pt x="372" y="181"/>
                      </a:lnTo>
                      <a:lnTo>
                        <a:pt x="374" y="181"/>
                      </a:lnTo>
                      <a:lnTo>
                        <a:pt x="375" y="182"/>
                      </a:lnTo>
                      <a:lnTo>
                        <a:pt x="377" y="184"/>
                      </a:lnTo>
                      <a:lnTo>
                        <a:pt x="370" y="191"/>
                      </a:lnTo>
                      <a:lnTo>
                        <a:pt x="369" y="194"/>
                      </a:lnTo>
                      <a:lnTo>
                        <a:pt x="369" y="198"/>
                      </a:lnTo>
                      <a:lnTo>
                        <a:pt x="372" y="198"/>
                      </a:lnTo>
                      <a:lnTo>
                        <a:pt x="375" y="196"/>
                      </a:lnTo>
                      <a:lnTo>
                        <a:pt x="379" y="194"/>
                      </a:lnTo>
                      <a:lnTo>
                        <a:pt x="382" y="193"/>
                      </a:lnTo>
                      <a:lnTo>
                        <a:pt x="382" y="194"/>
                      </a:lnTo>
                      <a:lnTo>
                        <a:pt x="382" y="198"/>
                      </a:lnTo>
                      <a:lnTo>
                        <a:pt x="382" y="199"/>
                      </a:lnTo>
                      <a:lnTo>
                        <a:pt x="382" y="203"/>
                      </a:lnTo>
                      <a:lnTo>
                        <a:pt x="382" y="204"/>
                      </a:lnTo>
                      <a:lnTo>
                        <a:pt x="382" y="206"/>
                      </a:lnTo>
                      <a:lnTo>
                        <a:pt x="381" y="211"/>
                      </a:lnTo>
                      <a:lnTo>
                        <a:pt x="381" y="215"/>
                      </a:lnTo>
                      <a:lnTo>
                        <a:pt x="381" y="218"/>
                      </a:lnTo>
                      <a:lnTo>
                        <a:pt x="382" y="220"/>
                      </a:lnTo>
                      <a:lnTo>
                        <a:pt x="384" y="221"/>
                      </a:lnTo>
                      <a:lnTo>
                        <a:pt x="386" y="223"/>
                      </a:lnTo>
                      <a:lnTo>
                        <a:pt x="387" y="223"/>
                      </a:lnTo>
                      <a:lnTo>
                        <a:pt x="394" y="220"/>
                      </a:lnTo>
                      <a:lnTo>
                        <a:pt x="397" y="216"/>
                      </a:lnTo>
                      <a:lnTo>
                        <a:pt x="399" y="215"/>
                      </a:lnTo>
                      <a:lnTo>
                        <a:pt x="403" y="211"/>
                      </a:lnTo>
                      <a:lnTo>
                        <a:pt x="406" y="210"/>
                      </a:lnTo>
                      <a:lnTo>
                        <a:pt x="409" y="206"/>
                      </a:lnTo>
                      <a:lnTo>
                        <a:pt x="413" y="204"/>
                      </a:lnTo>
                      <a:lnTo>
                        <a:pt x="418" y="203"/>
                      </a:lnTo>
                      <a:lnTo>
                        <a:pt x="425" y="203"/>
                      </a:lnTo>
                      <a:lnTo>
                        <a:pt x="430" y="198"/>
                      </a:lnTo>
                      <a:lnTo>
                        <a:pt x="431" y="171"/>
                      </a:lnTo>
                      <a:lnTo>
                        <a:pt x="436" y="171"/>
                      </a:lnTo>
                      <a:lnTo>
                        <a:pt x="440" y="145"/>
                      </a:lnTo>
                      <a:lnTo>
                        <a:pt x="441" y="144"/>
                      </a:lnTo>
                      <a:lnTo>
                        <a:pt x="443" y="144"/>
                      </a:lnTo>
                      <a:lnTo>
                        <a:pt x="443" y="145"/>
                      </a:lnTo>
                      <a:lnTo>
                        <a:pt x="443" y="155"/>
                      </a:lnTo>
                      <a:lnTo>
                        <a:pt x="441" y="164"/>
                      </a:lnTo>
                      <a:lnTo>
                        <a:pt x="441" y="172"/>
                      </a:lnTo>
                      <a:lnTo>
                        <a:pt x="440" y="179"/>
                      </a:lnTo>
                      <a:lnTo>
                        <a:pt x="438" y="184"/>
                      </a:lnTo>
                      <a:lnTo>
                        <a:pt x="438" y="189"/>
                      </a:lnTo>
                      <a:lnTo>
                        <a:pt x="436" y="194"/>
                      </a:lnTo>
                      <a:lnTo>
                        <a:pt x="436" y="198"/>
                      </a:lnTo>
                      <a:lnTo>
                        <a:pt x="435" y="201"/>
                      </a:lnTo>
                      <a:lnTo>
                        <a:pt x="435" y="203"/>
                      </a:lnTo>
                      <a:lnTo>
                        <a:pt x="435" y="204"/>
                      </a:lnTo>
                      <a:lnTo>
                        <a:pt x="433" y="206"/>
                      </a:lnTo>
                      <a:lnTo>
                        <a:pt x="433" y="208"/>
                      </a:lnTo>
                      <a:lnTo>
                        <a:pt x="433" y="210"/>
                      </a:lnTo>
                      <a:lnTo>
                        <a:pt x="433" y="215"/>
                      </a:lnTo>
                      <a:lnTo>
                        <a:pt x="433" y="216"/>
                      </a:lnTo>
                      <a:lnTo>
                        <a:pt x="433" y="218"/>
                      </a:lnTo>
                      <a:lnTo>
                        <a:pt x="435" y="216"/>
                      </a:lnTo>
                      <a:lnTo>
                        <a:pt x="435" y="215"/>
                      </a:lnTo>
                      <a:lnTo>
                        <a:pt x="436" y="215"/>
                      </a:lnTo>
                      <a:lnTo>
                        <a:pt x="436" y="213"/>
                      </a:lnTo>
                      <a:lnTo>
                        <a:pt x="438" y="211"/>
                      </a:lnTo>
                      <a:lnTo>
                        <a:pt x="440" y="206"/>
                      </a:lnTo>
                      <a:lnTo>
                        <a:pt x="441" y="203"/>
                      </a:lnTo>
                      <a:lnTo>
                        <a:pt x="443" y="198"/>
                      </a:lnTo>
                      <a:lnTo>
                        <a:pt x="443" y="191"/>
                      </a:lnTo>
                      <a:lnTo>
                        <a:pt x="445" y="186"/>
                      </a:lnTo>
                      <a:lnTo>
                        <a:pt x="447" y="179"/>
                      </a:lnTo>
                      <a:lnTo>
                        <a:pt x="447" y="172"/>
                      </a:lnTo>
                      <a:lnTo>
                        <a:pt x="447" y="167"/>
                      </a:lnTo>
                      <a:lnTo>
                        <a:pt x="447" y="160"/>
                      </a:lnTo>
                      <a:lnTo>
                        <a:pt x="447" y="155"/>
                      </a:lnTo>
                      <a:lnTo>
                        <a:pt x="448" y="150"/>
                      </a:lnTo>
                      <a:lnTo>
                        <a:pt x="448" y="147"/>
                      </a:lnTo>
                      <a:lnTo>
                        <a:pt x="448" y="144"/>
                      </a:lnTo>
                      <a:lnTo>
                        <a:pt x="448" y="142"/>
                      </a:lnTo>
                      <a:lnTo>
                        <a:pt x="386" y="154"/>
                      </a:lnTo>
                      <a:lnTo>
                        <a:pt x="345" y="0"/>
                      </a:lnTo>
                      <a:lnTo>
                        <a:pt x="0" y="66"/>
                      </a:lnTo>
                      <a:lnTo>
                        <a:pt x="10" y="127"/>
                      </a:lnTo>
                      <a:lnTo>
                        <a:pt x="45" y="94"/>
                      </a:lnTo>
                      <a:lnTo>
                        <a:pt x="45" y="96"/>
                      </a:lnTo>
                      <a:lnTo>
                        <a:pt x="47" y="96"/>
                      </a:lnTo>
                      <a:lnTo>
                        <a:pt x="49" y="96"/>
                      </a:lnTo>
                      <a:lnTo>
                        <a:pt x="52" y="94"/>
                      </a:lnTo>
                      <a:lnTo>
                        <a:pt x="57" y="89"/>
                      </a:lnTo>
                      <a:lnTo>
                        <a:pt x="62" y="83"/>
                      </a:lnTo>
                      <a:lnTo>
                        <a:pt x="69" y="71"/>
                      </a:lnTo>
                      <a:lnTo>
                        <a:pt x="71" y="71"/>
                      </a:lnTo>
                      <a:lnTo>
                        <a:pt x="74" y="72"/>
                      </a:lnTo>
                      <a:lnTo>
                        <a:pt x="79" y="74"/>
                      </a:lnTo>
                      <a:lnTo>
                        <a:pt x="84" y="74"/>
                      </a:lnTo>
                      <a:lnTo>
                        <a:pt x="89" y="74"/>
                      </a:lnTo>
                      <a:lnTo>
                        <a:pt x="96" y="72"/>
                      </a:lnTo>
                      <a:lnTo>
                        <a:pt x="101" y="67"/>
                      </a:lnTo>
                      <a:lnTo>
                        <a:pt x="106" y="61"/>
                      </a:lnTo>
                      <a:lnTo>
                        <a:pt x="108" y="59"/>
                      </a:lnTo>
                      <a:lnTo>
                        <a:pt x="108" y="57"/>
                      </a:lnTo>
                      <a:lnTo>
                        <a:pt x="111" y="54"/>
                      </a:lnTo>
                      <a:lnTo>
                        <a:pt x="115" y="52"/>
                      </a:lnTo>
                      <a:lnTo>
                        <a:pt x="120" y="50"/>
                      </a:lnTo>
                      <a:lnTo>
                        <a:pt x="125" y="50"/>
                      </a:lnTo>
                      <a:lnTo>
                        <a:pt x="133" y="52"/>
                      </a:lnTo>
                      <a:lnTo>
                        <a:pt x="144" y="56"/>
                      </a:lnTo>
                      <a:lnTo>
                        <a:pt x="145" y="56"/>
                      </a:lnTo>
                      <a:lnTo>
                        <a:pt x="147" y="56"/>
                      </a:lnTo>
                      <a:lnTo>
                        <a:pt x="149" y="56"/>
                      </a:lnTo>
                      <a:lnTo>
                        <a:pt x="150" y="56"/>
                      </a:lnTo>
                      <a:lnTo>
                        <a:pt x="154" y="56"/>
                      </a:lnTo>
                      <a:lnTo>
                        <a:pt x="155" y="56"/>
                      </a:lnTo>
                      <a:lnTo>
                        <a:pt x="157" y="56"/>
                      </a:lnTo>
                      <a:lnTo>
                        <a:pt x="159" y="62"/>
                      </a:lnTo>
                      <a:lnTo>
                        <a:pt x="161" y="64"/>
                      </a:lnTo>
                      <a:lnTo>
                        <a:pt x="164" y="66"/>
                      </a:lnTo>
                      <a:lnTo>
                        <a:pt x="167" y="69"/>
                      </a:lnTo>
                      <a:lnTo>
                        <a:pt x="171" y="72"/>
                      </a:lnTo>
                      <a:lnTo>
                        <a:pt x="174" y="78"/>
                      </a:lnTo>
                      <a:lnTo>
                        <a:pt x="176" y="83"/>
                      </a:lnTo>
                      <a:lnTo>
                        <a:pt x="176" y="88"/>
                      </a:lnTo>
                      <a:lnTo>
                        <a:pt x="172" y="93"/>
                      </a:lnTo>
                      <a:lnTo>
                        <a:pt x="174" y="91"/>
                      </a:lnTo>
                      <a:lnTo>
                        <a:pt x="176" y="89"/>
                      </a:lnTo>
                      <a:lnTo>
                        <a:pt x="179" y="89"/>
                      </a:lnTo>
                      <a:lnTo>
                        <a:pt x="184" y="88"/>
                      </a:lnTo>
                      <a:lnTo>
                        <a:pt x="188" y="86"/>
                      </a:lnTo>
                      <a:lnTo>
                        <a:pt x="193" y="86"/>
                      </a:lnTo>
                      <a:lnTo>
                        <a:pt x="196" y="89"/>
                      </a:lnTo>
                      <a:lnTo>
                        <a:pt x="199" y="93"/>
                      </a:lnTo>
                      <a:lnTo>
                        <a:pt x="199" y="94"/>
                      </a:lnTo>
                      <a:lnTo>
                        <a:pt x="198" y="98"/>
                      </a:lnTo>
                      <a:lnTo>
                        <a:pt x="198" y="100"/>
                      </a:lnTo>
                      <a:lnTo>
                        <a:pt x="198" y="103"/>
                      </a:lnTo>
                      <a:lnTo>
                        <a:pt x="198" y="108"/>
                      </a:lnTo>
                      <a:lnTo>
                        <a:pt x="203" y="110"/>
                      </a:lnTo>
                      <a:lnTo>
                        <a:pt x="210" y="113"/>
                      </a:lnTo>
                      <a:lnTo>
                        <a:pt x="221" y="113"/>
                      </a:lnTo>
                      <a:lnTo>
                        <a:pt x="223" y="113"/>
                      </a:lnTo>
                      <a:lnTo>
                        <a:pt x="227" y="115"/>
                      </a:lnTo>
                      <a:lnTo>
                        <a:pt x="228" y="115"/>
                      </a:lnTo>
                      <a:lnTo>
                        <a:pt x="230" y="116"/>
                      </a:lnTo>
                      <a:lnTo>
                        <a:pt x="233" y="118"/>
                      </a:lnTo>
                      <a:lnTo>
                        <a:pt x="237" y="120"/>
                      </a:lnTo>
                      <a:lnTo>
                        <a:pt x="240" y="122"/>
                      </a:lnTo>
                      <a:lnTo>
                        <a:pt x="247" y="115"/>
                      </a:lnTo>
                    </a:path>
                  </a:pathLst>
                </a:custGeom>
                <a:solidFill>
                  <a:srgbClr val="2D73FF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412" name="Group 76"/>
              <p:cNvGrpSpPr>
                <a:grpSpLocks/>
              </p:cNvGrpSpPr>
              <p:nvPr/>
            </p:nvGrpSpPr>
            <p:grpSpPr bwMode="auto">
              <a:xfrm>
                <a:off x="311" y="3378"/>
                <a:ext cx="744" cy="497"/>
                <a:chOff x="439" y="3034"/>
                <a:chExt cx="765" cy="512"/>
              </a:xfrm>
            </p:grpSpPr>
            <p:sp>
              <p:nvSpPr>
                <p:cNvPr id="490" name="Freeform 77"/>
                <p:cNvSpPr>
                  <a:spLocks/>
                </p:cNvSpPr>
                <p:nvPr/>
              </p:nvSpPr>
              <p:spPr bwMode="auto">
                <a:xfrm>
                  <a:off x="659" y="3034"/>
                  <a:ext cx="545" cy="452"/>
                </a:xfrm>
                <a:custGeom>
                  <a:avLst/>
                  <a:gdLst>
                    <a:gd name="T0" fmla="*/ 543 w 545"/>
                    <a:gd name="T1" fmla="*/ 329 h 452"/>
                    <a:gd name="T2" fmla="*/ 514 w 545"/>
                    <a:gd name="T3" fmla="*/ 312 h 452"/>
                    <a:gd name="T4" fmla="*/ 381 w 545"/>
                    <a:gd name="T5" fmla="*/ 266 h 452"/>
                    <a:gd name="T6" fmla="*/ 347 w 545"/>
                    <a:gd name="T7" fmla="*/ 266 h 452"/>
                    <a:gd name="T8" fmla="*/ 232 w 545"/>
                    <a:gd name="T9" fmla="*/ 17 h 452"/>
                    <a:gd name="T10" fmla="*/ 193 w 545"/>
                    <a:gd name="T11" fmla="*/ 16 h 452"/>
                    <a:gd name="T12" fmla="*/ 173 w 545"/>
                    <a:gd name="T13" fmla="*/ 17 h 452"/>
                    <a:gd name="T14" fmla="*/ 147 w 545"/>
                    <a:gd name="T15" fmla="*/ 9 h 452"/>
                    <a:gd name="T16" fmla="*/ 108 w 545"/>
                    <a:gd name="T17" fmla="*/ 11 h 452"/>
                    <a:gd name="T18" fmla="*/ 86 w 545"/>
                    <a:gd name="T19" fmla="*/ 22 h 452"/>
                    <a:gd name="T20" fmla="*/ 59 w 545"/>
                    <a:gd name="T21" fmla="*/ 46 h 452"/>
                    <a:gd name="T22" fmla="*/ 30 w 545"/>
                    <a:gd name="T23" fmla="*/ 83 h 452"/>
                    <a:gd name="T24" fmla="*/ 63 w 545"/>
                    <a:gd name="T25" fmla="*/ 116 h 452"/>
                    <a:gd name="T26" fmla="*/ 63 w 545"/>
                    <a:gd name="T27" fmla="*/ 122 h 452"/>
                    <a:gd name="T28" fmla="*/ 27 w 545"/>
                    <a:gd name="T29" fmla="*/ 134 h 452"/>
                    <a:gd name="T30" fmla="*/ 8 w 545"/>
                    <a:gd name="T31" fmla="*/ 139 h 452"/>
                    <a:gd name="T32" fmla="*/ 7 w 545"/>
                    <a:gd name="T33" fmla="*/ 165 h 452"/>
                    <a:gd name="T34" fmla="*/ 29 w 545"/>
                    <a:gd name="T35" fmla="*/ 183 h 452"/>
                    <a:gd name="T36" fmla="*/ 78 w 545"/>
                    <a:gd name="T37" fmla="*/ 175 h 452"/>
                    <a:gd name="T38" fmla="*/ 79 w 545"/>
                    <a:gd name="T39" fmla="*/ 205 h 452"/>
                    <a:gd name="T40" fmla="*/ 51 w 545"/>
                    <a:gd name="T41" fmla="*/ 226 h 452"/>
                    <a:gd name="T42" fmla="*/ 30 w 545"/>
                    <a:gd name="T43" fmla="*/ 232 h 452"/>
                    <a:gd name="T44" fmla="*/ 20 w 545"/>
                    <a:gd name="T45" fmla="*/ 248 h 452"/>
                    <a:gd name="T46" fmla="*/ 8 w 545"/>
                    <a:gd name="T47" fmla="*/ 266 h 452"/>
                    <a:gd name="T48" fmla="*/ 20 w 545"/>
                    <a:gd name="T49" fmla="*/ 278 h 452"/>
                    <a:gd name="T50" fmla="*/ 29 w 545"/>
                    <a:gd name="T51" fmla="*/ 303 h 452"/>
                    <a:gd name="T52" fmla="*/ 52 w 545"/>
                    <a:gd name="T53" fmla="*/ 314 h 452"/>
                    <a:gd name="T54" fmla="*/ 61 w 545"/>
                    <a:gd name="T55" fmla="*/ 312 h 452"/>
                    <a:gd name="T56" fmla="*/ 66 w 545"/>
                    <a:gd name="T57" fmla="*/ 336 h 452"/>
                    <a:gd name="T58" fmla="*/ 78 w 545"/>
                    <a:gd name="T59" fmla="*/ 341 h 452"/>
                    <a:gd name="T60" fmla="*/ 91 w 545"/>
                    <a:gd name="T61" fmla="*/ 339 h 452"/>
                    <a:gd name="T62" fmla="*/ 103 w 545"/>
                    <a:gd name="T63" fmla="*/ 352 h 452"/>
                    <a:gd name="T64" fmla="*/ 127 w 545"/>
                    <a:gd name="T65" fmla="*/ 342 h 452"/>
                    <a:gd name="T66" fmla="*/ 127 w 545"/>
                    <a:gd name="T67" fmla="*/ 352 h 452"/>
                    <a:gd name="T68" fmla="*/ 112 w 545"/>
                    <a:gd name="T69" fmla="*/ 391 h 452"/>
                    <a:gd name="T70" fmla="*/ 88 w 545"/>
                    <a:gd name="T71" fmla="*/ 412 h 452"/>
                    <a:gd name="T72" fmla="*/ 78 w 545"/>
                    <a:gd name="T73" fmla="*/ 430 h 452"/>
                    <a:gd name="T74" fmla="*/ 63 w 545"/>
                    <a:gd name="T75" fmla="*/ 425 h 452"/>
                    <a:gd name="T76" fmla="*/ 52 w 545"/>
                    <a:gd name="T77" fmla="*/ 446 h 452"/>
                    <a:gd name="T78" fmla="*/ 68 w 545"/>
                    <a:gd name="T79" fmla="*/ 437 h 452"/>
                    <a:gd name="T80" fmla="*/ 96 w 545"/>
                    <a:gd name="T81" fmla="*/ 434 h 452"/>
                    <a:gd name="T82" fmla="*/ 113 w 545"/>
                    <a:gd name="T83" fmla="*/ 415 h 452"/>
                    <a:gd name="T84" fmla="*/ 144 w 545"/>
                    <a:gd name="T85" fmla="*/ 381 h 452"/>
                    <a:gd name="T86" fmla="*/ 183 w 545"/>
                    <a:gd name="T87" fmla="*/ 339 h 452"/>
                    <a:gd name="T88" fmla="*/ 174 w 545"/>
                    <a:gd name="T89" fmla="*/ 322 h 452"/>
                    <a:gd name="T90" fmla="*/ 220 w 545"/>
                    <a:gd name="T91" fmla="*/ 264 h 452"/>
                    <a:gd name="T92" fmla="*/ 210 w 545"/>
                    <a:gd name="T93" fmla="*/ 298 h 452"/>
                    <a:gd name="T94" fmla="*/ 210 w 545"/>
                    <a:gd name="T95" fmla="*/ 317 h 452"/>
                    <a:gd name="T96" fmla="*/ 237 w 545"/>
                    <a:gd name="T97" fmla="*/ 300 h 452"/>
                    <a:gd name="T98" fmla="*/ 247 w 545"/>
                    <a:gd name="T99" fmla="*/ 286 h 452"/>
                    <a:gd name="T100" fmla="*/ 286 w 545"/>
                    <a:gd name="T101" fmla="*/ 278 h 452"/>
                    <a:gd name="T102" fmla="*/ 357 w 545"/>
                    <a:gd name="T103" fmla="*/ 276 h 452"/>
                    <a:gd name="T104" fmla="*/ 374 w 545"/>
                    <a:gd name="T105" fmla="*/ 280 h 452"/>
                    <a:gd name="T106" fmla="*/ 418 w 545"/>
                    <a:gd name="T107" fmla="*/ 295 h 452"/>
                    <a:gd name="T108" fmla="*/ 425 w 545"/>
                    <a:gd name="T109" fmla="*/ 278 h 452"/>
                    <a:gd name="T110" fmla="*/ 430 w 545"/>
                    <a:gd name="T111" fmla="*/ 264 h 452"/>
                    <a:gd name="T112" fmla="*/ 472 w 545"/>
                    <a:gd name="T113" fmla="*/ 300 h 452"/>
                    <a:gd name="T114" fmla="*/ 509 w 545"/>
                    <a:gd name="T115" fmla="*/ 322 h 452"/>
                    <a:gd name="T116" fmla="*/ 521 w 545"/>
                    <a:gd name="T117" fmla="*/ 322 h 452"/>
                    <a:gd name="T118" fmla="*/ 541 w 545"/>
                    <a:gd name="T119" fmla="*/ 349 h 452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w 545"/>
                    <a:gd name="T181" fmla="*/ 0 h 452"/>
                    <a:gd name="T182" fmla="*/ 545 w 545"/>
                    <a:gd name="T183" fmla="*/ 452 h 452"/>
                  </a:gdLst>
                  <a:ahLst/>
                  <a:cxnLst>
                    <a:cxn ang="T120">
                      <a:pos x="T0" y="T1"/>
                    </a:cxn>
                    <a:cxn ang="T121">
                      <a:pos x="T2" y="T3"/>
                    </a:cxn>
                    <a:cxn ang="T122">
                      <a:pos x="T4" y="T5"/>
                    </a:cxn>
                    <a:cxn ang="T123">
                      <a:pos x="T6" y="T7"/>
                    </a:cxn>
                    <a:cxn ang="T124">
                      <a:pos x="T8" y="T9"/>
                    </a:cxn>
                    <a:cxn ang="T125">
                      <a:pos x="T10" y="T11"/>
                    </a:cxn>
                    <a:cxn ang="T126">
                      <a:pos x="T12" y="T13"/>
                    </a:cxn>
                    <a:cxn ang="T127">
                      <a:pos x="T14" y="T15"/>
                    </a:cxn>
                    <a:cxn ang="T128">
                      <a:pos x="T16" y="T17"/>
                    </a:cxn>
                    <a:cxn ang="T129">
                      <a:pos x="T18" y="T19"/>
                    </a:cxn>
                    <a:cxn ang="T130">
                      <a:pos x="T20" y="T21"/>
                    </a:cxn>
                    <a:cxn ang="T131">
                      <a:pos x="T22" y="T23"/>
                    </a:cxn>
                    <a:cxn ang="T132">
                      <a:pos x="T24" y="T25"/>
                    </a:cxn>
                    <a:cxn ang="T133">
                      <a:pos x="T26" y="T27"/>
                    </a:cxn>
                    <a:cxn ang="T134">
                      <a:pos x="T28" y="T29"/>
                    </a:cxn>
                    <a:cxn ang="T135">
                      <a:pos x="T30" y="T31"/>
                    </a:cxn>
                    <a:cxn ang="T136">
                      <a:pos x="T32" y="T33"/>
                    </a:cxn>
                    <a:cxn ang="T137">
                      <a:pos x="T34" y="T35"/>
                    </a:cxn>
                    <a:cxn ang="T138">
                      <a:pos x="T36" y="T37"/>
                    </a:cxn>
                    <a:cxn ang="T139">
                      <a:pos x="T38" y="T39"/>
                    </a:cxn>
                    <a:cxn ang="T140">
                      <a:pos x="T40" y="T41"/>
                    </a:cxn>
                    <a:cxn ang="T141">
                      <a:pos x="T42" y="T43"/>
                    </a:cxn>
                    <a:cxn ang="T142">
                      <a:pos x="T44" y="T45"/>
                    </a:cxn>
                    <a:cxn ang="T143">
                      <a:pos x="T46" y="T47"/>
                    </a:cxn>
                    <a:cxn ang="T144">
                      <a:pos x="T48" y="T49"/>
                    </a:cxn>
                    <a:cxn ang="T145">
                      <a:pos x="T50" y="T51"/>
                    </a:cxn>
                    <a:cxn ang="T146">
                      <a:pos x="T52" y="T53"/>
                    </a:cxn>
                    <a:cxn ang="T147">
                      <a:pos x="T54" y="T55"/>
                    </a:cxn>
                    <a:cxn ang="T148">
                      <a:pos x="T56" y="T57"/>
                    </a:cxn>
                    <a:cxn ang="T149">
                      <a:pos x="T58" y="T59"/>
                    </a:cxn>
                    <a:cxn ang="T150">
                      <a:pos x="T60" y="T61"/>
                    </a:cxn>
                    <a:cxn ang="T151">
                      <a:pos x="T62" y="T63"/>
                    </a:cxn>
                    <a:cxn ang="T152">
                      <a:pos x="T64" y="T65"/>
                    </a:cxn>
                    <a:cxn ang="T153">
                      <a:pos x="T66" y="T67"/>
                    </a:cxn>
                    <a:cxn ang="T154">
                      <a:pos x="T68" y="T69"/>
                    </a:cxn>
                    <a:cxn ang="T155">
                      <a:pos x="T70" y="T71"/>
                    </a:cxn>
                    <a:cxn ang="T156">
                      <a:pos x="T72" y="T73"/>
                    </a:cxn>
                    <a:cxn ang="T157">
                      <a:pos x="T74" y="T75"/>
                    </a:cxn>
                    <a:cxn ang="T158">
                      <a:pos x="T76" y="T77"/>
                    </a:cxn>
                    <a:cxn ang="T159">
                      <a:pos x="T78" y="T79"/>
                    </a:cxn>
                    <a:cxn ang="T160">
                      <a:pos x="T80" y="T81"/>
                    </a:cxn>
                    <a:cxn ang="T161">
                      <a:pos x="T82" y="T83"/>
                    </a:cxn>
                    <a:cxn ang="T162">
                      <a:pos x="T84" y="T85"/>
                    </a:cxn>
                    <a:cxn ang="T163">
                      <a:pos x="T86" y="T87"/>
                    </a:cxn>
                    <a:cxn ang="T164">
                      <a:pos x="T88" y="T89"/>
                    </a:cxn>
                    <a:cxn ang="T165">
                      <a:pos x="T90" y="T91"/>
                    </a:cxn>
                    <a:cxn ang="T166">
                      <a:pos x="T92" y="T93"/>
                    </a:cxn>
                    <a:cxn ang="T167">
                      <a:pos x="T94" y="T95"/>
                    </a:cxn>
                    <a:cxn ang="T168">
                      <a:pos x="T96" y="T97"/>
                    </a:cxn>
                    <a:cxn ang="T169">
                      <a:pos x="T98" y="T99"/>
                    </a:cxn>
                    <a:cxn ang="T170">
                      <a:pos x="T100" y="T101"/>
                    </a:cxn>
                    <a:cxn ang="T171">
                      <a:pos x="T102" y="T103"/>
                    </a:cxn>
                    <a:cxn ang="T172">
                      <a:pos x="T104" y="T105"/>
                    </a:cxn>
                    <a:cxn ang="T173">
                      <a:pos x="T106" y="T107"/>
                    </a:cxn>
                    <a:cxn ang="T174">
                      <a:pos x="T108" y="T109"/>
                    </a:cxn>
                    <a:cxn ang="T175">
                      <a:pos x="T110" y="T111"/>
                    </a:cxn>
                    <a:cxn ang="T176">
                      <a:pos x="T112" y="T113"/>
                    </a:cxn>
                    <a:cxn ang="T177">
                      <a:pos x="T114" y="T115"/>
                    </a:cxn>
                    <a:cxn ang="T178">
                      <a:pos x="T116" y="T117"/>
                    </a:cxn>
                    <a:cxn ang="T179">
                      <a:pos x="T118" y="T119"/>
                    </a:cxn>
                  </a:cxnLst>
                  <a:rect l="T180" t="T181" r="T182" b="T183"/>
                  <a:pathLst>
                    <a:path w="545" h="452">
                      <a:moveTo>
                        <a:pt x="541" y="349"/>
                      </a:moveTo>
                      <a:lnTo>
                        <a:pt x="541" y="349"/>
                      </a:lnTo>
                      <a:lnTo>
                        <a:pt x="541" y="347"/>
                      </a:lnTo>
                      <a:lnTo>
                        <a:pt x="543" y="346"/>
                      </a:lnTo>
                      <a:lnTo>
                        <a:pt x="543" y="344"/>
                      </a:lnTo>
                      <a:lnTo>
                        <a:pt x="545" y="341"/>
                      </a:lnTo>
                      <a:lnTo>
                        <a:pt x="545" y="339"/>
                      </a:lnTo>
                      <a:lnTo>
                        <a:pt x="545" y="336"/>
                      </a:lnTo>
                      <a:lnTo>
                        <a:pt x="545" y="332"/>
                      </a:lnTo>
                      <a:lnTo>
                        <a:pt x="543" y="329"/>
                      </a:lnTo>
                      <a:lnTo>
                        <a:pt x="541" y="325"/>
                      </a:lnTo>
                      <a:lnTo>
                        <a:pt x="538" y="320"/>
                      </a:lnTo>
                      <a:lnTo>
                        <a:pt x="535" y="317"/>
                      </a:lnTo>
                      <a:lnTo>
                        <a:pt x="533" y="315"/>
                      </a:lnTo>
                      <a:lnTo>
                        <a:pt x="530" y="315"/>
                      </a:lnTo>
                      <a:lnTo>
                        <a:pt x="526" y="314"/>
                      </a:lnTo>
                      <a:lnTo>
                        <a:pt x="523" y="314"/>
                      </a:lnTo>
                      <a:lnTo>
                        <a:pt x="519" y="314"/>
                      </a:lnTo>
                      <a:lnTo>
                        <a:pt x="516" y="312"/>
                      </a:lnTo>
                      <a:lnTo>
                        <a:pt x="514" y="312"/>
                      </a:lnTo>
                      <a:lnTo>
                        <a:pt x="506" y="310"/>
                      </a:lnTo>
                      <a:lnTo>
                        <a:pt x="452" y="271"/>
                      </a:lnTo>
                      <a:lnTo>
                        <a:pt x="435" y="259"/>
                      </a:lnTo>
                      <a:lnTo>
                        <a:pt x="421" y="251"/>
                      </a:lnTo>
                      <a:lnTo>
                        <a:pt x="413" y="263"/>
                      </a:lnTo>
                      <a:lnTo>
                        <a:pt x="413" y="271"/>
                      </a:lnTo>
                      <a:lnTo>
                        <a:pt x="403" y="280"/>
                      </a:lnTo>
                      <a:lnTo>
                        <a:pt x="381" y="266"/>
                      </a:lnTo>
                      <a:lnTo>
                        <a:pt x="379" y="264"/>
                      </a:lnTo>
                      <a:lnTo>
                        <a:pt x="377" y="261"/>
                      </a:lnTo>
                      <a:lnTo>
                        <a:pt x="374" y="259"/>
                      </a:lnTo>
                      <a:lnTo>
                        <a:pt x="369" y="258"/>
                      </a:lnTo>
                      <a:lnTo>
                        <a:pt x="365" y="258"/>
                      </a:lnTo>
                      <a:lnTo>
                        <a:pt x="360" y="259"/>
                      </a:lnTo>
                      <a:lnTo>
                        <a:pt x="355" y="263"/>
                      </a:lnTo>
                      <a:lnTo>
                        <a:pt x="354" y="264"/>
                      </a:lnTo>
                      <a:lnTo>
                        <a:pt x="350" y="264"/>
                      </a:lnTo>
                      <a:lnTo>
                        <a:pt x="347" y="266"/>
                      </a:lnTo>
                      <a:lnTo>
                        <a:pt x="345" y="266"/>
                      </a:lnTo>
                      <a:lnTo>
                        <a:pt x="271" y="17"/>
                      </a:lnTo>
                      <a:lnTo>
                        <a:pt x="269" y="17"/>
                      </a:lnTo>
                      <a:lnTo>
                        <a:pt x="266" y="16"/>
                      </a:lnTo>
                      <a:lnTo>
                        <a:pt x="261" y="14"/>
                      </a:lnTo>
                      <a:lnTo>
                        <a:pt x="255" y="12"/>
                      </a:lnTo>
                      <a:lnTo>
                        <a:pt x="249" y="11"/>
                      </a:lnTo>
                      <a:lnTo>
                        <a:pt x="244" y="12"/>
                      </a:lnTo>
                      <a:lnTo>
                        <a:pt x="237" y="14"/>
                      </a:lnTo>
                      <a:lnTo>
                        <a:pt x="232" y="17"/>
                      </a:lnTo>
                      <a:lnTo>
                        <a:pt x="230" y="17"/>
                      </a:lnTo>
                      <a:lnTo>
                        <a:pt x="225" y="17"/>
                      </a:lnTo>
                      <a:lnTo>
                        <a:pt x="218" y="17"/>
                      </a:lnTo>
                      <a:lnTo>
                        <a:pt x="211" y="17"/>
                      </a:lnTo>
                      <a:lnTo>
                        <a:pt x="205" y="17"/>
                      </a:lnTo>
                      <a:lnTo>
                        <a:pt x="200" y="17"/>
                      </a:lnTo>
                      <a:lnTo>
                        <a:pt x="195" y="16"/>
                      </a:lnTo>
                      <a:lnTo>
                        <a:pt x="193" y="16"/>
                      </a:lnTo>
                      <a:lnTo>
                        <a:pt x="191" y="16"/>
                      </a:lnTo>
                      <a:lnTo>
                        <a:pt x="189" y="16"/>
                      </a:lnTo>
                      <a:lnTo>
                        <a:pt x="188" y="16"/>
                      </a:lnTo>
                      <a:lnTo>
                        <a:pt x="184" y="16"/>
                      </a:lnTo>
                      <a:lnTo>
                        <a:pt x="183" y="16"/>
                      </a:lnTo>
                      <a:lnTo>
                        <a:pt x="181" y="16"/>
                      </a:lnTo>
                      <a:lnTo>
                        <a:pt x="179" y="16"/>
                      </a:lnTo>
                      <a:lnTo>
                        <a:pt x="176" y="17"/>
                      </a:lnTo>
                      <a:lnTo>
                        <a:pt x="173" y="17"/>
                      </a:lnTo>
                      <a:lnTo>
                        <a:pt x="169" y="17"/>
                      </a:lnTo>
                      <a:lnTo>
                        <a:pt x="166" y="16"/>
                      </a:lnTo>
                      <a:lnTo>
                        <a:pt x="162" y="12"/>
                      </a:lnTo>
                      <a:lnTo>
                        <a:pt x="157" y="7"/>
                      </a:lnTo>
                      <a:lnTo>
                        <a:pt x="156" y="7"/>
                      </a:lnTo>
                      <a:lnTo>
                        <a:pt x="154" y="9"/>
                      </a:lnTo>
                      <a:lnTo>
                        <a:pt x="152" y="9"/>
                      </a:lnTo>
                      <a:lnTo>
                        <a:pt x="149" y="9"/>
                      </a:lnTo>
                      <a:lnTo>
                        <a:pt x="147" y="9"/>
                      </a:lnTo>
                      <a:lnTo>
                        <a:pt x="145" y="11"/>
                      </a:lnTo>
                      <a:lnTo>
                        <a:pt x="137" y="2"/>
                      </a:lnTo>
                      <a:lnTo>
                        <a:pt x="130" y="7"/>
                      </a:lnTo>
                      <a:lnTo>
                        <a:pt x="129" y="0"/>
                      </a:lnTo>
                      <a:lnTo>
                        <a:pt x="117" y="0"/>
                      </a:lnTo>
                      <a:lnTo>
                        <a:pt x="110" y="9"/>
                      </a:lnTo>
                      <a:lnTo>
                        <a:pt x="108" y="11"/>
                      </a:lnTo>
                      <a:lnTo>
                        <a:pt x="108" y="12"/>
                      </a:lnTo>
                      <a:lnTo>
                        <a:pt x="107" y="12"/>
                      </a:lnTo>
                      <a:lnTo>
                        <a:pt x="103" y="14"/>
                      </a:lnTo>
                      <a:lnTo>
                        <a:pt x="100" y="14"/>
                      </a:lnTo>
                      <a:lnTo>
                        <a:pt x="95" y="14"/>
                      </a:lnTo>
                      <a:lnTo>
                        <a:pt x="93" y="16"/>
                      </a:lnTo>
                      <a:lnTo>
                        <a:pt x="91" y="17"/>
                      </a:lnTo>
                      <a:lnTo>
                        <a:pt x="90" y="19"/>
                      </a:lnTo>
                      <a:lnTo>
                        <a:pt x="86" y="22"/>
                      </a:lnTo>
                      <a:lnTo>
                        <a:pt x="85" y="24"/>
                      </a:lnTo>
                      <a:lnTo>
                        <a:pt x="83" y="26"/>
                      </a:lnTo>
                      <a:lnTo>
                        <a:pt x="81" y="26"/>
                      </a:lnTo>
                      <a:lnTo>
                        <a:pt x="78" y="26"/>
                      </a:lnTo>
                      <a:lnTo>
                        <a:pt x="74" y="29"/>
                      </a:lnTo>
                      <a:lnTo>
                        <a:pt x="69" y="33"/>
                      </a:lnTo>
                      <a:lnTo>
                        <a:pt x="64" y="38"/>
                      </a:lnTo>
                      <a:lnTo>
                        <a:pt x="59" y="46"/>
                      </a:lnTo>
                      <a:lnTo>
                        <a:pt x="54" y="56"/>
                      </a:lnTo>
                      <a:lnTo>
                        <a:pt x="52" y="58"/>
                      </a:lnTo>
                      <a:lnTo>
                        <a:pt x="51" y="61"/>
                      </a:lnTo>
                      <a:lnTo>
                        <a:pt x="47" y="63"/>
                      </a:lnTo>
                      <a:lnTo>
                        <a:pt x="47" y="65"/>
                      </a:lnTo>
                      <a:lnTo>
                        <a:pt x="30" y="65"/>
                      </a:lnTo>
                      <a:lnTo>
                        <a:pt x="22" y="78"/>
                      </a:lnTo>
                      <a:lnTo>
                        <a:pt x="22" y="80"/>
                      </a:lnTo>
                      <a:lnTo>
                        <a:pt x="25" y="82"/>
                      </a:lnTo>
                      <a:lnTo>
                        <a:pt x="30" y="83"/>
                      </a:lnTo>
                      <a:lnTo>
                        <a:pt x="35" y="87"/>
                      </a:lnTo>
                      <a:lnTo>
                        <a:pt x="42" y="92"/>
                      </a:lnTo>
                      <a:lnTo>
                        <a:pt x="46" y="97"/>
                      </a:lnTo>
                      <a:lnTo>
                        <a:pt x="49" y="105"/>
                      </a:lnTo>
                      <a:lnTo>
                        <a:pt x="51" y="114"/>
                      </a:lnTo>
                      <a:lnTo>
                        <a:pt x="54" y="116"/>
                      </a:lnTo>
                      <a:lnTo>
                        <a:pt x="56" y="116"/>
                      </a:lnTo>
                      <a:lnTo>
                        <a:pt x="59" y="116"/>
                      </a:lnTo>
                      <a:lnTo>
                        <a:pt x="63" y="116"/>
                      </a:lnTo>
                      <a:lnTo>
                        <a:pt x="66" y="116"/>
                      </a:lnTo>
                      <a:lnTo>
                        <a:pt x="68" y="117"/>
                      </a:lnTo>
                      <a:lnTo>
                        <a:pt x="71" y="129"/>
                      </a:lnTo>
                      <a:lnTo>
                        <a:pt x="81" y="129"/>
                      </a:lnTo>
                      <a:lnTo>
                        <a:pt x="79" y="132"/>
                      </a:lnTo>
                      <a:lnTo>
                        <a:pt x="68" y="132"/>
                      </a:lnTo>
                      <a:lnTo>
                        <a:pt x="63" y="122"/>
                      </a:lnTo>
                      <a:lnTo>
                        <a:pt x="59" y="126"/>
                      </a:lnTo>
                      <a:lnTo>
                        <a:pt x="68" y="136"/>
                      </a:lnTo>
                      <a:lnTo>
                        <a:pt x="76" y="138"/>
                      </a:lnTo>
                      <a:lnTo>
                        <a:pt x="68" y="144"/>
                      </a:lnTo>
                      <a:lnTo>
                        <a:pt x="46" y="139"/>
                      </a:lnTo>
                      <a:lnTo>
                        <a:pt x="46" y="127"/>
                      </a:lnTo>
                      <a:lnTo>
                        <a:pt x="27" y="132"/>
                      </a:lnTo>
                      <a:lnTo>
                        <a:pt x="27" y="134"/>
                      </a:lnTo>
                      <a:lnTo>
                        <a:pt x="27" y="138"/>
                      </a:lnTo>
                      <a:lnTo>
                        <a:pt x="27" y="139"/>
                      </a:lnTo>
                      <a:lnTo>
                        <a:pt x="27" y="141"/>
                      </a:lnTo>
                      <a:lnTo>
                        <a:pt x="25" y="141"/>
                      </a:lnTo>
                      <a:lnTo>
                        <a:pt x="22" y="139"/>
                      </a:lnTo>
                      <a:lnTo>
                        <a:pt x="19" y="136"/>
                      </a:lnTo>
                      <a:lnTo>
                        <a:pt x="15" y="138"/>
                      </a:lnTo>
                      <a:lnTo>
                        <a:pt x="12" y="138"/>
                      </a:lnTo>
                      <a:lnTo>
                        <a:pt x="8" y="139"/>
                      </a:lnTo>
                      <a:lnTo>
                        <a:pt x="5" y="143"/>
                      </a:lnTo>
                      <a:lnTo>
                        <a:pt x="2" y="144"/>
                      </a:lnTo>
                      <a:lnTo>
                        <a:pt x="0" y="148"/>
                      </a:lnTo>
                      <a:lnTo>
                        <a:pt x="0" y="151"/>
                      </a:lnTo>
                      <a:lnTo>
                        <a:pt x="0" y="153"/>
                      </a:lnTo>
                      <a:lnTo>
                        <a:pt x="0" y="154"/>
                      </a:lnTo>
                      <a:lnTo>
                        <a:pt x="2" y="156"/>
                      </a:lnTo>
                      <a:lnTo>
                        <a:pt x="3" y="160"/>
                      </a:lnTo>
                      <a:lnTo>
                        <a:pt x="5" y="161"/>
                      </a:lnTo>
                      <a:lnTo>
                        <a:pt x="7" y="165"/>
                      </a:lnTo>
                      <a:lnTo>
                        <a:pt x="8" y="165"/>
                      </a:lnTo>
                      <a:lnTo>
                        <a:pt x="8" y="166"/>
                      </a:lnTo>
                      <a:lnTo>
                        <a:pt x="13" y="171"/>
                      </a:lnTo>
                      <a:lnTo>
                        <a:pt x="13" y="173"/>
                      </a:lnTo>
                      <a:lnTo>
                        <a:pt x="13" y="175"/>
                      </a:lnTo>
                      <a:lnTo>
                        <a:pt x="15" y="178"/>
                      </a:lnTo>
                      <a:lnTo>
                        <a:pt x="17" y="180"/>
                      </a:lnTo>
                      <a:lnTo>
                        <a:pt x="22" y="182"/>
                      </a:lnTo>
                      <a:lnTo>
                        <a:pt x="29" y="183"/>
                      </a:lnTo>
                      <a:lnTo>
                        <a:pt x="39" y="183"/>
                      </a:lnTo>
                      <a:lnTo>
                        <a:pt x="41" y="183"/>
                      </a:lnTo>
                      <a:lnTo>
                        <a:pt x="44" y="185"/>
                      </a:lnTo>
                      <a:lnTo>
                        <a:pt x="47" y="187"/>
                      </a:lnTo>
                      <a:lnTo>
                        <a:pt x="49" y="187"/>
                      </a:lnTo>
                      <a:lnTo>
                        <a:pt x="59" y="187"/>
                      </a:lnTo>
                      <a:lnTo>
                        <a:pt x="71" y="176"/>
                      </a:lnTo>
                      <a:lnTo>
                        <a:pt x="74" y="176"/>
                      </a:lnTo>
                      <a:lnTo>
                        <a:pt x="78" y="175"/>
                      </a:lnTo>
                      <a:lnTo>
                        <a:pt x="81" y="175"/>
                      </a:lnTo>
                      <a:lnTo>
                        <a:pt x="83" y="176"/>
                      </a:lnTo>
                      <a:lnTo>
                        <a:pt x="83" y="178"/>
                      </a:lnTo>
                      <a:lnTo>
                        <a:pt x="81" y="182"/>
                      </a:lnTo>
                      <a:lnTo>
                        <a:pt x="74" y="185"/>
                      </a:lnTo>
                      <a:lnTo>
                        <a:pt x="74" y="187"/>
                      </a:lnTo>
                      <a:lnTo>
                        <a:pt x="76" y="190"/>
                      </a:lnTo>
                      <a:lnTo>
                        <a:pt x="78" y="195"/>
                      </a:lnTo>
                      <a:lnTo>
                        <a:pt x="79" y="200"/>
                      </a:lnTo>
                      <a:lnTo>
                        <a:pt x="79" y="205"/>
                      </a:lnTo>
                      <a:lnTo>
                        <a:pt x="78" y="209"/>
                      </a:lnTo>
                      <a:lnTo>
                        <a:pt x="71" y="212"/>
                      </a:lnTo>
                      <a:lnTo>
                        <a:pt x="63" y="212"/>
                      </a:lnTo>
                      <a:lnTo>
                        <a:pt x="61" y="214"/>
                      </a:lnTo>
                      <a:lnTo>
                        <a:pt x="59" y="214"/>
                      </a:lnTo>
                      <a:lnTo>
                        <a:pt x="57" y="217"/>
                      </a:lnTo>
                      <a:lnTo>
                        <a:pt x="56" y="219"/>
                      </a:lnTo>
                      <a:lnTo>
                        <a:pt x="54" y="220"/>
                      </a:lnTo>
                      <a:lnTo>
                        <a:pt x="52" y="224"/>
                      </a:lnTo>
                      <a:lnTo>
                        <a:pt x="51" y="226"/>
                      </a:lnTo>
                      <a:lnTo>
                        <a:pt x="51" y="224"/>
                      </a:lnTo>
                      <a:lnTo>
                        <a:pt x="47" y="222"/>
                      </a:lnTo>
                      <a:lnTo>
                        <a:pt x="44" y="220"/>
                      </a:lnTo>
                      <a:lnTo>
                        <a:pt x="41" y="220"/>
                      </a:lnTo>
                      <a:lnTo>
                        <a:pt x="35" y="220"/>
                      </a:lnTo>
                      <a:lnTo>
                        <a:pt x="34" y="220"/>
                      </a:lnTo>
                      <a:lnTo>
                        <a:pt x="30" y="224"/>
                      </a:lnTo>
                      <a:lnTo>
                        <a:pt x="30" y="231"/>
                      </a:lnTo>
                      <a:lnTo>
                        <a:pt x="30" y="232"/>
                      </a:lnTo>
                      <a:lnTo>
                        <a:pt x="30" y="234"/>
                      </a:lnTo>
                      <a:lnTo>
                        <a:pt x="30" y="236"/>
                      </a:lnTo>
                      <a:lnTo>
                        <a:pt x="29" y="237"/>
                      </a:lnTo>
                      <a:lnTo>
                        <a:pt x="29" y="239"/>
                      </a:lnTo>
                      <a:lnTo>
                        <a:pt x="27" y="242"/>
                      </a:lnTo>
                      <a:lnTo>
                        <a:pt x="25" y="242"/>
                      </a:lnTo>
                      <a:lnTo>
                        <a:pt x="22" y="242"/>
                      </a:lnTo>
                      <a:lnTo>
                        <a:pt x="22" y="244"/>
                      </a:lnTo>
                      <a:lnTo>
                        <a:pt x="20" y="244"/>
                      </a:lnTo>
                      <a:lnTo>
                        <a:pt x="20" y="248"/>
                      </a:lnTo>
                      <a:lnTo>
                        <a:pt x="19" y="249"/>
                      </a:lnTo>
                      <a:lnTo>
                        <a:pt x="17" y="251"/>
                      </a:lnTo>
                      <a:lnTo>
                        <a:pt x="17" y="254"/>
                      </a:lnTo>
                      <a:lnTo>
                        <a:pt x="17" y="256"/>
                      </a:lnTo>
                      <a:lnTo>
                        <a:pt x="15" y="256"/>
                      </a:lnTo>
                      <a:lnTo>
                        <a:pt x="13" y="258"/>
                      </a:lnTo>
                      <a:lnTo>
                        <a:pt x="12" y="261"/>
                      </a:lnTo>
                      <a:lnTo>
                        <a:pt x="10" y="263"/>
                      </a:lnTo>
                      <a:lnTo>
                        <a:pt x="8" y="266"/>
                      </a:lnTo>
                      <a:lnTo>
                        <a:pt x="10" y="266"/>
                      </a:lnTo>
                      <a:lnTo>
                        <a:pt x="12" y="266"/>
                      </a:lnTo>
                      <a:lnTo>
                        <a:pt x="19" y="264"/>
                      </a:lnTo>
                      <a:lnTo>
                        <a:pt x="19" y="268"/>
                      </a:lnTo>
                      <a:lnTo>
                        <a:pt x="17" y="271"/>
                      </a:lnTo>
                      <a:lnTo>
                        <a:pt x="17" y="273"/>
                      </a:lnTo>
                      <a:lnTo>
                        <a:pt x="19" y="275"/>
                      </a:lnTo>
                      <a:lnTo>
                        <a:pt x="20" y="278"/>
                      </a:lnTo>
                      <a:lnTo>
                        <a:pt x="24" y="280"/>
                      </a:lnTo>
                      <a:lnTo>
                        <a:pt x="27" y="283"/>
                      </a:lnTo>
                      <a:lnTo>
                        <a:pt x="30" y="286"/>
                      </a:lnTo>
                      <a:lnTo>
                        <a:pt x="35" y="288"/>
                      </a:lnTo>
                      <a:lnTo>
                        <a:pt x="41" y="288"/>
                      </a:lnTo>
                      <a:lnTo>
                        <a:pt x="39" y="290"/>
                      </a:lnTo>
                      <a:lnTo>
                        <a:pt x="37" y="292"/>
                      </a:lnTo>
                      <a:lnTo>
                        <a:pt x="34" y="295"/>
                      </a:lnTo>
                      <a:lnTo>
                        <a:pt x="30" y="300"/>
                      </a:lnTo>
                      <a:lnTo>
                        <a:pt x="29" y="303"/>
                      </a:lnTo>
                      <a:lnTo>
                        <a:pt x="27" y="307"/>
                      </a:lnTo>
                      <a:lnTo>
                        <a:pt x="29" y="308"/>
                      </a:lnTo>
                      <a:lnTo>
                        <a:pt x="32" y="310"/>
                      </a:lnTo>
                      <a:lnTo>
                        <a:pt x="34" y="310"/>
                      </a:lnTo>
                      <a:lnTo>
                        <a:pt x="35" y="314"/>
                      </a:lnTo>
                      <a:lnTo>
                        <a:pt x="37" y="317"/>
                      </a:lnTo>
                      <a:lnTo>
                        <a:pt x="41" y="319"/>
                      </a:lnTo>
                      <a:lnTo>
                        <a:pt x="44" y="320"/>
                      </a:lnTo>
                      <a:lnTo>
                        <a:pt x="47" y="319"/>
                      </a:lnTo>
                      <a:lnTo>
                        <a:pt x="52" y="314"/>
                      </a:lnTo>
                      <a:lnTo>
                        <a:pt x="56" y="305"/>
                      </a:lnTo>
                      <a:lnTo>
                        <a:pt x="57" y="303"/>
                      </a:lnTo>
                      <a:lnTo>
                        <a:pt x="59" y="300"/>
                      </a:lnTo>
                      <a:lnTo>
                        <a:pt x="59" y="298"/>
                      </a:lnTo>
                      <a:lnTo>
                        <a:pt x="59" y="300"/>
                      </a:lnTo>
                      <a:lnTo>
                        <a:pt x="59" y="302"/>
                      </a:lnTo>
                      <a:lnTo>
                        <a:pt x="59" y="305"/>
                      </a:lnTo>
                      <a:lnTo>
                        <a:pt x="59" y="308"/>
                      </a:lnTo>
                      <a:lnTo>
                        <a:pt x="61" y="312"/>
                      </a:lnTo>
                      <a:lnTo>
                        <a:pt x="63" y="315"/>
                      </a:lnTo>
                      <a:lnTo>
                        <a:pt x="64" y="319"/>
                      </a:lnTo>
                      <a:lnTo>
                        <a:pt x="68" y="322"/>
                      </a:lnTo>
                      <a:lnTo>
                        <a:pt x="69" y="322"/>
                      </a:lnTo>
                      <a:lnTo>
                        <a:pt x="69" y="324"/>
                      </a:lnTo>
                      <a:lnTo>
                        <a:pt x="69" y="327"/>
                      </a:lnTo>
                      <a:lnTo>
                        <a:pt x="68" y="329"/>
                      </a:lnTo>
                      <a:lnTo>
                        <a:pt x="68" y="332"/>
                      </a:lnTo>
                      <a:lnTo>
                        <a:pt x="66" y="334"/>
                      </a:lnTo>
                      <a:lnTo>
                        <a:pt x="66" y="336"/>
                      </a:lnTo>
                      <a:lnTo>
                        <a:pt x="64" y="346"/>
                      </a:lnTo>
                      <a:lnTo>
                        <a:pt x="64" y="347"/>
                      </a:lnTo>
                      <a:lnTo>
                        <a:pt x="66" y="351"/>
                      </a:lnTo>
                      <a:lnTo>
                        <a:pt x="66" y="352"/>
                      </a:lnTo>
                      <a:lnTo>
                        <a:pt x="68" y="352"/>
                      </a:lnTo>
                      <a:lnTo>
                        <a:pt x="69" y="352"/>
                      </a:lnTo>
                      <a:lnTo>
                        <a:pt x="73" y="349"/>
                      </a:lnTo>
                      <a:lnTo>
                        <a:pt x="78" y="341"/>
                      </a:lnTo>
                      <a:lnTo>
                        <a:pt x="79" y="341"/>
                      </a:lnTo>
                      <a:lnTo>
                        <a:pt x="79" y="339"/>
                      </a:lnTo>
                      <a:lnTo>
                        <a:pt x="79" y="336"/>
                      </a:lnTo>
                      <a:lnTo>
                        <a:pt x="81" y="334"/>
                      </a:lnTo>
                      <a:lnTo>
                        <a:pt x="83" y="336"/>
                      </a:lnTo>
                      <a:lnTo>
                        <a:pt x="86" y="337"/>
                      </a:lnTo>
                      <a:lnTo>
                        <a:pt x="90" y="341"/>
                      </a:lnTo>
                      <a:lnTo>
                        <a:pt x="91" y="341"/>
                      </a:lnTo>
                      <a:lnTo>
                        <a:pt x="91" y="339"/>
                      </a:lnTo>
                      <a:lnTo>
                        <a:pt x="91" y="337"/>
                      </a:lnTo>
                      <a:lnTo>
                        <a:pt x="93" y="336"/>
                      </a:lnTo>
                      <a:lnTo>
                        <a:pt x="93" y="334"/>
                      </a:lnTo>
                      <a:lnTo>
                        <a:pt x="95" y="336"/>
                      </a:lnTo>
                      <a:lnTo>
                        <a:pt x="96" y="337"/>
                      </a:lnTo>
                      <a:lnTo>
                        <a:pt x="98" y="344"/>
                      </a:lnTo>
                      <a:lnTo>
                        <a:pt x="100" y="346"/>
                      </a:lnTo>
                      <a:lnTo>
                        <a:pt x="100" y="347"/>
                      </a:lnTo>
                      <a:lnTo>
                        <a:pt x="101" y="351"/>
                      </a:lnTo>
                      <a:lnTo>
                        <a:pt x="103" y="352"/>
                      </a:lnTo>
                      <a:lnTo>
                        <a:pt x="105" y="354"/>
                      </a:lnTo>
                      <a:lnTo>
                        <a:pt x="107" y="352"/>
                      </a:lnTo>
                      <a:lnTo>
                        <a:pt x="108" y="351"/>
                      </a:lnTo>
                      <a:lnTo>
                        <a:pt x="108" y="344"/>
                      </a:lnTo>
                      <a:lnTo>
                        <a:pt x="110" y="344"/>
                      </a:lnTo>
                      <a:lnTo>
                        <a:pt x="113" y="346"/>
                      </a:lnTo>
                      <a:lnTo>
                        <a:pt x="117" y="346"/>
                      </a:lnTo>
                      <a:lnTo>
                        <a:pt x="122" y="346"/>
                      </a:lnTo>
                      <a:lnTo>
                        <a:pt x="127" y="342"/>
                      </a:lnTo>
                      <a:lnTo>
                        <a:pt x="132" y="337"/>
                      </a:lnTo>
                      <a:lnTo>
                        <a:pt x="139" y="329"/>
                      </a:lnTo>
                      <a:lnTo>
                        <a:pt x="137" y="332"/>
                      </a:lnTo>
                      <a:lnTo>
                        <a:pt x="135" y="336"/>
                      </a:lnTo>
                      <a:lnTo>
                        <a:pt x="134" y="341"/>
                      </a:lnTo>
                      <a:lnTo>
                        <a:pt x="130" y="344"/>
                      </a:lnTo>
                      <a:lnTo>
                        <a:pt x="130" y="347"/>
                      </a:lnTo>
                      <a:lnTo>
                        <a:pt x="129" y="351"/>
                      </a:lnTo>
                      <a:lnTo>
                        <a:pt x="127" y="352"/>
                      </a:lnTo>
                      <a:lnTo>
                        <a:pt x="127" y="358"/>
                      </a:lnTo>
                      <a:lnTo>
                        <a:pt x="125" y="364"/>
                      </a:lnTo>
                      <a:lnTo>
                        <a:pt x="125" y="371"/>
                      </a:lnTo>
                      <a:lnTo>
                        <a:pt x="122" y="378"/>
                      </a:lnTo>
                      <a:lnTo>
                        <a:pt x="120" y="383"/>
                      </a:lnTo>
                      <a:lnTo>
                        <a:pt x="117" y="388"/>
                      </a:lnTo>
                      <a:lnTo>
                        <a:pt x="112" y="390"/>
                      </a:lnTo>
                      <a:lnTo>
                        <a:pt x="112" y="391"/>
                      </a:lnTo>
                      <a:lnTo>
                        <a:pt x="113" y="391"/>
                      </a:lnTo>
                      <a:lnTo>
                        <a:pt x="113" y="393"/>
                      </a:lnTo>
                      <a:lnTo>
                        <a:pt x="112" y="396"/>
                      </a:lnTo>
                      <a:lnTo>
                        <a:pt x="110" y="398"/>
                      </a:lnTo>
                      <a:lnTo>
                        <a:pt x="107" y="402"/>
                      </a:lnTo>
                      <a:lnTo>
                        <a:pt x="100" y="405"/>
                      </a:lnTo>
                      <a:lnTo>
                        <a:pt x="96" y="407"/>
                      </a:lnTo>
                      <a:lnTo>
                        <a:pt x="91" y="408"/>
                      </a:lnTo>
                      <a:lnTo>
                        <a:pt x="88" y="412"/>
                      </a:lnTo>
                      <a:lnTo>
                        <a:pt x="85" y="413"/>
                      </a:lnTo>
                      <a:lnTo>
                        <a:pt x="83" y="418"/>
                      </a:lnTo>
                      <a:lnTo>
                        <a:pt x="83" y="422"/>
                      </a:lnTo>
                      <a:lnTo>
                        <a:pt x="85" y="425"/>
                      </a:lnTo>
                      <a:lnTo>
                        <a:pt x="85" y="427"/>
                      </a:lnTo>
                      <a:lnTo>
                        <a:pt x="85" y="429"/>
                      </a:lnTo>
                      <a:lnTo>
                        <a:pt x="83" y="430"/>
                      </a:lnTo>
                      <a:lnTo>
                        <a:pt x="81" y="430"/>
                      </a:lnTo>
                      <a:lnTo>
                        <a:pt x="79" y="432"/>
                      </a:lnTo>
                      <a:lnTo>
                        <a:pt x="78" y="430"/>
                      </a:lnTo>
                      <a:lnTo>
                        <a:pt x="76" y="429"/>
                      </a:lnTo>
                      <a:lnTo>
                        <a:pt x="76" y="424"/>
                      </a:lnTo>
                      <a:lnTo>
                        <a:pt x="74" y="424"/>
                      </a:lnTo>
                      <a:lnTo>
                        <a:pt x="71" y="424"/>
                      </a:lnTo>
                      <a:lnTo>
                        <a:pt x="69" y="424"/>
                      </a:lnTo>
                      <a:lnTo>
                        <a:pt x="68" y="425"/>
                      </a:lnTo>
                      <a:lnTo>
                        <a:pt x="64" y="425"/>
                      </a:lnTo>
                      <a:lnTo>
                        <a:pt x="63" y="425"/>
                      </a:lnTo>
                      <a:lnTo>
                        <a:pt x="46" y="442"/>
                      </a:lnTo>
                      <a:lnTo>
                        <a:pt x="44" y="442"/>
                      </a:lnTo>
                      <a:lnTo>
                        <a:pt x="44" y="444"/>
                      </a:lnTo>
                      <a:lnTo>
                        <a:pt x="42" y="447"/>
                      </a:lnTo>
                      <a:lnTo>
                        <a:pt x="41" y="449"/>
                      </a:lnTo>
                      <a:lnTo>
                        <a:pt x="41" y="452"/>
                      </a:lnTo>
                      <a:lnTo>
                        <a:pt x="42" y="452"/>
                      </a:lnTo>
                      <a:lnTo>
                        <a:pt x="44" y="451"/>
                      </a:lnTo>
                      <a:lnTo>
                        <a:pt x="51" y="447"/>
                      </a:lnTo>
                      <a:lnTo>
                        <a:pt x="52" y="446"/>
                      </a:lnTo>
                      <a:lnTo>
                        <a:pt x="56" y="444"/>
                      </a:lnTo>
                      <a:lnTo>
                        <a:pt x="57" y="440"/>
                      </a:lnTo>
                      <a:lnTo>
                        <a:pt x="61" y="439"/>
                      </a:lnTo>
                      <a:lnTo>
                        <a:pt x="64" y="435"/>
                      </a:lnTo>
                      <a:lnTo>
                        <a:pt x="66" y="434"/>
                      </a:lnTo>
                      <a:lnTo>
                        <a:pt x="68" y="432"/>
                      </a:lnTo>
                      <a:lnTo>
                        <a:pt x="68" y="434"/>
                      </a:lnTo>
                      <a:lnTo>
                        <a:pt x="68" y="437"/>
                      </a:lnTo>
                      <a:lnTo>
                        <a:pt x="68" y="439"/>
                      </a:lnTo>
                      <a:lnTo>
                        <a:pt x="69" y="440"/>
                      </a:lnTo>
                      <a:lnTo>
                        <a:pt x="73" y="440"/>
                      </a:lnTo>
                      <a:lnTo>
                        <a:pt x="78" y="439"/>
                      </a:lnTo>
                      <a:lnTo>
                        <a:pt x="86" y="434"/>
                      </a:lnTo>
                      <a:lnTo>
                        <a:pt x="88" y="430"/>
                      </a:lnTo>
                      <a:lnTo>
                        <a:pt x="90" y="429"/>
                      </a:lnTo>
                      <a:lnTo>
                        <a:pt x="91" y="429"/>
                      </a:lnTo>
                      <a:lnTo>
                        <a:pt x="95" y="434"/>
                      </a:lnTo>
                      <a:lnTo>
                        <a:pt x="96" y="434"/>
                      </a:lnTo>
                      <a:lnTo>
                        <a:pt x="96" y="432"/>
                      </a:lnTo>
                      <a:lnTo>
                        <a:pt x="96" y="430"/>
                      </a:lnTo>
                      <a:lnTo>
                        <a:pt x="98" y="427"/>
                      </a:lnTo>
                      <a:lnTo>
                        <a:pt x="101" y="424"/>
                      </a:lnTo>
                      <a:lnTo>
                        <a:pt x="105" y="422"/>
                      </a:lnTo>
                      <a:lnTo>
                        <a:pt x="110" y="420"/>
                      </a:lnTo>
                      <a:lnTo>
                        <a:pt x="117" y="420"/>
                      </a:lnTo>
                      <a:lnTo>
                        <a:pt x="117" y="418"/>
                      </a:lnTo>
                      <a:lnTo>
                        <a:pt x="115" y="418"/>
                      </a:lnTo>
                      <a:lnTo>
                        <a:pt x="113" y="415"/>
                      </a:lnTo>
                      <a:lnTo>
                        <a:pt x="113" y="413"/>
                      </a:lnTo>
                      <a:lnTo>
                        <a:pt x="115" y="408"/>
                      </a:lnTo>
                      <a:lnTo>
                        <a:pt x="120" y="405"/>
                      </a:lnTo>
                      <a:lnTo>
                        <a:pt x="127" y="398"/>
                      </a:lnTo>
                      <a:lnTo>
                        <a:pt x="139" y="391"/>
                      </a:lnTo>
                      <a:lnTo>
                        <a:pt x="140" y="391"/>
                      </a:lnTo>
                      <a:lnTo>
                        <a:pt x="139" y="390"/>
                      </a:lnTo>
                      <a:lnTo>
                        <a:pt x="139" y="388"/>
                      </a:lnTo>
                      <a:lnTo>
                        <a:pt x="140" y="385"/>
                      </a:lnTo>
                      <a:lnTo>
                        <a:pt x="144" y="381"/>
                      </a:lnTo>
                      <a:lnTo>
                        <a:pt x="151" y="374"/>
                      </a:lnTo>
                      <a:lnTo>
                        <a:pt x="161" y="366"/>
                      </a:lnTo>
                      <a:lnTo>
                        <a:pt x="174" y="354"/>
                      </a:lnTo>
                      <a:lnTo>
                        <a:pt x="176" y="352"/>
                      </a:lnTo>
                      <a:lnTo>
                        <a:pt x="178" y="347"/>
                      </a:lnTo>
                      <a:lnTo>
                        <a:pt x="178" y="344"/>
                      </a:lnTo>
                      <a:lnTo>
                        <a:pt x="179" y="342"/>
                      </a:lnTo>
                      <a:lnTo>
                        <a:pt x="181" y="341"/>
                      </a:lnTo>
                      <a:lnTo>
                        <a:pt x="183" y="339"/>
                      </a:lnTo>
                      <a:lnTo>
                        <a:pt x="183" y="337"/>
                      </a:lnTo>
                      <a:lnTo>
                        <a:pt x="184" y="336"/>
                      </a:lnTo>
                      <a:lnTo>
                        <a:pt x="183" y="332"/>
                      </a:lnTo>
                      <a:lnTo>
                        <a:pt x="181" y="330"/>
                      </a:lnTo>
                      <a:lnTo>
                        <a:pt x="174" y="330"/>
                      </a:lnTo>
                      <a:lnTo>
                        <a:pt x="173" y="330"/>
                      </a:lnTo>
                      <a:lnTo>
                        <a:pt x="173" y="329"/>
                      </a:lnTo>
                      <a:lnTo>
                        <a:pt x="173" y="327"/>
                      </a:lnTo>
                      <a:lnTo>
                        <a:pt x="174" y="322"/>
                      </a:lnTo>
                      <a:lnTo>
                        <a:pt x="178" y="317"/>
                      </a:lnTo>
                      <a:lnTo>
                        <a:pt x="183" y="310"/>
                      </a:lnTo>
                      <a:lnTo>
                        <a:pt x="191" y="302"/>
                      </a:lnTo>
                      <a:lnTo>
                        <a:pt x="193" y="298"/>
                      </a:lnTo>
                      <a:lnTo>
                        <a:pt x="195" y="293"/>
                      </a:lnTo>
                      <a:lnTo>
                        <a:pt x="196" y="285"/>
                      </a:lnTo>
                      <a:lnTo>
                        <a:pt x="200" y="276"/>
                      </a:lnTo>
                      <a:lnTo>
                        <a:pt x="205" y="268"/>
                      </a:lnTo>
                      <a:lnTo>
                        <a:pt x="211" y="264"/>
                      </a:lnTo>
                      <a:lnTo>
                        <a:pt x="220" y="264"/>
                      </a:lnTo>
                      <a:lnTo>
                        <a:pt x="230" y="271"/>
                      </a:lnTo>
                      <a:lnTo>
                        <a:pt x="228" y="271"/>
                      </a:lnTo>
                      <a:lnTo>
                        <a:pt x="225" y="271"/>
                      </a:lnTo>
                      <a:lnTo>
                        <a:pt x="220" y="273"/>
                      </a:lnTo>
                      <a:lnTo>
                        <a:pt x="213" y="273"/>
                      </a:lnTo>
                      <a:lnTo>
                        <a:pt x="210" y="276"/>
                      </a:lnTo>
                      <a:lnTo>
                        <a:pt x="206" y="281"/>
                      </a:lnTo>
                      <a:lnTo>
                        <a:pt x="206" y="288"/>
                      </a:lnTo>
                      <a:lnTo>
                        <a:pt x="210" y="297"/>
                      </a:lnTo>
                      <a:lnTo>
                        <a:pt x="210" y="298"/>
                      </a:lnTo>
                      <a:lnTo>
                        <a:pt x="208" y="302"/>
                      </a:lnTo>
                      <a:lnTo>
                        <a:pt x="205" y="305"/>
                      </a:lnTo>
                      <a:lnTo>
                        <a:pt x="203" y="308"/>
                      </a:lnTo>
                      <a:lnTo>
                        <a:pt x="203" y="310"/>
                      </a:lnTo>
                      <a:lnTo>
                        <a:pt x="205" y="312"/>
                      </a:lnTo>
                      <a:lnTo>
                        <a:pt x="208" y="310"/>
                      </a:lnTo>
                      <a:lnTo>
                        <a:pt x="215" y="307"/>
                      </a:lnTo>
                      <a:lnTo>
                        <a:pt x="213" y="308"/>
                      </a:lnTo>
                      <a:lnTo>
                        <a:pt x="211" y="312"/>
                      </a:lnTo>
                      <a:lnTo>
                        <a:pt x="210" y="317"/>
                      </a:lnTo>
                      <a:lnTo>
                        <a:pt x="208" y="320"/>
                      </a:lnTo>
                      <a:lnTo>
                        <a:pt x="208" y="324"/>
                      </a:lnTo>
                      <a:lnTo>
                        <a:pt x="210" y="322"/>
                      </a:lnTo>
                      <a:lnTo>
                        <a:pt x="217" y="319"/>
                      </a:lnTo>
                      <a:lnTo>
                        <a:pt x="227" y="308"/>
                      </a:lnTo>
                      <a:lnTo>
                        <a:pt x="227" y="307"/>
                      </a:lnTo>
                      <a:lnTo>
                        <a:pt x="230" y="305"/>
                      </a:lnTo>
                      <a:lnTo>
                        <a:pt x="232" y="303"/>
                      </a:lnTo>
                      <a:lnTo>
                        <a:pt x="233" y="302"/>
                      </a:lnTo>
                      <a:lnTo>
                        <a:pt x="237" y="300"/>
                      </a:lnTo>
                      <a:lnTo>
                        <a:pt x="239" y="298"/>
                      </a:lnTo>
                      <a:lnTo>
                        <a:pt x="240" y="297"/>
                      </a:lnTo>
                      <a:lnTo>
                        <a:pt x="242" y="297"/>
                      </a:lnTo>
                      <a:lnTo>
                        <a:pt x="244" y="297"/>
                      </a:lnTo>
                      <a:lnTo>
                        <a:pt x="245" y="295"/>
                      </a:lnTo>
                      <a:lnTo>
                        <a:pt x="247" y="293"/>
                      </a:lnTo>
                      <a:lnTo>
                        <a:pt x="249" y="290"/>
                      </a:lnTo>
                      <a:lnTo>
                        <a:pt x="247" y="286"/>
                      </a:lnTo>
                      <a:lnTo>
                        <a:pt x="245" y="281"/>
                      </a:lnTo>
                      <a:lnTo>
                        <a:pt x="245" y="280"/>
                      </a:lnTo>
                      <a:lnTo>
                        <a:pt x="244" y="276"/>
                      </a:lnTo>
                      <a:lnTo>
                        <a:pt x="242" y="273"/>
                      </a:lnTo>
                      <a:lnTo>
                        <a:pt x="240" y="271"/>
                      </a:lnTo>
                      <a:lnTo>
                        <a:pt x="250" y="264"/>
                      </a:lnTo>
                      <a:lnTo>
                        <a:pt x="255" y="268"/>
                      </a:lnTo>
                      <a:lnTo>
                        <a:pt x="266" y="263"/>
                      </a:lnTo>
                      <a:lnTo>
                        <a:pt x="281" y="271"/>
                      </a:lnTo>
                      <a:lnTo>
                        <a:pt x="286" y="278"/>
                      </a:lnTo>
                      <a:lnTo>
                        <a:pt x="293" y="270"/>
                      </a:lnTo>
                      <a:lnTo>
                        <a:pt x="303" y="286"/>
                      </a:lnTo>
                      <a:lnTo>
                        <a:pt x="305" y="285"/>
                      </a:lnTo>
                      <a:lnTo>
                        <a:pt x="310" y="281"/>
                      </a:lnTo>
                      <a:lnTo>
                        <a:pt x="315" y="278"/>
                      </a:lnTo>
                      <a:lnTo>
                        <a:pt x="323" y="276"/>
                      </a:lnTo>
                      <a:lnTo>
                        <a:pt x="333" y="275"/>
                      </a:lnTo>
                      <a:lnTo>
                        <a:pt x="343" y="275"/>
                      </a:lnTo>
                      <a:lnTo>
                        <a:pt x="357" y="276"/>
                      </a:lnTo>
                      <a:lnTo>
                        <a:pt x="359" y="276"/>
                      </a:lnTo>
                      <a:lnTo>
                        <a:pt x="360" y="275"/>
                      </a:lnTo>
                      <a:lnTo>
                        <a:pt x="362" y="273"/>
                      </a:lnTo>
                      <a:lnTo>
                        <a:pt x="364" y="271"/>
                      </a:lnTo>
                      <a:lnTo>
                        <a:pt x="365" y="271"/>
                      </a:lnTo>
                      <a:lnTo>
                        <a:pt x="369" y="271"/>
                      </a:lnTo>
                      <a:lnTo>
                        <a:pt x="371" y="275"/>
                      </a:lnTo>
                      <a:lnTo>
                        <a:pt x="371" y="278"/>
                      </a:lnTo>
                      <a:lnTo>
                        <a:pt x="371" y="280"/>
                      </a:lnTo>
                      <a:lnTo>
                        <a:pt x="374" y="280"/>
                      </a:lnTo>
                      <a:lnTo>
                        <a:pt x="377" y="281"/>
                      </a:lnTo>
                      <a:lnTo>
                        <a:pt x="381" y="281"/>
                      </a:lnTo>
                      <a:lnTo>
                        <a:pt x="384" y="281"/>
                      </a:lnTo>
                      <a:lnTo>
                        <a:pt x="387" y="283"/>
                      </a:lnTo>
                      <a:lnTo>
                        <a:pt x="389" y="283"/>
                      </a:lnTo>
                      <a:lnTo>
                        <a:pt x="391" y="283"/>
                      </a:lnTo>
                      <a:lnTo>
                        <a:pt x="411" y="295"/>
                      </a:lnTo>
                      <a:lnTo>
                        <a:pt x="413" y="295"/>
                      </a:lnTo>
                      <a:lnTo>
                        <a:pt x="415" y="295"/>
                      </a:lnTo>
                      <a:lnTo>
                        <a:pt x="418" y="295"/>
                      </a:lnTo>
                      <a:lnTo>
                        <a:pt x="421" y="295"/>
                      </a:lnTo>
                      <a:lnTo>
                        <a:pt x="425" y="295"/>
                      </a:lnTo>
                      <a:lnTo>
                        <a:pt x="425" y="292"/>
                      </a:lnTo>
                      <a:lnTo>
                        <a:pt x="423" y="288"/>
                      </a:lnTo>
                      <a:lnTo>
                        <a:pt x="416" y="280"/>
                      </a:lnTo>
                      <a:lnTo>
                        <a:pt x="418" y="280"/>
                      </a:lnTo>
                      <a:lnTo>
                        <a:pt x="420" y="278"/>
                      </a:lnTo>
                      <a:lnTo>
                        <a:pt x="423" y="276"/>
                      </a:lnTo>
                      <a:lnTo>
                        <a:pt x="425" y="278"/>
                      </a:lnTo>
                      <a:lnTo>
                        <a:pt x="428" y="280"/>
                      </a:lnTo>
                      <a:lnTo>
                        <a:pt x="431" y="283"/>
                      </a:lnTo>
                      <a:lnTo>
                        <a:pt x="435" y="286"/>
                      </a:lnTo>
                      <a:lnTo>
                        <a:pt x="438" y="288"/>
                      </a:lnTo>
                      <a:lnTo>
                        <a:pt x="438" y="286"/>
                      </a:lnTo>
                      <a:lnTo>
                        <a:pt x="435" y="281"/>
                      </a:lnTo>
                      <a:lnTo>
                        <a:pt x="430" y="271"/>
                      </a:lnTo>
                      <a:lnTo>
                        <a:pt x="428" y="270"/>
                      </a:lnTo>
                      <a:lnTo>
                        <a:pt x="430" y="266"/>
                      </a:lnTo>
                      <a:lnTo>
                        <a:pt x="430" y="264"/>
                      </a:lnTo>
                      <a:lnTo>
                        <a:pt x="431" y="264"/>
                      </a:lnTo>
                      <a:lnTo>
                        <a:pt x="445" y="283"/>
                      </a:lnTo>
                      <a:lnTo>
                        <a:pt x="455" y="280"/>
                      </a:lnTo>
                      <a:lnTo>
                        <a:pt x="455" y="281"/>
                      </a:lnTo>
                      <a:lnTo>
                        <a:pt x="457" y="281"/>
                      </a:lnTo>
                      <a:lnTo>
                        <a:pt x="460" y="283"/>
                      </a:lnTo>
                      <a:lnTo>
                        <a:pt x="462" y="286"/>
                      </a:lnTo>
                      <a:lnTo>
                        <a:pt x="465" y="290"/>
                      </a:lnTo>
                      <a:lnTo>
                        <a:pt x="469" y="295"/>
                      </a:lnTo>
                      <a:lnTo>
                        <a:pt x="472" y="300"/>
                      </a:lnTo>
                      <a:lnTo>
                        <a:pt x="475" y="305"/>
                      </a:lnTo>
                      <a:lnTo>
                        <a:pt x="479" y="312"/>
                      </a:lnTo>
                      <a:lnTo>
                        <a:pt x="482" y="314"/>
                      </a:lnTo>
                      <a:lnTo>
                        <a:pt x="484" y="314"/>
                      </a:lnTo>
                      <a:lnTo>
                        <a:pt x="486" y="312"/>
                      </a:lnTo>
                      <a:lnTo>
                        <a:pt x="487" y="310"/>
                      </a:lnTo>
                      <a:lnTo>
                        <a:pt x="487" y="308"/>
                      </a:lnTo>
                      <a:lnTo>
                        <a:pt x="487" y="307"/>
                      </a:lnTo>
                      <a:lnTo>
                        <a:pt x="509" y="322"/>
                      </a:lnTo>
                      <a:lnTo>
                        <a:pt x="508" y="325"/>
                      </a:lnTo>
                      <a:lnTo>
                        <a:pt x="508" y="327"/>
                      </a:lnTo>
                      <a:lnTo>
                        <a:pt x="508" y="330"/>
                      </a:lnTo>
                      <a:lnTo>
                        <a:pt x="508" y="332"/>
                      </a:lnTo>
                      <a:lnTo>
                        <a:pt x="509" y="332"/>
                      </a:lnTo>
                      <a:lnTo>
                        <a:pt x="514" y="329"/>
                      </a:lnTo>
                      <a:lnTo>
                        <a:pt x="519" y="324"/>
                      </a:lnTo>
                      <a:lnTo>
                        <a:pt x="521" y="322"/>
                      </a:lnTo>
                      <a:lnTo>
                        <a:pt x="523" y="322"/>
                      </a:lnTo>
                      <a:lnTo>
                        <a:pt x="525" y="324"/>
                      </a:lnTo>
                      <a:lnTo>
                        <a:pt x="528" y="325"/>
                      </a:lnTo>
                      <a:lnTo>
                        <a:pt x="531" y="330"/>
                      </a:lnTo>
                      <a:lnTo>
                        <a:pt x="535" y="339"/>
                      </a:lnTo>
                      <a:lnTo>
                        <a:pt x="536" y="341"/>
                      </a:lnTo>
                      <a:lnTo>
                        <a:pt x="538" y="344"/>
                      </a:lnTo>
                      <a:lnTo>
                        <a:pt x="540" y="347"/>
                      </a:lnTo>
                      <a:lnTo>
                        <a:pt x="541" y="349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91" name="Freeform 78"/>
                <p:cNvSpPr>
                  <a:spLocks/>
                </p:cNvSpPr>
                <p:nvPr/>
              </p:nvSpPr>
              <p:spPr bwMode="auto">
                <a:xfrm>
                  <a:off x="659" y="3034"/>
                  <a:ext cx="545" cy="452"/>
                </a:xfrm>
                <a:custGeom>
                  <a:avLst/>
                  <a:gdLst>
                    <a:gd name="T0" fmla="*/ 545 w 545"/>
                    <a:gd name="T1" fmla="*/ 332 h 452"/>
                    <a:gd name="T2" fmla="*/ 516 w 545"/>
                    <a:gd name="T3" fmla="*/ 312 h 452"/>
                    <a:gd name="T4" fmla="*/ 381 w 545"/>
                    <a:gd name="T5" fmla="*/ 266 h 452"/>
                    <a:gd name="T6" fmla="*/ 350 w 545"/>
                    <a:gd name="T7" fmla="*/ 264 h 452"/>
                    <a:gd name="T8" fmla="*/ 237 w 545"/>
                    <a:gd name="T9" fmla="*/ 14 h 452"/>
                    <a:gd name="T10" fmla="*/ 195 w 545"/>
                    <a:gd name="T11" fmla="*/ 16 h 452"/>
                    <a:gd name="T12" fmla="*/ 179 w 545"/>
                    <a:gd name="T13" fmla="*/ 16 h 452"/>
                    <a:gd name="T14" fmla="*/ 152 w 545"/>
                    <a:gd name="T15" fmla="*/ 9 h 452"/>
                    <a:gd name="T16" fmla="*/ 110 w 545"/>
                    <a:gd name="T17" fmla="*/ 9 h 452"/>
                    <a:gd name="T18" fmla="*/ 91 w 545"/>
                    <a:gd name="T19" fmla="*/ 17 h 452"/>
                    <a:gd name="T20" fmla="*/ 69 w 545"/>
                    <a:gd name="T21" fmla="*/ 33 h 452"/>
                    <a:gd name="T22" fmla="*/ 22 w 545"/>
                    <a:gd name="T23" fmla="*/ 78 h 452"/>
                    <a:gd name="T24" fmla="*/ 54 w 545"/>
                    <a:gd name="T25" fmla="*/ 116 h 452"/>
                    <a:gd name="T26" fmla="*/ 68 w 545"/>
                    <a:gd name="T27" fmla="*/ 132 h 452"/>
                    <a:gd name="T28" fmla="*/ 27 w 545"/>
                    <a:gd name="T29" fmla="*/ 132 h 452"/>
                    <a:gd name="T30" fmla="*/ 15 w 545"/>
                    <a:gd name="T31" fmla="*/ 138 h 452"/>
                    <a:gd name="T32" fmla="*/ 3 w 545"/>
                    <a:gd name="T33" fmla="*/ 160 h 452"/>
                    <a:gd name="T34" fmla="*/ 17 w 545"/>
                    <a:gd name="T35" fmla="*/ 180 h 452"/>
                    <a:gd name="T36" fmla="*/ 71 w 545"/>
                    <a:gd name="T37" fmla="*/ 176 h 452"/>
                    <a:gd name="T38" fmla="*/ 76 w 545"/>
                    <a:gd name="T39" fmla="*/ 190 h 452"/>
                    <a:gd name="T40" fmla="*/ 56 w 545"/>
                    <a:gd name="T41" fmla="*/ 219 h 452"/>
                    <a:gd name="T42" fmla="*/ 34 w 545"/>
                    <a:gd name="T43" fmla="*/ 220 h 452"/>
                    <a:gd name="T44" fmla="*/ 22 w 545"/>
                    <a:gd name="T45" fmla="*/ 242 h 452"/>
                    <a:gd name="T46" fmla="*/ 15 w 545"/>
                    <a:gd name="T47" fmla="*/ 256 h 452"/>
                    <a:gd name="T48" fmla="*/ 17 w 545"/>
                    <a:gd name="T49" fmla="*/ 271 h 452"/>
                    <a:gd name="T50" fmla="*/ 41 w 545"/>
                    <a:gd name="T51" fmla="*/ 288 h 452"/>
                    <a:gd name="T52" fmla="*/ 35 w 545"/>
                    <a:gd name="T53" fmla="*/ 314 h 452"/>
                    <a:gd name="T54" fmla="*/ 59 w 545"/>
                    <a:gd name="T55" fmla="*/ 298 h 452"/>
                    <a:gd name="T56" fmla="*/ 69 w 545"/>
                    <a:gd name="T57" fmla="*/ 322 h 452"/>
                    <a:gd name="T58" fmla="*/ 64 w 545"/>
                    <a:gd name="T59" fmla="*/ 347 h 452"/>
                    <a:gd name="T60" fmla="*/ 79 w 545"/>
                    <a:gd name="T61" fmla="*/ 336 h 452"/>
                    <a:gd name="T62" fmla="*/ 95 w 545"/>
                    <a:gd name="T63" fmla="*/ 336 h 452"/>
                    <a:gd name="T64" fmla="*/ 108 w 545"/>
                    <a:gd name="T65" fmla="*/ 344 h 452"/>
                    <a:gd name="T66" fmla="*/ 139 w 545"/>
                    <a:gd name="T67" fmla="*/ 329 h 452"/>
                    <a:gd name="T68" fmla="*/ 125 w 545"/>
                    <a:gd name="T69" fmla="*/ 364 h 452"/>
                    <a:gd name="T70" fmla="*/ 112 w 545"/>
                    <a:gd name="T71" fmla="*/ 396 h 452"/>
                    <a:gd name="T72" fmla="*/ 83 w 545"/>
                    <a:gd name="T73" fmla="*/ 422 h 452"/>
                    <a:gd name="T74" fmla="*/ 76 w 545"/>
                    <a:gd name="T75" fmla="*/ 424 h 452"/>
                    <a:gd name="T76" fmla="*/ 44 w 545"/>
                    <a:gd name="T77" fmla="*/ 442 h 452"/>
                    <a:gd name="T78" fmla="*/ 57 w 545"/>
                    <a:gd name="T79" fmla="*/ 440 h 452"/>
                    <a:gd name="T80" fmla="*/ 69 w 545"/>
                    <a:gd name="T81" fmla="*/ 440 h 452"/>
                    <a:gd name="T82" fmla="*/ 96 w 545"/>
                    <a:gd name="T83" fmla="*/ 432 h 452"/>
                    <a:gd name="T84" fmla="*/ 113 w 545"/>
                    <a:gd name="T85" fmla="*/ 413 h 452"/>
                    <a:gd name="T86" fmla="*/ 151 w 545"/>
                    <a:gd name="T87" fmla="*/ 374 h 452"/>
                    <a:gd name="T88" fmla="*/ 183 w 545"/>
                    <a:gd name="T89" fmla="*/ 339 h 452"/>
                    <a:gd name="T90" fmla="*/ 174 w 545"/>
                    <a:gd name="T91" fmla="*/ 322 h 452"/>
                    <a:gd name="T92" fmla="*/ 220 w 545"/>
                    <a:gd name="T93" fmla="*/ 264 h 452"/>
                    <a:gd name="T94" fmla="*/ 210 w 545"/>
                    <a:gd name="T95" fmla="*/ 297 h 452"/>
                    <a:gd name="T96" fmla="*/ 211 w 545"/>
                    <a:gd name="T97" fmla="*/ 312 h 452"/>
                    <a:gd name="T98" fmla="*/ 233 w 545"/>
                    <a:gd name="T99" fmla="*/ 302 h 452"/>
                    <a:gd name="T100" fmla="*/ 249 w 545"/>
                    <a:gd name="T101" fmla="*/ 290 h 452"/>
                    <a:gd name="T102" fmla="*/ 281 w 545"/>
                    <a:gd name="T103" fmla="*/ 271 h 452"/>
                    <a:gd name="T104" fmla="*/ 343 w 545"/>
                    <a:gd name="T105" fmla="*/ 275 h 452"/>
                    <a:gd name="T106" fmla="*/ 371 w 545"/>
                    <a:gd name="T107" fmla="*/ 278 h 452"/>
                    <a:gd name="T108" fmla="*/ 413 w 545"/>
                    <a:gd name="T109" fmla="*/ 295 h 452"/>
                    <a:gd name="T110" fmla="*/ 423 w 545"/>
                    <a:gd name="T111" fmla="*/ 276 h 452"/>
                    <a:gd name="T112" fmla="*/ 430 w 545"/>
                    <a:gd name="T113" fmla="*/ 271 h 452"/>
                    <a:gd name="T114" fmla="*/ 462 w 545"/>
                    <a:gd name="T115" fmla="*/ 286 h 452"/>
                    <a:gd name="T116" fmla="*/ 487 w 545"/>
                    <a:gd name="T117" fmla="*/ 310 h 452"/>
                    <a:gd name="T118" fmla="*/ 514 w 545"/>
                    <a:gd name="T119" fmla="*/ 329 h 452"/>
                    <a:gd name="T120" fmla="*/ 535 w 545"/>
                    <a:gd name="T121" fmla="*/ 339 h 452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w 545"/>
                    <a:gd name="T184" fmla="*/ 0 h 452"/>
                    <a:gd name="T185" fmla="*/ 545 w 545"/>
                    <a:gd name="T186" fmla="*/ 452 h 452"/>
                  </a:gdLst>
                  <a:ahLst/>
                  <a:cxnLst>
                    <a:cxn ang="T122">
                      <a:pos x="T0" y="T1"/>
                    </a:cxn>
                    <a:cxn ang="T123">
                      <a:pos x="T2" y="T3"/>
                    </a:cxn>
                    <a:cxn ang="T124">
                      <a:pos x="T4" y="T5"/>
                    </a:cxn>
                    <a:cxn ang="T125">
                      <a:pos x="T6" y="T7"/>
                    </a:cxn>
                    <a:cxn ang="T126">
                      <a:pos x="T8" y="T9"/>
                    </a:cxn>
                    <a:cxn ang="T127">
                      <a:pos x="T10" y="T11"/>
                    </a:cxn>
                    <a:cxn ang="T128">
                      <a:pos x="T12" y="T13"/>
                    </a:cxn>
                    <a:cxn ang="T129">
                      <a:pos x="T14" y="T15"/>
                    </a:cxn>
                    <a:cxn ang="T130">
                      <a:pos x="T16" y="T17"/>
                    </a:cxn>
                    <a:cxn ang="T131">
                      <a:pos x="T18" y="T19"/>
                    </a:cxn>
                    <a:cxn ang="T132">
                      <a:pos x="T20" y="T21"/>
                    </a:cxn>
                    <a:cxn ang="T133">
                      <a:pos x="T22" y="T23"/>
                    </a:cxn>
                    <a:cxn ang="T134">
                      <a:pos x="T24" y="T25"/>
                    </a:cxn>
                    <a:cxn ang="T135">
                      <a:pos x="T26" y="T27"/>
                    </a:cxn>
                    <a:cxn ang="T136">
                      <a:pos x="T28" y="T29"/>
                    </a:cxn>
                    <a:cxn ang="T137">
                      <a:pos x="T30" y="T31"/>
                    </a:cxn>
                    <a:cxn ang="T138">
                      <a:pos x="T32" y="T33"/>
                    </a:cxn>
                    <a:cxn ang="T139">
                      <a:pos x="T34" y="T35"/>
                    </a:cxn>
                    <a:cxn ang="T140">
                      <a:pos x="T36" y="T37"/>
                    </a:cxn>
                    <a:cxn ang="T141">
                      <a:pos x="T38" y="T39"/>
                    </a:cxn>
                    <a:cxn ang="T142">
                      <a:pos x="T40" y="T41"/>
                    </a:cxn>
                    <a:cxn ang="T143">
                      <a:pos x="T42" y="T43"/>
                    </a:cxn>
                    <a:cxn ang="T144">
                      <a:pos x="T44" y="T45"/>
                    </a:cxn>
                    <a:cxn ang="T145">
                      <a:pos x="T46" y="T47"/>
                    </a:cxn>
                    <a:cxn ang="T146">
                      <a:pos x="T48" y="T49"/>
                    </a:cxn>
                    <a:cxn ang="T147">
                      <a:pos x="T50" y="T51"/>
                    </a:cxn>
                    <a:cxn ang="T148">
                      <a:pos x="T52" y="T53"/>
                    </a:cxn>
                    <a:cxn ang="T149">
                      <a:pos x="T54" y="T55"/>
                    </a:cxn>
                    <a:cxn ang="T150">
                      <a:pos x="T56" y="T57"/>
                    </a:cxn>
                    <a:cxn ang="T151">
                      <a:pos x="T58" y="T59"/>
                    </a:cxn>
                    <a:cxn ang="T152">
                      <a:pos x="T60" y="T61"/>
                    </a:cxn>
                    <a:cxn ang="T153">
                      <a:pos x="T62" y="T63"/>
                    </a:cxn>
                    <a:cxn ang="T154">
                      <a:pos x="T64" y="T65"/>
                    </a:cxn>
                    <a:cxn ang="T155">
                      <a:pos x="T66" y="T67"/>
                    </a:cxn>
                    <a:cxn ang="T156">
                      <a:pos x="T68" y="T69"/>
                    </a:cxn>
                    <a:cxn ang="T157">
                      <a:pos x="T70" y="T71"/>
                    </a:cxn>
                    <a:cxn ang="T158">
                      <a:pos x="T72" y="T73"/>
                    </a:cxn>
                    <a:cxn ang="T159">
                      <a:pos x="T74" y="T75"/>
                    </a:cxn>
                    <a:cxn ang="T160">
                      <a:pos x="T76" y="T77"/>
                    </a:cxn>
                    <a:cxn ang="T161">
                      <a:pos x="T78" y="T79"/>
                    </a:cxn>
                    <a:cxn ang="T162">
                      <a:pos x="T80" y="T81"/>
                    </a:cxn>
                    <a:cxn ang="T163">
                      <a:pos x="T82" y="T83"/>
                    </a:cxn>
                    <a:cxn ang="T164">
                      <a:pos x="T84" y="T85"/>
                    </a:cxn>
                    <a:cxn ang="T165">
                      <a:pos x="T86" y="T87"/>
                    </a:cxn>
                    <a:cxn ang="T166">
                      <a:pos x="T88" y="T89"/>
                    </a:cxn>
                    <a:cxn ang="T167">
                      <a:pos x="T90" y="T91"/>
                    </a:cxn>
                    <a:cxn ang="T168">
                      <a:pos x="T92" y="T93"/>
                    </a:cxn>
                    <a:cxn ang="T169">
                      <a:pos x="T94" y="T95"/>
                    </a:cxn>
                    <a:cxn ang="T170">
                      <a:pos x="T96" y="T97"/>
                    </a:cxn>
                    <a:cxn ang="T171">
                      <a:pos x="T98" y="T99"/>
                    </a:cxn>
                    <a:cxn ang="T172">
                      <a:pos x="T100" y="T101"/>
                    </a:cxn>
                    <a:cxn ang="T173">
                      <a:pos x="T102" y="T103"/>
                    </a:cxn>
                    <a:cxn ang="T174">
                      <a:pos x="T104" y="T105"/>
                    </a:cxn>
                    <a:cxn ang="T175">
                      <a:pos x="T106" y="T107"/>
                    </a:cxn>
                    <a:cxn ang="T176">
                      <a:pos x="T108" y="T109"/>
                    </a:cxn>
                    <a:cxn ang="T177">
                      <a:pos x="T110" y="T111"/>
                    </a:cxn>
                    <a:cxn ang="T178">
                      <a:pos x="T112" y="T113"/>
                    </a:cxn>
                    <a:cxn ang="T179">
                      <a:pos x="T114" y="T115"/>
                    </a:cxn>
                    <a:cxn ang="T180">
                      <a:pos x="T116" y="T117"/>
                    </a:cxn>
                    <a:cxn ang="T181">
                      <a:pos x="T118" y="T119"/>
                    </a:cxn>
                    <a:cxn ang="T182">
                      <a:pos x="T120" y="T121"/>
                    </a:cxn>
                  </a:cxnLst>
                  <a:rect l="T183" t="T184" r="T185" b="T186"/>
                  <a:pathLst>
                    <a:path w="545" h="452">
                      <a:moveTo>
                        <a:pt x="541" y="349"/>
                      </a:moveTo>
                      <a:lnTo>
                        <a:pt x="541" y="349"/>
                      </a:lnTo>
                      <a:lnTo>
                        <a:pt x="541" y="347"/>
                      </a:lnTo>
                      <a:lnTo>
                        <a:pt x="543" y="346"/>
                      </a:lnTo>
                      <a:lnTo>
                        <a:pt x="543" y="344"/>
                      </a:lnTo>
                      <a:lnTo>
                        <a:pt x="545" y="341"/>
                      </a:lnTo>
                      <a:lnTo>
                        <a:pt x="545" y="339"/>
                      </a:lnTo>
                      <a:lnTo>
                        <a:pt x="545" y="336"/>
                      </a:lnTo>
                      <a:lnTo>
                        <a:pt x="545" y="332"/>
                      </a:lnTo>
                      <a:lnTo>
                        <a:pt x="543" y="329"/>
                      </a:lnTo>
                      <a:lnTo>
                        <a:pt x="541" y="325"/>
                      </a:lnTo>
                      <a:lnTo>
                        <a:pt x="538" y="320"/>
                      </a:lnTo>
                      <a:lnTo>
                        <a:pt x="535" y="317"/>
                      </a:lnTo>
                      <a:lnTo>
                        <a:pt x="533" y="315"/>
                      </a:lnTo>
                      <a:lnTo>
                        <a:pt x="530" y="315"/>
                      </a:lnTo>
                      <a:lnTo>
                        <a:pt x="526" y="314"/>
                      </a:lnTo>
                      <a:lnTo>
                        <a:pt x="523" y="314"/>
                      </a:lnTo>
                      <a:lnTo>
                        <a:pt x="519" y="314"/>
                      </a:lnTo>
                      <a:lnTo>
                        <a:pt x="516" y="312"/>
                      </a:lnTo>
                      <a:lnTo>
                        <a:pt x="514" y="312"/>
                      </a:lnTo>
                      <a:lnTo>
                        <a:pt x="506" y="310"/>
                      </a:lnTo>
                      <a:lnTo>
                        <a:pt x="452" y="271"/>
                      </a:lnTo>
                      <a:lnTo>
                        <a:pt x="435" y="259"/>
                      </a:lnTo>
                      <a:lnTo>
                        <a:pt x="421" y="251"/>
                      </a:lnTo>
                      <a:lnTo>
                        <a:pt x="413" y="263"/>
                      </a:lnTo>
                      <a:lnTo>
                        <a:pt x="413" y="271"/>
                      </a:lnTo>
                      <a:lnTo>
                        <a:pt x="403" y="280"/>
                      </a:lnTo>
                      <a:lnTo>
                        <a:pt x="381" y="266"/>
                      </a:lnTo>
                      <a:lnTo>
                        <a:pt x="379" y="264"/>
                      </a:lnTo>
                      <a:lnTo>
                        <a:pt x="377" y="261"/>
                      </a:lnTo>
                      <a:lnTo>
                        <a:pt x="374" y="259"/>
                      </a:lnTo>
                      <a:lnTo>
                        <a:pt x="369" y="258"/>
                      </a:lnTo>
                      <a:lnTo>
                        <a:pt x="365" y="258"/>
                      </a:lnTo>
                      <a:lnTo>
                        <a:pt x="360" y="259"/>
                      </a:lnTo>
                      <a:lnTo>
                        <a:pt x="355" y="263"/>
                      </a:lnTo>
                      <a:lnTo>
                        <a:pt x="354" y="264"/>
                      </a:lnTo>
                      <a:lnTo>
                        <a:pt x="350" y="264"/>
                      </a:lnTo>
                      <a:lnTo>
                        <a:pt x="347" y="266"/>
                      </a:lnTo>
                      <a:lnTo>
                        <a:pt x="345" y="266"/>
                      </a:lnTo>
                      <a:lnTo>
                        <a:pt x="271" y="17"/>
                      </a:lnTo>
                      <a:lnTo>
                        <a:pt x="269" y="17"/>
                      </a:lnTo>
                      <a:lnTo>
                        <a:pt x="266" y="16"/>
                      </a:lnTo>
                      <a:lnTo>
                        <a:pt x="261" y="14"/>
                      </a:lnTo>
                      <a:lnTo>
                        <a:pt x="255" y="12"/>
                      </a:lnTo>
                      <a:lnTo>
                        <a:pt x="249" y="11"/>
                      </a:lnTo>
                      <a:lnTo>
                        <a:pt x="244" y="12"/>
                      </a:lnTo>
                      <a:lnTo>
                        <a:pt x="237" y="14"/>
                      </a:lnTo>
                      <a:lnTo>
                        <a:pt x="232" y="17"/>
                      </a:lnTo>
                      <a:lnTo>
                        <a:pt x="230" y="17"/>
                      </a:lnTo>
                      <a:lnTo>
                        <a:pt x="225" y="17"/>
                      </a:lnTo>
                      <a:lnTo>
                        <a:pt x="218" y="17"/>
                      </a:lnTo>
                      <a:lnTo>
                        <a:pt x="211" y="17"/>
                      </a:lnTo>
                      <a:lnTo>
                        <a:pt x="205" y="17"/>
                      </a:lnTo>
                      <a:lnTo>
                        <a:pt x="200" y="17"/>
                      </a:lnTo>
                      <a:lnTo>
                        <a:pt x="195" y="16"/>
                      </a:lnTo>
                      <a:lnTo>
                        <a:pt x="193" y="16"/>
                      </a:lnTo>
                      <a:lnTo>
                        <a:pt x="191" y="16"/>
                      </a:lnTo>
                      <a:lnTo>
                        <a:pt x="189" y="16"/>
                      </a:lnTo>
                      <a:lnTo>
                        <a:pt x="188" y="16"/>
                      </a:lnTo>
                      <a:lnTo>
                        <a:pt x="184" y="16"/>
                      </a:lnTo>
                      <a:lnTo>
                        <a:pt x="183" y="16"/>
                      </a:lnTo>
                      <a:lnTo>
                        <a:pt x="181" y="16"/>
                      </a:lnTo>
                      <a:lnTo>
                        <a:pt x="179" y="16"/>
                      </a:lnTo>
                      <a:lnTo>
                        <a:pt x="176" y="17"/>
                      </a:lnTo>
                      <a:lnTo>
                        <a:pt x="173" y="17"/>
                      </a:lnTo>
                      <a:lnTo>
                        <a:pt x="169" y="17"/>
                      </a:lnTo>
                      <a:lnTo>
                        <a:pt x="166" y="16"/>
                      </a:lnTo>
                      <a:lnTo>
                        <a:pt x="162" y="12"/>
                      </a:lnTo>
                      <a:lnTo>
                        <a:pt x="157" y="7"/>
                      </a:lnTo>
                      <a:lnTo>
                        <a:pt x="156" y="7"/>
                      </a:lnTo>
                      <a:lnTo>
                        <a:pt x="154" y="9"/>
                      </a:lnTo>
                      <a:lnTo>
                        <a:pt x="152" y="9"/>
                      </a:lnTo>
                      <a:lnTo>
                        <a:pt x="149" y="9"/>
                      </a:lnTo>
                      <a:lnTo>
                        <a:pt x="147" y="9"/>
                      </a:lnTo>
                      <a:lnTo>
                        <a:pt x="145" y="11"/>
                      </a:lnTo>
                      <a:lnTo>
                        <a:pt x="137" y="2"/>
                      </a:lnTo>
                      <a:lnTo>
                        <a:pt x="130" y="7"/>
                      </a:lnTo>
                      <a:lnTo>
                        <a:pt x="129" y="0"/>
                      </a:lnTo>
                      <a:lnTo>
                        <a:pt x="117" y="0"/>
                      </a:lnTo>
                      <a:lnTo>
                        <a:pt x="110" y="9"/>
                      </a:lnTo>
                      <a:lnTo>
                        <a:pt x="108" y="11"/>
                      </a:lnTo>
                      <a:lnTo>
                        <a:pt x="108" y="12"/>
                      </a:lnTo>
                      <a:lnTo>
                        <a:pt x="107" y="12"/>
                      </a:lnTo>
                      <a:lnTo>
                        <a:pt x="103" y="14"/>
                      </a:lnTo>
                      <a:lnTo>
                        <a:pt x="100" y="14"/>
                      </a:lnTo>
                      <a:lnTo>
                        <a:pt x="95" y="14"/>
                      </a:lnTo>
                      <a:lnTo>
                        <a:pt x="93" y="16"/>
                      </a:lnTo>
                      <a:lnTo>
                        <a:pt x="91" y="17"/>
                      </a:lnTo>
                      <a:lnTo>
                        <a:pt x="90" y="19"/>
                      </a:lnTo>
                      <a:lnTo>
                        <a:pt x="86" y="22"/>
                      </a:lnTo>
                      <a:lnTo>
                        <a:pt x="85" y="24"/>
                      </a:lnTo>
                      <a:lnTo>
                        <a:pt x="83" y="26"/>
                      </a:lnTo>
                      <a:lnTo>
                        <a:pt x="81" y="26"/>
                      </a:lnTo>
                      <a:lnTo>
                        <a:pt x="78" y="26"/>
                      </a:lnTo>
                      <a:lnTo>
                        <a:pt x="74" y="29"/>
                      </a:lnTo>
                      <a:lnTo>
                        <a:pt x="69" y="33"/>
                      </a:lnTo>
                      <a:lnTo>
                        <a:pt x="64" y="38"/>
                      </a:lnTo>
                      <a:lnTo>
                        <a:pt x="59" y="46"/>
                      </a:lnTo>
                      <a:lnTo>
                        <a:pt x="54" y="56"/>
                      </a:lnTo>
                      <a:lnTo>
                        <a:pt x="52" y="58"/>
                      </a:lnTo>
                      <a:lnTo>
                        <a:pt x="51" y="61"/>
                      </a:lnTo>
                      <a:lnTo>
                        <a:pt x="47" y="63"/>
                      </a:lnTo>
                      <a:lnTo>
                        <a:pt x="47" y="65"/>
                      </a:lnTo>
                      <a:lnTo>
                        <a:pt x="30" y="65"/>
                      </a:lnTo>
                      <a:lnTo>
                        <a:pt x="22" y="78"/>
                      </a:lnTo>
                      <a:lnTo>
                        <a:pt x="22" y="80"/>
                      </a:lnTo>
                      <a:lnTo>
                        <a:pt x="25" y="82"/>
                      </a:lnTo>
                      <a:lnTo>
                        <a:pt x="30" y="83"/>
                      </a:lnTo>
                      <a:lnTo>
                        <a:pt x="35" y="87"/>
                      </a:lnTo>
                      <a:lnTo>
                        <a:pt x="42" y="92"/>
                      </a:lnTo>
                      <a:lnTo>
                        <a:pt x="46" y="97"/>
                      </a:lnTo>
                      <a:lnTo>
                        <a:pt x="49" y="105"/>
                      </a:lnTo>
                      <a:lnTo>
                        <a:pt x="51" y="114"/>
                      </a:lnTo>
                      <a:lnTo>
                        <a:pt x="54" y="116"/>
                      </a:lnTo>
                      <a:lnTo>
                        <a:pt x="56" y="116"/>
                      </a:lnTo>
                      <a:lnTo>
                        <a:pt x="59" y="116"/>
                      </a:lnTo>
                      <a:lnTo>
                        <a:pt x="63" y="116"/>
                      </a:lnTo>
                      <a:lnTo>
                        <a:pt x="66" y="116"/>
                      </a:lnTo>
                      <a:lnTo>
                        <a:pt x="68" y="117"/>
                      </a:lnTo>
                      <a:lnTo>
                        <a:pt x="71" y="129"/>
                      </a:lnTo>
                      <a:lnTo>
                        <a:pt x="81" y="129"/>
                      </a:lnTo>
                      <a:lnTo>
                        <a:pt x="79" y="132"/>
                      </a:lnTo>
                      <a:lnTo>
                        <a:pt x="68" y="132"/>
                      </a:lnTo>
                      <a:lnTo>
                        <a:pt x="63" y="122"/>
                      </a:lnTo>
                      <a:lnTo>
                        <a:pt x="59" y="126"/>
                      </a:lnTo>
                      <a:lnTo>
                        <a:pt x="68" y="136"/>
                      </a:lnTo>
                      <a:lnTo>
                        <a:pt x="76" y="138"/>
                      </a:lnTo>
                      <a:lnTo>
                        <a:pt x="68" y="144"/>
                      </a:lnTo>
                      <a:lnTo>
                        <a:pt x="46" y="139"/>
                      </a:lnTo>
                      <a:lnTo>
                        <a:pt x="46" y="127"/>
                      </a:lnTo>
                      <a:lnTo>
                        <a:pt x="27" y="132"/>
                      </a:lnTo>
                      <a:lnTo>
                        <a:pt x="27" y="134"/>
                      </a:lnTo>
                      <a:lnTo>
                        <a:pt x="27" y="138"/>
                      </a:lnTo>
                      <a:lnTo>
                        <a:pt x="27" y="139"/>
                      </a:lnTo>
                      <a:lnTo>
                        <a:pt x="27" y="141"/>
                      </a:lnTo>
                      <a:lnTo>
                        <a:pt x="25" y="141"/>
                      </a:lnTo>
                      <a:lnTo>
                        <a:pt x="22" y="139"/>
                      </a:lnTo>
                      <a:lnTo>
                        <a:pt x="19" y="136"/>
                      </a:lnTo>
                      <a:lnTo>
                        <a:pt x="15" y="138"/>
                      </a:lnTo>
                      <a:lnTo>
                        <a:pt x="12" y="138"/>
                      </a:lnTo>
                      <a:lnTo>
                        <a:pt x="8" y="139"/>
                      </a:lnTo>
                      <a:lnTo>
                        <a:pt x="5" y="143"/>
                      </a:lnTo>
                      <a:lnTo>
                        <a:pt x="2" y="144"/>
                      </a:lnTo>
                      <a:lnTo>
                        <a:pt x="0" y="148"/>
                      </a:lnTo>
                      <a:lnTo>
                        <a:pt x="0" y="151"/>
                      </a:lnTo>
                      <a:lnTo>
                        <a:pt x="0" y="153"/>
                      </a:lnTo>
                      <a:lnTo>
                        <a:pt x="0" y="154"/>
                      </a:lnTo>
                      <a:lnTo>
                        <a:pt x="2" y="156"/>
                      </a:lnTo>
                      <a:lnTo>
                        <a:pt x="3" y="160"/>
                      </a:lnTo>
                      <a:lnTo>
                        <a:pt x="5" y="161"/>
                      </a:lnTo>
                      <a:lnTo>
                        <a:pt x="7" y="165"/>
                      </a:lnTo>
                      <a:lnTo>
                        <a:pt x="8" y="165"/>
                      </a:lnTo>
                      <a:lnTo>
                        <a:pt x="8" y="166"/>
                      </a:lnTo>
                      <a:lnTo>
                        <a:pt x="13" y="171"/>
                      </a:lnTo>
                      <a:lnTo>
                        <a:pt x="13" y="173"/>
                      </a:lnTo>
                      <a:lnTo>
                        <a:pt x="13" y="175"/>
                      </a:lnTo>
                      <a:lnTo>
                        <a:pt x="15" y="178"/>
                      </a:lnTo>
                      <a:lnTo>
                        <a:pt x="17" y="180"/>
                      </a:lnTo>
                      <a:lnTo>
                        <a:pt x="22" y="182"/>
                      </a:lnTo>
                      <a:lnTo>
                        <a:pt x="29" y="183"/>
                      </a:lnTo>
                      <a:lnTo>
                        <a:pt x="39" y="183"/>
                      </a:lnTo>
                      <a:lnTo>
                        <a:pt x="41" y="183"/>
                      </a:lnTo>
                      <a:lnTo>
                        <a:pt x="44" y="185"/>
                      </a:lnTo>
                      <a:lnTo>
                        <a:pt x="47" y="187"/>
                      </a:lnTo>
                      <a:lnTo>
                        <a:pt x="49" y="187"/>
                      </a:lnTo>
                      <a:lnTo>
                        <a:pt x="59" y="187"/>
                      </a:lnTo>
                      <a:lnTo>
                        <a:pt x="71" y="176"/>
                      </a:lnTo>
                      <a:lnTo>
                        <a:pt x="74" y="176"/>
                      </a:lnTo>
                      <a:lnTo>
                        <a:pt x="78" y="175"/>
                      </a:lnTo>
                      <a:lnTo>
                        <a:pt x="81" y="175"/>
                      </a:lnTo>
                      <a:lnTo>
                        <a:pt x="83" y="176"/>
                      </a:lnTo>
                      <a:lnTo>
                        <a:pt x="83" y="178"/>
                      </a:lnTo>
                      <a:lnTo>
                        <a:pt x="81" y="182"/>
                      </a:lnTo>
                      <a:lnTo>
                        <a:pt x="74" y="185"/>
                      </a:lnTo>
                      <a:lnTo>
                        <a:pt x="74" y="187"/>
                      </a:lnTo>
                      <a:lnTo>
                        <a:pt x="76" y="190"/>
                      </a:lnTo>
                      <a:lnTo>
                        <a:pt x="78" y="195"/>
                      </a:lnTo>
                      <a:lnTo>
                        <a:pt x="79" y="200"/>
                      </a:lnTo>
                      <a:lnTo>
                        <a:pt x="79" y="205"/>
                      </a:lnTo>
                      <a:lnTo>
                        <a:pt x="78" y="209"/>
                      </a:lnTo>
                      <a:lnTo>
                        <a:pt x="71" y="212"/>
                      </a:lnTo>
                      <a:lnTo>
                        <a:pt x="63" y="212"/>
                      </a:lnTo>
                      <a:lnTo>
                        <a:pt x="61" y="214"/>
                      </a:lnTo>
                      <a:lnTo>
                        <a:pt x="59" y="214"/>
                      </a:lnTo>
                      <a:lnTo>
                        <a:pt x="57" y="217"/>
                      </a:lnTo>
                      <a:lnTo>
                        <a:pt x="56" y="219"/>
                      </a:lnTo>
                      <a:lnTo>
                        <a:pt x="54" y="220"/>
                      </a:lnTo>
                      <a:lnTo>
                        <a:pt x="52" y="224"/>
                      </a:lnTo>
                      <a:lnTo>
                        <a:pt x="51" y="226"/>
                      </a:lnTo>
                      <a:lnTo>
                        <a:pt x="51" y="224"/>
                      </a:lnTo>
                      <a:lnTo>
                        <a:pt x="47" y="222"/>
                      </a:lnTo>
                      <a:lnTo>
                        <a:pt x="44" y="220"/>
                      </a:lnTo>
                      <a:lnTo>
                        <a:pt x="41" y="220"/>
                      </a:lnTo>
                      <a:lnTo>
                        <a:pt x="35" y="220"/>
                      </a:lnTo>
                      <a:lnTo>
                        <a:pt x="34" y="220"/>
                      </a:lnTo>
                      <a:lnTo>
                        <a:pt x="30" y="224"/>
                      </a:lnTo>
                      <a:lnTo>
                        <a:pt x="30" y="231"/>
                      </a:lnTo>
                      <a:lnTo>
                        <a:pt x="30" y="232"/>
                      </a:lnTo>
                      <a:lnTo>
                        <a:pt x="30" y="234"/>
                      </a:lnTo>
                      <a:lnTo>
                        <a:pt x="30" y="236"/>
                      </a:lnTo>
                      <a:lnTo>
                        <a:pt x="29" y="237"/>
                      </a:lnTo>
                      <a:lnTo>
                        <a:pt x="29" y="239"/>
                      </a:lnTo>
                      <a:lnTo>
                        <a:pt x="27" y="242"/>
                      </a:lnTo>
                      <a:lnTo>
                        <a:pt x="25" y="242"/>
                      </a:lnTo>
                      <a:lnTo>
                        <a:pt x="22" y="242"/>
                      </a:lnTo>
                      <a:lnTo>
                        <a:pt x="22" y="244"/>
                      </a:lnTo>
                      <a:lnTo>
                        <a:pt x="20" y="244"/>
                      </a:lnTo>
                      <a:lnTo>
                        <a:pt x="20" y="248"/>
                      </a:lnTo>
                      <a:lnTo>
                        <a:pt x="19" y="249"/>
                      </a:lnTo>
                      <a:lnTo>
                        <a:pt x="17" y="251"/>
                      </a:lnTo>
                      <a:lnTo>
                        <a:pt x="17" y="254"/>
                      </a:lnTo>
                      <a:lnTo>
                        <a:pt x="17" y="256"/>
                      </a:lnTo>
                      <a:lnTo>
                        <a:pt x="15" y="256"/>
                      </a:lnTo>
                      <a:lnTo>
                        <a:pt x="13" y="258"/>
                      </a:lnTo>
                      <a:lnTo>
                        <a:pt x="12" y="261"/>
                      </a:lnTo>
                      <a:lnTo>
                        <a:pt x="10" y="263"/>
                      </a:lnTo>
                      <a:lnTo>
                        <a:pt x="8" y="266"/>
                      </a:lnTo>
                      <a:lnTo>
                        <a:pt x="10" y="266"/>
                      </a:lnTo>
                      <a:lnTo>
                        <a:pt x="12" y="266"/>
                      </a:lnTo>
                      <a:lnTo>
                        <a:pt x="19" y="264"/>
                      </a:lnTo>
                      <a:lnTo>
                        <a:pt x="19" y="268"/>
                      </a:lnTo>
                      <a:lnTo>
                        <a:pt x="17" y="271"/>
                      </a:lnTo>
                      <a:lnTo>
                        <a:pt x="17" y="273"/>
                      </a:lnTo>
                      <a:lnTo>
                        <a:pt x="19" y="275"/>
                      </a:lnTo>
                      <a:lnTo>
                        <a:pt x="20" y="278"/>
                      </a:lnTo>
                      <a:lnTo>
                        <a:pt x="24" y="280"/>
                      </a:lnTo>
                      <a:lnTo>
                        <a:pt x="27" y="283"/>
                      </a:lnTo>
                      <a:lnTo>
                        <a:pt x="30" y="286"/>
                      </a:lnTo>
                      <a:lnTo>
                        <a:pt x="35" y="288"/>
                      </a:lnTo>
                      <a:lnTo>
                        <a:pt x="41" y="288"/>
                      </a:lnTo>
                      <a:lnTo>
                        <a:pt x="39" y="290"/>
                      </a:lnTo>
                      <a:lnTo>
                        <a:pt x="37" y="292"/>
                      </a:lnTo>
                      <a:lnTo>
                        <a:pt x="34" y="295"/>
                      </a:lnTo>
                      <a:lnTo>
                        <a:pt x="30" y="300"/>
                      </a:lnTo>
                      <a:lnTo>
                        <a:pt x="29" y="303"/>
                      </a:lnTo>
                      <a:lnTo>
                        <a:pt x="27" y="307"/>
                      </a:lnTo>
                      <a:lnTo>
                        <a:pt x="29" y="308"/>
                      </a:lnTo>
                      <a:lnTo>
                        <a:pt x="32" y="310"/>
                      </a:lnTo>
                      <a:lnTo>
                        <a:pt x="34" y="310"/>
                      </a:lnTo>
                      <a:lnTo>
                        <a:pt x="35" y="314"/>
                      </a:lnTo>
                      <a:lnTo>
                        <a:pt x="37" y="317"/>
                      </a:lnTo>
                      <a:lnTo>
                        <a:pt x="41" y="319"/>
                      </a:lnTo>
                      <a:lnTo>
                        <a:pt x="44" y="320"/>
                      </a:lnTo>
                      <a:lnTo>
                        <a:pt x="47" y="319"/>
                      </a:lnTo>
                      <a:lnTo>
                        <a:pt x="52" y="314"/>
                      </a:lnTo>
                      <a:lnTo>
                        <a:pt x="56" y="305"/>
                      </a:lnTo>
                      <a:lnTo>
                        <a:pt x="57" y="303"/>
                      </a:lnTo>
                      <a:lnTo>
                        <a:pt x="59" y="300"/>
                      </a:lnTo>
                      <a:lnTo>
                        <a:pt x="59" y="298"/>
                      </a:lnTo>
                      <a:lnTo>
                        <a:pt x="59" y="300"/>
                      </a:lnTo>
                      <a:lnTo>
                        <a:pt x="59" y="302"/>
                      </a:lnTo>
                      <a:lnTo>
                        <a:pt x="59" y="305"/>
                      </a:lnTo>
                      <a:lnTo>
                        <a:pt x="59" y="308"/>
                      </a:lnTo>
                      <a:lnTo>
                        <a:pt x="61" y="312"/>
                      </a:lnTo>
                      <a:lnTo>
                        <a:pt x="63" y="315"/>
                      </a:lnTo>
                      <a:lnTo>
                        <a:pt x="64" y="319"/>
                      </a:lnTo>
                      <a:lnTo>
                        <a:pt x="68" y="322"/>
                      </a:lnTo>
                      <a:lnTo>
                        <a:pt x="69" y="322"/>
                      </a:lnTo>
                      <a:lnTo>
                        <a:pt x="69" y="324"/>
                      </a:lnTo>
                      <a:lnTo>
                        <a:pt x="69" y="327"/>
                      </a:lnTo>
                      <a:lnTo>
                        <a:pt x="68" y="329"/>
                      </a:lnTo>
                      <a:lnTo>
                        <a:pt x="68" y="332"/>
                      </a:lnTo>
                      <a:lnTo>
                        <a:pt x="66" y="334"/>
                      </a:lnTo>
                      <a:lnTo>
                        <a:pt x="66" y="336"/>
                      </a:lnTo>
                      <a:lnTo>
                        <a:pt x="64" y="346"/>
                      </a:lnTo>
                      <a:lnTo>
                        <a:pt x="64" y="347"/>
                      </a:lnTo>
                      <a:lnTo>
                        <a:pt x="66" y="351"/>
                      </a:lnTo>
                      <a:lnTo>
                        <a:pt x="66" y="352"/>
                      </a:lnTo>
                      <a:lnTo>
                        <a:pt x="68" y="352"/>
                      </a:lnTo>
                      <a:lnTo>
                        <a:pt x="69" y="352"/>
                      </a:lnTo>
                      <a:lnTo>
                        <a:pt x="73" y="349"/>
                      </a:lnTo>
                      <a:lnTo>
                        <a:pt x="78" y="341"/>
                      </a:lnTo>
                      <a:lnTo>
                        <a:pt x="79" y="341"/>
                      </a:lnTo>
                      <a:lnTo>
                        <a:pt x="79" y="339"/>
                      </a:lnTo>
                      <a:lnTo>
                        <a:pt x="79" y="336"/>
                      </a:lnTo>
                      <a:lnTo>
                        <a:pt x="81" y="334"/>
                      </a:lnTo>
                      <a:lnTo>
                        <a:pt x="83" y="336"/>
                      </a:lnTo>
                      <a:lnTo>
                        <a:pt x="86" y="337"/>
                      </a:lnTo>
                      <a:lnTo>
                        <a:pt x="90" y="341"/>
                      </a:lnTo>
                      <a:lnTo>
                        <a:pt x="91" y="341"/>
                      </a:lnTo>
                      <a:lnTo>
                        <a:pt x="91" y="339"/>
                      </a:lnTo>
                      <a:lnTo>
                        <a:pt x="91" y="337"/>
                      </a:lnTo>
                      <a:lnTo>
                        <a:pt x="93" y="336"/>
                      </a:lnTo>
                      <a:lnTo>
                        <a:pt x="93" y="334"/>
                      </a:lnTo>
                      <a:lnTo>
                        <a:pt x="95" y="336"/>
                      </a:lnTo>
                      <a:lnTo>
                        <a:pt x="96" y="337"/>
                      </a:lnTo>
                      <a:lnTo>
                        <a:pt x="98" y="344"/>
                      </a:lnTo>
                      <a:lnTo>
                        <a:pt x="100" y="346"/>
                      </a:lnTo>
                      <a:lnTo>
                        <a:pt x="100" y="347"/>
                      </a:lnTo>
                      <a:lnTo>
                        <a:pt x="101" y="351"/>
                      </a:lnTo>
                      <a:lnTo>
                        <a:pt x="103" y="352"/>
                      </a:lnTo>
                      <a:lnTo>
                        <a:pt x="105" y="354"/>
                      </a:lnTo>
                      <a:lnTo>
                        <a:pt x="107" y="352"/>
                      </a:lnTo>
                      <a:lnTo>
                        <a:pt x="108" y="351"/>
                      </a:lnTo>
                      <a:lnTo>
                        <a:pt x="108" y="344"/>
                      </a:lnTo>
                      <a:lnTo>
                        <a:pt x="110" y="344"/>
                      </a:lnTo>
                      <a:lnTo>
                        <a:pt x="113" y="346"/>
                      </a:lnTo>
                      <a:lnTo>
                        <a:pt x="117" y="346"/>
                      </a:lnTo>
                      <a:lnTo>
                        <a:pt x="122" y="346"/>
                      </a:lnTo>
                      <a:lnTo>
                        <a:pt x="127" y="342"/>
                      </a:lnTo>
                      <a:lnTo>
                        <a:pt x="132" y="337"/>
                      </a:lnTo>
                      <a:lnTo>
                        <a:pt x="139" y="329"/>
                      </a:lnTo>
                      <a:lnTo>
                        <a:pt x="137" y="332"/>
                      </a:lnTo>
                      <a:lnTo>
                        <a:pt x="135" y="336"/>
                      </a:lnTo>
                      <a:lnTo>
                        <a:pt x="134" y="341"/>
                      </a:lnTo>
                      <a:lnTo>
                        <a:pt x="130" y="344"/>
                      </a:lnTo>
                      <a:lnTo>
                        <a:pt x="130" y="347"/>
                      </a:lnTo>
                      <a:lnTo>
                        <a:pt x="129" y="351"/>
                      </a:lnTo>
                      <a:lnTo>
                        <a:pt x="127" y="352"/>
                      </a:lnTo>
                      <a:lnTo>
                        <a:pt x="127" y="358"/>
                      </a:lnTo>
                      <a:lnTo>
                        <a:pt x="125" y="364"/>
                      </a:lnTo>
                      <a:lnTo>
                        <a:pt x="125" y="371"/>
                      </a:lnTo>
                      <a:lnTo>
                        <a:pt x="122" y="378"/>
                      </a:lnTo>
                      <a:lnTo>
                        <a:pt x="120" y="383"/>
                      </a:lnTo>
                      <a:lnTo>
                        <a:pt x="117" y="388"/>
                      </a:lnTo>
                      <a:lnTo>
                        <a:pt x="112" y="390"/>
                      </a:lnTo>
                      <a:lnTo>
                        <a:pt x="112" y="391"/>
                      </a:lnTo>
                      <a:lnTo>
                        <a:pt x="113" y="391"/>
                      </a:lnTo>
                      <a:lnTo>
                        <a:pt x="113" y="393"/>
                      </a:lnTo>
                      <a:lnTo>
                        <a:pt x="112" y="396"/>
                      </a:lnTo>
                      <a:lnTo>
                        <a:pt x="110" y="398"/>
                      </a:lnTo>
                      <a:lnTo>
                        <a:pt x="107" y="402"/>
                      </a:lnTo>
                      <a:lnTo>
                        <a:pt x="100" y="405"/>
                      </a:lnTo>
                      <a:lnTo>
                        <a:pt x="96" y="407"/>
                      </a:lnTo>
                      <a:lnTo>
                        <a:pt x="91" y="408"/>
                      </a:lnTo>
                      <a:lnTo>
                        <a:pt x="88" y="412"/>
                      </a:lnTo>
                      <a:lnTo>
                        <a:pt x="85" y="413"/>
                      </a:lnTo>
                      <a:lnTo>
                        <a:pt x="83" y="418"/>
                      </a:lnTo>
                      <a:lnTo>
                        <a:pt x="83" y="422"/>
                      </a:lnTo>
                      <a:lnTo>
                        <a:pt x="85" y="425"/>
                      </a:lnTo>
                      <a:lnTo>
                        <a:pt x="85" y="427"/>
                      </a:lnTo>
                      <a:lnTo>
                        <a:pt x="85" y="429"/>
                      </a:lnTo>
                      <a:lnTo>
                        <a:pt x="83" y="430"/>
                      </a:lnTo>
                      <a:lnTo>
                        <a:pt x="81" y="430"/>
                      </a:lnTo>
                      <a:lnTo>
                        <a:pt x="79" y="432"/>
                      </a:lnTo>
                      <a:lnTo>
                        <a:pt x="78" y="430"/>
                      </a:lnTo>
                      <a:lnTo>
                        <a:pt x="76" y="429"/>
                      </a:lnTo>
                      <a:lnTo>
                        <a:pt x="76" y="424"/>
                      </a:lnTo>
                      <a:lnTo>
                        <a:pt x="74" y="424"/>
                      </a:lnTo>
                      <a:lnTo>
                        <a:pt x="71" y="424"/>
                      </a:lnTo>
                      <a:lnTo>
                        <a:pt x="69" y="424"/>
                      </a:lnTo>
                      <a:lnTo>
                        <a:pt x="68" y="425"/>
                      </a:lnTo>
                      <a:lnTo>
                        <a:pt x="64" y="425"/>
                      </a:lnTo>
                      <a:lnTo>
                        <a:pt x="63" y="425"/>
                      </a:lnTo>
                      <a:lnTo>
                        <a:pt x="46" y="442"/>
                      </a:lnTo>
                      <a:lnTo>
                        <a:pt x="44" y="442"/>
                      </a:lnTo>
                      <a:lnTo>
                        <a:pt x="44" y="444"/>
                      </a:lnTo>
                      <a:lnTo>
                        <a:pt x="42" y="447"/>
                      </a:lnTo>
                      <a:lnTo>
                        <a:pt x="41" y="449"/>
                      </a:lnTo>
                      <a:lnTo>
                        <a:pt x="41" y="452"/>
                      </a:lnTo>
                      <a:lnTo>
                        <a:pt x="42" y="452"/>
                      </a:lnTo>
                      <a:lnTo>
                        <a:pt x="44" y="451"/>
                      </a:lnTo>
                      <a:lnTo>
                        <a:pt x="51" y="447"/>
                      </a:lnTo>
                      <a:lnTo>
                        <a:pt x="52" y="446"/>
                      </a:lnTo>
                      <a:lnTo>
                        <a:pt x="56" y="444"/>
                      </a:lnTo>
                      <a:lnTo>
                        <a:pt x="57" y="440"/>
                      </a:lnTo>
                      <a:lnTo>
                        <a:pt x="61" y="439"/>
                      </a:lnTo>
                      <a:lnTo>
                        <a:pt x="64" y="435"/>
                      </a:lnTo>
                      <a:lnTo>
                        <a:pt x="66" y="434"/>
                      </a:lnTo>
                      <a:lnTo>
                        <a:pt x="68" y="432"/>
                      </a:lnTo>
                      <a:lnTo>
                        <a:pt x="68" y="434"/>
                      </a:lnTo>
                      <a:lnTo>
                        <a:pt x="68" y="437"/>
                      </a:lnTo>
                      <a:lnTo>
                        <a:pt x="68" y="439"/>
                      </a:lnTo>
                      <a:lnTo>
                        <a:pt x="69" y="440"/>
                      </a:lnTo>
                      <a:lnTo>
                        <a:pt x="73" y="440"/>
                      </a:lnTo>
                      <a:lnTo>
                        <a:pt x="78" y="439"/>
                      </a:lnTo>
                      <a:lnTo>
                        <a:pt x="86" y="434"/>
                      </a:lnTo>
                      <a:lnTo>
                        <a:pt x="88" y="430"/>
                      </a:lnTo>
                      <a:lnTo>
                        <a:pt x="90" y="429"/>
                      </a:lnTo>
                      <a:lnTo>
                        <a:pt x="91" y="429"/>
                      </a:lnTo>
                      <a:lnTo>
                        <a:pt x="95" y="434"/>
                      </a:lnTo>
                      <a:lnTo>
                        <a:pt x="96" y="434"/>
                      </a:lnTo>
                      <a:lnTo>
                        <a:pt x="96" y="432"/>
                      </a:lnTo>
                      <a:lnTo>
                        <a:pt x="96" y="430"/>
                      </a:lnTo>
                      <a:lnTo>
                        <a:pt x="98" y="427"/>
                      </a:lnTo>
                      <a:lnTo>
                        <a:pt x="101" y="424"/>
                      </a:lnTo>
                      <a:lnTo>
                        <a:pt x="105" y="422"/>
                      </a:lnTo>
                      <a:lnTo>
                        <a:pt x="110" y="420"/>
                      </a:lnTo>
                      <a:lnTo>
                        <a:pt x="117" y="420"/>
                      </a:lnTo>
                      <a:lnTo>
                        <a:pt x="117" y="418"/>
                      </a:lnTo>
                      <a:lnTo>
                        <a:pt x="115" y="418"/>
                      </a:lnTo>
                      <a:lnTo>
                        <a:pt x="113" y="415"/>
                      </a:lnTo>
                      <a:lnTo>
                        <a:pt x="113" y="413"/>
                      </a:lnTo>
                      <a:lnTo>
                        <a:pt x="115" y="408"/>
                      </a:lnTo>
                      <a:lnTo>
                        <a:pt x="120" y="405"/>
                      </a:lnTo>
                      <a:lnTo>
                        <a:pt x="127" y="398"/>
                      </a:lnTo>
                      <a:lnTo>
                        <a:pt x="139" y="391"/>
                      </a:lnTo>
                      <a:lnTo>
                        <a:pt x="140" y="391"/>
                      </a:lnTo>
                      <a:lnTo>
                        <a:pt x="139" y="390"/>
                      </a:lnTo>
                      <a:lnTo>
                        <a:pt x="139" y="388"/>
                      </a:lnTo>
                      <a:lnTo>
                        <a:pt x="140" y="385"/>
                      </a:lnTo>
                      <a:lnTo>
                        <a:pt x="144" y="381"/>
                      </a:lnTo>
                      <a:lnTo>
                        <a:pt x="151" y="374"/>
                      </a:lnTo>
                      <a:lnTo>
                        <a:pt x="161" y="366"/>
                      </a:lnTo>
                      <a:lnTo>
                        <a:pt x="174" y="354"/>
                      </a:lnTo>
                      <a:lnTo>
                        <a:pt x="176" y="352"/>
                      </a:lnTo>
                      <a:lnTo>
                        <a:pt x="178" y="347"/>
                      </a:lnTo>
                      <a:lnTo>
                        <a:pt x="178" y="344"/>
                      </a:lnTo>
                      <a:lnTo>
                        <a:pt x="179" y="342"/>
                      </a:lnTo>
                      <a:lnTo>
                        <a:pt x="181" y="341"/>
                      </a:lnTo>
                      <a:lnTo>
                        <a:pt x="183" y="339"/>
                      </a:lnTo>
                      <a:lnTo>
                        <a:pt x="183" y="337"/>
                      </a:lnTo>
                      <a:lnTo>
                        <a:pt x="184" y="336"/>
                      </a:lnTo>
                      <a:lnTo>
                        <a:pt x="183" y="332"/>
                      </a:lnTo>
                      <a:lnTo>
                        <a:pt x="181" y="330"/>
                      </a:lnTo>
                      <a:lnTo>
                        <a:pt x="174" y="330"/>
                      </a:lnTo>
                      <a:lnTo>
                        <a:pt x="173" y="330"/>
                      </a:lnTo>
                      <a:lnTo>
                        <a:pt x="173" y="329"/>
                      </a:lnTo>
                      <a:lnTo>
                        <a:pt x="173" y="327"/>
                      </a:lnTo>
                      <a:lnTo>
                        <a:pt x="174" y="322"/>
                      </a:lnTo>
                      <a:lnTo>
                        <a:pt x="178" y="317"/>
                      </a:lnTo>
                      <a:lnTo>
                        <a:pt x="183" y="310"/>
                      </a:lnTo>
                      <a:lnTo>
                        <a:pt x="191" y="302"/>
                      </a:lnTo>
                      <a:lnTo>
                        <a:pt x="193" y="298"/>
                      </a:lnTo>
                      <a:lnTo>
                        <a:pt x="195" y="293"/>
                      </a:lnTo>
                      <a:lnTo>
                        <a:pt x="196" y="285"/>
                      </a:lnTo>
                      <a:lnTo>
                        <a:pt x="200" y="276"/>
                      </a:lnTo>
                      <a:lnTo>
                        <a:pt x="205" y="268"/>
                      </a:lnTo>
                      <a:lnTo>
                        <a:pt x="211" y="264"/>
                      </a:lnTo>
                      <a:lnTo>
                        <a:pt x="220" y="264"/>
                      </a:lnTo>
                      <a:lnTo>
                        <a:pt x="230" y="271"/>
                      </a:lnTo>
                      <a:lnTo>
                        <a:pt x="228" y="271"/>
                      </a:lnTo>
                      <a:lnTo>
                        <a:pt x="225" y="271"/>
                      </a:lnTo>
                      <a:lnTo>
                        <a:pt x="220" y="273"/>
                      </a:lnTo>
                      <a:lnTo>
                        <a:pt x="213" y="273"/>
                      </a:lnTo>
                      <a:lnTo>
                        <a:pt x="210" y="276"/>
                      </a:lnTo>
                      <a:lnTo>
                        <a:pt x="206" y="281"/>
                      </a:lnTo>
                      <a:lnTo>
                        <a:pt x="206" y="288"/>
                      </a:lnTo>
                      <a:lnTo>
                        <a:pt x="210" y="297"/>
                      </a:lnTo>
                      <a:lnTo>
                        <a:pt x="210" y="298"/>
                      </a:lnTo>
                      <a:lnTo>
                        <a:pt x="208" y="302"/>
                      </a:lnTo>
                      <a:lnTo>
                        <a:pt x="205" y="305"/>
                      </a:lnTo>
                      <a:lnTo>
                        <a:pt x="203" y="308"/>
                      </a:lnTo>
                      <a:lnTo>
                        <a:pt x="203" y="310"/>
                      </a:lnTo>
                      <a:lnTo>
                        <a:pt x="205" y="312"/>
                      </a:lnTo>
                      <a:lnTo>
                        <a:pt x="208" y="310"/>
                      </a:lnTo>
                      <a:lnTo>
                        <a:pt x="215" y="307"/>
                      </a:lnTo>
                      <a:lnTo>
                        <a:pt x="213" y="308"/>
                      </a:lnTo>
                      <a:lnTo>
                        <a:pt x="211" y="312"/>
                      </a:lnTo>
                      <a:lnTo>
                        <a:pt x="210" y="317"/>
                      </a:lnTo>
                      <a:lnTo>
                        <a:pt x="208" y="320"/>
                      </a:lnTo>
                      <a:lnTo>
                        <a:pt x="208" y="324"/>
                      </a:lnTo>
                      <a:lnTo>
                        <a:pt x="210" y="322"/>
                      </a:lnTo>
                      <a:lnTo>
                        <a:pt x="217" y="319"/>
                      </a:lnTo>
                      <a:lnTo>
                        <a:pt x="227" y="308"/>
                      </a:lnTo>
                      <a:lnTo>
                        <a:pt x="227" y="307"/>
                      </a:lnTo>
                      <a:lnTo>
                        <a:pt x="230" y="305"/>
                      </a:lnTo>
                      <a:lnTo>
                        <a:pt x="232" y="303"/>
                      </a:lnTo>
                      <a:lnTo>
                        <a:pt x="233" y="302"/>
                      </a:lnTo>
                      <a:lnTo>
                        <a:pt x="237" y="300"/>
                      </a:lnTo>
                      <a:lnTo>
                        <a:pt x="239" y="298"/>
                      </a:lnTo>
                      <a:lnTo>
                        <a:pt x="240" y="297"/>
                      </a:lnTo>
                      <a:lnTo>
                        <a:pt x="242" y="297"/>
                      </a:lnTo>
                      <a:lnTo>
                        <a:pt x="244" y="297"/>
                      </a:lnTo>
                      <a:lnTo>
                        <a:pt x="245" y="295"/>
                      </a:lnTo>
                      <a:lnTo>
                        <a:pt x="247" y="293"/>
                      </a:lnTo>
                      <a:lnTo>
                        <a:pt x="249" y="290"/>
                      </a:lnTo>
                      <a:lnTo>
                        <a:pt x="247" y="286"/>
                      </a:lnTo>
                      <a:lnTo>
                        <a:pt x="245" y="281"/>
                      </a:lnTo>
                      <a:lnTo>
                        <a:pt x="245" y="280"/>
                      </a:lnTo>
                      <a:lnTo>
                        <a:pt x="244" y="276"/>
                      </a:lnTo>
                      <a:lnTo>
                        <a:pt x="242" y="273"/>
                      </a:lnTo>
                      <a:lnTo>
                        <a:pt x="240" y="271"/>
                      </a:lnTo>
                      <a:lnTo>
                        <a:pt x="250" y="264"/>
                      </a:lnTo>
                      <a:lnTo>
                        <a:pt x="255" y="268"/>
                      </a:lnTo>
                      <a:lnTo>
                        <a:pt x="266" y="263"/>
                      </a:lnTo>
                      <a:lnTo>
                        <a:pt x="281" y="271"/>
                      </a:lnTo>
                      <a:lnTo>
                        <a:pt x="286" y="278"/>
                      </a:lnTo>
                      <a:lnTo>
                        <a:pt x="293" y="270"/>
                      </a:lnTo>
                      <a:lnTo>
                        <a:pt x="303" y="286"/>
                      </a:lnTo>
                      <a:lnTo>
                        <a:pt x="305" y="285"/>
                      </a:lnTo>
                      <a:lnTo>
                        <a:pt x="310" y="281"/>
                      </a:lnTo>
                      <a:lnTo>
                        <a:pt x="315" y="278"/>
                      </a:lnTo>
                      <a:lnTo>
                        <a:pt x="323" y="276"/>
                      </a:lnTo>
                      <a:lnTo>
                        <a:pt x="333" y="275"/>
                      </a:lnTo>
                      <a:lnTo>
                        <a:pt x="343" y="275"/>
                      </a:lnTo>
                      <a:lnTo>
                        <a:pt x="357" y="276"/>
                      </a:lnTo>
                      <a:lnTo>
                        <a:pt x="359" y="276"/>
                      </a:lnTo>
                      <a:lnTo>
                        <a:pt x="360" y="275"/>
                      </a:lnTo>
                      <a:lnTo>
                        <a:pt x="362" y="273"/>
                      </a:lnTo>
                      <a:lnTo>
                        <a:pt x="364" y="271"/>
                      </a:lnTo>
                      <a:lnTo>
                        <a:pt x="365" y="271"/>
                      </a:lnTo>
                      <a:lnTo>
                        <a:pt x="369" y="271"/>
                      </a:lnTo>
                      <a:lnTo>
                        <a:pt x="371" y="275"/>
                      </a:lnTo>
                      <a:lnTo>
                        <a:pt x="371" y="278"/>
                      </a:lnTo>
                      <a:lnTo>
                        <a:pt x="371" y="280"/>
                      </a:lnTo>
                      <a:lnTo>
                        <a:pt x="374" y="280"/>
                      </a:lnTo>
                      <a:lnTo>
                        <a:pt x="377" y="281"/>
                      </a:lnTo>
                      <a:lnTo>
                        <a:pt x="381" y="281"/>
                      </a:lnTo>
                      <a:lnTo>
                        <a:pt x="384" y="281"/>
                      </a:lnTo>
                      <a:lnTo>
                        <a:pt x="387" y="283"/>
                      </a:lnTo>
                      <a:lnTo>
                        <a:pt x="389" y="283"/>
                      </a:lnTo>
                      <a:lnTo>
                        <a:pt x="391" y="283"/>
                      </a:lnTo>
                      <a:lnTo>
                        <a:pt x="411" y="295"/>
                      </a:lnTo>
                      <a:lnTo>
                        <a:pt x="413" y="295"/>
                      </a:lnTo>
                      <a:lnTo>
                        <a:pt x="415" y="295"/>
                      </a:lnTo>
                      <a:lnTo>
                        <a:pt x="418" y="295"/>
                      </a:lnTo>
                      <a:lnTo>
                        <a:pt x="421" y="295"/>
                      </a:lnTo>
                      <a:lnTo>
                        <a:pt x="425" y="295"/>
                      </a:lnTo>
                      <a:lnTo>
                        <a:pt x="425" y="292"/>
                      </a:lnTo>
                      <a:lnTo>
                        <a:pt x="423" y="288"/>
                      </a:lnTo>
                      <a:lnTo>
                        <a:pt x="416" y="280"/>
                      </a:lnTo>
                      <a:lnTo>
                        <a:pt x="418" y="280"/>
                      </a:lnTo>
                      <a:lnTo>
                        <a:pt x="420" y="278"/>
                      </a:lnTo>
                      <a:lnTo>
                        <a:pt x="423" y="276"/>
                      </a:lnTo>
                      <a:lnTo>
                        <a:pt x="425" y="278"/>
                      </a:lnTo>
                      <a:lnTo>
                        <a:pt x="428" y="280"/>
                      </a:lnTo>
                      <a:lnTo>
                        <a:pt x="431" y="283"/>
                      </a:lnTo>
                      <a:lnTo>
                        <a:pt x="435" y="286"/>
                      </a:lnTo>
                      <a:lnTo>
                        <a:pt x="438" y="288"/>
                      </a:lnTo>
                      <a:lnTo>
                        <a:pt x="438" y="286"/>
                      </a:lnTo>
                      <a:lnTo>
                        <a:pt x="435" y="281"/>
                      </a:lnTo>
                      <a:lnTo>
                        <a:pt x="430" y="271"/>
                      </a:lnTo>
                      <a:lnTo>
                        <a:pt x="428" y="270"/>
                      </a:lnTo>
                      <a:lnTo>
                        <a:pt x="430" y="266"/>
                      </a:lnTo>
                      <a:lnTo>
                        <a:pt x="430" y="264"/>
                      </a:lnTo>
                      <a:lnTo>
                        <a:pt x="431" y="264"/>
                      </a:lnTo>
                      <a:lnTo>
                        <a:pt x="445" y="283"/>
                      </a:lnTo>
                      <a:lnTo>
                        <a:pt x="455" y="280"/>
                      </a:lnTo>
                      <a:lnTo>
                        <a:pt x="455" y="281"/>
                      </a:lnTo>
                      <a:lnTo>
                        <a:pt x="457" y="281"/>
                      </a:lnTo>
                      <a:lnTo>
                        <a:pt x="460" y="283"/>
                      </a:lnTo>
                      <a:lnTo>
                        <a:pt x="462" y="286"/>
                      </a:lnTo>
                      <a:lnTo>
                        <a:pt x="465" y="290"/>
                      </a:lnTo>
                      <a:lnTo>
                        <a:pt x="469" y="295"/>
                      </a:lnTo>
                      <a:lnTo>
                        <a:pt x="472" y="300"/>
                      </a:lnTo>
                      <a:lnTo>
                        <a:pt x="475" y="305"/>
                      </a:lnTo>
                      <a:lnTo>
                        <a:pt x="479" y="312"/>
                      </a:lnTo>
                      <a:lnTo>
                        <a:pt x="482" y="314"/>
                      </a:lnTo>
                      <a:lnTo>
                        <a:pt x="484" y="314"/>
                      </a:lnTo>
                      <a:lnTo>
                        <a:pt x="486" y="312"/>
                      </a:lnTo>
                      <a:lnTo>
                        <a:pt x="487" y="310"/>
                      </a:lnTo>
                      <a:lnTo>
                        <a:pt x="487" y="308"/>
                      </a:lnTo>
                      <a:lnTo>
                        <a:pt x="487" y="307"/>
                      </a:lnTo>
                      <a:lnTo>
                        <a:pt x="509" y="322"/>
                      </a:lnTo>
                      <a:lnTo>
                        <a:pt x="508" y="325"/>
                      </a:lnTo>
                      <a:lnTo>
                        <a:pt x="508" y="327"/>
                      </a:lnTo>
                      <a:lnTo>
                        <a:pt x="508" y="330"/>
                      </a:lnTo>
                      <a:lnTo>
                        <a:pt x="508" y="332"/>
                      </a:lnTo>
                      <a:lnTo>
                        <a:pt x="509" y="332"/>
                      </a:lnTo>
                      <a:lnTo>
                        <a:pt x="514" y="329"/>
                      </a:lnTo>
                      <a:lnTo>
                        <a:pt x="519" y="324"/>
                      </a:lnTo>
                      <a:lnTo>
                        <a:pt x="521" y="322"/>
                      </a:lnTo>
                      <a:lnTo>
                        <a:pt x="523" y="322"/>
                      </a:lnTo>
                      <a:lnTo>
                        <a:pt x="525" y="324"/>
                      </a:lnTo>
                      <a:lnTo>
                        <a:pt x="528" y="325"/>
                      </a:lnTo>
                      <a:lnTo>
                        <a:pt x="531" y="330"/>
                      </a:lnTo>
                      <a:lnTo>
                        <a:pt x="535" y="339"/>
                      </a:lnTo>
                      <a:lnTo>
                        <a:pt x="536" y="341"/>
                      </a:lnTo>
                      <a:lnTo>
                        <a:pt x="538" y="344"/>
                      </a:lnTo>
                      <a:lnTo>
                        <a:pt x="540" y="347"/>
                      </a:lnTo>
                      <a:lnTo>
                        <a:pt x="541" y="349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92" name="Freeform 79"/>
                <p:cNvSpPr>
                  <a:spLocks/>
                </p:cNvSpPr>
                <p:nvPr/>
              </p:nvSpPr>
              <p:spPr bwMode="auto">
                <a:xfrm>
                  <a:off x="1085" y="3327"/>
                  <a:ext cx="27" cy="22"/>
                </a:xfrm>
                <a:custGeom>
                  <a:avLst/>
                  <a:gdLst>
                    <a:gd name="T0" fmla="*/ 0 w 27"/>
                    <a:gd name="T1" fmla="*/ 10 h 22"/>
                    <a:gd name="T2" fmla="*/ 0 w 27"/>
                    <a:gd name="T3" fmla="*/ 7 h 22"/>
                    <a:gd name="T4" fmla="*/ 2 w 27"/>
                    <a:gd name="T5" fmla="*/ 4 h 22"/>
                    <a:gd name="T6" fmla="*/ 14 w 27"/>
                    <a:gd name="T7" fmla="*/ 0 h 22"/>
                    <a:gd name="T8" fmla="*/ 27 w 27"/>
                    <a:gd name="T9" fmla="*/ 14 h 22"/>
                    <a:gd name="T10" fmla="*/ 22 w 27"/>
                    <a:gd name="T11" fmla="*/ 15 h 22"/>
                    <a:gd name="T12" fmla="*/ 22 w 27"/>
                    <a:gd name="T13" fmla="*/ 15 h 22"/>
                    <a:gd name="T14" fmla="*/ 17 w 27"/>
                    <a:gd name="T15" fmla="*/ 10 h 22"/>
                    <a:gd name="T16" fmla="*/ 12 w 27"/>
                    <a:gd name="T17" fmla="*/ 14 h 22"/>
                    <a:gd name="T18" fmla="*/ 17 w 27"/>
                    <a:gd name="T19" fmla="*/ 19 h 22"/>
                    <a:gd name="T20" fmla="*/ 14 w 27"/>
                    <a:gd name="T21" fmla="*/ 22 h 22"/>
                    <a:gd name="T22" fmla="*/ 0 w 27"/>
                    <a:gd name="T23" fmla="*/ 10 h 22"/>
                    <a:gd name="T24" fmla="*/ 0 60000 65536"/>
                    <a:gd name="T25" fmla="*/ 0 60000 65536"/>
                    <a:gd name="T26" fmla="*/ 0 60000 65536"/>
                    <a:gd name="T27" fmla="*/ 0 60000 65536"/>
                    <a:gd name="T28" fmla="*/ 0 60000 65536"/>
                    <a:gd name="T29" fmla="*/ 0 60000 65536"/>
                    <a:gd name="T30" fmla="*/ 0 60000 65536"/>
                    <a:gd name="T31" fmla="*/ 0 60000 65536"/>
                    <a:gd name="T32" fmla="*/ 0 60000 65536"/>
                    <a:gd name="T33" fmla="*/ 0 60000 65536"/>
                    <a:gd name="T34" fmla="*/ 0 60000 65536"/>
                    <a:gd name="T35" fmla="*/ 0 60000 65536"/>
                    <a:gd name="T36" fmla="*/ 0 w 27"/>
                    <a:gd name="T37" fmla="*/ 0 h 22"/>
                    <a:gd name="T38" fmla="*/ 27 w 27"/>
                    <a:gd name="T39" fmla="*/ 22 h 22"/>
                  </a:gdLst>
                  <a:ahLst/>
                  <a:cxnLst>
                    <a:cxn ang="T24">
                      <a:pos x="T0" y="T1"/>
                    </a:cxn>
                    <a:cxn ang="T25">
                      <a:pos x="T2" y="T3"/>
                    </a:cxn>
                    <a:cxn ang="T26">
                      <a:pos x="T4" y="T5"/>
                    </a:cxn>
                    <a:cxn ang="T27">
                      <a:pos x="T6" y="T7"/>
                    </a:cxn>
                    <a:cxn ang="T28">
                      <a:pos x="T8" y="T9"/>
                    </a:cxn>
                    <a:cxn ang="T29">
                      <a:pos x="T10" y="T11"/>
                    </a:cxn>
                    <a:cxn ang="T30">
                      <a:pos x="T12" y="T13"/>
                    </a:cxn>
                    <a:cxn ang="T31">
                      <a:pos x="T14" y="T15"/>
                    </a:cxn>
                    <a:cxn ang="T32">
                      <a:pos x="T16" y="T17"/>
                    </a:cxn>
                    <a:cxn ang="T33">
                      <a:pos x="T18" y="T19"/>
                    </a:cxn>
                    <a:cxn ang="T34">
                      <a:pos x="T20" y="T21"/>
                    </a:cxn>
                    <a:cxn ang="T35">
                      <a:pos x="T22" y="T23"/>
                    </a:cxn>
                  </a:cxnLst>
                  <a:rect l="T36" t="T37" r="T38" b="T39"/>
                  <a:pathLst>
                    <a:path w="27" h="22">
                      <a:moveTo>
                        <a:pt x="0" y="10"/>
                      </a:moveTo>
                      <a:lnTo>
                        <a:pt x="0" y="7"/>
                      </a:lnTo>
                      <a:lnTo>
                        <a:pt x="2" y="4"/>
                      </a:lnTo>
                      <a:lnTo>
                        <a:pt x="14" y="0"/>
                      </a:lnTo>
                      <a:lnTo>
                        <a:pt x="27" y="14"/>
                      </a:lnTo>
                      <a:lnTo>
                        <a:pt x="22" y="15"/>
                      </a:lnTo>
                      <a:lnTo>
                        <a:pt x="17" y="10"/>
                      </a:lnTo>
                      <a:lnTo>
                        <a:pt x="12" y="14"/>
                      </a:lnTo>
                      <a:lnTo>
                        <a:pt x="17" y="19"/>
                      </a:lnTo>
                      <a:lnTo>
                        <a:pt x="14" y="22"/>
                      </a:lnTo>
                      <a:lnTo>
                        <a:pt x="0" y="1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93" name="Freeform 80"/>
                <p:cNvSpPr>
                  <a:spLocks/>
                </p:cNvSpPr>
                <p:nvPr/>
              </p:nvSpPr>
              <p:spPr bwMode="auto">
                <a:xfrm>
                  <a:off x="1085" y="3327"/>
                  <a:ext cx="27" cy="22"/>
                </a:xfrm>
                <a:custGeom>
                  <a:avLst/>
                  <a:gdLst>
                    <a:gd name="T0" fmla="*/ 0 w 27"/>
                    <a:gd name="T1" fmla="*/ 10 h 22"/>
                    <a:gd name="T2" fmla="*/ 0 w 27"/>
                    <a:gd name="T3" fmla="*/ 7 h 22"/>
                    <a:gd name="T4" fmla="*/ 2 w 27"/>
                    <a:gd name="T5" fmla="*/ 4 h 22"/>
                    <a:gd name="T6" fmla="*/ 14 w 27"/>
                    <a:gd name="T7" fmla="*/ 0 h 22"/>
                    <a:gd name="T8" fmla="*/ 27 w 27"/>
                    <a:gd name="T9" fmla="*/ 14 h 22"/>
                    <a:gd name="T10" fmla="*/ 22 w 27"/>
                    <a:gd name="T11" fmla="*/ 15 h 22"/>
                    <a:gd name="T12" fmla="*/ 22 w 27"/>
                    <a:gd name="T13" fmla="*/ 15 h 22"/>
                    <a:gd name="T14" fmla="*/ 17 w 27"/>
                    <a:gd name="T15" fmla="*/ 10 h 22"/>
                    <a:gd name="T16" fmla="*/ 12 w 27"/>
                    <a:gd name="T17" fmla="*/ 14 h 22"/>
                    <a:gd name="T18" fmla="*/ 17 w 27"/>
                    <a:gd name="T19" fmla="*/ 19 h 22"/>
                    <a:gd name="T20" fmla="*/ 14 w 27"/>
                    <a:gd name="T21" fmla="*/ 22 h 22"/>
                    <a:gd name="T22" fmla="*/ 0 w 27"/>
                    <a:gd name="T23" fmla="*/ 10 h 22"/>
                    <a:gd name="T24" fmla="*/ 0 60000 65536"/>
                    <a:gd name="T25" fmla="*/ 0 60000 65536"/>
                    <a:gd name="T26" fmla="*/ 0 60000 65536"/>
                    <a:gd name="T27" fmla="*/ 0 60000 65536"/>
                    <a:gd name="T28" fmla="*/ 0 60000 65536"/>
                    <a:gd name="T29" fmla="*/ 0 60000 65536"/>
                    <a:gd name="T30" fmla="*/ 0 60000 65536"/>
                    <a:gd name="T31" fmla="*/ 0 60000 65536"/>
                    <a:gd name="T32" fmla="*/ 0 60000 65536"/>
                    <a:gd name="T33" fmla="*/ 0 60000 65536"/>
                    <a:gd name="T34" fmla="*/ 0 60000 65536"/>
                    <a:gd name="T35" fmla="*/ 0 60000 65536"/>
                    <a:gd name="T36" fmla="*/ 0 w 27"/>
                    <a:gd name="T37" fmla="*/ 0 h 22"/>
                    <a:gd name="T38" fmla="*/ 27 w 27"/>
                    <a:gd name="T39" fmla="*/ 22 h 22"/>
                  </a:gdLst>
                  <a:ahLst/>
                  <a:cxnLst>
                    <a:cxn ang="T24">
                      <a:pos x="T0" y="T1"/>
                    </a:cxn>
                    <a:cxn ang="T25">
                      <a:pos x="T2" y="T3"/>
                    </a:cxn>
                    <a:cxn ang="T26">
                      <a:pos x="T4" y="T5"/>
                    </a:cxn>
                    <a:cxn ang="T27">
                      <a:pos x="T6" y="T7"/>
                    </a:cxn>
                    <a:cxn ang="T28">
                      <a:pos x="T8" y="T9"/>
                    </a:cxn>
                    <a:cxn ang="T29">
                      <a:pos x="T10" y="T11"/>
                    </a:cxn>
                    <a:cxn ang="T30">
                      <a:pos x="T12" y="T13"/>
                    </a:cxn>
                    <a:cxn ang="T31">
                      <a:pos x="T14" y="T15"/>
                    </a:cxn>
                    <a:cxn ang="T32">
                      <a:pos x="T16" y="T17"/>
                    </a:cxn>
                    <a:cxn ang="T33">
                      <a:pos x="T18" y="T19"/>
                    </a:cxn>
                    <a:cxn ang="T34">
                      <a:pos x="T20" y="T21"/>
                    </a:cxn>
                    <a:cxn ang="T35">
                      <a:pos x="T22" y="T23"/>
                    </a:cxn>
                  </a:cxnLst>
                  <a:rect l="T36" t="T37" r="T38" b="T39"/>
                  <a:pathLst>
                    <a:path w="27" h="22">
                      <a:moveTo>
                        <a:pt x="0" y="10"/>
                      </a:moveTo>
                      <a:lnTo>
                        <a:pt x="0" y="7"/>
                      </a:lnTo>
                      <a:lnTo>
                        <a:pt x="2" y="4"/>
                      </a:lnTo>
                      <a:lnTo>
                        <a:pt x="14" y="0"/>
                      </a:lnTo>
                      <a:lnTo>
                        <a:pt x="27" y="14"/>
                      </a:lnTo>
                      <a:lnTo>
                        <a:pt x="22" y="15"/>
                      </a:lnTo>
                      <a:lnTo>
                        <a:pt x="17" y="10"/>
                      </a:lnTo>
                      <a:lnTo>
                        <a:pt x="12" y="14"/>
                      </a:lnTo>
                      <a:lnTo>
                        <a:pt x="17" y="19"/>
                      </a:lnTo>
                      <a:lnTo>
                        <a:pt x="14" y="22"/>
                      </a:lnTo>
                      <a:lnTo>
                        <a:pt x="0" y="1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94" name="Freeform 81"/>
                <p:cNvSpPr>
                  <a:spLocks/>
                </p:cNvSpPr>
                <p:nvPr/>
              </p:nvSpPr>
              <p:spPr bwMode="auto">
                <a:xfrm>
                  <a:off x="1107" y="3348"/>
                  <a:ext cx="21" cy="23"/>
                </a:xfrm>
                <a:custGeom>
                  <a:avLst/>
                  <a:gdLst>
                    <a:gd name="T0" fmla="*/ 5 w 21"/>
                    <a:gd name="T1" fmla="*/ 0 h 23"/>
                    <a:gd name="T2" fmla="*/ 0 w 21"/>
                    <a:gd name="T3" fmla="*/ 3 h 23"/>
                    <a:gd name="T4" fmla="*/ 11 w 21"/>
                    <a:gd name="T5" fmla="*/ 16 h 23"/>
                    <a:gd name="T6" fmla="*/ 21 w 21"/>
                    <a:gd name="T7" fmla="*/ 23 h 23"/>
                    <a:gd name="T8" fmla="*/ 14 w 21"/>
                    <a:gd name="T9" fmla="*/ 6 h 23"/>
                    <a:gd name="T10" fmla="*/ 5 w 21"/>
                    <a:gd name="T11" fmla="*/ 0 h 23"/>
                    <a:gd name="T12" fmla="*/ 0 60000 65536"/>
                    <a:gd name="T13" fmla="*/ 0 60000 65536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w 21"/>
                    <a:gd name="T19" fmla="*/ 0 h 23"/>
                    <a:gd name="T20" fmla="*/ 21 w 21"/>
                    <a:gd name="T21" fmla="*/ 23 h 23"/>
                  </a:gdLst>
                  <a:ahLst/>
                  <a:cxnLst>
                    <a:cxn ang="T12">
                      <a:pos x="T0" y="T1"/>
                    </a:cxn>
                    <a:cxn ang="T13">
                      <a:pos x="T2" y="T3"/>
                    </a:cxn>
                    <a:cxn ang="T14">
                      <a:pos x="T4" y="T5"/>
                    </a:cxn>
                    <a:cxn ang="T15">
                      <a:pos x="T6" y="T7"/>
                    </a:cxn>
                    <a:cxn ang="T16">
                      <a:pos x="T8" y="T9"/>
                    </a:cxn>
                    <a:cxn ang="T17">
                      <a:pos x="T10" y="T11"/>
                    </a:cxn>
                  </a:cxnLst>
                  <a:rect l="T18" t="T19" r="T20" b="T21"/>
                  <a:pathLst>
                    <a:path w="21" h="23">
                      <a:moveTo>
                        <a:pt x="5" y="0"/>
                      </a:moveTo>
                      <a:lnTo>
                        <a:pt x="0" y="3"/>
                      </a:lnTo>
                      <a:lnTo>
                        <a:pt x="11" y="16"/>
                      </a:lnTo>
                      <a:lnTo>
                        <a:pt x="21" y="23"/>
                      </a:lnTo>
                      <a:lnTo>
                        <a:pt x="14" y="6"/>
                      </a:lnTo>
                      <a:lnTo>
                        <a:pt x="5" y="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95" name="Freeform 82"/>
                <p:cNvSpPr>
                  <a:spLocks/>
                </p:cNvSpPr>
                <p:nvPr/>
              </p:nvSpPr>
              <p:spPr bwMode="auto">
                <a:xfrm>
                  <a:off x="1107" y="3348"/>
                  <a:ext cx="21" cy="23"/>
                </a:xfrm>
                <a:custGeom>
                  <a:avLst/>
                  <a:gdLst>
                    <a:gd name="T0" fmla="*/ 5 w 21"/>
                    <a:gd name="T1" fmla="*/ 0 h 23"/>
                    <a:gd name="T2" fmla="*/ 0 w 21"/>
                    <a:gd name="T3" fmla="*/ 3 h 23"/>
                    <a:gd name="T4" fmla="*/ 11 w 21"/>
                    <a:gd name="T5" fmla="*/ 16 h 23"/>
                    <a:gd name="T6" fmla="*/ 21 w 21"/>
                    <a:gd name="T7" fmla="*/ 23 h 23"/>
                    <a:gd name="T8" fmla="*/ 14 w 21"/>
                    <a:gd name="T9" fmla="*/ 6 h 23"/>
                    <a:gd name="T10" fmla="*/ 5 w 21"/>
                    <a:gd name="T11" fmla="*/ 0 h 23"/>
                    <a:gd name="T12" fmla="*/ 0 60000 65536"/>
                    <a:gd name="T13" fmla="*/ 0 60000 65536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w 21"/>
                    <a:gd name="T19" fmla="*/ 0 h 23"/>
                    <a:gd name="T20" fmla="*/ 21 w 21"/>
                    <a:gd name="T21" fmla="*/ 23 h 23"/>
                  </a:gdLst>
                  <a:ahLst/>
                  <a:cxnLst>
                    <a:cxn ang="T12">
                      <a:pos x="T0" y="T1"/>
                    </a:cxn>
                    <a:cxn ang="T13">
                      <a:pos x="T2" y="T3"/>
                    </a:cxn>
                    <a:cxn ang="T14">
                      <a:pos x="T4" y="T5"/>
                    </a:cxn>
                    <a:cxn ang="T15">
                      <a:pos x="T6" y="T7"/>
                    </a:cxn>
                    <a:cxn ang="T16">
                      <a:pos x="T8" y="T9"/>
                    </a:cxn>
                    <a:cxn ang="T17">
                      <a:pos x="T10" y="T11"/>
                    </a:cxn>
                  </a:cxnLst>
                  <a:rect l="T18" t="T19" r="T20" b="T21"/>
                  <a:pathLst>
                    <a:path w="21" h="23">
                      <a:moveTo>
                        <a:pt x="5" y="0"/>
                      </a:moveTo>
                      <a:lnTo>
                        <a:pt x="0" y="3"/>
                      </a:lnTo>
                      <a:lnTo>
                        <a:pt x="11" y="16"/>
                      </a:lnTo>
                      <a:lnTo>
                        <a:pt x="21" y="23"/>
                      </a:lnTo>
                      <a:lnTo>
                        <a:pt x="14" y="6"/>
                      </a:lnTo>
                      <a:lnTo>
                        <a:pt x="5" y="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96" name="Freeform 83"/>
                <p:cNvSpPr>
                  <a:spLocks/>
                </p:cNvSpPr>
                <p:nvPr/>
              </p:nvSpPr>
              <p:spPr bwMode="auto">
                <a:xfrm>
                  <a:off x="1107" y="3322"/>
                  <a:ext cx="19" cy="24"/>
                </a:xfrm>
                <a:custGeom>
                  <a:avLst/>
                  <a:gdLst>
                    <a:gd name="T0" fmla="*/ 4 w 19"/>
                    <a:gd name="T1" fmla="*/ 0 h 24"/>
                    <a:gd name="T2" fmla="*/ 19 w 19"/>
                    <a:gd name="T3" fmla="*/ 15 h 24"/>
                    <a:gd name="T4" fmla="*/ 17 w 19"/>
                    <a:gd name="T5" fmla="*/ 24 h 24"/>
                    <a:gd name="T6" fmla="*/ 11 w 19"/>
                    <a:gd name="T7" fmla="*/ 22 h 24"/>
                    <a:gd name="T8" fmla="*/ 11 w 19"/>
                    <a:gd name="T9" fmla="*/ 15 h 24"/>
                    <a:gd name="T10" fmla="*/ 0 w 19"/>
                    <a:gd name="T11" fmla="*/ 2 h 24"/>
                    <a:gd name="T12" fmla="*/ 4 w 19"/>
                    <a:gd name="T13" fmla="*/ 0 h 24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w 19"/>
                    <a:gd name="T22" fmla="*/ 0 h 24"/>
                    <a:gd name="T23" fmla="*/ 19 w 19"/>
                    <a:gd name="T24" fmla="*/ 24 h 24"/>
                  </a:gdLst>
                  <a:ahLst/>
                  <a:cxnLst>
                    <a:cxn ang="T14">
                      <a:pos x="T0" y="T1"/>
                    </a:cxn>
                    <a:cxn ang="T15">
                      <a:pos x="T2" y="T3"/>
                    </a:cxn>
                    <a:cxn ang="T16">
                      <a:pos x="T4" y="T5"/>
                    </a:cxn>
                    <a:cxn ang="T17">
                      <a:pos x="T6" y="T7"/>
                    </a:cxn>
                    <a:cxn ang="T18">
                      <a:pos x="T8" y="T9"/>
                    </a:cxn>
                    <a:cxn ang="T19">
                      <a:pos x="T10" y="T11"/>
                    </a:cxn>
                    <a:cxn ang="T20">
                      <a:pos x="T12" y="T13"/>
                    </a:cxn>
                  </a:cxnLst>
                  <a:rect l="T21" t="T22" r="T23" b="T24"/>
                  <a:pathLst>
                    <a:path w="19" h="24">
                      <a:moveTo>
                        <a:pt x="4" y="0"/>
                      </a:moveTo>
                      <a:lnTo>
                        <a:pt x="19" y="15"/>
                      </a:lnTo>
                      <a:lnTo>
                        <a:pt x="17" y="24"/>
                      </a:lnTo>
                      <a:lnTo>
                        <a:pt x="11" y="22"/>
                      </a:lnTo>
                      <a:lnTo>
                        <a:pt x="11" y="15"/>
                      </a:lnTo>
                      <a:lnTo>
                        <a:pt x="0" y="2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97" name="Freeform 84"/>
                <p:cNvSpPr>
                  <a:spLocks/>
                </p:cNvSpPr>
                <p:nvPr/>
              </p:nvSpPr>
              <p:spPr bwMode="auto">
                <a:xfrm>
                  <a:off x="1107" y="3322"/>
                  <a:ext cx="19" cy="24"/>
                </a:xfrm>
                <a:custGeom>
                  <a:avLst/>
                  <a:gdLst>
                    <a:gd name="T0" fmla="*/ 4 w 19"/>
                    <a:gd name="T1" fmla="*/ 0 h 24"/>
                    <a:gd name="T2" fmla="*/ 19 w 19"/>
                    <a:gd name="T3" fmla="*/ 15 h 24"/>
                    <a:gd name="T4" fmla="*/ 17 w 19"/>
                    <a:gd name="T5" fmla="*/ 24 h 24"/>
                    <a:gd name="T6" fmla="*/ 11 w 19"/>
                    <a:gd name="T7" fmla="*/ 22 h 24"/>
                    <a:gd name="T8" fmla="*/ 11 w 19"/>
                    <a:gd name="T9" fmla="*/ 15 h 24"/>
                    <a:gd name="T10" fmla="*/ 0 w 19"/>
                    <a:gd name="T11" fmla="*/ 2 h 24"/>
                    <a:gd name="T12" fmla="*/ 4 w 19"/>
                    <a:gd name="T13" fmla="*/ 0 h 24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w 19"/>
                    <a:gd name="T22" fmla="*/ 0 h 24"/>
                    <a:gd name="T23" fmla="*/ 19 w 19"/>
                    <a:gd name="T24" fmla="*/ 24 h 24"/>
                  </a:gdLst>
                  <a:ahLst/>
                  <a:cxnLst>
                    <a:cxn ang="T14">
                      <a:pos x="T0" y="T1"/>
                    </a:cxn>
                    <a:cxn ang="T15">
                      <a:pos x="T2" y="T3"/>
                    </a:cxn>
                    <a:cxn ang="T16">
                      <a:pos x="T4" y="T5"/>
                    </a:cxn>
                    <a:cxn ang="T17">
                      <a:pos x="T6" y="T7"/>
                    </a:cxn>
                    <a:cxn ang="T18">
                      <a:pos x="T8" y="T9"/>
                    </a:cxn>
                    <a:cxn ang="T19">
                      <a:pos x="T10" y="T11"/>
                    </a:cxn>
                    <a:cxn ang="T20">
                      <a:pos x="T12" y="T13"/>
                    </a:cxn>
                  </a:cxnLst>
                  <a:rect l="T21" t="T22" r="T23" b="T24"/>
                  <a:pathLst>
                    <a:path w="19" h="24">
                      <a:moveTo>
                        <a:pt x="4" y="0"/>
                      </a:moveTo>
                      <a:lnTo>
                        <a:pt x="19" y="15"/>
                      </a:lnTo>
                      <a:lnTo>
                        <a:pt x="17" y="24"/>
                      </a:lnTo>
                      <a:lnTo>
                        <a:pt x="11" y="22"/>
                      </a:lnTo>
                      <a:lnTo>
                        <a:pt x="11" y="15"/>
                      </a:lnTo>
                      <a:lnTo>
                        <a:pt x="0" y="2"/>
                      </a:lnTo>
                      <a:lnTo>
                        <a:pt x="4" y="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98" name="Freeform 85"/>
                <p:cNvSpPr>
                  <a:spLocks/>
                </p:cNvSpPr>
                <p:nvPr/>
              </p:nvSpPr>
              <p:spPr bwMode="auto">
                <a:xfrm>
                  <a:off x="1153" y="3370"/>
                  <a:ext cx="27" cy="25"/>
                </a:xfrm>
                <a:custGeom>
                  <a:avLst/>
                  <a:gdLst>
                    <a:gd name="T0" fmla="*/ 2 w 27"/>
                    <a:gd name="T1" fmla="*/ 0 h 25"/>
                    <a:gd name="T2" fmla="*/ 10 w 27"/>
                    <a:gd name="T3" fmla="*/ 1 h 25"/>
                    <a:gd name="T4" fmla="*/ 27 w 27"/>
                    <a:gd name="T5" fmla="*/ 20 h 25"/>
                    <a:gd name="T6" fmla="*/ 24 w 27"/>
                    <a:gd name="T7" fmla="*/ 25 h 25"/>
                    <a:gd name="T8" fmla="*/ 14 w 27"/>
                    <a:gd name="T9" fmla="*/ 16 h 25"/>
                    <a:gd name="T10" fmla="*/ 7 w 27"/>
                    <a:gd name="T11" fmla="*/ 15 h 25"/>
                    <a:gd name="T12" fmla="*/ 0 w 27"/>
                    <a:gd name="T13" fmla="*/ 6 h 25"/>
                    <a:gd name="T14" fmla="*/ 2 w 27"/>
                    <a:gd name="T15" fmla="*/ 0 h 25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w 27"/>
                    <a:gd name="T25" fmla="*/ 0 h 25"/>
                    <a:gd name="T26" fmla="*/ 27 w 27"/>
                    <a:gd name="T27" fmla="*/ 25 h 25"/>
                  </a:gdLst>
                  <a:ahLst/>
                  <a:cxnLst>
                    <a:cxn ang="T16">
                      <a:pos x="T0" y="T1"/>
                    </a:cxn>
                    <a:cxn ang="T17">
                      <a:pos x="T2" y="T3"/>
                    </a:cxn>
                    <a:cxn ang="T18">
                      <a:pos x="T4" y="T5"/>
                    </a:cxn>
                    <a:cxn ang="T19">
                      <a:pos x="T6" y="T7"/>
                    </a:cxn>
                    <a:cxn ang="T20">
                      <a:pos x="T8" y="T9"/>
                    </a:cxn>
                    <a:cxn ang="T21">
                      <a:pos x="T10" y="T11"/>
                    </a:cxn>
                    <a:cxn ang="T22">
                      <a:pos x="T12" y="T13"/>
                    </a:cxn>
                    <a:cxn ang="T23">
                      <a:pos x="T14" y="T15"/>
                    </a:cxn>
                  </a:cxnLst>
                  <a:rect l="T24" t="T25" r="T26" b="T27"/>
                  <a:pathLst>
                    <a:path w="27" h="25">
                      <a:moveTo>
                        <a:pt x="2" y="0"/>
                      </a:moveTo>
                      <a:lnTo>
                        <a:pt x="10" y="1"/>
                      </a:lnTo>
                      <a:lnTo>
                        <a:pt x="27" y="20"/>
                      </a:lnTo>
                      <a:lnTo>
                        <a:pt x="24" y="25"/>
                      </a:lnTo>
                      <a:lnTo>
                        <a:pt x="14" y="16"/>
                      </a:lnTo>
                      <a:lnTo>
                        <a:pt x="7" y="15"/>
                      </a:lnTo>
                      <a:lnTo>
                        <a:pt x="0" y="6"/>
                      </a:lnTo>
                      <a:lnTo>
                        <a:pt x="2" y="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99" name="Freeform 86"/>
                <p:cNvSpPr>
                  <a:spLocks/>
                </p:cNvSpPr>
                <p:nvPr/>
              </p:nvSpPr>
              <p:spPr bwMode="auto">
                <a:xfrm>
                  <a:off x="1153" y="3370"/>
                  <a:ext cx="27" cy="25"/>
                </a:xfrm>
                <a:custGeom>
                  <a:avLst/>
                  <a:gdLst>
                    <a:gd name="T0" fmla="*/ 2 w 27"/>
                    <a:gd name="T1" fmla="*/ 0 h 25"/>
                    <a:gd name="T2" fmla="*/ 10 w 27"/>
                    <a:gd name="T3" fmla="*/ 1 h 25"/>
                    <a:gd name="T4" fmla="*/ 27 w 27"/>
                    <a:gd name="T5" fmla="*/ 20 h 25"/>
                    <a:gd name="T6" fmla="*/ 24 w 27"/>
                    <a:gd name="T7" fmla="*/ 25 h 25"/>
                    <a:gd name="T8" fmla="*/ 14 w 27"/>
                    <a:gd name="T9" fmla="*/ 16 h 25"/>
                    <a:gd name="T10" fmla="*/ 7 w 27"/>
                    <a:gd name="T11" fmla="*/ 15 h 25"/>
                    <a:gd name="T12" fmla="*/ 0 w 27"/>
                    <a:gd name="T13" fmla="*/ 6 h 25"/>
                    <a:gd name="T14" fmla="*/ 2 w 27"/>
                    <a:gd name="T15" fmla="*/ 0 h 25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w 27"/>
                    <a:gd name="T25" fmla="*/ 0 h 25"/>
                    <a:gd name="T26" fmla="*/ 27 w 27"/>
                    <a:gd name="T27" fmla="*/ 25 h 25"/>
                  </a:gdLst>
                  <a:ahLst/>
                  <a:cxnLst>
                    <a:cxn ang="T16">
                      <a:pos x="T0" y="T1"/>
                    </a:cxn>
                    <a:cxn ang="T17">
                      <a:pos x="T2" y="T3"/>
                    </a:cxn>
                    <a:cxn ang="T18">
                      <a:pos x="T4" y="T5"/>
                    </a:cxn>
                    <a:cxn ang="T19">
                      <a:pos x="T6" y="T7"/>
                    </a:cxn>
                    <a:cxn ang="T20">
                      <a:pos x="T8" y="T9"/>
                    </a:cxn>
                    <a:cxn ang="T21">
                      <a:pos x="T10" y="T11"/>
                    </a:cxn>
                    <a:cxn ang="T22">
                      <a:pos x="T12" y="T13"/>
                    </a:cxn>
                    <a:cxn ang="T23">
                      <a:pos x="T14" y="T15"/>
                    </a:cxn>
                  </a:cxnLst>
                  <a:rect l="T24" t="T25" r="T26" b="T27"/>
                  <a:pathLst>
                    <a:path w="27" h="25">
                      <a:moveTo>
                        <a:pt x="2" y="0"/>
                      </a:moveTo>
                      <a:lnTo>
                        <a:pt x="10" y="1"/>
                      </a:lnTo>
                      <a:lnTo>
                        <a:pt x="27" y="20"/>
                      </a:lnTo>
                      <a:lnTo>
                        <a:pt x="24" y="25"/>
                      </a:lnTo>
                      <a:lnTo>
                        <a:pt x="14" y="16"/>
                      </a:lnTo>
                      <a:lnTo>
                        <a:pt x="7" y="15"/>
                      </a:lnTo>
                      <a:lnTo>
                        <a:pt x="0" y="6"/>
                      </a:lnTo>
                      <a:lnTo>
                        <a:pt x="2" y="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00" name="Freeform 87"/>
                <p:cNvSpPr>
                  <a:spLocks/>
                </p:cNvSpPr>
                <p:nvPr/>
              </p:nvSpPr>
              <p:spPr bwMode="auto">
                <a:xfrm>
                  <a:off x="1175" y="3412"/>
                  <a:ext cx="25" cy="20"/>
                </a:xfrm>
                <a:custGeom>
                  <a:avLst/>
                  <a:gdLst>
                    <a:gd name="T0" fmla="*/ 0 w 25"/>
                    <a:gd name="T1" fmla="*/ 2 h 20"/>
                    <a:gd name="T2" fmla="*/ 12 w 25"/>
                    <a:gd name="T3" fmla="*/ 2 h 20"/>
                    <a:gd name="T4" fmla="*/ 12 w 25"/>
                    <a:gd name="T5" fmla="*/ 12 h 20"/>
                    <a:gd name="T6" fmla="*/ 19 w 25"/>
                    <a:gd name="T7" fmla="*/ 10 h 20"/>
                    <a:gd name="T8" fmla="*/ 17 w 25"/>
                    <a:gd name="T9" fmla="*/ 0 h 20"/>
                    <a:gd name="T10" fmla="*/ 19 w 25"/>
                    <a:gd name="T11" fmla="*/ 0 h 20"/>
                    <a:gd name="T12" fmla="*/ 20 w 25"/>
                    <a:gd name="T13" fmla="*/ 2 h 20"/>
                    <a:gd name="T14" fmla="*/ 22 w 25"/>
                    <a:gd name="T15" fmla="*/ 3 h 20"/>
                    <a:gd name="T16" fmla="*/ 24 w 25"/>
                    <a:gd name="T17" fmla="*/ 5 h 20"/>
                    <a:gd name="T18" fmla="*/ 25 w 25"/>
                    <a:gd name="T19" fmla="*/ 8 h 20"/>
                    <a:gd name="T20" fmla="*/ 25 w 25"/>
                    <a:gd name="T21" fmla="*/ 12 h 20"/>
                    <a:gd name="T22" fmla="*/ 24 w 25"/>
                    <a:gd name="T23" fmla="*/ 15 h 20"/>
                    <a:gd name="T24" fmla="*/ 22 w 25"/>
                    <a:gd name="T25" fmla="*/ 20 h 20"/>
                    <a:gd name="T26" fmla="*/ 20 w 25"/>
                    <a:gd name="T27" fmla="*/ 20 h 20"/>
                    <a:gd name="T28" fmla="*/ 19 w 25"/>
                    <a:gd name="T29" fmla="*/ 20 h 20"/>
                    <a:gd name="T30" fmla="*/ 17 w 25"/>
                    <a:gd name="T31" fmla="*/ 20 h 20"/>
                    <a:gd name="T32" fmla="*/ 14 w 25"/>
                    <a:gd name="T33" fmla="*/ 18 h 20"/>
                    <a:gd name="T34" fmla="*/ 12 w 25"/>
                    <a:gd name="T35" fmla="*/ 18 h 20"/>
                    <a:gd name="T36" fmla="*/ 10 w 25"/>
                    <a:gd name="T37" fmla="*/ 18 h 20"/>
                    <a:gd name="T38" fmla="*/ 9 w 25"/>
                    <a:gd name="T39" fmla="*/ 18 h 20"/>
                    <a:gd name="T40" fmla="*/ 9 w 25"/>
                    <a:gd name="T41" fmla="*/ 18 h 20"/>
                    <a:gd name="T42" fmla="*/ 2 w 25"/>
                    <a:gd name="T43" fmla="*/ 10 h 20"/>
                    <a:gd name="T44" fmla="*/ 0 w 25"/>
                    <a:gd name="T45" fmla="*/ 2 h 20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w 25"/>
                    <a:gd name="T70" fmla="*/ 0 h 20"/>
                    <a:gd name="T71" fmla="*/ 25 w 25"/>
                    <a:gd name="T72" fmla="*/ 20 h 20"/>
                  </a:gdLst>
                  <a:ahLst/>
                  <a:cxnLst>
                    <a:cxn ang="T46">
                      <a:pos x="T0" y="T1"/>
                    </a:cxn>
                    <a:cxn ang="T47">
                      <a:pos x="T2" y="T3"/>
                    </a:cxn>
                    <a:cxn ang="T48">
                      <a:pos x="T4" y="T5"/>
                    </a:cxn>
                    <a:cxn ang="T49">
                      <a:pos x="T6" y="T7"/>
                    </a:cxn>
                    <a:cxn ang="T50">
                      <a:pos x="T8" y="T9"/>
                    </a:cxn>
                    <a:cxn ang="T51">
                      <a:pos x="T10" y="T11"/>
                    </a:cxn>
                    <a:cxn ang="T52">
                      <a:pos x="T12" y="T13"/>
                    </a:cxn>
                    <a:cxn ang="T53">
                      <a:pos x="T14" y="T15"/>
                    </a:cxn>
                    <a:cxn ang="T54">
                      <a:pos x="T16" y="T17"/>
                    </a:cxn>
                    <a:cxn ang="T55">
                      <a:pos x="T18" y="T19"/>
                    </a:cxn>
                    <a:cxn ang="T56">
                      <a:pos x="T20" y="T21"/>
                    </a:cxn>
                    <a:cxn ang="T57">
                      <a:pos x="T22" y="T23"/>
                    </a:cxn>
                    <a:cxn ang="T58">
                      <a:pos x="T24" y="T25"/>
                    </a:cxn>
                    <a:cxn ang="T59">
                      <a:pos x="T26" y="T27"/>
                    </a:cxn>
                    <a:cxn ang="T60">
                      <a:pos x="T28" y="T29"/>
                    </a:cxn>
                    <a:cxn ang="T61">
                      <a:pos x="T30" y="T31"/>
                    </a:cxn>
                    <a:cxn ang="T62">
                      <a:pos x="T32" y="T33"/>
                    </a:cxn>
                    <a:cxn ang="T63">
                      <a:pos x="T34" y="T35"/>
                    </a:cxn>
                    <a:cxn ang="T64">
                      <a:pos x="T36" y="T37"/>
                    </a:cxn>
                    <a:cxn ang="T65">
                      <a:pos x="T38" y="T39"/>
                    </a:cxn>
                    <a:cxn ang="T66">
                      <a:pos x="T40" y="T41"/>
                    </a:cxn>
                    <a:cxn ang="T67">
                      <a:pos x="T42" y="T43"/>
                    </a:cxn>
                    <a:cxn ang="T68">
                      <a:pos x="T44" y="T45"/>
                    </a:cxn>
                  </a:cxnLst>
                  <a:rect l="T69" t="T70" r="T71" b="T72"/>
                  <a:pathLst>
                    <a:path w="25" h="20">
                      <a:moveTo>
                        <a:pt x="0" y="2"/>
                      </a:moveTo>
                      <a:lnTo>
                        <a:pt x="12" y="2"/>
                      </a:lnTo>
                      <a:lnTo>
                        <a:pt x="12" y="12"/>
                      </a:lnTo>
                      <a:lnTo>
                        <a:pt x="19" y="10"/>
                      </a:lnTo>
                      <a:lnTo>
                        <a:pt x="17" y="0"/>
                      </a:lnTo>
                      <a:lnTo>
                        <a:pt x="19" y="0"/>
                      </a:lnTo>
                      <a:lnTo>
                        <a:pt x="20" y="2"/>
                      </a:lnTo>
                      <a:lnTo>
                        <a:pt x="22" y="3"/>
                      </a:lnTo>
                      <a:lnTo>
                        <a:pt x="24" y="5"/>
                      </a:lnTo>
                      <a:lnTo>
                        <a:pt x="25" y="8"/>
                      </a:lnTo>
                      <a:lnTo>
                        <a:pt x="25" y="12"/>
                      </a:lnTo>
                      <a:lnTo>
                        <a:pt x="24" y="15"/>
                      </a:lnTo>
                      <a:lnTo>
                        <a:pt x="22" y="20"/>
                      </a:lnTo>
                      <a:lnTo>
                        <a:pt x="20" y="20"/>
                      </a:lnTo>
                      <a:lnTo>
                        <a:pt x="19" y="20"/>
                      </a:lnTo>
                      <a:lnTo>
                        <a:pt x="17" y="20"/>
                      </a:lnTo>
                      <a:lnTo>
                        <a:pt x="14" y="18"/>
                      </a:lnTo>
                      <a:lnTo>
                        <a:pt x="12" y="18"/>
                      </a:lnTo>
                      <a:lnTo>
                        <a:pt x="10" y="18"/>
                      </a:lnTo>
                      <a:lnTo>
                        <a:pt x="9" y="18"/>
                      </a:lnTo>
                      <a:lnTo>
                        <a:pt x="2" y="10"/>
                      </a:lnTo>
                      <a:lnTo>
                        <a:pt x="0" y="2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01" name="Freeform 88"/>
                <p:cNvSpPr>
                  <a:spLocks/>
                </p:cNvSpPr>
                <p:nvPr/>
              </p:nvSpPr>
              <p:spPr bwMode="auto">
                <a:xfrm>
                  <a:off x="1175" y="3412"/>
                  <a:ext cx="25" cy="20"/>
                </a:xfrm>
                <a:custGeom>
                  <a:avLst/>
                  <a:gdLst>
                    <a:gd name="T0" fmla="*/ 0 w 25"/>
                    <a:gd name="T1" fmla="*/ 2 h 20"/>
                    <a:gd name="T2" fmla="*/ 12 w 25"/>
                    <a:gd name="T3" fmla="*/ 2 h 20"/>
                    <a:gd name="T4" fmla="*/ 12 w 25"/>
                    <a:gd name="T5" fmla="*/ 12 h 20"/>
                    <a:gd name="T6" fmla="*/ 19 w 25"/>
                    <a:gd name="T7" fmla="*/ 10 h 20"/>
                    <a:gd name="T8" fmla="*/ 17 w 25"/>
                    <a:gd name="T9" fmla="*/ 0 h 20"/>
                    <a:gd name="T10" fmla="*/ 17 w 25"/>
                    <a:gd name="T11" fmla="*/ 0 h 20"/>
                    <a:gd name="T12" fmla="*/ 19 w 25"/>
                    <a:gd name="T13" fmla="*/ 0 h 20"/>
                    <a:gd name="T14" fmla="*/ 20 w 25"/>
                    <a:gd name="T15" fmla="*/ 2 h 20"/>
                    <a:gd name="T16" fmla="*/ 22 w 25"/>
                    <a:gd name="T17" fmla="*/ 3 h 20"/>
                    <a:gd name="T18" fmla="*/ 24 w 25"/>
                    <a:gd name="T19" fmla="*/ 5 h 20"/>
                    <a:gd name="T20" fmla="*/ 25 w 25"/>
                    <a:gd name="T21" fmla="*/ 8 h 20"/>
                    <a:gd name="T22" fmla="*/ 25 w 25"/>
                    <a:gd name="T23" fmla="*/ 12 h 20"/>
                    <a:gd name="T24" fmla="*/ 24 w 25"/>
                    <a:gd name="T25" fmla="*/ 15 h 20"/>
                    <a:gd name="T26" fmla="*/ 22 w 25"/>
                    <a:gd name="T27" fmla="*/ 20 h 20"/>
                    <a:gd name="T28" fmla="*/ 22 w 25"/>
                    <a:gd name="T29" fmla="*/ 20 h 20"/>
                    <a:gd name="T30" fmla="*/ 20 w 25"/>
                    <a:gd name="T31" fmla="*/ 20 h 20"/>
                    <a:gd name="T32" fmla="*/ 19 w 25"/>
                    <a:gd name="T33" fmla="*/ 20 h 20"/>
                    <a:gd name="T34" fmla="*/ 17 w 25"/>
                    <a:gd name="T35" fmla="*/ 20 h 20"/>
                    <a:gd name="T36" fmla="*/ 14 w 25"/>
                    <a:gd name="T37" fmla="*/ 18 h 20"/>
                    <a:gd name="T38" fmla="*/ 12 w 25"/>
                    <a:gd name="T39" fmla="*/ 18 h 20"/>
                    <a:gd name="T40" fmla="*/ 10 w 25"/>
                    <a:gd name="T41" fmla="*/ 18 h 20"/>
                    <a:gd name="T42" fmla="*/ 9 w 25"/>
                    <a:gd name="T43" fmla="*/ 18 h 20"/>
                    <a:gd name="T44" fmla="*/ 9 w 25"/>
                    <a:gd name="T45" fmla="*/ 18 h 20"/>
                    <a:gd name="T46" fmla="*/ 2 w 25"/>
                    <a:gd name="T47" fmla="*/ 10 h 20"/>
                    <a:gd name="T48" fmla="*/ 0 w 25"/>
                    <a:gd name="T49" fmla="*/ 2 h 20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w 25"/>
                    <a:gd name="T76" fmla="*/ 0 h 20"/>
                    <a:gd name="T77" fmla="*/ 25 w 25"/>
                    <a:gd name="T78" fmla="*/ 20 h 20"/>
                  </a:gdLst>
                  <a:ahLst/>
                  <a:cxnLst>
                    <a:cxn ang="T50">
                      <a:pos x="T0" y="T1"/>
                    </a:cxn>
                    <a:cxn ang="T51">
                      <a:pos x="T2" y="T3"/>
                    </a:cxn>
                    <a:cxn ang="T52">
                      <a:pos x="T4" y="T5"/>
                    </a:cxn>
                    <a:cxn ang="T53">
                      <a:pos x="T6" y="T7"/>
                    </a:cxn>
                    <a:cxn ang="T54">
                      <a:pos x="T8" y="T9"/>
                    </a:cxn>
                    <a:cxn ang="T55">
                      <a:pos x="T10" y="T11"/>
                    </a:cxn>
                    <a:cxn ang="T56">
                      <a:pos x="T12" y="T13"/>
                    </a:cxn>
                    <a:cxn ang="T57">
                      <a:pos x="T14" y="T15"/>
                    </a:cxn>
                    <a:cxn ang="T58">
                      <a:pos x="T16" y="T17"/>
                    </a:cxn>
                    <a:cxn ang="T59">
                      <a:pos x="T18" y="T19"/>
                    </a:cxn>
                    <a:cxn ang="T60">
                      <a:pos x="T20" y="T21"/>
                    </a:cxn>
                    <a:cxn ang="T61">
                      <a:pos x="T22" y="T23"/>
                    </a:cxn>
                    <a:cxn ang="T62">
                      <a:pos x="T24" y="T25"/>
                    </a:cxn>
                    <a:cxn ang="T63">
                      <a:pos x="T26" y="T27"/>
                    </a:cxn>
                    <a:cxn ang="T64">
                      <a:pos x="T28" y="T29"/>
                    </a:cxn>
                    <a:cxn ang="T65">
                      <a:pos x="T30" y="T31"/>
                    </a:cxn>
                    <a:cxn ang="T66">
                      <a:pos x="T32" y="T33"/>
                    </a:cxn>
                    <a:cxn ang="T67">
                      <a:pos x="T34" y="T35"/>
                    </a:cxn>
                    <a:cxn ang="T68">
                      <a:pos x="T36" y="T37"/>
                    </a:cxn>
                    <a:cxn ang="T69">
                      <a:pos x="T38" y="T39"/>
                    </a:cxn>
                    <a:cxn ang="T70">
                      <a:pos x="T40" y="T41"/>
                    </a:cxn>
                    <a:cxn ang="T71">
                      <a:pos x="T42" y="T43"/>
                    </a:cxn>
                    <a:cxn ang="T72">
                      <a:pos x="T44" y="T45"/>
                    </a:cxn>
                    <a:cxn ang="T73">
                      <a:pos x="T46" y="T47"/>
                    </a:cxn>
                    <a:cxn ang="T74">
                      <a:pos x="T48" y="T49"/>
                    </a:cxn>
                  </a:cxnLst>
                  <a:rect l="T75" t="T76" r="T77" b="T78"/>
                  <a:pathLst>
                    <a:path w="25" h="20">
                      <a:moveTo>
                        <a:pt x="0" y="2"/>
                      </a:moveTo>
                      <a:lnTo>
                        <a:pt x="12" y="2"/>
                      </a:lnTo>
                      <a:lnTo>
                        <a:pt x="12" y="12"/>
                      </a:lnTo>
                      <a:lnTo>
                        <a:pt x="19" y="10"/>
                      </a:lnTo>
                      <a:lnTo>
                        <a:pt x="17" y="0"/>
                      </a:lnTo>
                      <a:lnTo>
                        <a:pt x="19" y="0"/>
                      </a:lnTo>
                      <a:lnTo>
                        <a:pt x="20" y="2"/>
                      </a:lnTo>
                      <a:lnTo>
                        <a:pt x="22" y="3"/>
                      </a:lnTo>
                      <a:lnTo>
                        <a:pt x="24" y="5"/>
                      </a:lnTo>
                      <a:lnTo>
                        <a:pt x="25" y="8"/>
                      </a:lnTo>
                      <a:lnTo>
                        <a:pt x="25" y="12"/>
                      </a:lnTo>
                      <a:lnTo>
                        <a:pt x="24" y="15"/>
                      </a:lnTo>
                      <a:lnTo>
                        <a:pt x="22" y="20"/>
                      </a:lnTo>
                      <a:lnTo>
                        <a:pt x="20" y="20"/>
                      </a:lnTo>
                      <a:lnTo>
                        <a:pt x="19" y="20"/>
                      </a:lnTo>
                      <a:lnTo>
                        <a:pt x="17" y="20"/>
                      </a:lnTo>
                      <a:lnTo>
                        <a:pt x="14" y="18"/>
                      </a:lnTo>
                      <a:lnTo>
                        <a:pt x="12" y="18"/>
                      </a:lnTo>
                      <a:lnTo>
                        <a:pt x="10" y="18"/>
                      </a:lnTo>
                      <a:lnTo>
                        <a:pt x="9" y="18"/>
                      </a:lnTo>
                      <a:lnTo>
                        <a:pt x="2" y="10"/>
                      </a:lnTo>
                      <a:lnTo>
                        <a:pt x="0" y="2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02" name="Freeform 89"/>
                <p:cNvSpPr>
                  <a:spLocks/>
                </p:cNvSpPr>
                <p:nvPr/>
              </p:nvSpPr>
              <p:spPr bwMode="auto">
                <a:xfrm>
                  <a:off x="1126" y="3351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3 h 10"/>
                    <a:gd name="T4" fmla="*/ 0 w 8"/>
                    <a:gd name="T5" fmla="*/ 2 h 10"/>
                    <a:gd name="T6" fmla="*/ 2 w 8"/>
                    <a:gd name="T7" fmla="*/ 0 h 10"/>
                    <a:gd name="T8" fmla="*/ 3 w 8"/>
                    <a:gd name="T9" fmla="*/ 0 h 10"/>
                    <a:gd name="T10" fmla="*/ 5 w 8"/>
                    <a:gd name="T11" fmla="*/ 0 h 10"/>
                    <a:gd name="T12" fmla="*/ 7 w 8"/>
                    <a:gd name="T13" fmla="*/ 2 h 10"/>
                    <a:gd name="T14" fmla="*/ 7 w 8"/>
                    <a:gd name="T15" fmla="*/ 3 h 10"/>
                    <a:gd name="T16" fmla="*/ 8 w 8"/>
                    <a:gd name="T17" fmla="*/ 5 h 10"/>
                    <a:gd name="T18" fmla="*/ 7 w 8"/>
                    <a:gd name="T19" fmla="*/ 7 h 10"/>
                    <a:gd name="T20" fmla="*/ 7 w 8"/>
                    <a:gd name="T21" fmla="*/ 8 h 10"/>
                    <a:gd name="T22" fmla="*/ 5 w 8"/>
                    <a:gd name="T23" fmla="*/ 10 h 10"/>
                    <a:gd name="T24" fmla="*/ 3 w 8"/>
                    <a:gd name="T25" fmla="*/ 10 h 10"/>
                    <a:gd name="T26" fmla="*/ 2 w 8"/>
                    <a:gd name="T27" fmla="*/ 10 h 10"/>
                    <a:gd name="T28" fmla="*/ 0 w 8"/>
                    <a:gd name="T29" fmla="*/ 8 h 10"/>
                    <a:gd name="T30" fmla="*/ 0 w 8"/>
                    <a:gd name="T31" fmla="*/ 7 h 10"/>
                    <a:gd name="T32" fmla="*/ 0 w 8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10"/>
                    <a:gd name="T53" fmla="*/ 8 w 8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10">
                      <a:moveTo>
                        <a:pt x="0" y="5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2"/>
                      </a:lnTo>
                      <a:lnTo>
                        <a:pt x="7" y="3"/>
                      </a:lnTo>
                      <a:lnTo>
                        <a:pt x="8" y="5"/>
                      </a:lnTo>
                      <a:lnTo>
                        <a:pt x="7" y="7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03" name="Freeform 90"/>
                <p:cNvSpPr>
                  <a:spLocks/>
                </p:cNvSpPr>
                <p:nvPr/>
              </p:nvSpPr>
              <p:spPr bwMode="auto">
                <a:xfrm>
                  <a:off x="1126" y="3351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5 h 10"/>
                    <a:gd name="T4" fmla="*/ 0 w 8"/>
                    <a:gd name="T5" fmla="*/ 3 h 10"/>
                    <a:gd name="T6" fmla="*/ 0 w 8"/>
                    <a:gd name="T7" fmla="*/ 2 h 10"/>
                    <a:gd name="T8" fmla="*/ 2 w 8"/>
                    <a:gd name="T9" fmla="*/ 0 h 10"/>
                    <a:gd name="T10" fmla="*/ 3 w 8"/>
                    <a:gd name="T11" fmla="*/ 0 h 10"/>
                    <a:gd name="T12" fmla="*/ 3 w 8"/>
                    <a:gd name="T13" fmla="*/ 0 h 10"/>
                    <a:gd name="T14" fmla="*/ 5 w 8"/>
                    <a:gd name="T15" fmla="*/ 0 h 10"/>
                    <a:gd name="T16" fmla="*/ 7 w 8"/>
                    <a:gd name="T17" fmla="*/ 2 h 10"/>
                    <a:gd name="T18" fmla="*/ 7 w 8"/>
                    <a:gd name="T19" fmla="*/ 3 h 10"/>
                    <a:gd name="T20" fmla="*/ 8 w 8"/>
                    <a:gd name="T21" fmla="*/ 5 h 10"/>
                    <a:gd name="T22" fmla="*/ 8 w 8"/>
                    <a:gd name="T23" fmla="*/ 5 h 10"/>
                    <a:gd name="T24" fmla="*/ 7 w 8"/>
                    <a:gd name="T25" fmla="*/ 7 h 10"/>
                    <a:gd name="T26" fmla="*/ 7 w 8"/>
                    <a:gd name="T27" fmla="*/ 8 h 10"/>
                    <a:gd name="T28" fmla="*/ 5 w 8"/>
                    <a:gd name="T29" fmla="*/ 10 h 10"/>
                    <a:gd name="T30" fmla="*/ 3 w 8"/>
                    <a:gd name="T31" fmla="*/ 10 h 10"/>
                    <a:gd name="T32" fmla="*/ 3 w 8"/>
                    <a:gd name="T33" fmla="*/ 10 h 10"/>
                    <a:gd name="T34" fmla="*/ 2 w 8"/>
                    <a:gd name="T35" fmla="*/ 10 h 10"/>
                    <a:gd name="T36" fmla="*/ 0 w 8"/>
                    <a:gd name="T37" fmla="*/ 8 h 10"/>
                    <a:gd name="T38" fmla="*/ 0 w 8"/>
                    <a:gd name="T39" fmla="*/ 7 h 10"/>
                    <a:gd name="T40" fmla="*/ 0 w 8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10"/>
                    <a:gd name="T65" fmla="*/ 8 w 8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2"/>
                      </a:lnTo>
                      <a:lnTo>
                        <a:pt x="7" y="3"/>
                      </a:lnTo>
                      <a:lnTo>
                        <a:pt x="8" y="5"/>
                      </a:lnTo>
                      <a:lnTo>
                        <a:pt x="7" y="7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04" name="Freeform 91"/>
                <p:cNvSpPr>
                  <a:spLocks/>
                </p:cNvSpPr>
                <p:nvPr/>
              </p:nvSpPr>
              <p:spPr bwMode="auto">
                <a:xfrm>
                  <a:off x="1138" y="3351"/>
                  <a:ext cx="10" cy="10"/>
                </a:xfrm>
                <a:custGeom>
                  <a:avLst/>
                  <a:gdLst>
                    <a:gd name="T0" fmla="*/ 0 w 10"/>
                    <a:gd name="T1" fmla="*/ 5 h 10"/>
                    <a:gd name="T2" fmla="*/ 0 w 10"/>
                    <a:gd name="T3" fmla="*/ 2 h 10"/>
                    <a:gd name="T4" fmla="*/ 2 w 10"/>
                    <a:gd name="T5" fmla="*/ 0 h 10"/>
                    <a:gd name="T6" fmla="*/ 3 w 10"/>
                    <a:gd name="T7" fmla="*/ 0 h 10"/>
                    <a:gd name="T8" fmla="*/ 5 w 10"/>
                    <a:gd name="T9" fmla="*/ 0 h 10"/>
                    <a:gd name="T10" fmla="*/ 7 w 10"/>
                    <a:gd name="T11" fmla="*/ 0 h 10"/>
                    <a:gd name="T12" fmla="*/ 8 w 10"/>
                    <a:gd name="T13" fmla="*/ 0 h 10"/>
                    <a:gd name="T14" fmla="*/ 8 w 10"/>
                    <a:gd name="T15" fmla="*/ 2 h 10"/>
                    <a:gd name="T16" fmla="*/ 10 w 10"/>
                    <a:gd name="T17" fmla="*/ 5 h 10"/>
                    <a:gd name="T18" fmla="*/ 8 w 10"/>
                    <a:gd name="T19" fmla="*/ 7 h 10"/>
                    <a:gd name="T20" fmla="*/ 8 w 10"/>
                    <a:gd name="T21" fmla="*/ 8 h 10"/>
                    <a:gd name="T22" fmla="*/ 7 w 10"/>
                    <a:gd name="T23" fmla="*/ 10 h 10"/>
                    <a:gd name="T24" fmla="*/ 5 w 10"/>
                    <a:gd name="T25" fmla="*/ 10 h 10"/>
                    <a:gd name="T26" fmla="*/ 3 w 10"/>
                    <a:gd name="T27" fmla="*/ 10 h 10"/>
                    <a:gd name="T28" fmla="*/ 2 w 10"/>
                    <a:gd name="T29" fmla="*/ 8 h 10"/>
                    <a:gd name="T30" fmla="*/ 0 w 10"/>
                    <a:gd name="T31" fmla="*/ 7 h 10"/>
                    <a:gd name="T32" fmla="*/ 0 w 10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0"/>
                    <a:gd name="T52" fmla="*/ 0 h 10"/>
                    <a:gd name="T53" fmla="*/ 10 w 10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0" h="10">
                      <a:moveTo>
                        <a:pt x="0" y="5"/>
                      </a:moveTo>
                      <a:lnTo>
                        <a:pt x="0" y="2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8" y="0"/>
                      </a:lnTo>
                      <a:lnTo>
                        <a:pt x="8" y="2"/>
                      </a:lnTo>
                      <a:lnTo>
                        <a:pt x="10" y="5"/>
                      </a:lnTo>
                      <a:lnTo>
                        <a:pt x="8" y="7"/>
                      </a:lnTo>
                      <a:lnTo>
                        <a:pt x="8" y="8"/>
                      </a:lnTo>
                      <a:lnTo>
                        <a:pt x="7" y="10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8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05" name="Freeform 92"/>
                <p:cNvSpPr>
                  <a:spLocks/>
                </p:cNvSpPr>
                <p:nvPr/>
              </p:nvSpPr>
              <p:spPr bwMode="auto">
                <a:xfrm>
                  <a:off x="1138" y="3351"/>
                  <a:ext cx="10" cy="10"/>
                </a:xfrm>
                <a:custGeom>
                  <a:avLst/>
                  <a:gdLst>
                    <a:gd name="T0" fmla="*/ 0 w 10"/>
                    <a:gd name="T1" fmla="*/ 5 h 10"/>
                    <a:gd name="T2" fmla="*/ 0 w 10"/>
                    <a:gd name="T3" fmla="*/ 5 h 10"/>
                    <a:gd name="T4" fmla="*/ 0 w 10"/>
                    <a:gd name="T5" fmla="*/ 2 h 10"/>
                    <a:gd name="T6" fmla="*/ 2 w 10"/>
                    <a:gd name="T7" fmla="*/ 0 h 10"/>
                    <a:gd name="T8" fmla="*/ 3 w 10"/>
                    <a:gd name="T9" fmla="*/ 0 h 10"/>
                    <a:gd name="T10" fmla="*/ 5 w 10"/>
                    <a:gd name="T11" fmla="*/ 0 h 10"/>
                    <a:gd name="T12" fmla="*/ 5 w 10"/>
                    <a:gd name="T13" fmla="*/ 0 h 10"/>
                    <a:gd name="T14" fmla="*/ 7 w 10"/>
                    <a:gd name="T15" fmla="*/ 0 h 10"/>
                    <a:gd name="T16" fmla="*/ 8 w 10"/>
                    <a:gd name="T17" fmla="*/ 0 h 10"/>
                    <a:gd name="T18" fmla="*/ 8 w 10"/>
                    <a:gd name="T19" fmla="*/ 2 h 10"/>
                    <a:gd name="T20" fmla="*/ 10 w 10"/>
                    <a:gd name="T21" fmla="*/ 5 h 10"/>
                    <a:gd name="T22" fmla="*/ 10 w 10"/>
                    <a:gd name="T23" fmla="*/ 5 h 10"/>
                    <a:gd name="T24" fmla="*/ 8 w 10"/>
                    <a:gd name="T25" fmla="*/ 7 h 10"/>
                    <a:gd name="T26" fmla="*/ 8 w 10"/>
                    <a:gd name="T27" fmla="*/ 8 h 10"/>
                    <a:gd name="T28" fmla="*/ 7 w 10"/>
                    <a:gd name="T29" fmla="*/ 10 h 10"/>
                    <a:gd name="T30" fmla="*/ 5 w 10"/>
                    <a:gd name="T31" fmla="*/ 10 h 10"/>
                    <a:gd name="T32" fmla="*/ 5 w 10"/>
                    <a:gd name="T33" fmla="*/ 10 h 10"/>
                    <a:gd name="T34" fmla="*/ 3 w 10"/>
                    <a:gd name="T35" fmla="*/ 10 h 10"/>
                    <a:gd name="T36" fmla="*/ 2 w 10"/>
                    <a:gd name="T37" fmla="*/ 8 h 10"/>
                    <a:gd name="T38" fmla="*/ 0 w 10"/>
                    <a:gd name="T39" fmla="*/ 7 h 10"/>
                    <a:gd name="T40" fmla="*/ 0 w 10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0"/>
                    <a:gd name="T64" fmla="*/ 0 h 10"/>
                    <a:gd name="T65" fmla="*/ 10 w 10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0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2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8" y="0"/>
                      </a:lnTo>
                      <a:lnTo>
                        <a:pt x="8" y="2"/>
                      </a:lnTo>
                      <a:lnTo>
                        <a:pt x="10" y="5"/>
                      </a:lnTo>
                      <a:lnTo>
                        <a:pt x="8" y="7"/>
                      </a:lnTo>
                      <a:lnTo>
                        <a:pt x="8" y="8"/>
                      </a:lnTo>
                      <a:lnTo>
                        <a:pt x="7" y="10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8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06" name="Freeform 93"/>
                <p:cNvSpPr>
                  <a:spLocks/>
                </p:cNvSpPr>
                <p:nvPr/>
              </p:nvSpPr>
              <p:spPr bwMode="auto">
                <a:xfrm>
                  <a:off x="828" y="3395"/>
                  <a:ext cx="36" cy="29"/>
                </a:xfrm>
                <a:custGeom>
                  <a:avLst/>
                  <a:gdLst>
                    <a:gd name="T0" fmla="*/ 32 w 36"/>
                    <a:gd name="T1" fmla="*/ 0 h 29"/>
                    <a:gd name="T2" fmla="*/ 22 w 36"/>
                    <a:gd name="T3" fmla="*/ 2 h 29"/>
                    <a:gd name="T4" fmla="*/ 15 w 36"/>
                    <a:gd name="T5" fmla="*/ 5 h 29"/>
                    <a:gd name="T6" fmla="*/ 17 w 36"/>
                    <a:gd name="T7" fmla="*/ 12 h 29"/>
                    <a:gd name="T8" fmla="*/ 12 w 36"/>
                    <a:gd name="T9" fmla="*/ 17 h 29"/>
                    <a:gd name="T10" fmla="*/ 5 w 36"/>
                    <a:gd name="T11" fmla="*/ 8 h 29"/>
                    <a:gd name="T12" fmla="*/ 0 w 36"/>
                    <a:gd name="T13" fmla="*/ 19 h 29"/>
                    <a:gd name="T14" fmla="*/ 5 w 36"/>
                    <a:gd name="T15" fmla="*/ 29 h 29"/>
                    <a:gd name="T16" fmla="*/ 19 w 36"/>
                    <a:gd name="T17" fmla="*/ 22 h 29"/>
                    <a:gd name="T18" fmla="*/ 27 w 36"/>
                    <a:gd name="T19" fmla="*/ 12 h 29"/>
                    <a:gd name="T20" fmla="*/ 36 w 36"/>
                    <a:gd name="T21" fmla="*/ 12 h 29"/>
                    <a:gd name="T22" fmla="*/ 34 w 36"/>
                    <a:gd name="T23" fmla="*/ 5 h 29"/>
                    <a:gd name="T24" fmla="*/ 32 w 36"/>
                    <a:gd name="T25" fmla="*/ 0 h 29"/>
                    <a:gd name="T26" fmla="*/ 0 60000 65536"/>
                    <a:gd name="T27" fmla="*/ 0 60000 65536"/>
                    <a:gd name="T28" fmla="*/ 0 60000 65536"/>
                    <a:gd name="T29" fmla="*/ 0 60000 65536"/>
                    <a:gd name="T30" fmla="*/ 0 60000 65536"/>
                    <a:gd name="T31" fmla="*/ 0 60000 65536"/>
                    <a:gd name="T32" fmla="*/ 0 60000 65536"/>
                    <a:gd name="T33" fmla="*/ 0 60000 65536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w 36"/>
                    <a:gd name="T40" fmla="*/ 0 h 29"/>
                    <a:gd name="T41" fmla="*/ 36 w 36"/>
                    <a:gd name="T42" fmla="*/ 29 h 29"/>
                  </a:gdLst>
                  <a:ahLst/>
                  <a:cxnLst>
                    <a:cxn ang="T26">
                      <a:pos x="T0" y="T1"/>
                    </a:cxn>
                    <a:cxn ang="T27">
                      <a:pos x="T2" y="T3"/>
                    </a:cxn>
                    <a:cxn ang="T28">
                      <a:pos x="T4" y="T5"/>
                    </a:cxn>
                    <a:cxn ang="T29">
                      <a:pos x="T6" y="T7"/>
                    </a:cxn>
                    <a:cxn ang="T30">
                      <a:pos x="T8" y="T9"/>
                    </a:cxn>
                    <a:cxn ang="T31">
                      <a:pos x="T10" y="T11"/>
                    </a:cxn>
                    <a:cxn ang="T32">
                      <a:pos x="T12" y="T13"/>
                    </a:cxn>
                    <a:cxn ang="T33">
                      <a:pos x="T14" y="T15"/>
                    </a:cxn>
                    <a:cxn ang="T34">
                      <a:pos x="T16" y="T17"/>
                    </a:cxn>
                    <a:cxn ang="T35">
                      <a:pos x="T18" y="T19"/>
                    </a:cxn>
                    <a:cxn ang="T36">
                      <a:pos x="T20" y="T21"/>
                    </a:cxn>
                    <a:cxn ang="T37">
                      <a:pos x="T22" y="T23"/>
                    </a:cxn>
                    <a:cxn ang="T38">
                      <a:pos x="T24" y="T25"/>
                    </a:cxn>
                  </a:cxnLst>
                  <a:rect l="T39" t="T40" r="T41" b="T42"/>
                  <a:pathLst>
                    <a:path w="36" h="29">
                      <a:moveTo>
                        <a:pt x="32" y="0"/>
                      </a:moveTo>
                      <a:lnTo>
                        <a:pt x="22" y="2"/>
                      </a:lnTo>
                      <a:lnTo>
                        <a:pt x="15" y="5"/>
                      </a:lnTo>
                      <a:lnTo>
                        <a:pt x="17" y="12"/>
                      </a:lnTo>
                      <a:lnTo>
                        <a:pt x="12" y="17"/>
                      </a:lnTo>
                      <a:lnTo>
                        <a:pt x="5" y="8"/>
                      </a:lnTo>
                      <a:lnTo>
                        <a:pt x="0" y="19"/>
                      </a:lnTo>
                      <a:lnTo>
                        <a:pt x="5" y="29"/>
                      </a:lnTo>
                      <a:lnTo>
                        <a:pt x="19" y="22"/>
                      </a:lnTo>
                      <a:lnTo>
                        <a:pt x="27" y="12"/>
                      </a:lnTo>
                      <a:lnTo>
                        <a:pt x="36" y="12"/>
                      </a:lnTo>
                      <a:lnTo>
                        <a:pt x="34" y="5"/>
                      </a:lnTo>
                      <a:lnTo>
                        <a:pt x="32" y="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07" name="Freeform 94"/>
                <p:cNvSpPr>
                  <a:spLocks/>
                </p:cNvSpPr>
                <p:nvPr/>
              </p:nvSpPr>
              <p:spPr bwMode="auto">
                <a:xfrm>
                  <a:off x="828" y="3395"/>
                  <a:ext cx="36" cy="29"/>
                </a:xfrm>
                <a:custGeom>
                  <a:avLst/>
                  <a:gdLst>
                    <a:gd name="T0" fmla="*/ 32 w 36"/>
                    <a:gd name="T1" fmla="*/ 0 h 29"/>
                    <a:gd name="T2" fmla="*/ 22 w 36"/>
                    <a:gd name="T3" fmla="*/ 2 h 29"/>
                    <a:gd name="T4" fmla="*/ 15 w 36"/>
                    <a:gd name="T5" fmla="*/ 5 h 29"/>
                    <a:gd name="T6" fmla="*/ 17 w 36"/>
                    <a:gd name="T7" fmla="*/ 12 h 29"/>
                    <a:gd name="T8" fmla="*/ 12 w 36"/>
                    <a:gd name="T9" fmla="*/ 17 h 29"/>
                    <a:gd name="T10" fmla="*/ 5 w 36"/>
                    <a:gd name="T11" fmla="*/ 8 h 29"/>
                    <a:gd name="T12" fmla="*/ 0 w 36"/>
                    <a:gd name="T13" fmla="*/ 19 h 29"/>
                    <a:gd name="T14" fmla="*/ 5 w 36"/>
                    <a:gd name="T15" fmla="*/ 29 h 29"/>
                    <a:gd name="T16" fmla="*/ 19 w 36"/>
                    <a:gd name="T17" fmla="*/ 22 h 29"/>
                    <a:gd name="T18" fmla="*/ 27 w 36"/>
                    <a:gd name="T19" fmla="*/ 12 h 29"/>
                    <a:gd name="T20" fmla="*/ 36 w 36"/>
                    <a:gd name="T21" fmla="*/ 12 h 29"/>
                    <a:gd name="T22" fmla="*/ 34 w 36"/>
                    <a:gd name="T23" fmla="*/ 5 h 29"/>
                    <a:gd name="T24" fmla="*/ 32 w 36"/>
                    <a:gd name="T25" fmla="*/ 0 h 29"/>
                    <a:gd name="T26" fmla="*/ 0 60000 65536"/>
                    <a:gd name="T27" fmla="*/ 0 60000 65536"/>
                    <a:gd name="T28" fmla="*/ 0 60000 65536"/>
                    <a:gd name="T29" fmla="*/ 0 60000 65536"/>
                    <a:gd name="T30" fmla="*/ 0 60000 65536"/>
                    <a:gd name="T31" fmla="*/ 0 60000 65536"/>
                    <a:gd name="T32" fmla="*/ 0 60000 65536"/>
                    <a:gd name="T33" fmla="*/ 0 60000 65536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w 36"/>
                    <a:gd name="T40" fmla="*/ 0 h 29"/>
                    <a:gd name="T41" fmla="*/ 36 w 36"/>
                    <a:gd name="T42" fmla="*/ 29 h 29"/>
                  </a:gdLst>
                  <a:ahLst/>
                  <a:cxnLst>
                    <a:cxn ang="T26">
                      <a:pos x="T0" y="T1"/>
                    </a:cxn>
                    <a:cxn ang="T27">
                      <a:pos x="T2" y="T3"/>
                    </a:cxn>
                    <a:cxn ang="T28">
                      <a:pos x="T4" y="T5"/>
                    </a:cxn>
                    <a:cxn ang="T29">
                      <a:pos x="T6" y="T7"/>
                    </a:cxn>
                    <a:cxn ang="T30">
                      <a:pos x="T8" y="T9"/>
                    </a:cxn>
                    <a:cxn ang="T31">
                      <a:pos x="T10" y="T11"/>
                    </a:cxn>
                    <a:cxn ang="T32">
                      <a:pos x="T12" y="T13"/>
                    </a:cxn>
                    <a:cxn ang="T33">
                      <a:pos x="T14" y="T15"/>
                    </a:cxn>
                    <a:cxn ang="T34">
                      <a:pos x="T16" y="T17"/>
                    </a:cxn>
                    <a:cxn ang="T35">
                      <a:pos x="T18" y="T19"/>
                    </a:cxn>
                    <a:cxn ang="T36">
                      <a:pos x="T20" y="T21"/>
                    </a:cxn>
                    <a:cxn ang="T37">
                      <a:pos x="T22" y="T23"/>
                    </a:cxn>
                    <a:cxn ang="T38">
                      <a:pos x="T24" y="T25"/>
                    </a:cxn>
                  </a:cxnLst>
                  <a:rect l="T39" t="T40" r="T41" b="T42"/>
                  <a:pathLst>
                    <a:path w="36" h="29">
                      <a:moveTo>
                        <a:pt x="32" y="0"/>
                      </a:moveTo>
                      <a:lnTo>
                        <a:pt x="22" y="2"/>
                      </a:lnTo>
                      <a:lnTo>
                        <a:pt x="15" y="5"/>
                      </a:lnTo>
                      <a:lnTo>
                        <a:pt x="17" y="12"/>
                      </a:lnTo>
                      <a:lnTo>
                        <a:pt x="12" y="17"/>
                      </a:lnTo>
                      <a:lnTo>
                        <a:pt x="5" y="8"/>
                      </a:lnTo>
                      <a:lnTo>
                        <a:pt x="0" y="19"/>
                      </a:lnTo>
                      <a:lnTo>
                        <a:pt x="5" y="29"/>
                      </a:lnTo>
                      <a:lnTo>
                        <a:pt x="19" y="22"/>
                      </a:lnTo>
                      <a:lnTo>
                        <a:pt x="27" y="12"/>
                      </a:lnTo>
                      <a:lnTo>
                        <a:pt x="36" y="12"/>
                      </a:lnTo>
                      <a:lnTo>
                        <a:pt x="34" y="5"/>
                      </a:lnTo>
                      <a:lnTo>
                        <a:pt x="32" y="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08" name="Freeform 95"/>
                <p:cNvSpPr>
                  <a:spLocks/>
                </p:cNvSpPr>
                <p:nvPr/>
              </p:nvSpPr>
              <p:spPr bwMode="auto">
                <a:xfrm>
                  <a:off x="627" y="3507"/>
                  <a:ext cx="20" cy="15"/>
                </a:xfrm>
                <a:custGeom>
                  <a:avLst/>
                  <a:gdLst>
                    <a:gd name="T0" fmla="*/ 8 w 20"/>
                    <a:gd name="T1" fmla="*/ 3 h 15"/>
                    <a:gd name="T2" fmla="*/ 15 w 20"/>
                    <a:gd name="T3" fmla="*/ 0 h 15"/>
                    <a:gd name="T4" fmla="*/ 20 w 20"/>
                    <a:gd name="T5" fmla="*/ 8 h 15"/>
                    <a:gd name="T6" fmla="*/ 7 w 20"/>
                    <a:gd name="T7" fmla="*/ 15 h 15"/>
                    <a:gd name="T8" fmla="*/ 0 w 20"/>
                    <a:gd name="T9" fmla="*/ 15 h 15"/>
                    <a:gd name="T10" fmla="*/ 5 w 20"/>
                    <a:gd name="T11" fmla="*/ 10 h 15"/>
                    <a:gd name="T12" fmla="*/ 13 w 20"/>
                    <a:gd name="T13" fmla="*/ 8 h 15"/>
                    <a:gd name="T14" fmla="*/ 8 w 20"/>
                    <a:gd name="T15" fmla="*/ 3 h 15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w 20"/>
                    <a:gd name="T25" fmla="*/ 0 h 15"/>
                    <a:gd name="T26" fmla="*/ 20 w 20"/>
                    <a:gd name="T27" fmla="*/ 15 h 15"/>
                  </a:gdLst>
                  <a:ahLst/>
                  <a:cxnLst>
                    <a:cxn ang="T16">
                      <a:pos x="T0" y="T1"/>
                    </a:cxn>
                    <a:cxn ang="T17">
                      <a:pos x="T2" y="T3"/>
                    </a:cxn>
                    <a:cxn ang="T18">
                      <a:pos x="T4" y="T5"/>
                    </a:cxn>
                    <a:cxn ang="T19">
                      <a:pos x="T6" y="T7"/>
                    </a:cxn>
                    <a:cxn ang="T20">
                      <a:pos x="T8" y="T9"/>
                    </a:cxn>
                    <a:cxn ang="T21">
                      <a:pos x="T10" y="T11"/>
                    </a:cxn>
                    <a:cxn ang="T22">
                      <a:pos x="T12" y="T13"/>
                    </a:cxn>
                    <a:cxn ang="T23">
                      <a:pos x="T14" y="T15"/>
                    </a:cxn>
                  </a:cxnLst>
                  <a:rect l="T24" t="T25" r="T26" b="T27"/>
                  <a:pathLst>
                    <a:path w="20" h="15">
                      <a:moveTo>
                        <a:pt x="8" y="3"/>
                      </a:moveTo>
                      <a:lnTo>
                        <a:pt x="15" y="0"/>
                      </a:lnTo>
                      <a:lnTo>
                        <a:pt x="20" y="8"/>
                      </a:lnTo>
                      <a:lnTo>
                        <a:pt x="7" y="15"/>
                      </a:lnTo>
                      <a:lnTo>
                        <a:pt x="0" y="15"/>
                      </a:lnTo>
                      <a:lnTo>
                        <a:pt x="5" y="10"/>
                      </a:lnTo>
                      <a:lnTo>
                        <a:pt x="13" y="8"/>
                      </a:lnTo>
                      <a:lnTo>
                        <a:pt x="8" y="3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09" name="Freeform 96"/>
                <p:cNvSpPr>
                  <a:spLocks/>
                </p:cNvSpPr>
                <p:nvPr/>
              </p:nvSpPr>
              <p:spPr bwMode="auto">
                <a:xfrm>
                  <a:off x="627" y="3507"/>
                  <a:ext cx="20" cy="15"/>
                </a:xfrm>
                <a:custGeom>
                  <a:avLst/>
                  <a:gdLst>
                    <a:gd name="T0" fmla="*/ 8 w 20"/>
                    <a:gd name="T1" fmla="*/ 3 h 15"/>
                    <a:gd name="T2" fmla="*/ 15 w 20"/>
                    <a:gd name="T3" fmla="*/ 0 h 15"/>
                    <a:gd name="T4" fmla="*/ 20 w 20"/>
                    <a:gd name="T5" fmla="*/ 8 h 15"/>
                    <a:gd name="T6" fmla="*/ 7 w 20"/>
                    <a:gd name="T7" fmla="*/ 15 h 15"/>
                    <a:gd name="T8" fmla="*/ 0 w 20"/>
                    <a:gd name="T9" fmla="*/ 15 h 15"/>
                    <a:gd name="T10" fmla="*/ 5 w 20"/>
                    <a:gd name="T11" fmla="*/ 10 h 15"/>
                    <a:gd name="T12" fmla="*/ 13 w 20"/>
                    <a:gd name="T13" fmla="*/ 8 h 15"/>
                    <a:gd name="T14" fmla="*/ 8 w 20"/>
                    <a:gd name="T15" fmla="*/ 3 h 15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w 20"/>
                    <a:gd name="T25" fmla="*/ 0 h 15"/>
                    <a:gd name="T26" fmla="*/ 20 w 20"/>
                    <a:gd name="T27" fmla="*/ 15 h 15"/>
                  </a:gdLst>
                  <a:ahLst/>
                  <a:cxnLst>
                    <a:cxn ang="T16">
                      <a:pos x="T0" y="T1"/>
                    </a:cxn>
                    <a:cxn ang="T17">
                      <a:pos x="T2" y="T3"/>
                    </a:cxn>
                    <a:cxn ang="T18">
                      <a:pos x="T4" y="T5"/>
                    </a:cxn>
                    <a:cxn ang="T19">
                      <a:pos x="T6" y="T7"/>
                    </a:cxn>
                    <a:cxn ang="T20">
                      <a:pos x="T8" y="T9"/>
                    </a:cxn>
                    <a:cxn ang="T21">
                      <a:pos x="T10" y="T11"/>
                    </a:cxn>
                    <a:cxn ang="T22">
                      <a:pos x="T12" y="T13"/>
                    </a:cxn>
                    <a:cxn ang="T23">
                      <a:pos x="T14" y="T15"/>
                    </a:cxn>
                  </a:cxnLst>
                  <a:rect l="T24" t="T25" r="T26" b="T27"/>
                  <a:pathLst>
                    <a:path w="20" h="15">
                      <a:moveTo>
                        <a:pt x="8" y="3"/>
                      </a:moveTo>
                      <a:lnTo>
                        <a:pt x="15" y="0"/>
                      </a:lnTo>
                      <a:lnTo>
                        <a:pt x="20" y="8"/>
                      </a:lnTo>
                      <a:lnTo>
                        <a:pt x="7" y="15"/>
                      </a:lnTo>
                      <a:lnTo>
                        <a:pt x="0" y="15"/>
                      </a:lnTo>
                      <a:lnTo>
                        <a:pt x="5" y="10"/>
                      </a:lnTo>
                      <a:lnTo>
                        <a:pt x="13" y="8"/>
                      </a:lnTo>
                      <a:lnTo>
                        <a:pt x="8" y="3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10" name="Freeform 97"/>
                <p:cNvSpPr>
                  <a:spLocks/>
                </p:cNvSpPr>
                <p:nvPr/>
              </p:nvSpPr>
              <p:spPr bwMode="auto">
                <a:xfrm>
                  <a:off x="600" y="3513"/>
                  <a:ext cx="23" cy="19"/>
                </a:xfrm>
                <a:custGeom>
                  <a:avLst/>
                  <a:gdLst>
                    <a:gd name="T0" fmla="*/ 0 w 23"/>
                    <a:gd name="T1" fmla="*/ 19 h 19"/>
                    <a:gd name="T2" fmla="*/ 0 w 23"/>
                    <a:gd name="T3" fmla="*/ 17 h 19"/>
                    <a:gd name="T4" fmla="*/ 0 w 23"/>
                    <a:gd name="T5" fmla="*/ 17 h 19"/>
                    <a:gd name="T6" fmla="*/ 1 w 23"/>
                    <a:gd name="T7" fmla="*/ 16 h 19"/>
                    <a:gd name="T8" fmla="*/ 1 w 23"/>
                    <a:gd name="T9" fmla="*/ 14 h 19"/>
                    <a:gd name="T10" fmla="*/ 3 w 23"/>
                    <a:gd name="T11" fmla="*/ 12 h 19"/>
                    <a:gd name="T12" fmla="*/ 5 w 23"/>
                    <a:gd name="T13" fmla="*/ 11 h 19"/>
                    <a:gd name="T14" fmla="*/ 6 w 23"/>
                    <a:gd name="T15" fmla="*/ 9 h 19"/>
                    <a:gd name="T16" fmla="*/ 8 w 23"/>
                    <a:gd name="T17" fmla="*/ 5 h 19"/>
                    <a:gd name="T18" fmla="*/ 12 w 23"/>
                    <a:gd name="T19" fmla="*/ 4 h 19"/>
                    <a:gd name="T20" fmla="*/ 13 w 23"/>
                    <a:gd name="T21" fmla="*/ 4 h 19"/>
                    <a:gd name="T22" fmla="*/ 15 w 23"/>
                    <a:gd name="T23" fmla="*/ 2 h 19"/>
                    <a:gd name="T24" fmla="*/ 18 w 23"/>
                    <a:gd name="T25" fmla="*/ 0 h 19"/>
                    <a:gd name="T26" fmla="*/ 18 w 23"/>
                    <a:gd name="T27" fmla="*/ 0 h 19"/>
                    <a:gd name="T28" fmla="*/ 20 w 23"/>
                    <a:gd name="T29" fmla="*/ 0 h 19"/>
                    <a:gd name="T30" fmla="*/ 22 w 23"/>
                    <a:gd name="T31" fmla="*/ 0 h 19"/>
                    <a:gd name="T32" fmla="*/ 22 w 23"/>
                    <a:gd name="T33" fmla="*/ 0 h 19"/>
                    <a:gd name="T34" fmla="*/ 23 w 23"/>
                    <a:gd name="T35" fmla="*/ 2 h 19"/>
                    <a:gd name="T36" fmla="*/ 22 w 23"/>
                    <a:gd name="T37" fmla="*/ 4 h 19"/>
                    <a:gd name="T38" fmla="*/ 22 w 23"/>
                    <a:gd name="T39" fmla="*/ 4 h 19"/>
                    <a:gd name="T40" fmla="*/ 20 w 23"/>
                    <a:gd name="T41" fmla="*/ 5 h 19"/>
                    <a:gd name="T42" fmla="*/ 20 w 23"/>
                    <a:gd name="T43" fmla="*/ 7 h 19"/>
                    <a:gd name="T44" fmla="*/ 18 w 23"/>
                    <a:gd name="T45" fmla="*/ 9 h 19"/>
                    <a:gd name="T46" fmla="*/ 17 w 23"/>
                    <a:gd name="T47" fmla="*/ 11 h 19"/>
                    <a:gd name="T48" fmla="*/ 13 w 23"/>
                    <a:gd name="T49" fmla="*/ 12 h 19"/>
                    <a:gd name="T50" fmla="*/ 12 w 23"/>
                    <a:gd name="T51" fmla="*/ 14 h 19"/>
                    <a:gd name="T52" fmla="*/ 10 w 23"/>
                    <a:gd name="T53" fmla="*/ 16 h 19"/>
                    <a:gd name="T54" fmla="*/ 6 w 23"/>
                    <a:gd name="T55" fmla="*/ 17 h 19"/>
                    <a:gd name="T56" fmla="*/ 5 w 23"/>
                    <a:gd name="T57" fmla="*/ 17 h 19"/>
                    <a:gd name="T58" fmla="*/ 3 w 23"/>
                    <a:gd name="T59" fmla="*/ 19 h 19"/>
                    <a:gd name="T60" fmla="*/ 1 w 23"/>
                    <a:gd name="T61" fmla="*/ 19 h 19"/>
                    <a:gd name="T62" fmla="*/ 1 w 23"/>
                    <a:gd name="T63" fmla="*/ 19 h 19"/>
                    <a:gd name="T64" fmla="*/ 0 w 23"/>
                    <a:gd name="T65" fmla="*/ 19 h 19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w 23"/>
                    <a:gd name="T100" fmla="*/ 0 h 19"/>
                    <a:gd name="T101" fmla="*/ 23 w 23"/>
                    <a:gd name="T102" fmla="*/ 19 h 19"/>
                  </a:gdLst>
                  <a:ahLst/>
                  <a:cxnLst>
                    <a:cxn ang="T66">
                      <a:pos x="T0" y="T1"/>
                    </a:cxn>
                    <a:cxn ang="T67">
                      <a:pos x="T2" y="T3"/>
                    </a:cxn>
                    <a:cxn ang="T68">
                      <a:pos x="T4" y="T5"/>
                    </a:cxn>
                    <a:cxn ang="T69">
                      <a:pos x="T6" y="T7"/>
                    </a:cxn>
                    <a:cxn ang="T70">
                      <a:pos x="T8" y="T9"/>
                    </a:cxn>
                    <a:cxn ang="T71">
                      <a:pos x="T10" y="T11"/>
                    </a:cxn>
                    <a:cxn ang="T72">
                      <a:pos x="T12" y="T13"/>
                    </a:cxn>
                    <a:cxn ang="T73">
                      <a:pos x="T14" y="T15"/>
                    </a:cxn>
                    <a:cxn ang="T74">
                      <a:pos x="T16" y="T17"/>
                    </a:cxn>
                    <a:cxn ang="T75">
                      <a:pos x="T18" y="T19"/>
                    </a:cxn>
                    <a:cxn ang="T76">
                      <a:pos x="T20" y="T21"/>
                    </a:cxn>
                    <a:cxn ang="T77">
                      <a:pos x="T22" y="T23"/>
                    </a:cxn>
                    <a:cxn ang="T78">
                      <a:pos x="T24" y="T25"/>
                    </a:cxn>
                    <a:cxn ang="T79">
                      <a:pos x="T26" y="T27"/>
                    </a:cxn>
                    <a:cxn ang="T80">
                      <a:pos x="T28" y="T29"/>
                    </a:cxn>
                    <a:cxn ang="T81">
                      <a:pos x="T30" y="T31"/>
                    </a:cxn>
                    <a:cxn ang="T82">
                      <a:pos x="T32" y="T33"/>
                    </a:cxn>
                    <a:cxn ang="T83">
                      <a:pos x="T34" y="T35"/>
                    </a:cxn>
                    <a:cxn ang="T84">
                      <a:pos x="T36" y="T37"/>
                    </a:cxn>
                    <a:cxn ang="T85">
                      <a:pos x="T38" y="T39"/>
                    </a:cxn>
                    <a:cxn ang="T86">
                      <a:pos x="T40" y="T41"/>
                    </a:cxn>
                    <a:cxn ang="T87">
                      <a:pos x="T42" y="T43"/>
                    </a:cxn>
                    <a:cxn ang="T88">
                      <a:pos x="T44" y="T45"/>
                    </a:cxn>
                    <a:cxn ang="T89">
                      <a:pos x="T46" y="T47"/>
                    </a:cxn>
                    <a:cxn ang="T90">
                      <a:pos x="T48" y="T49"/>
                    </a:cxn>
                    <a:cxn ang="T91">
                      <a:pos x="T50" y="T51"/>
                    </a:cxn>
                    <a:cxn ang="T92">
                      <a:pos x="T52" y="T53"/>
                    </a:cxn>
                    <a:cxn ang="T93">
                      <a:pos x="T54" y="T55"/>
                    </a:cxn>
                    <a:cxn ang="T94">
                      <a:pos x="T56" y="T57"/>
                    </a:cxn>
                    <a:cxn ang="T95">
                      <a:pos x="T58" y="T59"/>
                    </a:cxn>
                    <a:cxn ang="T96">
                      <a:pos x="T60" y="T61"/>
                    </a:cxn>
                    <a:cxn ang="T97">
                      <a:pos x="T62" y="T63"/>
                    </a:cxn>
                    <a:cxn ang="T98">
                      <a:pos x="T64" y="T65"/>
                    </a:cxn>
                  </a:cxnLst>
                  <a:rect l="T99" t="T100" r="T101" b="T102"/>
                  <a:pathLst>
                    <a:path w="23" h="19">
                      <a:moveTo>
                        <a:pt x="0" y="19"/>
                      </a:moveTo>
                      <a:lnTo>
                        <a:pt x="0" y="17"/>
                      </a:lnTo>
                      <a:lnTo>
                        <a:pt x="1" y="16"/>
                      </a:lnTo>
                      <a:lnTo>
                        <a:pt x="1" y="14"/>
                      </a:lnTo>
                      <a:lnTo>
                        <a:pt x="3" y="12"/>
                      </a:lnTo>
                      <a:lnTo>
                        <a:pt x="5" y="11"/>
                      </a:lnTo>
                      <a:lnTo>
                        <a:pt x="6" y="9"/>
                      </a:lnTo>
                      <a:lnTo>
                        <a:pt x="8" y="5"/>
                      </a:lnTo>
                      <a:lnTo>
                        <a:pt x="12" y="4"/>
                      </a:lnTo>
                      <a:lnTo>
                        <a:pt x="13" y="4"/>
                      </a:lnTo>
                      <a:lnTo>
                        <a:pt x="15" y="2"/>
                      </a:lnTo>
                      <a:lnTo>
                        <a:pt x="18" y="0"/>
                      </a:lnTo>
                      <a:lnTo>
                        <a:pt x="20" y="0"/>
                      </a:lnTo>
                      <a:lnTo>
                        <a:pt x="22" y="0"/>
                      </a:lnTo>
                      <a:lnTo>
                        <a:pt x="23" y="2"/>
                      </a:lnTo>
                      <a:lnTo>
                        <a:pt x="22" y="4"/>
                      </a:lnTo>
                      <a:lnTo>
                        <a:pt x="20" y="5"/>
                      </a:lnTo>
                      <a:lnTo>
                        <a:pt x="20" y="7"/>
                      </a:lnTo>
                      <a:lnTo>
                        <a:pt x="18" y="9"/>
                      </a:lnTo>
                      <a:lnTo>
                        <a:pt x="17" y="11"/>
                      </a:lnTo>
                      <a:lnTo>
                        <a:pt x="13" y="12"/>
                      </a:lnTo>
                      <a:lnTo>
                        <a:pt x="12" y="14"/>
                      </a:lnTo>
                      <a:lnTo>
                        <a:pt x="10" y="16"/>
                      </a:lnTo>
                      <a:lnTo>
                        <a:pt x="6" y="17"/>
                      </a:lnTo>
                      <a:lnTo>
                        <a:pt x="5" y="17"/>
                      </a:lnTo>
                      <a:lnTo>
                        <a:pt x="3" y="19"/>
                      </a:lnTo>
                      <a:lnTo>
                        <a:pt x="1" y="19"/>
                      </a:lnTo>
                      <a:lnTo>
                        <a:pt x="0" y="19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11" name="Freeform 98"/>
                <p:cNvSpPr>
                  <a:spLocks/>
                </p:cNvSpPr>
                <p:nvPr/>
              </p:nvSpPr>
              <p:spPr bwMode="auto">
                <a:xfrm>
                  <a:off x="600" y="3513"/>
                  <a:ext cx="23" cy="19"/>
                </a:xfrm>
                <a:custGeom>
                  <a:avLst/>
                  <a:gdLst>
                    <a:gd name="T0" fmla="*/ 0 w 23"/>
                    <a:gd name="T1" fmla="*/ 19 h 19"/>
                    <a:gd name="T2" fmla="*/ 0 w 23"/>
                    <a:gd name="T3" fmla="*/ 19 h 19"/>
                    <a:gd name="T4" fmla="*/ 0 w 23"/>
                    <a:gd name="T5" fmla="*/ 17 h 19"/>
                    <a:gd name="T6" fmla="*/ 0 w 23"/>
                    <a:gd name="T7" fmla="*/ 17 h 19"/>
                    <a:gd name="T8" fmla="*/ 1 w 23"/>
                    <a:gd name="T9" fmla="*/ 16 h 19"/>
                    <a:gd name="T10" fmla="*/ 1 w 23"/>
                    <a:gd name="T11" fmla="*/ 14 h 19"/>
                    <a:gd name="T12" fmla="*/ 3 w 23"/>
                    <a:gd name="T13" fmla="*/ 12 h 19"/>
                    <a:gd name="T14" fmla="*/ 5 w 23"/>
                    <a:gd name="T15" fmla="*/ 11 h 19"/>
                    <a:gd name="T16" fmla="*/ 6 w 23"/>
                    <a:gd name="T17" fmla="*/ 9 h 19"/>
                    <a:gd name="T18" fmla="*/ 8 w 23"/>
                    <a:gd name="T19" fmla="*/ 5 h 19"/>
                    <a:gd name="T20" fmla="*/ 8 w 23"/>
                    <a:gd name="T21" fmla="*/ 5 h 19"/>
                    <a:gd name="T22" fmla="*/ 12 w 23"/>
                    <a:gd name="T23" fmla="*/ 4 h 19"/>
                    <a:gd name="T24" fmla="*/ 13 w 23"/>
                    <a:gd name="T25" fmla="*/ 4 h 19"/>
                    <a:gd name="T26" fmla="*/ 15 w 23"/>
                    <a:gd name="T27" fmla="*/ 2 h 19"/>
                    <a:gd name="T28" fmla="*/ 18 w 23"/>
                    <a:gd name="T29" fmla="*/ 0 h 19"/>
                    <a:gd name="T30" fmla="*/ 18 w 23"/>
                    <a:gd name="T31" fmla="*/ 0 h 19"/>
                    <a:gd name="T32" fmla="*/ 20 w 23"/>
                    <a:gd name="T33" fmla="*/ 0 h 19"/>
                    <a:gd name="T34" fmla="*/ 22 w 23"/>
                    <a:gd name="T35" fmla="*/ 0 h 19"/>
                    <a:gd name="T36" fmla="*/ 22 w 23"/>
                    <a:gd name="T37" fmla="*/ 0 h 19"/>
                    <a:gd name="T38" fmla="*/ 22 w 23"/>
                    <a:gd name="T39" fmla="*/ 0 h 19"/>
                    <a:gd name="T40" fmla="*/ 23 w 23"/>
                    <a:gd name="T41" fmla="*/ 2 h 19"/>
                    <a:gd name="T42" fmla="*/ 22 w 23"/>
                    <a:gd name="T43" fmla="*/ 4 h 19"/>
                    <a:gd name="T44" fmla="*/ 22 w 23"/>
                    <a:gd name="T45" fmla="*/ 4 h 19"/>
                    <a:gd name="T46" fmla="*/ 20 w 23"/>
                    <a:gd name="T47" fmla="*/ 5 h 19"/>
                    <a:gd name="T48" fmla="*/ 20 w 23"/>
                    <a:gd name="T49" fmla="*/ 7 h 19"/>
                    <a:gd name="T50" fmla="*/ 18 w 23"/>
                    <a:gd name="T51" fmla="*/ 9 h 19"/>
                    <a:gd name="T52" fmla="*/ 17 w 23"/>
                    <a:gd name="T53" fmla="*/ 11 h 19"/>
                    <a:gd name="T54" fmla="*/ 13 w 23"/>
                    <a:gd name="T55" fmla="*/ 12 h 19"/>
                    <a:gd name="T56" fmla="*/ 13 w 23"/>
                    <a:gd name="T57" fmla="*/ 12 h 19"/>
                    <a:gd name="T58" fmla="*/ 12 w 23"/>
                    <a:gd name="T59" fmla="*/ 14 h 19"/>
                    <a:gd name="T60" fmla="*/ 10 w 23"/>
                    <a:gd name="T61" fmla="*/ 16 h 19"/>
                    <a:gd name="T62" fmla="*/ 6 w 23"/>
                    <a:gd name="T63" fmla="*/ 17 h 19"/>
                    <a:gd name="T64" fmla="*/ 5 w 23"/>
                    <a:gd name="T65" fmla="*/ 17 h 19"/>
                    <a:gd name="T66" fmla="*/ 3 w 23"/>
                    <a:gd name="T67" fmla="*/ 19 h 19"/>
                    <a:gd name="T68" fmla="*/ 1 w 23"/>
                    <a:gd name="T69" fmla="*/ 19 h 19"/>
                    <a:gd name="T70" fmla="*/ 1 w 23"/>
                    <a:gd name="T71" fmla="*/ 19 h 19"/>
                    <a:gd name="T72" fmla="*/ 0 w 23"/>
                    <a:gd name="T73" fmla="*/ 19 h 19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23"/>
                    <a:gd name="T112" fmla="*/ 0 h 19"/>
                    <a:gd name="T113" fmla="*/ 23 w 23"/>
                    <a:gd name="T114" fmla="*/ 19 h 19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23" h="19">
                      <a:moveTo>
                        <a:pt x="0" y="19"/>
                      </a:moveTo>
                      <a:lnTo>
                        <a:pt x="0" y="19"/>
                      </a:lnTo>
                      <a:lnTo>
                        <a:pt x="0" y="17"/>
                      </a:lnTo>
                      <a:lnTo>
                        <a:pt x="1" y="16"/>
                      </a:lnTo>
                      <a:lnTo>
                        <a:pt x="1" y="14"/>
                      </a:lnTo>
                      <a:lnTo>
                        <a:pt x="3" y="12"/>
                      </a:lnTo>
                      <a:lnTo>
                        <a:pt x="5" y="11"/>
                      </a:lnTo>
                      <a:lnTo>
                        <a:pt x="6" y="9"/>
                      </a:lnTo>
                      <a:lnTo>
                        <a:pt x="8" y="5"/>
                      </a:lnTo>
                      <a:lnTo>
                        <a:pt x="12" y="4"/>
                      </a:lnTo>
                      <a:lnTo>
                        <a:pt x="13" y="4"/>
                      </a:lnTo>
                      <a:lnTo>
                        <a:pt x="15" y="2"/>
                      </a:lnTo>
                      <a:lnTo>
                        <a:pt x="18" y="0"/>
                      </a:lnTo>
                      <a:lnTo>
                        <a:pt x="20" y="0"/>
                      </a:lnTo>
                      <a:lnTo>
                        <a:pt x="22" y="0"/>
                      </a:lnTo>
                      <a:lnTo>
                        <a:pt x="23" y="2"/>
                      </a:lnTo>
                      <a:lnTo>
                        <a:pt x="22" y="4"/>
                      </a:lnTo>
                      <a:lnTo>
                        <a:pt x="20" y="5"/>
                      </a:lnTo>
                      <a:lnTo>
                        <a:pt x="20" y="7"/>
                      </a:lnTo>
                      <a:lnTo>
                        <a:pt x="18" y="9"/>
                      </a:lnTo>
                      <a:lnTo>
                        <a:pt x="17" y="11"/>
                      </a:lnTo>
                      <a:lnTo>
                        <a:pt x="13" y="12"/>
                      </a:lnTo>
                      <a:lnTo>
                        <a:pt x="12" y="14"/>
                      </a:lnTo>
                      <a:lnTo>
                        <a:pt x="10" y="16"/>
                      </a:lnTo>
                      <a:lnTo>
                        <a:pt x="6" y="17"/>
                      </a:lnTo>
                      <a:lnTo>
                        <a:pt x="5" y="17"/>
                      </a:lnTo>
                      <a:lnTo>
                        <a:pt x="3" y="19"/>
                      </a:lnTo>
                      <a:lnTo>
                        <a:pt x="1" y="19"/>
                      </a:lnTo>
                      <a:lnTo>
                        <a:pt x="0" y="19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12" name="Freeform 99"/>
                <p:cNvSpPr>
                  <a:spLocks/>
                </p:cNvSpPr>
                <p:nvPr/>
              </p:nvSpPr>
              <p:spPr bwMode="auto">
                <a:xfrm>
                  <a:off x="674" y="3486"/>
                  <a:ext cx="12" cy="12"/>
                </a:xfrm>
                <a:custGeom>
                  <a:avLst/>
                  <a:gdLst>
                    <a:gd name="T0" fmla="*/ 0 w 12"/>
                    <a:gd name="T1" fmla="*/ 5 h 12"/>
                    <a:gd name="T2" fmla="*/ 0 w 12"/>
                    <a:gd name="T3" fmla="*/ 4 h 12"/>
                    <a:gd name="T4" fmla="*/ 2 w 12"/>
                    <a:gd name="T5" fmla="*/ 2 h 12"/>
                    <a:gd name="T6" fmla="*/ 4 w 12"/>
                    <a:gd name="T7" fmla="*/ 0 h 12"/>
                    <a:gd name="T8" fmla="*/ 7 w 12"/>
                    <a:gd name="T9" fmla="*/ 0 h 12"/>
                    <a:gd name="T10" fmla="*/ 9 w 12"/>
                    <a:gd name="T11" fmla="*/ 0 h 12"/>
                    <a:gd name="T12" fmla="*/ 10 w 12"/>
                    <a:gd name="T13" fmla="*/ 2 h 12"/>
                    <a:gd name="T14" fmla="*/ 12 w 12"/>
                    <a:gd name="T15" fmla="*/ 4 h 12"/>
                    <a:gd name="T16" fmla="*/ 12 w 12"/>
                    <a:gd name="T17" fmla="*/ 5 h 12"/>
                    <a:gd name="T18" fmla="*/ 12 w 12"/>
                    <a:gd name="T19" fmla="*/ 9 h 12"/>
                    <a:gd name="T20" fmla="*/ 10 w 12"/>
                    <a:gd name="T21" fmla="*/ 10 h 12"/>
                    <a:gd name="T22" fmla="*/ 9 w 12"/>
                    <a:gd name="T23" fmla="*/ 10 h 12"/>
                    <a:gd name="T24" fmla="*/ 7 w 12"/>
                    <a:gd name="T25" fmla="*/ 12 h 12"/>
                    <a:gd name="T26" fmla="*/ 4 w 12"/>
                    <a:gd name="T27" fmla="*/ 10 h 12"/>
                    <a:gd name="T28" fmla="*/ 2 w 12"/>
                    <a:gd name="T29" fmla="*/ 10 h 12"/>
                    <a:gd name="T30" fmla="*/ 0 w 12"/>
                    <a:gd name="T31" fmla="*/ 9 h 12"/>
                    <a:gd name="T32" fmla="*/ 0 w 12"/>
                    <a:gd name="T33" fmla="*/ 5 h 12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2"/>
                    <a:gd name="T52" fmla="*/ 0 h 12"/>
                    <a:gd name="T53" fmla="*/ 12 w 12"/>
                    <a:gd name="T54" fmla="*/ 12 h 12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2" h="12">
                      <a:moveTo>
                        <a:pt x="0" y="5"/>
                      </a:moveTo>
                      <a:lnTo>
                        <a:pt x="0" y="4"/>
                      </a:lnTo>
                      <a:lnTo>
                        <a:pt x="2" y="2"/>
                      </a:lnTo>
                      <a:lnTo>
                        <a:pt x="4" y="0"/>
                      </a:lnTo>
                      <a:lnTo>
                        <a:pt x="7" y="0"/>
                      </a:lnTo>
                      <a:lnTo>
                        <a:pt x="9" y="0"/>
                      </a:lnTo>
                      <a:lnTo>
                        <a:pt x="10" y="2"/>
                      </a:lnTo>
                      <a:lnTo>
                        <a:pt x="12" y="4"/>
                      </a:lnTo>
                      <a:lnTo>
                        <a:pt x="12" y="5"/>
                      </a:lnTo>
                      <a:lnTo>
                        <a:pt x="12" y="9"/>
                      </a:lnTo>
                      <a:lnTo>
                        <a:pt x="10" y="10"/>
                      </a:lnTo>
                      <a:lnTo>
                        <a:pt x="9" y="10"/>
                      </a:lnTo>
                      <a:lnTo>
                        <a:pt x="7" y="12"/>
                      </a:lnTo>
                      <a:lnTo>
                        <a:pt x="4" y="10"/>
                      </a:lnTo>
                      <a:lnTo>
                        <a:pt x="2" y="10"/>
                      </a:lnTo>
                      <a:lnTo>
                        <a:pt x="0" y="9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13" name="Freeform 100"/>
                <p:cNvSpPr>
                  <a:spLocks/>
                </p:cNvSpPr>
                <p:nvPr/>
              </p:nvSpPr>
              <p:spPr bwMode="auto">
                <a:xfrm>
                  <a:off x="674" y="3486"/>
                  <a:ext cx="12" cy="12"/>
                </a:xfrm>
                <a:custGeom>
                  <a:avLst/>
                  <a:gdLst>
                    <a:gd name="T0" fmla="*/ 0 w 12"/>
                    <a:gd name="T1" fmla="*/ 5 h 12"/>
                    <a:gd name="T2" fmla="*/ 0 w 12"/>
                    <a:gd name="T3" fmla="*/ 5 h 12"/>
                    <a:gd name="T4" fmla="*/ 0 w 12"/>
                    <a:gd name="T5" fmla="*/ 4 h 12"/>
                    <a:gd name="T6" fmla="*/ 2 w 12"/>
                    <a:gd name="T7" fmla="*/ 2 h 12"/>
                    <a:gd name="T8" fmla="*/ 4 w 12"/>
                    <a:gd name="T9" fmla="*/ 0 h 12"/>
                    <a:gd name="T10" fmla="*/ 7 w 12"/>
                    <a:gd name="T11" fmla="*/ 0 h 12"/>
                    <a:gd name="T12" fmla="*/ 7 w 12"/>
                    <a:gd name="T13" fmla="*/ 0 h 12"/>
                    <a:gd name="T14" fmla="*/ 9 w 12"/>
                    <a:gd name="T15" fmla="*/ 0 h 12"/>
                    <a:gd name="T16" fmla="*/ 10 w 12"/>
                    <a:gd name="T17" fmla="*/ 2 h 12"/>
                    <a:gd name="T18" fmla="*/ 12 w 12"/>
                    <a:gd name="T19" fmla="*/ 4 h 12"/>
                    <a:gd name="T20" fmla="*/ 12 w 12"/>
                    <a:gd name="T21" fmla="*/ 5 h 12"/>
                    <a:gd name="T22" fmla="*/ 12 w 12"/>
                    <a:gd name="T23" fmla="*/ 5 h 12"/>
                    <a:gd name="T24" fmla="*/ 12 w 12"/>
                    <a:gd name="T25" fmla="*/ 9 h 12"/>
                    <a:gd name="T26" fmla="*/ 10 w 12"/>
                    <a:gd name="T27" fmla="*/ 10 h 12"/>
                    <a:gd name="T28" fmla="*/ 9 w 12"/>
                    <a:gd name="T29" fmla="*/ 10 h 12"/>
                    <a:gd name="T30" fmla="*/ 7 w 12"/>
                    <a:gd name="T31" fmla="*/ 12 h 12"/>
                    <a:gd name="T32" fmla="*/ 7 w 12"/>
                    <a:gd name="T33" fmla="*/ 12 h 12"/>
                    <a:gd name="T34" fmla="*/ 4 w 12"/>
                    <a:gd name="T35" fmla="*/ 10 h 12"/>
                    <a:gd name="T36" fmla="*/ 2 w 12"/>
                    <a:gd name="T37" fmla="*/ 10 h 12"/>
                    <a:gd name="T38" fmla="*/ 0 w 12"/>
                    <a:gd name="T39" fmla="*/ 9 h 12"/>
                    <a:gd name="T40" fmla="*/ 0 w 12"/>
                    <a:gd name="T41" fmla="*/ 5 h 12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2"/>
                    <a:gd name="T64" fmla="*/ 0 h 12"/>
                    <a:gd name="T65" fmla="*/ 12 w 12"/>
                    <a:gd name="T66" fmla="*/ 12 h 12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2" h="12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4"/>
                      </a:lnTo>
                      <a:lnTo>
                        <a:pt x="2" y="2"/>
                      </a:lnTo>
                      <a:lnTo>
                        <a:pt x="4" y="0"/>
                      </a:lnTo>
                      <a:lnTo>
                        <a:pt x="7" y="0"/>
                      </a:lnTo>
                      <a:lnTo>
                        <a:pt x="9" y="0"/>
                      </a:lnTo>
                      <a:lnTo>
                        <a:pt x="10" y="2"/>
                      </a:lnTo>
                      <a:lnTo>
                        <a:pt x="12" y="4"/>
                      </a:lnTo>
                      <a:lnTo>
                        <a:pt x="12" y="5"/>
                      </a:lnTo>
                      <a:lnTo>
                        <a:pt x="12" y="9"/>
                      </a:lnTo>
                      <a:lnTo>
                        <a:pt x="10" y="10"/>
                      </a:lnTo>
                      <a:lnTo>
                        <a:pt x="9" y="10"/>
                      </a:lnTo>
                      <a:lnTo>
                        <a:pt x="7" y="12"/>
                      </a:lnTo>
                      <a:lnTo>
                        <a:pt x="4" y="10"/>
                      </a:lnTo>
                      <a:lnTo>
                        <a:pt x="2" y="10"/>
                      </a:lnTo>
                      <a:lnTo>
                        <a:pt x="0" y="9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14" name="Freeform 101"/>
                <p:cNvSpPr>
                  <a:spLocks/>
                </p:cNvSpPr>
                <p:nvPr/>
              </p:nvSpPr>
              <p:spPr bwMode="auto">
                <a:xfrm>
                  <a:off x="463" y="3535"/>
                  <a:ext cx="10" cy="9"/>
                </a:xfrm>
                <a:custGeom>
                  <a:avLst/>
                  <a:gdLst>
                    <a:gd name="T0" fmla="*/ 0 w 10"/>
                    <a:gd name="T1" fmla="*/ 5 h 9"/>
                    <a:gd name="T2" fmla="*/ 0 w 10"/>
                    <a:gd name="T3" fmla="*/ 4 h 9"/>
                    <a:gd name="T4" fmla="*/ 1 w 10"/>
                    <a:gd name="T5" fmla="*/ 2 h 9"/>
                    <a:gd name="T6" fmla="*/ 3 w 10"/>
                    <a:gd name="T7" fmla="*/ 0 h 9"/>
                    <a:gd name="T8" fmla="*/ 5 w 10"/>
                    <a:gd name="T9" fmla="*/ 0 h 9"/>
                    <a:gd name="T10" fmla="*/ 6 w 10"/>
                    <a:gd name="T11" fmla="*/ 0 h 9"/>
                    <a:gd name="T12" fmla="*/ 8 w 10"/>
                    <a:gd name="T13" fmla="*/ 2 h 9"/>
                    <a:gd name="T14" fmla="*/ 10 w 10"/>
                    <a:gd name="T15" fmla="*/ 4 h 9"/>
                    <a:gd name="T16" fmla="*/ 10 w 10"/>
                    <a:gd name="T17" fmla="*/ 5 h 9"/>
                    <a:gd name="T18" fmla="*/ 10 w 10"/>
                    <a:gd name="T19" fmla="*/ 7 h 9"/>
                    <a:gd name="T20" fmla="*/ 8 w 10"/>
                    <a:gd name="T21" fmla="*/ 9 h 9"/>
                    <a:gd name="T22" fmla="*/ 6 w 10"/>
                    <a:gd name="T23" fmla="*/ 9 h 9"/>
                    <a:gd name="T24" fmla="*/ 5 w 10"/>
                    <a:gd name="T25" fmla="*/ 9 h 9"/>
                    <a:gd name="T26" fmla="*/ 3 w 10"/>
                    <a:gd name="T27" fmla="*/ 9 h 9"/>
                    <a:gd name="T28" fmla="*/ 1 w 10"/>
                    <a:gd name="T29" fmla="*/ 9 h 9"/>
                    <a:gd name="T30" fmla="*/ 0 w 10"/>
                    <a:gd name="T31" fmla="*/ 7 h 9"/>
                    <a:gd name="T32" fmla="*/ 0 w 10"/>
                    <a:gd name="T33" fmla="*/ 5 h 9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0"/>
                    <a:gd name="T52" fmla="*/ 0 h 9"/>
                    <a:gd name="T53" fmla="*/ 10 w 10"/>
                    <a:gd name="T54" fmla="*/ 9 h 9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0" h="9">
                      <a:moveTo>
                        <a:pt x="0" y="5"/>
                      </a:moveTo>
                      <a:lnTo>
                        <a:pt x="0" y="4"/>
                      </a:lnTo>
                      <a:lnTo>
                        <a:pt x="1" y="2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6" y="0"/>
                      </a:lnTo>
                      <a:lnTo>
                        <a:pt x="8" y="2"/>
                      </a:lnTo>
                      <a:lnTo>
                        <a:pt x="10" y="4"/>
                      </a:lnTo>
                      <a:lnTo>
                        <a:pt x="10" y="5"/>
                      </a:lnTo>
                      <a:lnTo>
                        <a:pt x="10" y="7"/>
                      </a:lnTo>
                      <a:lnTo>
                        <a:pt x="8" y="9"/>
                      </a:lnTo>
                      <a:lnTo>
                        <a:pt x="6" y="9"/>
                      </a:lnTo>
                      <a:lnTo>
                        <a:pt x="5" y="9"/>
                      </a:lnTo>
                      <a:lnTo>
                        <a:pt x="3" y="9"/>
                      </a:lnTo>
                      <a:lnTo>
                        <a:pt x="1" y="9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15" name="Freeform 102"/>
                <p:cNvSpPr>
                  <a:spLocks/>
                </p:cNvSpPr>
                <p:nvPr/>
              </p:nvSpPr>
              <p:spPr bwMode="auto">
                <a:xfrm>
                  <a:off x="463" y="3535"/>
                  <a:ext cx="10" cy="9"/>
                </a:xfrm>
                <a:custGeom>
                  <a:avLst/>
                  <a:gdLst>
                    <a:gd name="T0" fmla="*/ 0 w 10"/>
                    <a:gd name="T1" fmla="*/ 5 h 9"/>
                    <a:gd name="T2" fmla="*/ 0 w 10"/>
                    <a:gd name="T3" fmla="*/ 5 h 9"/>
                    <a:gd name="T4" fmla="*/ 0 w 10"/>
                    <a:gd name="T5" fmla="*/ 4 h 9"/>
                    <a:gd name="T6" fmla="*/ 1 w 10"/>
                    <a:gd name="T7" fmla="*/ 2 h 9"/>
                    <a:gd name="T8" fmla="*/ 3 w 10"/>
                    <a:gd name="T9" fmla="*/ 0 h 9"/>
                    <a:gd name="T10" fmla="*/ 5 w 10"/>
                    <a:gd name="T11" fmla="*/ 0 h 9"/>
                    <a:gd name="T12" fmla="*/ 5 w 10"/>
                    <a:gd name="T13" fmla="*/ 0 h 9"/>
                    <a:gd name="T14" fmla="*/ 6 w 10"/>
                    <a:gd name="T15" fmla="*/ 0 h 9"/>
                    <a:gd name="T16" fmla="*/ 8 w 10"/>
                    <a:gd name="T17" fmla="*/ 2 h 9"/>
                    <a:gd name="T18" fmla="*/ 10 w 10"/>
                    <a:gd name="T19" fmla="*/ 4 h 9"/>
                    <a:gd name="T20" fmla="*/ 10 w 10"/>
                    <a:gd name="T21" fmla="*/ 5 h 9"/>
                    <a:gd name="T22" fmla="*/ 10 w 10"/>
                    <a:gd name="T23" fmla="*/ 5 h 9"/>
                    <a:gd name="T24" fmla="*/ 10 w 10"/>
                    <a:gd name="T25" fmla="*/ 7 h 9"/>
                    <a:gd name="T26" fmla="*/ 8 w 10"/>
                    <a:gd name="T27" fmla="*/ 9 h 9"/>
                    <a:gd name="T28" fmla="*/ 6 w 10"/>
                    <a:gd name="T29" fmla="*/ 9 h 9"/>
                    <a:gd name="T30" fmla="*/ 5 w 10"/>
                    <a:gd name="T31" fmla="*/ 9 h 9"/>
                    <a:gd name="T32" fmla="*/ 5 w 10"/>
                    <a:gd name="T33" fmla="*/ 9 h 9"/>
                    <a:gd name="T34" fmla="*/ 3 w 10"/>
                    <a:gd name="T35" fmla="*/ 9 h 9"/>
                    <a:gd name="T36" fmla="*/ 1 w 10"/>
                    <a:gd name="T37" fmla="*/ 9 h 9"/>
                    <a:gd name="T38" fmla="*/ 0 w 10"/>
                    <a:gd name="T39" fmla="*/ 7 h 9"/>
                    <a:gd name="T40" fmla="*/ 0 w 10"/>
                    <a:gd name="T41" fmla="*/ 5 h 9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0"/>
                    <a:gd name="T64" fmla="*/ 0 h 9"/>
                    <a:gd name="T65" fmla="*/ 10 w 10"/>
                    <a:gd name="T66" fmla="*/ 9 h 9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0" h="9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4"/>
                      </a:lnTo>
                      <a:lnTo>
                        <a:pt x="1" y="2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6" y="0"/>
                      </a:lnTo>
                      <a:lnTo>
                        <a:pt x="8" y="2"/>
                      </a:lnTo>
                      <a:lnTo>
                        <a:pt x="10" y="4"/>
                      </a:lnTo>
                      <a:lnTo>
                        <a:pt x="10" y="5"/>
                      </a:lnTo>
                      <a:lnTo>
                        <a:pt x="10" y="7"/>
                      </a:lnTo>
                      <a:lnTo>
                        <a:pt x="8" y="9"/>
                      </a:lnTo>
                      <a:lnTo>
                        <a:pt x="6" y="9"/>
                      </a:lnTo>
                      <a:lnTo>
                        <a:pt x="5" y="9"/>
                      </a:lnTo>
                      <a:lnTo>
                        <a:pt x="3" y="9"/>
                      </a:lnTo>
                      <a:lnTo>
                        <a:pt x="1" y="9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16" name="Freeform 103"/>
                <p:cNvSpPr>
                  <a:spLocks/>
                </p:cNvSpPr>
                <p:nvPr/>
              </p:nvSpPr>
              <p:spPr bwMode="auto">
                <a:xfrm>
                  <a:off x="515" y="3537"/>
                  <a:ext cx="15" cy="9"/>
                </a:xfrm>
                <a:custGeom>
                  <a:avLst/>
                  <a:gdLst>
                    <a:gd name="T0" fmla="*/ 0 w 15"/>
                    <a:gd name="T1" fmla="*/ 5 h 9"/>
                    <a:gd name="T2" fmla="*/ 0 w 15"/>
                    <a:gd name="T3" fmla="*/ 3 h 9"/>
                    <a:gd name="T4" fmla="*/ 2 w 15"/>
                    <a:gd name="T5" fmla="*/ 2 h 9"/>
                    <a:gd name="T6" fmla="*/ 5 w 15"/>
                    <a:gd name="T7" fmla="*/ 0 h 9"/>
                    <a:gd name="T8" fmla="*/ 7 w 15"/>
                    <a:gd name="T9" fmla="*/ 0 h 9"/>
                    <a:gd name="T10" fmla="*/ 10 w 15"/>
                    <a:gd name="T11" fmla="*/ 0 h 9"/>
                    <a:gd name="T12" fmla="*/ 12 w 15"/>
                    <a:gd name="T13" fmla="*/ 2 h 9"/>
                    <a:gd name="T14" fmla="*/ 14 w 15"/>
                    <a:gd name="T15" fmla="*/ 3 h 9"/>
                    <a:gd name="T16" fmla="*/ 15 w 15"/>
                    <a:gd name="T17" fmla="*/ 5 h 9"/>
                    <a:gd name="T18" fmla="*/ 14 w 15"/>
                    <a:gd name="T19" fmla="*/ 7 h 9"/>
                    <a:gd name="T20" fmla="*/ 12 w 15"/>
                    <a:gd name="T21" fmla="*/ 7 h 9"/>
                    <a:gd name="T22" fmla="*/ 10 w 15"/>
                    <a:gd name="T23" fmla="*/ 9 h 9"/>
                    <a:gd name="T24" fmla="*/ 7 w 15"/>
                    <a:gd name="T25" fmla="*/ 9 h 9"/>
                    <a:gd name="T26" fmla="*/ 5 w 15"/>
                    <a:gd name="T27" fmla="*/ 9 h 9"/>
                    <a:gd name="T28" fmla="*/ 2 w 15"/>
                    <a:gd name="T29" fmla="*/ 7 h 9"/>
                    <a:gd name="T30" fmla="*/ 0 w 15"/>
                    <a:gd name="T31" fmla="*/ 7 h 9"/>
                    <a:gd name="T32" fmla="*/ 0 w 15"/>
                    <a:gd name="T33" fmla="*/ 5 h 9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5"/>
                    <a:gd name="T52" fmla="*/ 0 h 9"/>
                    <a:gd name="T53" fmla="*/ 15 w 15"/>
                    <a:gd name="T54" fmla="*/ 9 h 9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5" h="9">
                      <a:moveTo>
                        <a:pt x="0" y="5"/>
                      </a:moveTo>
                      <a:lnTo>
                        <a:pt x="0" y="3"/>
                      </a:lnTo>
                      <a:lnTo>
                        <a:pt x="2" y="2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10" y="0"/>
                      </a:lnTo>
                      <a:lnTo>
                        <a:pt x="12" y="2"/>
                      </a:lnTo>
                      <a:lnTo>
                        <a:pt x="14" y="3"/>
                      </a:lnTo>
                      <a:lnTo>
                        <a:pt x="15" y="5"/>
                      </a:lnTo>
                      <a:lnTo>
                        <a:pt x="14" y="7"/>
                      </a:lnTo>
                      <a:lnTo>
                        <a:pt x="12" y="7"/>
                      </a:lnTo>
                      <a:lnTo>
                        <a:pt x="10" y="9"/>
                      </a:lnTo>
                      <a:lnTo>
                        <a:pt x="7" y="9"/>
                      </a:lnTo>
                      <a:lnTo>
                        <a:pt x="5" y="9"/>
                      </a:lnTo>
                      <a:lnTo>
                        <a:pt x="2" y="7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17" name="Freeform 104"/>
                <p:cNvSpPr>
                  <a:spLocks/>
                </p:cNvSpPr>
                <p:nvPr/>
              </p:nvSpPr>
              <p:spPr bwMode="auto">
                <a:xfrm>
                  <a:off x="515" y="3537"/>
                  <a:ext cx="15" cy="9"/>
                </a:xfrm>
                <a:custGeom>
                  <a:avLst/>
                  <a:gdLst>
                    <a:gd name="T0" fmla="*/ 0 w 15"/>
                    <a:gd name="T1" fmla="*/ 5 h 9"/>
                    <a:gd name="T2" fmla="*/ 0 w 15"/>
                    <a:gd name="T3" fmla="*/ 5 h 9"/>
                    <a:gd name="T4" fmla="*/ 0 w 15"/>
                    <a:gd name="T5" fmla="*/ 3 h 9"/>
                    <a:gd name="T6" fmla="*/ 2 w 15"/>
                    <a:gd name="T7" fmla="*/ 2 h 9"/>
                    <a:gd name="T8" fmla="*/ 5 w 15"/>
                    <a:gd name="T9" fmla="*/ 0 h 9"/>
                    <a:gd name="T10" fmla="*/ 7 w 15"/>
                    <a:gd name="T11" fmla="*/ 0 h 9"/>
                    <a:gd name="T12" fmla="*/ 7 w 15"/>
                    <a:gd name="T13" fmla="*/ 0 h 9"/>
                    <a:gd name="T14" fmla="*/ 10 w 15"/>
                    <a:gd name="T15" fmla="*/ 0 h 9"/>
                    <a:gd name="T16" fmla="*/ 12 w 15"/>
                    <a:gd name="T17" fmla="*/ 2 h 9"/>
                    <a:gd name="T18" fmla="*/ 14 w 15"/>
                    <a:gd name="T19" fmla="*/ 3 h 9"/>
                    <a:gd name="T20" fmla="*/ 15 w 15"/>
                    <a:gd name="T21" fmla="*/ 5 h 9"/>
                    <a:gd name="T22" fmla="*/ 15 w 15"/>
                    <a:gd name="T23" fmla="*/ 5 h 9"/>
                    <a:gd name="T24" fmla="*/ 14 w 15"/>
                    <a:gd name="T25" fmla="*/ 7 h 9"/>
                    <a:gd name="T26" fmla="*/ 12 w 15"/>
                    <a:gd name="T27" fmla="*/ 7 h 9"/>
                    <a:gd name="T28" fmla="*/ 10 w 15"/>
                    <a:gd name="T29" fmla="*/ 9 h 9"/>
                    <a:gd name="T30" fmla="*/ 7 w 15"/>
                    <a:gd name="T31" fmla="*/ 9 h 9"/>
                    <a:gd name="T32" fmla="*/ 7 w 15"/>
                    <a:gd name="T33" fmla="*/ 9 h 9"/>
                    <a:gd name="T34" fmla="*/ 5 w 15"/>
                    <a:gd name="T35" fmla="*/ 9 h 9"/>
                    <a:gd name="T36" fmla="*/ 2 w 15"/>
                    <a:gd name="T37" fmla="*/ 7 h 9"/>
                    <a:gd name="T38" fmla="*/ 0 w 15"/>
                    <a:gd name="T39" fmla="*/ 7 h 9"/>
                    <a:gd name="T40" fmla="*/ 0 w 15"/>
                    <a:gd name="T41" fmla="*/ 5 h 9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5"/>
                    <a:gd name="T64" fmla="*/ 0 h 9"/>
                    <a:gd name="T65" fmla="*/ 15 w 15"/>
                    <a:gd name="T66" fmla="*/ 9 h 9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5" h="9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2" y="2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10" y="0"/>
                      </a:lnTo>
                      <a:lnTo>
                        <a:pt x="12" y="2"/>
                      </a:lnTo>
                      <a:lnTo>
                        <a:pt x="14" y="3"/>
                      </a:lnTo>
                      <a:lnTo>
                        <a:pt x="15" y="5"/>
                      </a:lnTo>
                      <a:lnTo>
                        <a:pt x="14" y="7"/>
                      </a:lnTo>
                      <a:lnTo>
                        <a:pt x="12" y="7"/>
                      </a:lnTo>
                      <a:lnTo>
                        <a:pt x="10" y="9"/>
                      </a:lnTo>
                      <a:lnTo>
                        <a:pt x="7" y="9"/>
                      </a:lnTo>
                      <a:lnTo>
                        <a:pt x="5" y="9"/>
                      </a:lnTo>
                      <a:lnTo>
                        <a:pt x="2" y="7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18" name="Freeform 105"/>
                <p:cNvSpPr>
                  <a:spLocks/>
                </p:cNvSpPr>
                <p:nvPr/>
              </p:nvSpPr>
              <p:spPr bwMode="auto">
                <a:xfrm>
                  <a:off x="439" y="3529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1 h 10"/>
                    <a:gd name="T4" fmla="*/ 2 w 8"/>
                    <a:gd name="T5" fmla="*/ 1 h 10"/>
                    <a:gd name="T6" fmla="*/ 2 w 8"/>
                    <a:gd name="T7" fmla="*/ 0 h 10"/>
                    <a:gd name="T8" fmla="*/ 3 w 8"/>
                    <a:gd name="T9" fmla="*/ 0 h 10"/>
                    <a:gd name="T10" fmla="*/ 5 w 8"/>
                    <a:gd name="T11" fmla="*/ 0 h 10"/>
                    <a:gd name="T12" fmla="*/ 7 w 8"/>
                    <a:gd name="T13" fmla="*/ 1 h 10"/>
                    <a:gd name="T14" fmla="*/ 8 w 8"/>
                    <a:gd name="T15" fmla="*/ 1 h 10"/>
                    <a:gd name="T16" fmla="*/ 8 w 8"/>
                    <a:gd name="T17" fmla="*/ 5 h 10"/>
                    <a:gd name="T18" fmla="*/ 8 w 8"/>
                    <a:gd name="T19" fmla="*/ 6 h 10"/>
                    <a:gd name="T20" fmla="*/ 7 w 8"/>
                    <a:gd name="T21" fmla="*/ 8 h 10"/>
                    <a:gd name="T22" fmla="*/ 5 w 8"/>
                    <a:gd name="T23" fmla="*/ 10 h 10"/>
                    <a:gd name="T24" fmla="*/ 3 w 8"/>
                    <a:gd name="T25" fmla="*/ 10 h 10"/>
                    <a:gd name="T26" fmla="*/ 2 w 8"/>
                    <a:gd name="T27" fmla="*/ 10 h 10"/>
                    <a:gd name="T28" fmla="*/ 2 w 8"/>
                    <a:gd name="T29" fmla="*/ 8 h 10"/>
                    <a:gd name="T30" fmla="*/ 0 w 8"/>
                    <a:gd name="T31" fmla="*/ 6 h 10"/>
                    <a:gd name="T32" fmla="*/ 0 w 8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10"/>
                    <a:gd name="T53" fmla="*/ 8 w 8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10">
                      <a:moveTo>
                        <a:pt x="0" y="5"/>
                      </a:moveTo>
                      <a:lnTo>
                        <a:pt x="0" y="1"/>
                      </a:lnTo>
                      <a:lnTo>
                        <a:pt x="2" y="1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1"/>
                      </a:lnTo>
                      <a:lnTo>
                        <a:pt x="8" y="1"/>
                      </a:lnTo>
                      <a:lnTo>
                        <a:pt x="8" y="5"/>
                      </a:lnTo>
                      <a:lnTo>
                        <a:pt x="8" y="6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10"/>
                      </a:lnTo>
                      <a:lnTo>
                        <a:pt x="2" y="8"/>
                      </a:lnTo>
                      <a:lnTo>
                        <a:pt x="0" y="6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19" name="Freeform 106"/>
                <p:cNvSpPr>
                  <a:spLocks/>
                </p:cNvSpPr>
                <p:nvPr/>
              </p:nvSpPr>
              <p:spPr bwMode="auto">
                <a:xfrm>
                  <a:off x="439" y="3529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5 h 10"/>
                    <a:gd name="T4" fmla="*/ 0 w 8"/>
                    <a:gd name="T5" fmla="*/ 1 h 10"/>
                    <a:gd name="T6" fmla="*/ 2 w 8"/>
                    <a:gd name="T7" fmla="*/ 1 h 10"/>
                    <a:gd name="T8" fmla="*/ 2 w 8"/>
                    <a:gd name="T9" fmla="*/ 0 h 10"/>
                    <a:gd name="T10" fmla="*/ 3 w 8"/>
                    <a:gd name="T11" fmla="*/ 0 h 10"/>
                    <a:gd name="T12" fmla="*/ 3 w 8"/>
                    <a:gd name="T13" fmla="*/ 0 h 10"/>
                    <a:gd name="T14" fmla="*/ 5 w 8"/>
                    <a:gd name="T15" fmla="*/ 0 h 10"/>
                    <a:gd name="T16" fmla="*/ 7 w 8"/>
                    <a:gd name="T17" fmla="*/ 1 h 10"/>
                    <a:gd name="T18" fmla="*/ 8 w 8"/>
                    <a:gd name="T19" fmla="*/ 1 h 10"/>
                    <a:gd name="T20" fmla="*/ 8 w 8"/>
                    <a:gd name="T21" fmla="*/ 5 h 10"/>
                    <a:gd name="T22" fmla="*/ 8 w 8"/>
                    <a:gd name="T23" fmla="*/ 5 h 10"/>
                    <a:gd name="T24" fmla="*/ 8 w 8"/>
                    <a:gd name="T25" fmla="*/ 6 h 10"/>
                    <a:gd name="T26" fmla="*/ 7 w 8"/>
                    <a:gd name="T27" fmla="*/ 8 h 10"/>
                    <a:gd name="T28" fmla="*/ 5 w 8"/>
                    <a:gd name="T29" fmla="*/ 10 h 10"/>
                    <a:gd name="T30" fmla="*/ 3 w 8"/>
                    <a:gd name="T31" fmla="*/ 10 h 10"/>
                    <a:gd name="T32" fmla="*/ 3 w 8"/>
                    <a:gd name="T33" fmla="*/ 10 h 10"/>
                    <a:gd name="T34" fmla="*/ 2 w 8"/>
                    <a:gd name="T35" fmla="*/ 10 h 10"/>
                    <a:gd name="T36" fmla="*/ 2 w 8"/>
                    <a:gd name="T37" fmla="*/ 8 h 10"/>
                    <a:gd name="T38" fmla="*/ 0 w 8"/>
                    <a:gd name="T39" fmla="*/ 6 h 10"/>
                    <a:gd name="T40" fmla="*/ 0 w 8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10"/>
                    <a:gd name="T65" fmla="*/ 8 w 8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1"/>
                      </a:lnTo>
                      <a:lnTo>
                        <a:pt x="2" y="1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1"/>
                      </a:lnTo>
                      <a:lnTo>
                        <a:pt x="8" y="1"/>
                      </a:lnTo>
                      <a:lnTo>
                        <a:pt x="8" y="5"/>
                      </a:lnTo>
                      <a:lnTo>
                        <a:pt x="8" y="6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10"/>
                      </a:lnTo>
                      <a:lnTo>
                        <a:pt x="2" y="8"/>
                      </a:lnTo>
                      <a:lnTo>
                        <a:pt x="0" y="6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20" name="Freeform 107"/>
                <p:cNvSpPr>
                  <a:spLocks/>
                </p:cNvSpPr>
                <p:nvPr/>
              </p:nvSpPr>
              <p:spPr bwMode="auto">
                <a:xfrm>
                  <a:off x="738" y="3474"/>
                  <a:ext cx="7" cy="11"/>
                </a:xfrm>
                <a:custGeom>
                  <a:avLst/>
                  <a:gdLst>
                    <a:gd name="T0" fmla="*/ 0 w 7"/>
                    <a:gd name="T1" fmla="*/ 6 h 11"/>
                    <a:gd name="T2" fmla="*/ 0 w 7"/>
                    <a:gd name="T3" fmla="*/ 4 h 11"/>
                    <a:gd name="T4" fmla="*/ 2 w 7"/>
                    <a:gd name="T5" fmla="*/ 2 h 11"/>
                    <a:gd name="T6" fmla="*/ 2 w 7"/>
                    <a:gd name="T7" fmla="*/ 0 h 11"/>
                    <a:gd name="T8" fmla="*/ 4 w 7"/>
                    <a:gd name="T9" fmla="*/ 0 h 11"/>
                    <a:gd name="T10" fmla="*/ 6 w 7"/>
                    <a:gd name="T11" fmla="*/ 0 h 11"/>
                    <a:gd name="T12" fmla="*/ 7 w 7"/>
                    <a:gd name="T13" fmla="*/ 2 h 11"/>
                    <a:gd name="T14" fmla="*/ 7 w 7"/>
                    <a:gd name="T15" fmla="*/ 4 h 11"/>
                    <a:gd name="T16" fmla="*/ 7 w 7"/>
                    <a:gd name="T17" fmla="*/ 6 h 11"/>
                    <a:gd name="T18" fmla="*/ 7 w 7"/>
                    <a:gd name="T19" fmla="*/ 7 h 11"/>
                    <a:gd name="T20" fmla="*/ 7 w 7"/>
                    <a:gd name="T21" fmla="*/ 9 h 11"/>
                    <a:gd name="T22" fmla="*/ 6 w 7"/>
                    <a:gd name="T23" fmla="*/ 9 h 11"/>
                    <a:gd name="T24" fmla="*/ 4 w 7"/>
                    <a:gd name="T25" fmla="*/ 11 h 11"/>
                    <a:gd name="T26" fmla="*/ 2 w 7"/>
                    <a:gd name="T27" fmla="*/ 9 h 11"/>
                    <a:gd name="T28" fmla="*/ 2 w 7"/>
                    <a:gd name="T29" fmla="*/ 9 h 11"/>
                    <a:gd name="T30" fmla="*/ 0 w 7"/>
                    <a:gd name="T31" fmla="*/ 7 h 11"/>
                    <a:gd name="T32" fmla="*/ 0 w 7"/>
                    <a:gd name="T33" fmla="*/ 6 h 11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7"/>
                    <a:gd name="T52" fmla="*/ 0 h 11"/>
                    <a:gd name="T53" fmla="*/ 7 w 7"/>
                    <a:gd name="T54" fmla="*/ 11 h 11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7" h="11">
                      <a:moveTo>
                        <a:pt x="0" y="6"/>
                      </a:moveTo>
                      <a:lnTo>
                        <a:pt x="0" y="4"/>
                      </a:lnTo>
                      <a:lnTo>
                        <a:pt x="2" y="2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6" y="0"/>
                      </a:lnTo>
                      <a:lnTo>
                        <a:pt x="7" y="2"/>
                      </a:lnTo>
                      <a:lnTo>
                        <a:pt x="7" y="4"/>
                      </a:lnTo>
                      <a:lnTo>
                        <a:pt x="7" y="6"/>
                      </a:lnTo>
                      <a:lnTo>
                        <a:pt x="7" y="7"/>
                      </a:lnTo>
                      <a:lnTo>
                        <a:pt x="7" y="9"/>
                      </a:lnTo>
                      <a:lnTo>
                        <a:pt x="6" y="9"/>
                      </a:lnTo>
                      <a:lnTo>
                        <a:pt x="4" y="11"/>
                      </a:lnTo>
                      <a:lnTo>
                        <a:pt x="2" y="9"/>
                      </a:lnTo>
                      <a:lnTo>
                        <a:pt x="0" y="7"/>
                      </a:lnTo>
                      <a:lnTo>
                        <a:pt x="0" y="6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21" name="Freeform 108"/>
                <p:cNvSpPr>
                  <a:spLocks/>
                </p:cNvSpPr>
                <p:nvPr/>
              </p:nvSpPr>
              <p:spPr bwMode="auto">
                <a:xfrm>
                  <a:off x="738" y="3474"/>
                  <a:ext cx="7" cy="11"/>
                </a:xfrm>
                <a:custGeom>
                  <a:avLst/>
                  <a:gdLst>
                    <a:gd name="T0" fmla="*/ 0 w 7"/>
                    <a:gd name="T1" fmla="*/ 6 h 11"/>
                    <a:gd name="T2" fmla="*/ 0 w 7"/>
                    <a:gd name="T3" fmla="*/ 6 h 11"/>
                    <a:gd name="T4" fmla="*/ 0 w 7"/>
                    <a:gd name="T5" fmla="*/ 4 h 11"/>
                    <a:gd name="T6" fmla="*/ 2 w 7"/>
                    <a:gd name="T7" fmla="*/ 2 h 11"/>
                    <a:gd name="T8" fmla="*/ 2 w 7"/>
                    <a:gd name="T9" fmla="*/ 0 h 11"/>
                    <a:gd name="T10" fmla="*/ 4 w 7"/>
                    <a:gd name="T11" fmla="*/ 0 h 11"/>
                    <a:gd name="T12" fmla="*/ 4 w 7"/>
                    <a:gd name="T13" fmla="*/ 0 h 11"/>
                    <a:gd name="T14" fmla="*/ 6 w 7"/>
                    <a:gd name="T15" fmla="*/ 0 h 11"/>
                    <a:gd name="T16" fmla="*/ 7 w 7"/>
                    <a:gd name="T17" fmla="*/ 2 h 11"/>
                    <a:gd name="T18" fmla="*/ 7 w 7"/>
                    <a:gd name="T19" fmla="*/ 4 h 11"/>
                    <a:gd name="T20" fmla="*/ 7 w 7"/>
                    <a:gd name="T21" fmla="*/ 6 h 11"/>
                    <a:gd name="T22" fmla="*/ 7 w 7"/>
                    <a:gd name="T23" fmla="*/ 6 h 11"/>
                    <a:gd name="T24" fmla="*/ 7 w 7"/>
                    <a:gd name="T25" fmla="*/ 7 h 11"/>
                    <a:gd name="T26" fmla="*/ 7 w 7"/>
                    <a:gd name="T27" fmla="*/ 9 h 11"/>
                    <a:gd name="T28" fmla="*/ 6 w 7"/>
                    <a:gd name="T29" fmla="*/ 9 h 11"/>
                    <a:gd name="T30" fmla="*/ 4 w 7"/>
                    <a:gd name="T31" fmla="*/ 11 h 11"/>
                    <a:gd name="T32" fmla="*/ 4 w 7"/>
                    <a:gd name="T33" fmla="*/ 11 h 11"/>
                    <a:gd name="T34" fmla="*/ 2 w 7"/>
                    <a:gd name="T35" fmla="*/ 9 h 11"/>
                    <a:gd name="T36" fmla="*/ 2 w 7"/>
                    <a:gd name="T37" fmla="*/ 9 h 11"/>
                    <a:gd name="T38" fmla="*/ 0 w 7"/>
                    <a:gd name="T39" fmla="*/ 7 h 11"/>
                    <a:gd name="T40" fmla="*/ 0 w 7"/>
                    <a:gd name="T41" fmla="*/ 6 h 11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7"/>
                    <a:gd name="T64" fmla="*/ 0 h 11"/>
                    <a:gd name="T65" fmla="*/ 7 w 7"/>
                    <a:gd name="T66" fmla="*/ 11 h 11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7" h="11">
                      <a:moveTo>
                        <a:pt x="0" y="6"/>
                      </a:moveTo>
                      <a:lnTo>
                        <a:pt x="0" y="6"/>
                      </a:lnTo>
                      <a:lnTo>
                        <a:pt x="0" y="4"/>
                      </a:lnTo>
                      <a:lnTo>
                        <a:pt x="2" y="2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6" y="0"/>
                      </a:lnTo>
                      <a:lnTo>
                        <a:pt x="7" y="2"/>
                      </a:lnTo>
                      <a:lnTo>
                        <a:pt x="7" y="4"/>
                      </a:lnTo>
                      <a:lnTo>
                        <a:pt x="7" y="6"/>
                      </a:lnTo>
                      <a:lnTo>
                        <a:pt x="7" y="7"/>
                      </a:lnTo>
                      <a:lnTo>
                        <a:pt x="7" y="9"/>
                      </a:lnTo>
                      <a:lnTo>
                        <a:pt x="6" y="9"/>
                      </a:lnTo>
                      <a:lnTo>
                        <a:pt x="4" y="11"/>
                      </a:lnTo>
                      <a:lnTo>
                        <a:pt x="2" y="9"/>
                      </a:lnTo>
                      <a:lnTo>
                        <a:pt x="0" y="7"/>
                      </a:lnTo>
                      <a:lnTo>
                        <a:pt x="0" y="6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22" name="Freeform 109"/>
                <p:cNvSpPr>
                  <a:spLocks/>
                </p:cNvSpPr>
                <p:nvPr/>
              </p:nvSpPr>
              <p:spPr bwMode="auto">
                <a:xfrm>
                  <a:off x="650" y="3331"/>
                  <a:ext cx="21" cy="15"/>
                </a:xfrm>
                <a:custGeom>
                  <a:avLst/>
                  <a:gdLst>
                    <a:gd name="T0" fmla="*/ 2 w 21"/>
                    <a:gd name="T1" fmla="*/ 1 h 15"/>
                    <a:gd name="T2" fmla="*/ 19 w 21"/>
                    <a:gd name="T3" fmla="*/ 0 h 15"/>
                    <a:gd name="T4" fmla="*/ 19 w 21"/>
                    <a:gd name="T5" fmla="*/ 1 h 15"/>
                    <a:gd name="T6" fmla="*/ 19 w 21"/>
                    <a:gd name="T7" fmla="*/ 3 h 15"/>
                    <a:gd name="T8" fmla="*/ 21 w 21"/>
                    <a:gd name="T9" fmla="*/ 5 h 15"/>
                    <a:gd name="T10" fmla="*/ 21 w 21"/>
                    <a:gd name="T11" fmla="*/ 8 h 15"/>
                    <a:gd name="T12" fmla="*/ 21 w 21"/>
                    <a:gd name="T13" fmla="*/ 10 h 15"/>
                    <a:gd name="T14" fmla="*/ 21 w 21"/>
                    <a:gd name="T15" fmla="*/ 13 h 15"/>
                    <a:gd name="T16" fmla="*/ 17 w 21"/>
                    <a:gd name="T17" fmla="*/ 15 h 15"/>
                    <a:gd name="T18" fmla="*/ 12 w 21"/>
                    <a:gd name="T19" fmla="*/ 15 h 15"/>
                    <a:gd name="T20" fmla="*/ 12 w 21"/>
                    <a:gd name="T21" fmla="*/ 15 h 15"/>
                    <a:gd name="T22" fmla="*/ 11 w 21"/>
                    <a:gd name="T23" fmla="*/ 13 h 15"/>
                    <a:gd name="T24" fmla="*/ 7 w 21"/>
                    <a:gd name="T25" fmla="*/ 11 h 15"/>
                    <a:gd name="T26" fmla="*/ 6 w 21"/>
                    <a:gd name="T27" fmla="*/ 10 h 15"/>
                    <a:gd name="T28" fmla="*/ 4 w 21"/>
                    <a:gd name="T29" fmla="*/ 8 h 15"/>
                    <a:gd name="T30" fmla="*/ 2 w 21"/>
                    <a:gd name="T31" fmla="*/ 6 h 15"/>
                    <a:gd name="T32" fmla="*/ 0 w 21"/>
                    <a:gd name="T33" fmla="*/ 6 h 15"/>
                    <a:gd name="T34" fmla="*/ 0 w 21"/>
                    <a:gd name="T35" fmla="*/ 6 h 15"/>
                    <a:gd name="T36" fmla="*/ 2 w 21"/>
                    <a:gd name="T37" fmla="*/ 1 h 15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w 21"/>
                    <a:gd name="T58" fmla="*/ 0 h 15"/>
                    <a:gd name="T59" fmla="*/ 21 w 21"/>
                    <a:gd name="T60" fmla="*/ 15 h 15"/>
                  </a:gdLst>
                  <a:ahLst/>
                  <a:cxnLst>
                    <a:cxn ang="T38">
                      <a:pos x="T0" y="T1"/>
                    </a:cxn>
                    <a:cxn ang="T39">
                      <a:pos x="T2" y="T3"/>
                    </a:cxn>
                    <a:cxn ang="T40">
                      <a:pos x="T4" y="T5"/>
                    </a:cxn>
                    <a:cxn ang="T41">
                      <a:pos x="T6" y="T7"/>
                    </a:cxn>
                    <a:cxn ang="T42">
                      <a:pos x="T8" y="T9"/>
                    </a:cxn>
                    <a:cxn ang="T43">
                      <a:pos x="T10" y="T11"/>
                    </a:cxn>
                    <a:cxn ang="T44">
                      <a:pos x="T12" y="T13"/>
                    </a:cxn>
                    <a:cxn ang="T45">
                      <a:pos x="T14" y="T15"/>
                    </a:cxn>
                    <a:cxn ang="T46">
                      <a:pos x="T16" y="T17"/>
                    </a:cxn>
                    <a:cxn ang="T47">
                      <a:pos x="T18" y="T19"/>
                    </a:cxn>
                    <a:cxn ang="T48">
                      <a:pos x="T20" y="T21"/>
                    </a:cxn>
                    <a:cxn ang="T49">
                      <a:pos x="T22" y="T23"/>
                    </a:cxn>
                    <a:cxn ang="T50">
                      <a:pos x="T24" y="T25"/>
                    </a:cxn>
                    <a:cxn ang="T51">
                      <a:pos x="T26" y="T27"/>
                    </a:cxn>
                    <a:cxn ang="T52">
                      <a:pos x="T28" y="T29"/>
                    </a:cxn>
                    <a:cxn ang="T53">
                      <a:pos x="T30" y="T31"/>
                    </a:cxn>
                    <a:cxn ang="T54">
                      <a:pos x="T32" y="T33"/>
                    </a:cxn>
                    <a:cxn ang="T55">
                      <a:pos x="T34" y="T35"/>
                    </a:cxn>
                    <a:cxn ang="T56">
                      <a:pos x="T36" y="T37"/>
                    </a:cxn>
                  </a:cxnLst>
                  <a:rect l="T57" t="T58" r="T59" b="T60"/>
                  <a:pathLst>
                    <a:path w="21" h="15">
                      <a:moveTo>
                        <a:pt x="2" y="1"/>
                      </a:moveTo>
                      <a:lnTo>
                        <a:pt x="19" y="0"/>
                      </a:lnTo>
                      <a:lnTo>
                        <a:pt x="19" y="1"/>
                      </a:lnTo>
                      <a:lnTo>
                        <a:pt x="19" y="3"/>
                      </a:lnTo>
                      <a:lnTo>
                        <a:pt x="21" y="5"/>
                      </a:lnTo>
                      <a:lnTo>
                        <a:pt x="21" y="8"/>
                      </a:lnTo>
                      <a:lnTo>
                        <a:pt x="21" y="10"/>
                      </a:lnTo>
                      <a:lnTo>
                        <a:pt x="21" y="13"/>
                      </a:lnTo>
                      <a:lnTo>
                        <a:pt x="17" y="15"/>
                      </a:lnTo>
                      <a:lnTo>
                        <a:pt x="12" y="15"/>
                      </a:lnTo>
                      <a:lnTo>
                        <a:pt x="11" y="13"/>
                      </a:lnTo>
                      <a:lnTo>
                        <a:pt x="7" y="11"/>
                      </a:lnTo>
                      <a:lnTo>
                        <a:pt x="6" y="10"/>
                      </a:lnTo>
                      <a:lnTo>
                        <a:pt x="4" y="8"/>
                      </a:lnTo>
                      <a:lnTo>
                        <a:pt x="2" y="6"/>
                      </a:lnTo>
                      <a:lnTo>
                        <a:pt x="0" y="6"/>
                      </a:lnTo>
                      <a:lnTo>
                        <a:pt x="2" y="1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23" name="Freeform 110"/>
                <p:cNvSpPr>
                  <a:spLocks/>
                </p:cNvSpPr>
                <p:nvPr/>
              </p:nvSpPr>
              <p:spPr bwMode="auto">
                <a:xfrm>
                  <a:off x="650" y="3331"/>
                  <a:ext cx="21" cy="15"/>
                </a:xfrm>
                <a:custGeom>
                  <a:avLst/>
                  <a:gdLst>
                    <a:gd name="T0" fmla="*/ 2 w 21"/>
                    <a:gd name="T1" fmla="*/ 1 h 15"/>
                    <a:gd name="T2" fmla="*/ 19 w 21"/>
                    <a:gd name="T3" fmla="*/ 0 h 15"/>
                    <a:gd name="T4" fmla="*/ 19 w 21"/>
                    <a:gd name="T5" fmla="*/ 0 h 15"/>
                    <a:gd name="T6" fmla="*/ 19 w 21"/>
                    <a:gd name="T7" fmla="*/ 1 h 15"/>
                    <a:gd name="T8" fmla="*/ 19 w 21"/>
                    <a:gd name="T9" fmla="*/ 3 h 15"/>
                    <a:gd name="T10" fmla="*/ 21 w 21"/>
                    <a:gd name="T11" fmla="*/ 5 h 15"/>
                    <a:gd name="T12" fmla="*/ 21 w 21"/>
                    <a:gd name="T13" fmla="*/ 8 h 15"/>
                    <a:gd name="T14" fmla="*/ 21 w 21"/>
                    <a:gd name="T15" fmla="*/ 10 h 15"/>
                    <a:gd name="T16" fmla="*/ 21 w 21"/>
                    <a:gd name="T17" fmla="*/ 13 h 15"/>
                    <a:gd name="T18" fmla="*/ 17 w 21"/>
                    <a:gd name="T19" fmla="*/ 15 h 15"/>
                    <a:gd name="T20" fmla="*/ 12 w 21"/>
                    <a:gd name="T21" fmla="*/ 15 h 15"/>
                    <a:gd name="T22" fmla="*/ 12 w 21"/>
                    <a:gd name="T23" fmla="*/ 15 h 15"/>
                    <a:gd name="T24" fmla="*/ 12 w 21"/>
                    <a:gd name="T25" fmla="*/ 15 h 15"/>
                    <a:gd name="T26" fmla="*/ 11 w 21"/>
                    <a:gd name="T27" fmla="*/ 13 h 15"/>
                    <a:gd name="T28" fmla="*/ 7 w 21"/>
                    <a:gd name="T29" fmla="*/ 11 h 15"/>
                    <a:gd name="T30" fmla="*/ 6 w 21"/>
                    <a:gd name="T31" fmla="*/ 10 h 15"/>
                    <a:gd name="T32" fmla="*/ 4 w 21"/>
                    <a:gd name="T33" fmla="*/ 8 h 15"/>
                    <a:gd name="T34" fmla="*/ 2 w 21"/>
                    <a:gd name="T35" fmla="*/ 6 h 15"/>
                    <a:gd name="T36" fmla="*/ 0 w 21"/>
                    <a:gd name="T37" fmla="*/ 6 h 15"/>
                    <a:gd name="T38" fmla="*/ 0 w 21"/>
                    <a:gd name="T39" fmla="*/ 6 h 15"/>
                    <a:gd name="T40" fmla="*/ 2 w 21"/>
                    <a:gd name="T41" fmla="*/ 1 h 1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21"/>
                    <a:gd name="T64" fmla="*/ 0 h 15"/>
                    <a:gd name="T65" fmla="*/ 21 w 21"/>
                    <a:gd name="T66" fmla="*/ 15 h 1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21" h="15">
                      <a:moveTo>
                        <a:pt x="2" y="1"/>
                      </a:moveTo>
                      <a:lnTo>
                        <a:pt x="19" y="0"/>
                      </a:lnTo>
                      <a:lnTo>
                        <a:pt x="19" y="1"/>
                      </a:lnTo>
                      <a:lnTo>
                        <a:pt x="19" y="3"/>
                      </a:lnTo>
                      <a:lnTo>
                        <a:pt x="21" y="5"/>
                      </a:lnTo>
                      <a:lnTo>
                        <a:pt x="21" y="8"/>
                      </a:lnTo>
                      <a:lnTo>
                        <a:pt x="21" y="10"/>
                      </a:lnTo>
                      <a:lnTo>
                        <a:pt x="21" y="13"/>
                      </a:lnTo>
                      <a:lnTo>
                        <a:pt x="17" y="15"/>
                      </a:lnTo>
                      <a:lnTo>
                        <a:pt x="12" y="15"/>
                      </a:lnTo>
                      <a:lnTo>
                        <a:pt x="11" y="13"/>
                      </a:lnTo>
                      <a:lnTo>
                        <a:pt x="7" y="11"/>
                      </a:lnTo>
                      <a:lnTo>
                        <a:pt x="6" y="10"/>
                      </a:lnTo>
                      <a:lnTo>
                        <a:pt x="4" y="8"/>
                      </a:lnTo>
                      <a:lnTo>
                        <a:pt x="2" y="6"/>
                      </a:lnTo>
                      <a:lnTo>
                        <a:pt x="0" y="6"/>
                      </a:lnTo>
                      <a:lnTo>
                        <a:pt x="2" y="1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24" name="Freeform 111"/>
                <p:cNvSpPr>
                  <a:spLocks/>
                </p:cNvSpPr>
                <p:nvPr/>
              </p:nvSpPr>
              <p:spPr bwMode="auto">
                <a:xfrm>
                  <a:off x="495" y="3530"/>
                  <a:ext cx="18" cy="9"/>
                </a:xfrm>
                <a:custGeom>
                  <a:avLst/>
                  <a:gdLst>
                    <a:gd name="T0" fmla="*/ 12 w 18"/>
                    <a:gd name="T1" fmla="*/ 2 h 9"/>
                    <a:gd name="T2" fmla="*/ 0 w 18"/>
                    <a:gd name="T3" fmla="*/ 5 h 9"/>
                    <a:gd name="T4" fmla="*/ 13 w 18"/>
                    <a:gd name="T5" fmla="*/ 9 h 9"/>
                    <a:gd name="T6" fmla="*/ 18 w 18"/>
                    <a:gd name="T7" fmla="*/ 0 h 9"/>
                    <a:gd name="T8" fmla="*/ 12 w 18"/>
                    <a:gd name="T9" fmla="*/ 2 h 9"/>
                    <a:gd name="T10" fmla="*/ 0 60000 65536"/>
                    <a:gd name="T11" fmla="*/ 0 60000 65536"/>
                    <a:gd name="T12" fmla="*/ 0 60000 65536"/>
                    <a:gd name="T13" fmla="*/ 0 60000 65536"/>
                    <a:gd name="T14" fmla="*/ 0 60000 65536"/>
                    <a:gd name="T15" fmla="*/ 0 w 18"/>
                    <a:gd name="T16" fmla="*/ 0 h 9"/>
                    <a:gd name="T17" fmla="*/ 18 w 18"/>
                    <a:gd name="T18" fmla="*/ 9 h 9"/>
                  </a:gdLst>
                  <a:ahLst/>
                  <a:cxnLst>
                    <a:cxn ang="T10">
                      <a:pos x="T0" y="T1"/>
                    </a:cxn>
                    <a:cxn ang="T11">
                      <a:pos x="T2" y="T3"/>
                    </a:cxn>
                    <a:cxn ang="T12">
                      <a:pos x="T4" y="T5"/>
                    </a:cxn>
                    <a:cxn ang="T13">
                      <a:pos x="T6" y="T7"/>
                    </a:cxn>
                    <a:cxn ang="T14">
                      <a:pos x="T8" y="T9"/>
                    </a:cxn>
                  </a:cxnLst>
                  <a:rect l="T15" t="T16" r="T17" b="T18"/>
                  <a:pathLst>
                    <a:path w="18" h="9">
                      <a:moveTo>
                        <a:pt x="12" y="2"/>
                      </a:moveTo>
                      <a:lnTo>
                        <a:pt x="0" y="5"/>
                      </a:lnTo>
                      <a:lnTo>
                        <a:pt x="13" y="9"/>
                      </a:lnTo>
                      <a:lnTo>
                        <a:pt x="18" y="0"/>
                      </a:lnTo>
                      <a:lnTo>
                        <a:pt x="12" y="2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25" name="Freeform 112"/>
                <p:cNvSpPr>
                  <a:spLocks/>
                </p:cNvSpPr>
                <p:nvPr/>
              </p:nvSpPr>
              <p:spPr bwMode="auto">
                <a:xfrm>
                  <a:off x="495" y="3530"/>
                  <a:ext cx="18" cy="9"/>
                </a:xfrm>
                <a:custGeom>
                  <a:avLst/>
                  <a:gdLst>
                    <a:gd name="T0" fmla="*/ 12 w 18"/>
                    <a:gd name="T1" fmla="*/ 2 h 9"/>
                    <a:gd name="T2" fmla="*/ 0 w 18"/>
                    <a:gd name="T3" fmla="*/ 5 h 9"/>
                    <a:gd name="T4" fmla="*/ 13 w 18"/>
                    <a:gd name="T5" fmla="*/ 9 h 9"/>
                    <a:gd name="T6" fmla="*/ 18 w 18"/>
                    <a:gd name="T7" fmla="*/ 0 h 9"/>
                    <a:gd name="T8" fmla="*/ 12 w 18"/>
                    <a:gd name="T9" fmla="*/ 2 h 9"/>
                    <a:gd name="T10" fmla="*/ 0 60000 65536"/>
                    <a:gd name="T11" fmla="*/ 0 60000 65536"/>
                    <a:gd name="T12" fmla="*/ 0 60000 65536"/>
                    <a:gd name="T13" fmla="*/ 0 60000 65536"/>
                    <a:gd name="T14" fmla="*/ 0 60000 65536"/>
                    <a:gd name="T15" fmla="*/ 0 w 18"/>
                    <a:gd name="T16" fmla="*/ 0 h 9"/>
                    <a:gd name="T17" fmla="*/ 18 w 18"/>
                    <a:gd name="T18" fmla="*/ 9 h 9"/>
                  </a:gdLst>
                  <a:ahLst/>
                  <a:cxnLst>
                    <a:cxn ang="T10">
                      <a:pos x="T0" y="T1"/>
                    </a:cxn>
                    <a:cxn ang="T11">
                      <a:pos x="T2" y="T3"/>
                    </a:cxn>
                    <a:cxn ang="T12">
                      <a:pos x="T4" y="T5"/>
                    </a:cxn>
                    <a:cxn ang="T13">
                      <a:pos x="T6" y="T7"/>
                    </a:cxn>
                    <a:cxn ang="T14">
                      <a:pos x="T8" y="T9"/>
                    </a:cxn>
                  </a:cxnLst>
                  <a:rect l="T15" t="T16" r="T17" b="T18"/>
                  <a:pathLst>
                    <a:path w="18" h="9">
                      <a:moveTo>
                        <a:pt x="12" y="2"/>
                      </a:moveTo>
                      <a:lnTo>
                        <a:pt x="0" y="5"/>
                      </a:lnTo>
                      <a:lnTo>
                        <a:pt x="13" y="9"/>
                      </a:lnTo>
                      <a:lnTo>
                        <a:pt x="18" y="0"/>
                      </a:lnTo>
                      <a:lnTo>
                        <a:pt x="12" y="2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26" name="Freeform 113"/>
                <p:cNvSpPr>
                  <a:spLocks/>
                </p:cNvSpPr>
                <p:nvPr/>
              </p:nvSpPr>
              <p:spPr bwMode="auto">
                <a:xfrm>
                  <a:off x="606" y="3229"/>
                  <a:ext cx="34" cy="25"/>
                </a:xfrm>
                <a:custGeom>
                  <a:avLst/>
                  <a:gdLst>
                    <a:gd name="T0" fmla="*/ 4 w 34"/>
                    <a:gd name="T1" fmla="*/ 0 h 25"/>
                    <a:gd name="T2" fmla="*/ 4 w 34"/>
                    <a:gd name="T3" fmla="*/ 0 h 25"/>
                    <a:gd name="T4" fmla="*/ 4 w 34"/>
                    <a:gd name="T5" fmla="*/ 2 h 25"/>
                    <a:gd name="T6" fmla="*/ 6 w 34"/>
                    <a:gd name="T7" fmla="*/ 3 h 25"/>
                    <a:gd name="T8" fmla="*/ 9 w 34"/>
                    <a:gd name="T9" fmla="*/ 5 h 25"/>
                    <a:gd name="T10" fmla="*/ 11 w 34"/>
                    <a:gd name="T11" fmla="*/ 7 h 25"/>
                    <a:gd name="T12" fmla="*/ 14 w 34"/>
                    <a:gd name="T13" fmla="*/ 7 h 25"/>
                    <a:gd name="T14" fmla="*/ 17 w 34"/>
                    <a:gd name="T15" fmla="*/ 5 h 25"/>
                    <a:gd name="T16" fmla="*/ 21 w 34"/>
                    <a:gd name="T17" fmla="*/ 3 h 25"/>
                    <a:gd name="T18" fmla="*/ 21 w 34"/>
                    <a:gd name="T19" fmla="*/ 3 h 25"/>
                    <a:gd name="T20" fmla="*/ 21 w 34"/>
                    <a:gd name="T21" fmla="*/ 5 h 25"/>
                    <a:gd name="T22" fmla="*/ 22 w 34"/>
                    <a:gd name="T23" fmla="*/ 7 h 25"/>
                    <a:gd name="T24" fmla="*/ 22 w 34"/>
                    <a:gd name="T25" fmla="*/ 10 h 25"/>
                    <a:gd name="T26" fmla="*/ 26 w 34"/>
                    <a:gd name="T27" fmla="*/ 14 h 25"/>
                    <a:gd name="T28" fmla="*/ 28 w 34"/>
                    <a:gd name="T29" fmla="*/ 15 h 25"/>
                    <a:gd name="T30" fmla="*/ 31 w 34"/>
                    <a:gd name="T31" fmla="*/ 17 h 25"/>
                    <a:gd name="T32" fmla="*/ 34 w 34"/>
                    <a:gd name="T33" fmla="*/ 17 h 25"/>
                    <a:gd name="T34" fmla="*/ 34 w 34"/>
                    <a:gd name="T35" fmla="*/ 19 h 25"/>
                    <a:gd name="T36" fmla="*/ 33 w 34"/>
                    <a:gd name="T37" fmla="*/ 19 h 25"/>
                    <a:gd name="T38" fmla="*/ 31 w 34"/>
                    <a:gd name="T39" fmla="*/ 20 h 25"/>
                    <a:gd name="T40" fmla="*/ 28 w 34"/>
                    <a:gd name="T41" fmla="*/ 22 h 25"/>
                    <a:gd name="T42" fmla="*/ 26 w 34"/>
                    <a:gd name="T43" fmla="*/ 24 h 25"/>
                    <a:gd name="T44" fmla="*/ 24 w 34"/>
                    <a:gd name="T45" fmla="*/ 25 h 25"/>
                    <a:gd name="T46" fmla="*/ 22 w 34"/>
                    <a:gd name="T47" fmla="*/ 25 h 25"/>
                    <a:gd name="T48" fmla="*/ 22 w 34"/>
                    <a:gd name="T49" fmla="*/ 25 h 25"/>
                    <a:gd name="T50" fmla="*/ 22 w 34"/>
                    <a:gd name="T51" fmla="*/ 25 h 25"/>
                    <a:gd name="T52" fmla="*/ 22 w 34"/>
                    <a:gd name="T53" fmla="*/ 24 h 25"/>
                    <a:gd name="T54" fmla="*/ 21 w 34"/>
                    <a:gd name="T55" fmla="*/ 20 h 25"/>
                    <a:gd name="T56" fmla="*/ 19 w 34"/>
                    <a:gd name="T57" fmla="*/ 19 h 25"/>
                    <a:gd name="T58" fmla="*/ 17 w 34"/>
                    <a:gd name="T59" fmla="*/ 15 h 25"/>
                    <a:gd name="T60" fmla="*/ 12 w 34"/>
                    <a:gd name="T61" fmla="*/ 14 h 25"/>
                    <a:gd name="T62" fmla="*/ 7 w 34"/>
                    <a:gd name="T63" fmla="*/ 10 h 25"/>
                    <a:gd name="T64" fmla="*/ 0 w 34"/>
                    <a:gd name="T65" fmla="*/ 10 h 25"/>
                    <a:gd name="T66" fmla="*/ 0 w 34"/>
                    <a:gd name="T67" fmla="*/ 9 h 25"/>
                    <a:gd name="T68" fmla="*/ 0 w 34"/>
                    <a:gd name="T69" fmla="*/ 5 h 25"/>
                    <a:gd name="T70" fmla="*/ 2 w 34"/>
                    <a:gd name="T71" fmla="*/ 2 h 25"/>
                    <a:gd name="T72" fmla="*/ 4 w 34"/>
                    <a:gd name="T73" fmla="*/ 0 h 25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34"/>
                    <a:gd name="T112" fmla="*/ 0 h 25"/>
                    <a:gd name="T113" fmla="*/ 34 w 34"/>
                    <a:gd name="T114" fmla="*/ 25 h 25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34" h="25">
                      <a:moveTo>
                        <a:pt x="4" y="0"/>
                      </a:moveTo>
                      <a:lnTo>
                        <a:pt x="4" y="0"/>
                      </a:lnTo>
                      <a:lnTo>
                        <a:pt x="4" y="2"/>
                      </a:lnTo>
                      <a:lnTo>
                        <a:pt x="6" y="3"/>
                      </a:lnTo>
                      <a:lnTo>
                        <a:pt x="9" y="5"/>
                      </a:lnTo>
                      <a:lnTo>
                        <a:pt x="11" y="7"/>
                      </a:lnTo>
                      <a:lnTo>
                        <a:pt x="14" y="7"/>
                      </a:lnTo>
                      <a:lnTo>
                        <a:pt x="17" y="5"/>
                      </a:lnTo>
                      <a:lnTo>
                        <a:pt x="21" y="3"/>
                      </a:lnTo>
                      <a:lnTo>
                        <a:pt x="21" y="5"/>
                      </a:lnTo>
                      <a:lnTo>
                        <a:pt x="22" y="7"/>
                      </a:lnTo>
                      <a:lnTo>
                        <a:pt x="22" y="10"/>
                      </a:lnTo>
                      <a:lnTo>
                        <a:pt x="26" y="14"/>
                      </a:lnTo>
                      <a:lnTo>
                        <a:pt x="28" y="15"/>
                      </a:lnTo>
                      <a:lnTo>
                        <a:pt x="31" y="17"/>
                      </a:lnTo>
                      <a:lnTo>
                        <a:pt x="34" y="17"/>
                      </a:lnTo>
                      <a:lnTo>
                        <a:pt x="34" y="19"/>
                      </a:lnTo>
                      <a:lnTo>
                        <a:pt x="33" y="19"/>
                      </a:lnTo>
                      <a:lnTo>
                        <a:pt x="31" y="20"/>
                      </a:lnTo>
                      <a:lnTo>
                        <a:pt x="28" y="22"/>
                      </a:lnTo>
                      <a:lnTo>
                        <a:pt x="26" y="24"/>
                      </a:lnTo>
                      <a:lnTo>
                        <a:pt x="24" y="25"/>
                      </a:lnTo>
                      <a:lnTo>
                        <a:pt x="22" y="25"/>
                      </a:lnTo>
                      <a:lnTo>
                        <a:pt x="22" y="24"/>
                      </a:lnTo>
                      <a:lnTo>
                        <a:pt x="21" y="20"/>
                      </a:lnTo>
                      <a:lnTo>
                        <a:pt x="19" y="19"/>
                      </a:lnTo>
                      <a:lnTo>
                        <a:pt x="17" y="15"/>
                      </a:lnTo>
                      <a:lnTo>
                        <a:pt x="12" y="14"/>
                      </a:lnTo>
                      <a:lnTo>
                        <a:pt x="7" y="10"/>
                      </a:lnTo>
                      <a:lnTo>
                        <a:pt x="0" y="10"/>
                      </a:lnTo>
                      <a:lnTo>
                        <a:pt x="0" y="9"/>
                      </a:lnTo>
                      <a:lnTo>
                        <a:pt x="0" y="5"/>
                      </a:lnTo>
                      <a:lnTo>
                        <a:pt x="2" y="2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527" name="Freeform 114"/>
                <p:cNvSpPr>
                  <a:spLocks/>
                </p:cNvSpPr>
                <p:nvPr/>
              </p:nvSpPr>
              <p:spPr bwMode="auto">
                <a:xfrm>
                  <a:off x="606" y="3229"/>
                  <a:ext cx="34" cy="25"/>
                </a:xfrm>
                <a:custGeom>
                  <a:avLst/>
                  <a:gdLst>
                    <a:gd name="T0" fmla="*/ 4 w 34"/>
                    <a:gd name="T1" fmla="*/ 0 h 25"/>
                    <a:gd name="T2" fmla="*/ 4 w 34"/>
                    <a:gd name="T3" fmla="*/ 0 h 25"/>
                    <a:gd name="T4" fmla="*/ 4 w 34"/>
                    <a:gd name="T5" fmla="*/ 0 h 25"/>
                    <a:gd name="T6" fmla="*/ 4 w 34"/>
                    <a:gd name="T7" fmla="*/ 2 h 25"/>
                    <a:gd name="T8" fmla="*/ 6 w 34"/>
                    <a:gd name="T9" fmla="*/ 3 h 25"/>
                    <a:gd name="T10" fmla="*/ 9 w 34"/>
                    <a:gd name="T11" fmla="*/ 5 h 25"/>
                    <a:gd name="T12" fmla="*/ 11 w 34"/>
                    <a:gd name="T13" fmla="*/ 7 h 25"/>
                    <a:gd name="T14" fmla="*/ 14 w 34"/>
                    <a:gd name="T15" fmla="*/ 7 h 25"/>
                    <a:gd name="T16" fmla="*/ 17 w 34"/>
                    <a:gd name="T17" fmla="*/ 5 h 25"/>
                    <a:gd name="T18" fmla="*/ 21 w 34"/>
                    <a:gd name="T19" fmla="*/ 3 h 25"/>
                    <a:gd name="T20" fmla="*/ 21 w 34"/>
                    <a:gd name="T21" fmla="*/ 3 h 25"/>
                    <a:gd name="T22" fmla="*/ 21 w 34"/>
                    <a:gd name="T23" fmla="*/ 3 h 25"/>
                    <a:gd name="T24" fmla="*/ 21 w 34"/>
                    <a:gd name="T25" fmla="*/ 5 h 25"/>
                    <a:gd name="T26" fmla="*/ 22 w 34"/>
                    <a:gd name="T27" fmla="*/ 7 h 25"/>
                    <a:gd name="T28" fmla="*/ 22 w 34"/>
                    <a:gd name="T29" fmla="*/ 10 h 25"/>
                    <a:gd name="T30" fmla="*/ 26 w 34"/>
                    <a:gd name="T31" fmla="*/ 14 h 25"/>
                    <a:gd name="T32" fmla="*/ 28 w 34"/>
                    <a:gd name="T33" fmla="*/ 15 h 25"/>
                    <a:gd name="T34" fmla="*/ 31 w 34"/>
                    <a:gd name="T35" fmla="*/ 17 h 25"/>
                    <a:gd name="T36" fmla="*/ 34 w 34"/>
                    <a:gd name="T37" fmla="*/ 17 h 25"/>
                    <a:gd name="T38" fmla="*/ 34 w 34"/>
                    <a:gd name="T39" fmla="*/ 17 h 25"/>
                    <a:gd name="T40" fmla="*/ 34 w 34"/>
                    <a:gd name="T41" fmla="*/ 19 h 25"/>
                    <a:gd name="T42" fmla="*/ 33 w 34"/>
                    <a:gd name="T43" fmla="*/ 19 h 25"/>
                    <a:gd name="T44" fmla="*/ 31 w 34"/>
                    <a:gd name="T45" fmla="*/ 20 h 25"/>
                    <a:gd name="T46" fmla="*/ 28 w 34"/>
                    <a:gd name="T47" fmla="*/ 22 h 25"/>
                    <a:gd name="T48" fmla="*/ 26 w 34"/>
                    <a:gd name="T49" fmla="*/ 24 h 25"/>
                    <a:gd name="T50" fmla="*/ 24 w 34"/>
                    <a:gd name="T51" fmla="*/ 25 h 25"/>
                    <a:gd name="T52" fmla="*/ 22 w 34"/>
                    <a:gd name="T53" fmla="*/ 25 h 25"/>
                    <a:gd name="T54" fmla="*/ 22 w 34"/>
                    <a:gd name="T55" fmla="*/ 25 h 25"/>
                    <a:gd name="T56" fmla="*/ 22 w 34"/>
                    <a:gd name="T57" fmla="*/ 25 h 25"/>
                    <a:gd name="T58" fmla="*/ 22 w 34"/>
                    <a:gd name="T59" fmla="*/ 25 h 25"/>
                    <a:gd name="T60" fmla="*/ 22 w 34"/>
                    <a:gd name="T61" fmla="*/ 24 h 25"/>
                    <a:gd name="T62" fmla="*/ 21 w 34"/>
                    <a:gd name="T63" fmla="*/ 20 h 25"/>
                    <a:gd name="T64" fmla="*/ 19 w 34"/>
                    <a:gd name="T65" fmla="*/ 19 h 25"/>
                    <a:gd name="T66" fmla="*/ 17 w 34"/>
                    <a:gd name="T67" fmla="*/ 15 h 25"/>
                    <a:gd name="T68" fmla="*/ 12 w 34"/>
                    <a:gd name="T69" fmla="*/ 14 h 25"/>
                    <a:gd name="T70" fmla="*/ 7 w 34"/>
                    <a:gd name="T71" fmla="*/ 10 h 25"/>
                    <a:gd name="T72" fmla="*/ 0 w 34"/>
                    <a:gd name="T73" fmla="*/ 10 h 25"/>
                    <a:gd name="T74" fmla="*/ 0 w 34"/>
                    <a:gd name="T75" fmla="*/ 10 h 25"/>
                    <a:gd name="T76" fmla="*/ 0 w 34"/>
                    <a:gd name="T77" fmla="*/ 9 h 25"/>
                    <a:gd name="T78" fmla="*/ 0 w 34"/>
                    <a:gd name="T79" fmla="*/ 5 h 25"/>
                    <a:gd name="T80" fmla="*/ 2 w 34"/>
                    <a:gd name="T81" fmla="*/ 2 h 25"/>
                    <a:gd name="T82" fmla="*/ 4 w 34"/>
                    <a:gd name="T83" fmla="*/ 0 h 25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w 34"/>
                    <a:gd name="T127" fmla="*/ 0 h 25"/>
                    <a:gd name="T128" fmla="*/ 34 w 34"/>
                    <a:gd name="T129" fmla="*/ 25 h 25"/>
                  </a:gdLst>
                  <a:ahLst/>
                  <a:cxnLst>
                    <a:cxn ang="T84">
                      <a:pos x="T0" y="T1"/>
                    </a:cxn>
                    <a:cxn ang="T85">
                      <a:pos x="T2" y="T3"/>
                    </a:cxn>
                    <a:cxn ang="T86">
                      <a:pos x="T4" y="T5"/>
                    </a:cxn>
                    <a:cxn ang="T87">
                      <a:pos x="T6" y="T7"/>
                    </a:cxn>
                    <a:cxn ang="T88">
                      <a:pos x="T8" y="T9"/>
                    </a:cxn>
                    <a:cxn ang="T89">
                      <a:pos x="T10" y="T11"/>
                    </a:cxn>
                    <a:cxn ang="T90">
                      <a:pos x="T12" y="T13"/>
                    </a:cxn>
                    <a:cxn ang="T91">
                      <a:pos x="T14" y="T15"/>
                    </a:cxn>
                    <a:cxn ang="T92">
                      <a:pos x="T16" y="T17"/>
                    </a:cxn>
                    <a:cxn ang="T93">
                      <a:pos x="T18" y="T19"/>
                    </a:cxn>
                    <a:cxn ang="T94">
                      <a:pos x="T20" y="T21"/>
                    </a:cxn>
                    <a:cxn ang="T95">
                      <a:pos x="T22" y="T23"/>
                    </a:cxn>
                    <a:cxn ang="T96">
                      <a:pos x="T24" y="T25"/>
                    </a:cxn>
                    <a:cxn ang="T97">
                      <a:pos x="T26" y="T27"/>
                    </a:cxn>
                    <a:cxn ang="T98">
                      <a:pos x="T28" y="T29"/>
                    </a:cxn>
                    <a:cxn ang="T99">
                      <a:pos x="T30" y="T31"/>
                    </a:cxn>
                    <a:cxn ang="T100">
                      <a:pos x="T32" y="T33"/>
                    </a:cxn>
                    <a:cxn ang="T101">
                      <a:pos x="T34" y="T35"/>
                    </a:cxn>
                    <a:cxn ang="T102">
                      <a:pos x="T36" y="T37"/>
                    </a:cxn>
                    <a:cxn ang="T103">
                      <a:pos x="T38" y="T39"/>
                    </a:cxn>
                    <a:cxn ang="T104">
                      <a:pos x="T40" y="T41"/>
                    </a:cxn>
                    <a:cxn ang="T105">
                      <a:pos x="T42" y="T43"/>
                    </a:cxn>
                    <a:cxn ang="T106">
                      <a:pos x="T44" y="T45"/>
                    </a:cxn>
                    <a:cxn ang="T107">
                      <a:pos x="T46" y="T47"/>
                    </a:cxn>
                    <a:cxn ang="T108">
                      <a:pos x="T48" y="T49"/>
                    </a:cxn>
                    <a:cxn ang="T109">
                      <a:pos x="T50" y="T51"/>
                    </a:cxn>
                    <a:cxn ang="T110">
                      <a:pos x="T52" y="T53"/>
                    </a:cxn>
                    <a:cxn ang="T111">
                      <a:pos x="T54" y="T55"/>
                    </a:cxn>
                    <a:cxn ang="T112">
                      <a:pos x="T56" y="T57"/>
                    </a:cxn>
                    <a:cxn ang="T113">
                      <a:pos x="T58" y="T59"/>
                    </a:cxn>
                    <a:cxn ang="T114">
                      <a:pos x="T60" y="T61"/>
                    </a:cxn>
                    <a:cxn ang="T115">
                      <a:pos x="T62" y="T63"/>
                    </a:cxn>
                    <a:cxn ang="T116">
                      <a:pos x="T64" y="T65"/>
                    </a:cxn>
                    <a:cxn ang="T117">
                      <a:pos x="T66" y="T67"/>
                    </a:cxn>
                    <a:cxn ang="T118">
                      <a:pos x="T68" y="T69"/>
                    </a:cxn>
                    <a:cxn ang="T119">
                      <a:pos x="T70" y="T71"/>
                    </a:cxn>
                    <a:cxn ang="T120">
                      <a:pos x="T72" y="T73"/>
                    </a:cxn>
                    <a:cxn ang="T121">
                      <a:pos x="T74" y="T75"/>
                    </a:cxn>
                    <a:cxn ang="T122">
                      <a:pos x="T76" y="T77"/>
                    </a:cxn>
                    <a:cxn ang="T123">
                      <a:pos x="T78" y="T79"/>
                    </a:cxn>
                    <a:cxn ang="T124">
                      <a:pos x="T80" y="T81"/>
                    </a:cxn>
                    <a:cxn ang="T125">
                      <a:pos x="T82" y="T83"/>
                    </a:cxn>
                  </a:cxnLst>
                  <a:rect l="T126" t="T127" r="T128" b="T129"/>
                  <a:pathLst>
                    <a:path w="34" h="25">
                      <a:moveTo>
                        <a:pt x="4" y="0"/>
                      </a:moveTo>
                      <a:lnTo>
                        <a:pt x="4" y="0"/>
                      </a:lnTo>
                      <a:lnTo>
                        <a:pt x="4" y="2"/>
                      </a:lnTo>
                      <a:lnTo>
                        <a:pt x="6" y="3"/>
                      </a:lnTo>
                      <a:lnTo>
                        <a:pt x="9" y="5"/>
                      </a:lnTo>
                      <a:lnTo>
                        <a:pt x="11" y="7"/>
                      </a:lnTo>
                      <a:lnTo>
                        <a:pt x="14" y="7"/>
                      </a:lnTo>
                      <a:lnTo>
                        <a:pt x="17" y="5"/>
                      </a:lnTo>
                      <a:lnTo>
                        <a:pt x="21" y="3"/>
                      </a:lnTo>
                      <a:lnTo>
                        <a:pt x="21" y="5"/>
                      </a:lnTo>
                      <a:lnTo>
                        <a:pt x="22" y="7"/>
                      </a:lnTo>
                      <a:lnTo>
                        <a:pt x="22" y="10"/>
                      </a:lnTo>
                      <a:lnTo>
                        <a:pt x="26" y="14"/>
                      </a:lnTo>
                      <a:lnTo>
                        <a:pt x="28" y="15"/>
                      </a:lnTo>
                      <a:lnTo>
                        <a:pt x="31" y="17"/>
                      </a:lnTo>
                      <a:lnTo>
                        <a:pt x="34" y="17"/>
                      </a:lnTo>
                      <a:lnTo>
                        <a:pt x="34" y="19"/>
                      </a:lnTo>
                      <a:lnTo>
                        <a:pt x="33" y="19"/>
                      </a:lnTo>
                      <a:lnTo>
                        <a:pt x="31" y="20"/>
                      </a:lnTo>
                      <a:lnTo>
                        <a:pt x="28" y="22"/>
                      </a:lnTo>
                      <a:lnTo>
                        <a:pt x="26" y="24"/>
                      </a:lnTo>
                      <a:lnTo>
                        <a:pt x="24" y="25"/>
                      </a:lnTo>
                      <a:lnTo>
                        <a:pt x="22" y="25"/>
                      </a:lnTo>
                      <a:lnTo>
                        <a:pt x="22" y="24"/>
                      </a:lnTo>
                      <a:lnTo>
                        <a:pt x="21" y="20"/>
                      </a:lnTo>
                      <a:lnTo>
                        <a:pt x="19" y="19"/>
                      </a:lnTo>
                      <a:lnTo>
                        <a:pt x="17" y="15"/>
                      </a:lnTo>
                      <a:lnTo>
                        <a:pt x="12" y="14"/>
                      </a:lnTo>
                      <a:lnTo>
                        <a:pt x="7" y="10"/>
                      </a:lnTo>
                      <a:lnTo>
                        <a:pt x="0" y="10"/>
                      </a:lnTo>
                      <a:lnTo>
                        <a:pt x="0" y="9"/>
                      </a:lnTo>
                      <a:lnTo>
                        <a:pt x="0" y="5"/>
                      </a:lnTo>
                      <a:lnTo>
                        <a:pt x="2" y="2"/>
                      </a:lnTo>
                      <a:lnTo>
                        <a:pt x="4" y="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413" name="Freeform 115"/>
              <p:cNvSpPr>
                <a:spLocks/>
              </p:cNvSpPr>
              <p:nvPr/>
            </p:nvSpPr>
            <p:spPr bwMode="auto">
              <a:xfrm>
                <a:off x="250" y="1142"/>
                <a:ext cx="769" cy="650"/>
              </a:xfrm>
              <a:custGeom>
                <a:avLst/>
                <a:gdLst>
                  <a:gd name="T0" fmla="*/ 149 w 791"/>
                  <a:gd name="T1" fmla="*/ 14 h 669"/>
                  <a:gd name="T2" fmla="*/ 137 w 791"/>
                  <a:gd name="T3" fmla="*/ 12 h 669"/>
                  <a:gd name="T4" fmla="*/ 122 w 791"/>
                  <a:gd name="T5" fmla="*/ 0 h 669"/>
                  <a:gd name="T6" fmla="*/ 116 w 791"/>
                  <a:gd name="T7" fmla="*/ 29 h 669"/>
                  <a:gd name="T8" fmla="*/ 89 w 791"/>
                  <a:gd name="T9" fmla="*/ 99 h 669"/>
                  <a:gd name="T10" fmla="*/ 71 w 791"/>
                  <a:gd name="T11" fmla="*/ 147 h 669"/>
                  <a:gd name="T12" fmla="*/ 55 w 791"/>
                  <a:gd name="T13" fmla="*/ 179 h 669"/>
                  <a:gd name="T14" fmla="*/ 40 w 791"/>
                  <a:gd name="T15" fmla="*/ 210 h 669"/>
                  <a:gd name="T16" fmla="*/ 27 w 791"/>
                  <a:gd name="T17" fmla="*/ 224 h 669"/>
                  <a:gd name="T18" fmla="*/ 24 w 791"/>
                  <a:gd name="T19" fmla="*/ 230 h 669"/>
                  <a:gd name="T20" fmla="*/ 14 w 791"/>
                  <a:gd name="T21" fmla="*/ 258 h 669"/>
                  <a:gd name="T22" fmla="*/ 12 w 791"/>
                  <a:gd name="T23" fmla="*/ 275 h 669"/>
                  <a:gd name="T24" fmla="*/ 12 w 791"/>
                  <a:gd name="T25" fmla="*/ 286 h 669"/>
                  <a:gd name="T26" fmla="*/ 2 w 791"/>
                  <a:gd name="T27" fmla="*/ 302 h 669"/>
                  <a:gd name="T28" fmla="*/ 0 w 791"/>
                  <a:gd name="T29" fmla="*/ 317 h 669"/>
                  <a:gd name="T30" fmla="*/ 2 w 791"/>
                  <a:gd name="T31" fmla="*/ 326 h 669"/>
                  <a:gd name="T32" fmla="*/ 4 w 791"/>
                  <a:gd name="T33" fmla="*/ 330 h 669"/>
                  <a:gd name="T34" fmla="*/ 10 w 791"/>
                  <a:gd name="T35" fmla="*/ 337 h 669"/>
                  <a:gd name="T36" fmla="*/ 25 w 791"/>
                  <a:gd name="T37" fmla="*/ 340 h 669"/>
                  <a:gd name="T38" fmla="*/ 59 w 791"/>
                  <a:gd name="T39" fmla="*/ 350 h 669"/>
                  <a:gd name="T40" fmla="*/ 98 w 791"/>
                  <a:gd name="T41" fmla="*/ 361 h 669"/>
                  <a:gd name="T42" fmla="*/ 145 w 791"/>
                  <a:gd name="T43" fmla="*/ 374 h 669"/>
                  <a:gd name="T44" fmla="*/ 193 w 791"/>
                  <a:gd name="T45" fmla="*/ 387 h 669"/>
                  <a:gd name="T46" fmla="*/ 247 w 791"/>
                  <a:gd name="T47" fmla="*/ 400 h 669"/>
                  <a:gd name="T48" fmla="*/ 291 w 791"/>
                  <a:gd name="T49" fmla="*/ 412 h 669"/>
                  <a:gd name="T50" fmla="*/ 330 w 791"/>
                  <a:gd name="T51" fmla="*/ 422 h 669"/>
                  <a:gd name="T52" fmla="*/ 367 w 791"/>
                  <a:gd name="T53" fmla="*/ 431 h 669"/>
                  <a:gd name="T54" fmla="*/ 398 w 791"/>
                  <a:gd name="T55" fmla="*/ 436 h 669"/>
                  <a:gd name="T56" fmla="*/ 421 w 791"/>
                  <a:gd name="T57" fmla="*/ 444 h 669"/>
                  <a:gd name="T58" fmla="*/ 432 w 791"/>
                  <a:gd name="T59" fmla="*/ 448 h 669"/>
                  <a:gd name="T60" fmla="*/ 462 w 791"/>
                  <a:gd name="T61" fmla="*/ 308 h 669"/>
                  <a:gd name="T62" fmla="*/ 477 w 791"/>
                  <a:gd name="T63" fmla="*/ 266 h 669"/>
                  <a:gd name="T64" fmla="*/ 466 w 791"/>
                  <a:gd name="T65" fmla="*/ 250 h 669"/>
                  <a:gd name="T66" fmla="*/ 470 w 791"/>
                  <a:gd name="T67" fmla="*/ 245 h 669"/>
                  <a:gd name="T68" fmla="*/ 492 w 791"/>
                  <a:gd name="T69" fmla="*/ 216 h 669"/>
                  <a:gd name="T70" fmla="*/ 531 w 791"/>
                  <a:gd name="T71" fmla="*/ 159 h 669"/>
                  <a:gd name="T72" fmla="*/ 515 w 791"/>
                  <a:gd name="T73" fmla="*/ 124 h 669"/>
                  <a:gd name="T74" fmla="*/ 398 w 791"/>
                  <a:gd name="T75" fmla="*/ 96 h 669"/>
                  <a:gd name="T76" fmla="*/ 383 w 791"/>
                  <a:gd name="T77" fmla="*/ 98 h 669"/>
                  <a:gd name="T78" fmla="*/ 367 w 791"/>
                  <a:gd name="T79" fmla="*/ 95 h 669"/>
                  <a:gd name="T80" fmla="*/ 357 w 791"/>
                  <a:gd name="T81" fmla="*/ 93 h 669"/>
                  <a:gd name="T82" fmla="*/ 350 w 791"/>
                  <a:gd name="T83" fmla="*/ 96 h 669"/>
                  <a:gd name="T84" fmla="*/ 319 w 791"/>
                  <a:gd name="T85" fmla="*/ 99 h 669"/>
                  <a:gd name="T86" fmla="*/ 297 w 791"/>
                  <a:gd name="T87" fmla="*/ 94 h 669"/>
                  <a:gd name="T88" fmla="*/ 283 w 791"/>
                  <a:gd name="T89" fmla="*/ 95 h 669"/>
                  <a:gd name="T90" fmla="*/ 265 w 791"/>
                  <a:gd name="T91" fmla="*/ 95 h 669"/>
                  <a:gd name="T92" fmla="*/ 244 w 791"/>
                  <a:gd name="T93" fmla="*/ 81 h 669"/>
                  <a:gd name="T94" fmla="*/ 228 w 791"/>
                  <a:gd name="T95" fmla="*/ 80 h 669"/>
                  <a:gd name="T96" fmla="*/ 212 w 791"/>
                  <a:gd name="T97" fmla="*/ 82 h 669"/>
                  <a:gd name="T98" fmla="*/ 193 w 791"/>
                  <a:gd name="T99" fmla="*/ 81 h 669"/>
                  <a:gd name="T100" fmla="*/ 185 w 791"/>
                  <a:gd name="T101" fmla="*/ 76 h 669"/>
                  <a:gd name="T102" fmla="*/ 178 w 791"/>
                  <a:gd name="T103" fmla="*/ 70 h 669"/>
                  <a:gd name="T104" fmla="*/ 177 w 791"/>
                  <a:gd name="T105" fmla="*/ 59 h 669"/>
                  <a:gd name="T106" fmla="*/ 177 w 791"/>
                  <a:gd name="T107" fmla="*/ 43 h 669"/>
                  <a:gd name="T108" fmla="*/ 172 w 791"/>
                  <a:gd name="T109" fmla="*/ 22 h 669"/>
                  <a:gd name="T110" fmla="*/ 159 w 791"/>
                  <a:gd name="T111" fmla="*/ 17 h 669"/>
                  <a:gd name="T112" fmla="*/ 154 w 791"/>
                  <a:gd name="T113" fmla="*/ 17 h 669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791"/>
                  <a:gd name="T172" fmla="*/ 0 h 669"/>
                  <a:gd name="T173" fmla="*/ 791 w 791"/>
                  <a:gd name="T174" fmla="*/ 669 h 669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791" h="669">
                    <a:moveTo>
                      <a:pt x="239" y="27"/>
                    </a:moveTo>
                    <a:lnTo>
                      <a:pt x="232" y="27"/>
                    </a:lnTo>
                    <a:lnTo>
                      <a:pt x="227" y="22"/>
                    </a:lnTo>
                    <a:lnTo>
                      <a:pt x="222" y="19"/>
                    </a:lnTo>
                    <a:lnTo>
                      <a:pt x="220" y="14"/>
                    </a:lnTo>
                    <a:lnTo>
                      <a:pt x="214" y="12"/>
                    </a:lnTo>
                    <a:lnTo>
                      <a:pt x="212" y="12"/>
                    </a:lnTo>
                    <a:lnTo>
                      <a:pt x="207" y="14"/>
                    </a:lnTo>
                    <a:lnTo>
                      <a:pt x="202" y="12"/>
                    </a:lnTo>
                    <a:lnTo>
                      <a:pt x="197" y="9"/>
                    </a:lnTo>
                    <a:lnTo>
                      <a:pt x="193" y="9"/>
                    </a:lnTo>
                    <a:lnTo>
                      <a:pt x="190" y="12"/>
                    </a:lnTo>
                    <a:lnTo>
                      <a:pt x="185" y="7"/>
                    </a:lnTo>
                    <a:lnTo>
                      <a:pt x="181" y="0"/>
                    </a:lnTo>
                    <a:lnTo>
                      <a:pt x="178" y="0"/>
                    </a:lnTo>
                    <a:lnTo>
                      <a:pt x="180" y="17"/>
                    </a:lnTo>
                    <a:lnTo>
                      <a:pt x="178" y="26"/>
                    </a:lnTo>
                    <a:lnTo>
                      <a:pt x="168" y="34"/>
                    </a:lnTo>
                    <a:lnTo>
                      <a:pt x="173" y="43"/>
                    </a:lnTo>
                    <a:lnTo>
                      <a:pt x="168" y="48"/>
                    </a:lnTo>
                    <a:lnTo>
                      <a:pt x="161" y="63"/>
                    </a:lnTo>
                    <a:lnTo>
                      <a:pt x="164" y="73"/>
                    </a:lnTo>
                    <a:lnTo>
                      <a:pt x="156" y="88"/>
                    </a:lnTo>
                    <a:lnTo>
                      <a:pt x="134" y="147"/>
                    </a:lnTo>
                    <a:lnTo>
                      <a:pt x="119" y="169"/>
                    </a:lnTo>
                    <a:lnTo>
                      <a:pt x="119" y="176"/>
                    </a:lnTo>
                    <a:lnTo>
                      <a:pt x="102" y="222"/>
                    </a:lnTo>
                    <a:lnTo>
                      <a:pt x="104" y="222"/>
                    </a:lnTo>
                    <a:lnTo>
                      <a:pt x="104" y="220"/>
                    </a:lnTo>
                    <a:lnTo>
                      <a:pt x="102" y="222"/>
                    </a:lnTo>
                    <a:lnTo>
                      <a:pt x="95" y="239"/>
                    </a:lnTo>
                    <a:lnTo>
                      <a:pt x="90" y="254"/>
                    </a:lnTo>
                    <a:lnTo>
                      <a:pt x="83" y="268"/>
                    </a:lnTo>
                    <a:lnTo>
                      <a:pt x="76" y="279"/>
                    </a:lnTo>
                    <a:lnTo>
                      <a:pt x="71" y="290"/>
                    </a:lnTo>
                    <a:lnTo>
                      <a:pt x="66" y="300"/>
                    </a:lnTo>
                    <a:lnTo>
                      <a:pt x="61" y="308"/>
                    </a:lnTo>
                    <a:lnTo>
                      <a:pt x="56" y="315"/>
                    </a:lnTo>
                    <a:lnTo>
                      <a:pt x="53" y="322"/>
                    </a:lnTo>
                    <a:lnTo>
                      <a:pt x="49" y="327"/>
                    </a:lnTo>
                    <a:lnTo>
                      <a:pt x="46" y="332"/>
                    </a:lnTo>
                    <a:lnTo>
                      <a:pt x="43" y="335"/>
                    </a:lnTo>
                    <a:lnTo>
                      <a:pt x="41" y="337"/>
                    </a:lnTo>
                    <a:lnTo>
                      <a:pt x="39" y="339"/>
                    </a:lnTo>
                    <a:lnTo>
                      <a:pt x="39" y="340"/>
                    </a:lnTo>
                    <a:lnTo>
                      <a:pt x="39" y="344"/>
                    </a:lnTo>
                    <a:lnTo>
                      <a:pt x="38" y="345"/>
                    </a:lnTo>
                    <a:lnTo>
                      <a:pt x="34" y="351"/>
                    </a:lnTo>
                    <a:lnTo>
                      <a:pt x="31" y="359"/>
                    </a:lnTo>
                    <a:lnTo>
                      <a:pt x="24" y="367"/>
                    </a:lnTo>
                    <a:lnTo>
                      <a:pt x="19" y="378"/>
                    </a:lnTo>
                    <a:lnTo>
                      <a:pt x="14" y="386"/>
                    </a:lnTo>
                    <a:lnTo>
                      <a:pt x="10" y="393"/>
                    </a:lnTo>
                    <a:lnTo>
                      <a:pt x="9" y="396"/>
                    </a:lnTo>
                    <a:lnTo>
                      <a:pt x="10" y="401"/>
                    </a:lnTo>
                    <a:lnTo>
                      <a:pt x="12" y="406"/>
                    </a:lnTo>
                    <a:lnTo>
                      <a:pt x="12" y="411"/>
                    </a:lnTo>
                    <a:lnTo>
                      <a:pt x="12" y="417"/>
                    </a:lnTo>
                    <a:lnTo>
                      <a:pt x="12" y="420"/>
                    </a:lnTo>
                    <a:lnTo>
                      <a:pt x="12" y="423"/>
                    </a:lnTo>
                    <a:lnTo>
                      <a:pt x="12" y="427"/>
                    </a:lnTo>
                    <a:lnTo>
                      <a:pt x="12" y="428"/>
                    </a:lnTo>
                    <a:lnTo>
                      <a:pt x="9" y="432"/>
                    </a:lnTo>
                    <a:lnTo>
                      <a:pt x="7" y="437"/>
                    </a:lnTo>
                    <a:lnTo>
                      <a:pt x="5" y="442"/>
                    </a:lnTo>
                    <a:lnTo>
                      <a:pt x="4" y="447"/>
                    </a:lnTo>
                    <a:lnTo>
                      <a:pt x="2" y="452"/>
                    </a:lnTo>
                    <a:lnTo>
                      <a:pt x="2" y="457"/>
                    </a:lnTo>
                    <a:lnTo>
                      <a:pt x="0" y="462"/>
                    </a:lnTo>
                    <a:lnTo>
                      <a:pt x="0" y="466"/>
                    </a:lnTo>
                    <a:lnTo>
                      <a:pt x="0" y="471"/>
                    </a:lnTo>
                    <a:lnTo>
                      <a:pt x="0" y="474"/>
                    </a:lnTo>
                    <a:lnTo>
                      <a:pt x="0" y="477"/>
                    </a:lnTo>
                    <a:lnTo>
                      <a:pt x="2" y="481"/>
                    </a:lnTo>
                    <a:lnTo>
                      <a:pt x="2" y="484"/>
                    </a:lnTo>
                    <a:lnTo>
                      <a:pt x="2" y="486"/>
                    </a:lnTo>
                    <a:lnTo>
                      <a:pt x="2" y="488"/>
                    </a:lnTo>
                    <a:lnTo>
                      <a:pt x="2" y="489"/>
                    </a:lnTo>
                    <a:lnTo>
                      <a:pt x="4" y="491"/>
                    </a:lnTo>
                    <a:lnTo>
                      <a:pt x="4" y="494"/>
                    </a:lnTo>
                    <a:lnTo>
                      <a:pt x="5" y="496"/>
                    </a:lnTo>
                    <a:lnTo>
                      <a:pt x="5" y="498"/>
                    </a:lnTo>
                    <a:lnTo>
                      <a:pt x="7" y="499"/>
                    </a:lnTo>
                    <a:lnTo>
                      <a:pt x="7" y="501"/>
                    </a:lnTo>
                    <a:lnTo>
                      <a:pt x="10" y="503"/>
                    </a:lnTo>
                    <a:lnTo>
                      <a:pt x="16" y="503"/>
                    </a:lnTo>
                    <a:lnTo>
                      <a:pt x="21" y="506"/>
                    </a:lnTo>
                    <a:lnTo>
                      <a:pt x="26" y="508"/>
                    </a:lnTo>
                    <a:lnTo>
                      <a:pt x="32" y="510"/>
                    </a:lnTo>
                    <a:lnTo>
                      <a:pt x="39" y="511"/>
                    </a:lnTo>
                    <a:lnTo>
                      <a:pt x="48" y="515"/>
                    </a:lnTo>
                    <a:lnTo>
                      <a:pt x="56" y="516"/>
                    </a:lnTo>
                    <a:lnTo>
                      <a:pt x="66" y="520"/>
                    </a:lnTo>
                    <a:lnTo>
                      <a:pt x="76" y="521"/>
                    </a:lnTo>
                    <a:lnTo>
                      <a:pt x="87" y="525"/>
                    </a:lnTo>
                    <a:lnTo>
                      <a:pt x="97" y="528"/>
                    </a:lnTo>
                    <a:lnTo>
                      <a:pt x="109" y="532"/>
                    </a:lnTo>
                    <a:lnTo>
                      <a:pt x="120" y="535"/>
                    </a:lnTo>
                    <a:lnTo>
                      <a:pt x="132" y="538"/>
                    </a:lnTo>
                    <a:lnTo>
                      <a:pt x="146" y="542"/>
                    </a:lnTo>
                    <a:lnTo>
                      <a:pt x="159" y="545"/>
                    </a:lnTo>
                    <a:lnTo>
                      <a:pt x="173" y="549"/>
                    </a:lnTo>
                    <a:lnTo>
                      <a:pt x="186" y="552"/>
                    </a:lnTo>
                    <a:lnTo>
                      <a:pt x="200" y="555"/>
                    </a:lnTo>
                    <a:lnTo>
                      <a:pt x="214" y="560"/>
                    </a:lnTo>
                    <a:lnTo>
                      <a:pt x="229" y="564"/>
                    </a:lnTo>
                    <a:lnTo>
                      <a:pt x="244" y="567"/>
                    </a:lnTo>
                    <a:lnTo>
                      <a:pt x="259" y="572"/>
                    </a:lnTo>
                    <a:lnTo>
                      <a:pt x="274" y="576"/>
                    </a:lnTo>
                    <a:lnTo>
                      <a:pt x="288" y="579"/>
                    </a:lnTo>
                    <a:lnTo>
                      <a:pt x="305" y="584"/>
                    </a:lnTo>
                    <a:lnTo>
                      <a:pt x="318" y="587"/>
                    </a:lnTo>
                    <a:lnTo>
                      <a:pt x="335" y="591"/>
                    </a:lnTo>
                    <a:lnTo>
                      <a:pt x="349" y="594"/>
                    </a:lnTo>
                    <a:lnTo>
                      <a:pt x="366" y="599"/>
                    </a:lnTo>
                    <a:lnTo>
                      <a:pt x="379" y="603"/>
                    </a:lnTo>
                    <a:lnTo>
                      <a:pt x="393" y="606"/>
                    </a:lnTo>
                    <a:lnTo>
                      <a:pt x="406" y="609"/>
                    </a:lnTo>
                    <a:lnTo>
                      <a:pt x="418" y="613"/>
                    </a:lnTo>
                    <a:lnTo>
                      <a:pt x="432" y="616"/>
                    </a:lnTo>
                    <a:lnTo>
                      <a:pt x="444" y="620"/>
                    </a:lnTo>
                    <a:lnTo>
                      <a:pt x="456" y="621"/>
                    </a:lnTo>
                    <a:lnTo>
                      <a:pt x="469" y="625"/>
                    </a:lnTo>
                    <a:lnTo>
                      <a:pt x="479" y="628"/>
                    </a:lnTo>
                    <a:lnTo>
                      <a:pt x="491" y="631"/>
                    </a:lnTo>
                    <a:lnTo>
                      <a:pt x="503" y="633"/>
                    </a:lnTo>
                    <a:lnTo>
                      <a:pt x="515" y="637"/>
                    </a:lnTo>
                    <a:lnTo>
                      <a:pt x="525" y="640"/>
                    </a:lnTo>
                    <a:lnTo>
                      <a:pt x="535" y="642"/>
                    </a:lnTo>
                    <a:lnTo>
                      <a:pt x="545" y="645"/>
                    </a:lnTo>
                    <a:lnTo>
                      <a:pt x="555" y="647"/>
                    </a:lnTo>
                    <a:lnTo>
                      <a:pt x="564" y="650"/>
                    </a:lnTo>
                    <a:lnTo>
                      <a:pt x="574" y="652"/>
                    </a:lnTo>
                    <a:lnTo>
                      <a:pt x="582" y="653"/>
                    </a:lnTo>
                    <a:lnTo>
                      <a:pt x="589" y="655"/>
                    </a:lnTo>
                    <a:lnTo>
                      <a:pt x="598" y="657"/>
                    </a:lnTo>
                    <a:lnTo>
                      <a:pt x="604" y="659"/>
                    </a:lnTo>
                    <a:lnTo>
                      <a:pt x="611" y="660"/>
                    </a:lnTo>
                    <a:lnTo>
                      <a:pt x="616" y="662"/>
                    </a:lnTo>
                    <a:lnTo>
                      <a:pt x="623" y="664"/>
                    </a:lnTo>
                    <a:lnTo>
                      <a:pt x="626" y="665"/>
                    </a:lnTo>
                    <a:lnTo>
                      <a:pt x="632" y="667"/>
                    </a:lnTo>
                    <a:lnTo>
                      <a:pt x="635" y="667"/>
                    </a:lnTo>
                    <a:lnTo>
                      <a:pt x="638" y="667"/>
                    </a:lnTo>
                    <a:lnTo>
                      <a:pt x="640" y="669"/>
                    </a:lnTo>
                    <a:lnTo>
                      <a:pt x="643" y="669"/>
                    </a:lnTo>
                    <a:lnTo>
                      <a:pt x="689" y="474"/>
                    </a:lnTo>
                    <a:lnTo>
                      <a:pt x="687" y="461"/>
                    </a:lnTo>
                    <a:lnTo>
                      <a:pt x="706" y="428"/>
                    </a:lnTo>
                    <a:lnTo>
                      <a:pt x="706" y="418"/>
                    </a:lnTo>
                    <a:lnTo>
                      <a:pt x="711" y="411"/>
                    </a:lnTo>
                    <a:lnTo>
                      <a:pt x="714" y="403"/>
                    </a:lnTo>
                    <a:lnTo>
                      <a:pt x="709" y="398"/>
                    </a:lnTo>
                    <a:lnTo>
                      <a:pt x="691" y="386"/>
                    </a:lnTo>
                    <a:lnTo>
                      <a:pt x="692" y="378"/>
                    </a:lnTo>
                    <a:lnTo>
                      <a:pt x="692" y="376"/>
                    </a:lnTo>
                    <a:lnTo>
                      <a:pt x="692" y="374"/>
                    </a:lnTo>
                    <a:lnTo>
                      <a:pt x="694" y="373"/>
                    </a:lnTo>
                    <a:lnTo>
                      <a:pt x="694" y="371"/>
                    </a:lnTo>
                    <a:lnTo>
                      <a:pt x="696" y="369"/>
                    </a:lnTo>
                    <a:lnTo>
                      <a:pt x="696" y="367"/>
                    </a:lnTo>
                    <a:lnTo>
                      <a:pt x="696" y="366"/>
                    </a:lnTo>
                    <a:lnTo>
                      <a:pt x="701" y="356"/>
                    </a:lnTo>
                    <a:lnTo>
                      <a:pt x="706" y="347"/>
                    </a:lnTo>
                    <a:lnTo>
                      <a:pt x="714" y="339"/>
                    </a:lnTo>
                    <a:lnTo>
                      <a:pt x="721" y="330"/>
                    </a:lnTo>
                    <a:lnTo>
                      <a:pt x="730" y="323"/>
                    </a:lnTo>
                    <a:lnTo>
                      <a:pt x="736" y="318"/>
                    </a:lnTo>
                    <a:lnTo>
                      <a:pt x="740" y="315"/>
                    </a:lnTo>
                    <a:lnTo>
                      <a:pt x="742" y="313"/>
                    </a:lnTo>
                    <a:lnTo>
                      <a:pt x="742" y="305"/>
                    </a:lnTo>
                    <a:lnTo>
                      <a:pt x="789" y="239"/>
                    </a:lnTo>
                    <a:lnTo>
                      <a:pt x="791" y="230"/>
                    </a:lnTo>
                    <a:lnTo>
                      <a:pt x="784" y="217"/>
                    </a:lnTo>
                    <a:lnTo>
                      <a:pt x="774" y="208"/>
                    </a:lnTo>
                    <a:lnTo>
                      <a:pt x="762" y="185"/>
                    </a:lnTo>
                    <a:lnTo>
                      <a:pt x="764" y="186"/>
                    </a:lnTo>
                    <a:lnTo>
                      <a:pt x="596" y="144"/>
                    </a:lnTo>
                    <a:lnTo>
                      <a:pt x="594" y="144"/>
                    </a:lnTo>
                    <a:lnTo>
                      <a:pt x="593" y="144"/>
                    </a:lnTo>
                    <a:lnTo>
                      <a:pt x="589" y="144"/>
                    </a:lnTo>
                    <a:lnTo>
                      <a:pt x="586" y="144"/>
                    </a:lnTo>
                    <a:lnTo>
                      <a:pt x="582" y="146"/>
                    </a:lnTo>
                    <a:lnTo>
                      <a:pt x="577" y="146"/>
                    </a:lnTo>
                    <a:lnTo>
                      <a:pt x="574" y="146"/>
                    </a:lnTo>
                    <a:lnTo>
                      <a:pt x="569" y="146"/>
                    </a:lnTo>
                    <a:lnTo>
                      <a:pt x="564" y="146"/>
                    </a:lnTo>
                    <a:lnTo>
                      <a:pt x="559" y="146"/>
                    </a:lnTo>
                    <a:lnTo>
                      <a:pt x="554" y="144"/>
                    </a:lnTo>
                    <a:lnTo>
                      <a:pt x="549" y="144"/>
                    </a:lnTo>
                    <a:lnTo>
                      <a:pt x="544" y="142"/>
                    </a:lnTo>
                    <a:lnTo>
                      <a:pt x="538" y="141"/>
                    </a:lnTo>
                    <a:lnTo>
                      <a:pt x="533" y="139"/>
                    </a:lnTo>
                    <a:lnTo>
                      <a:pt x="532" y="139"/>
                    </a:lnTo>
                    <a:lnTo>
                      <a:pt x="530" y="139"/>
                    </a:lnTo>
                    <a:lnTo>
                      <a:pt x="528" y="139"/>
                    </a:lnTo>
                    <a:lnTo>
                      <a:pt x="527" y="141"/>
                    </a:lnTo>
                    <a:lnTo>
                      <a:pt x="523" y="142"/>
                    </a:lnTo>
                    <a:lnTo>
                      <a:pt x="522" y="144"/>
                    </a:lnTo>
                    <a:lnTo>
                      <a:pt x="520" y="144"/>
                    </a:lnTo>
                    <a:lnTo>
                      <a:pt x="498" y="144"/>
                    </a:lnTo>
                    <a:lnTo>
                      <a:pt x="496" y="144"/>
                    </a:lnTo>
                    <a:lnTo>
                      <a:pt x="491" y="144"/>
                    </a:lnTo>
                    <a:lnTo>
                      <a:pt x="483" y="146"/>
                    </a:lnTo>
                    <a:lnTo>
                      <a:pt x="472" y="147"/>
                    </a:lnTo>
                    <a:lnTo>
                      <a:pt x="464" y="147"/>
                    </a:lnTo>
                    <a:lnTo>
                      <a:pt x="454" y="147"/>
                    </a:lnTo>
                    <a:lnTo>
                      <a:pt x="447" y="144"/>
                    </a:lnTo>
                    <a:lnTo>
                      <a:pt x="440" y="141"/>
                    </a:lnTo>
                    <a:lnTo>
                      <a:pt x="437" y="141"/>
                    </a:lnTo>
                    <a:lnTo>
                      <a:pt x="434" y="141"/>
                    </a:lnTo>
                    <a:lnTo>
                      <a:pt x="428" y="141"/>
                    </a:lnTo>
                    <a:lnTo>
                      <a:pt x="423" y="141"/>
                    </a:lnTo>
                    <a:lnTo>
                      <a:pt x="420" y="142"/>
                    </a:lnTo>
                    <a:lnTo>
                      <a:pt x="417" y="142"/>
                    </a:lnTo>
                    <a:lnTo>
                      <a:pt x="408" y="141"/>
                    </a:lnTo>
                    <a:lnTo>
                      <a:pt x="395" y="144"/>
                    </a:lnTo>
                    <a:lnTo>
                      <a:pt x="395" y="142"/>
                    </a:lnTo>
                    <a:lnTo>
                      <a:pt x="390" y="139"/>
                    </a:lnTo>
                    <a:lnTo>
                      <a:pt x="384" y="134"/>
                    </a:lnTo>
                    <a:lnTo>
                      <a:pt x="376" y="129"/>
                    </a:lnTo>
                    <a:lnTo>
                      <a:pt x="369" y="124"/>
                    </a:lnTo>
                    <a:lnTo>
                      <a:pt x="361" y="120"/>
                    </a:lnTo>
                    <a:lnTo>
                      <a:pt x="352" y="117"/>
                    </a:lnTo>
                    <a:lnTo>
                      <a:pt x="346" y="117"/>
                    </a:lnTo>
                    <a:lnTo>
                      <a:pt x="344" y="117"/>
                    </a:lnTo>
                    <a:lnTo>
                      <a:pt x="342" y="117"/>
                    </a:lnTo>
                    <a:lnTo>
                      <a:pt x="339" y="119"/>
                    </a:lnTo>
                    <a:lnTo>
                      <a:pt x="335" y="119"/>
                    </a:lnTo>
                    <a:lnTo>
                      <a:pt x="332" y="120"/>
                    </a:lnTo>
                    <a:lnTo>
                      <a:pt x="327" y="120"/>
                    </a:lnTo>
                    <a:lnTo>
                      <a:pt x="320" y="122"/>
                    </a:lnTo>
                    <a:lnTo>
                      <a:pt x="315" y="122"/>
                    </a:lnTo>
                    <a:lnTo>
                      <a:pt x="310" y="122"/>
                    </a:lnTo>
                    <a:lnTo>
                      <a:pt x="303" y="122"/>
                    </a:lnTo>
                    <a:lnTo>
                      <a:pt x="298" y="122"/>
                    </a:lnTo>
                    <a:lnTo>
                      <a:pt x="293" y="122"/>
                    </a:lnTo>
                    <a:lnTo>
                      <a:pt x="288" y="120"/>
                    </a:lnTo>
                    <a:lnTo>
                      <a:pt x="283" y="119"/>
                    </a:lnTo>
                    <a:lnTo>
                      <a:pt x="280" y="117"/>
                    </a:lnTo>
                    <a:lnTo>
                      <a:pt x="278" y="114"/>
                    </a:lnTo>
                    <a:lnTo>
                      <a:pt x="276" y="112"/>
                    </a:lnTo>
                    <a:lnTo>
                      <a:pt x="274" y="112"/>
                    </a:lnTo>
                    <a:lnTo>
                      <a:pt x="273" y="110"/>
                    </a:lnTo>
                    <a:lnTo>
                      <a:pt x="269" y="107"/>
                    </a:lnTo>
                    <a:lnTo>
                      <a:pt x="268" y="105"/>
                    </a:lnTo>
                    <a:lnTo>
                      <a:pt x="266" y="103"/>
                    </a:lnTo>
                    <a:lnTo>
                      <a:pt x="264" y="103"/>
                    </a:lnTo>
                    <a:lnTo>
                      <a:pt x="259" y="92"/>
                    </a:lnTo>
                    <a:lnTo>
                      <a:pt x="259" y="90"/>
                    </a:lnTo>
                    <a:lnTo>
                      <a:pt x="261" y="87"/>
                    </a:lnTo>
                    <a:lnTo>
                      <a:pt x="261" y="83"/>
                    </a:lnTo>
                    <a:lnTo>
                      <a:pt x="263" y="78"/>
                    </a:lnTo>
                    <a:lnTo>
                      <a:pt x="263" y="73"/>
                    </a:lnTo>
                    <a:lnTo>
                      <a:pt x="263" y="68"/>
                    </a:lnTo>
                    <a:lnTo>
                      <a:pt x="263" y="63"/>
                    </a:lnTo>
                    <a:lnTo>
                      <a:pt x="263" y="56"/>
                    </a:lnTo>
                    <a:lnTo>
                      <a:pt x="261" y="51"/>
                    </a:lnTo>
                    <a:lnTo>
                      <a:pt x="261" y="46"/>
                    </a:lnTo>
                    <a:lnTo>
                      <a:pt x="258" y="41"/>
                    </a:lnTo>
                    <a:lnTo>
                      <a:pt x="254" y="36"/>
                    </a:lnTo>
                    <a:lnTo>
                      <a:pt x="251" y="32"/>
                    </a:lnTo>
                    <a:lnTo>
                      <a:pt x="246" y="29"/>
                    </a:lnTo>
                    <a:lnTo>
                      <a:pt x="239" y="27"/>
                    </a:lnTo>
                    <a:lnTo>
                      <a:pt x="237" y="27"/>
                    </a:lnTo>
                    <a:lnTo>
                      <a:pt x="236" y="27"/>
                    </a:lnTo>
                    <a:lnTo>
                      <a:pt x="232" y="26"/>
                    </a:lnTo>
                    <a:lnTo>
                      <a:pt x="230" y="26"/>
                    </a:lnTo>
                    <a:lnTo>
                      <a:pt x="229" y="26"/>
                    </a:lnTo>
                    <a:lnTo>
                      <a:pt x="227" y="26"/>
                    </a:lnTo>
                    <a:lnTo>
                      <a:pt x="239" y="2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14" name="Freeform 116"/>
              <p:cNvSpPr>
                <a:spLocks/>
              </p:cNvSpPr>
              <p:nvPr/>
            </p:nvSpPr>
            <p:spPr bwMode="auto">
              <a:xfrm>
                <a:off x="875" y="965"/>
                <a:ext cx="570" cy="930"/>
              </a:xfrm>
              <a:custGeom>
                <a:avLst/>
                <a:gdLst>
                  <a:gd name="T0" fmla="*/ 177 w 586"/>
                  <a:gd name="T1" fmla="*/ 129 h 958"/>
                  <a:gd name="T2" fmla="*/ 183 w 586"/>
                  <a:gd name="T3" fmla="*/ 147 h 958"/>
                  <a:gd name="T4" fmla="*/ 183 w 586"/>
                  <a:gd name="T5" fmla="*/ 152 h 958"/>
                  <a:gd name="T6" fmla="*/ 191 w 586"/>
                  <a:gd name="T7" fmla="*/ 156 h 958"/>
                  <a:gd name="T8" fmla="*/ 200 w 586"/>
                  <a:gd name="T9" fmla="*/ 173 h 958"/>
                  <a:gd name="T10" fmla="*/ 208 w 586"/>
                  <a:gd name="T11" fmla="*/ 192 h 958"/>
                  <a:gd name="T12" fmla="*/ 214 w 586"/>
                  <a:gd name="T13" fmla="*/ 202 h 958"/>
                  <a:gd name="T14" fmla="*/ 227 w 586"/>
                  <a:gd name="T15" fmla="*/ 217 h 958"/>
                  <a:gd name="T16" fmla="*/ 232 w 586"/>
                  <a:gd name="T17" fmla="*/ 242 h 958"/>
                  <a:gd name="T18" fmla="*/ 222 w 586"/>
                  <a:gd name="T19" fmla="*/ 265 h 958"/>
                  <a:gd name="T20" fmla="*/ 222 w 586"/>
                  <a:gd name="T21" fmla="*/ 281 h 958"/>
                  <a:gd name="T22" fmla="*/ 213 w 586"/>
                  <a:gd name="T23" fmla="*/ 292 h 958"/>
                  <a:gd name="T24" fmla="*/ 211 w 586"/>
                  <a:gd name="T25" fmla="*/ 305 h 958"/>
                  <a:gd name="T26" fmla="*/ 247 w 586"/>
                  <a:gd name="T27" fmla="*/ 300 h 958"/>
                  <a:gd name="T28" fmla="*/ 250 w 586"/>
                  <a:gd name="T29" fmla="*/ 299 h 958"/>
                  <a:gd name="T30" fmla="*/ 253 w 586"/>
                  <a:gd name="T31" fmla="*/ 329 h 958"/>
                  <a:gd name="T32" fmla="*/ 259 w 586"/>
                  <a:gd name="T33" fmla="*/ 348 h 958"/>
                  <a:gd name="T34" fmla="*/ 264 w 586"/>
                  <a:gd name="T35" fmla="*/ 360 h 958"/>
                  <a:gd name="T36" fmla="*/ 261 w 586"/>
                  <a:gd name="T37" fmla="*/ 369 h 958"/>
                  <a:gd name="T38" fmla="*/ 270 w 586"/>
                  <a:gd name="T39" fmla="*/ 378 h 958"/>
                  <a:gd name="T40" fmla="*/ 282 w 586"/>
                  <a:gd name="T41" fmla="*/ 394 h 958"/>
                  <a:gd name="T42" fmla="*/ 284 w 586"/>
                  <a:gd name="T43" fmla="*/ 415 h 958"/>
                  <a:gd name="T44" fmla="*/ 292 w 586"/>
                  <a:gd name="T45" fmla="*/ 419 h 958"/>
                  <a:gd name="T46" fmla="*/ 295 w 586"/>
                  <a:gd name="T47" fmla="*/ 411 h 958"/>
                  <a:gd name="T48" fmla="*/ 308 w 586"/>
                  <a:gd name="T49" fmla="*/ 413 h 958"/>
                  <a:gd name="T50" fmla="*/ 320 w 586"/>
                  <a:gd name="T51" fmla="*/ 416 h 958"/>
                  <a:gd name="T52" fmla="*/ 327 w 586"/>
                  <a:gd name="T53" fmla="*/ 409 h 958"/>
                  <a:gd name="T54" fmla="*/ 334 w 586"/>
                  <a:gd name="T55" fmla="*/ 411 h 958"/>
                  <a:gd name="T56" fmla="*/ 352 w 586"/>
                  <a:gd name="T57" fmla="*/ 413 h 958"/>
                  <a:gd name="T58" fmla="*/ 386 w 586"/>
                  <a:gd name="T59" fmla="*/ 403 h 958"/>
                  <a:gd name="T60" fmla="*/ 183 w 586"/>
                  <a:gd name="T61" fmla="*/ 599 h 958"/>
                  <a:gd name="T62" fmla="*/ 176 w 586"/>
                  <a:gd name="T63" fmla="*/ 598 h 958"/>
                  <a:gd name="T64" fmla="*/ 156 w 586"/>
                  <a:gd name="T65" fmla="*/ 595 h 958"/>
                  <a:gd name="T66" fmla="*/ 125 w 586"/>
                  <a:gd name="T67" fmla="*/ 588 h 958"/>
                  <a:gd name="T68" fmla="*/ 89 w 586"/>
                  <a:gd name="T69" fmla="*/ 580 h 958"/>
                  <a:gd name="T70" fmla="*/ 51 w 586"/>
                  <a:gd name="T71" fmla="*/ 572 h 958"/>
                  <a:gd name="T72" fmla="*/ 18 w 586"/>
                  <a:gd name="T73" fmla="*/ 564 h 958"/>
                  <a:gd name="T74" fmla="*/ 44 w 586"/>
                  <a:gd name="T75" fmla="*/ 403 h 958"/>
                  <a:gd name="T76" fmla="*/ 34 w 586"/>
                  <a:gd name="T77" fmla="*/ 375 h 958"/>
                  <a:gd name="T78" fmla="*/ 37 w 586"/>
                  <a:gd name="T79" fmla="*/ 368 h 958"/>
                  <a:gd name="T80" fmla="*/ 42 w 586"/>
                  <a:gd name="T81" fmla="*/ 356 h 958"/>
                  <a:gd name="T82" fmla="*/ 64 w 586"/>
                  <a:gd name="T83" fmla="*/ 330 h 958"/>
                  <a:gd name="T84" fmla="*/ 101 w 586"/>
                  <a:gd name="T85" fmla="*/ 273 h 958"/>
                  <a:gd name="T86" fmla="*/ 83 w 586"/>
                  <a:gd name="T87" fmla="*/ 228 h 958"/>
                  <a:gd name="T88" fmla="*/ 83 w 586"/>
                  <a:gd name="T89" fmla="*/ 198 h 958"/>
                  <a:gd name="T90" fmla="*/ 89 w 586"/>
                  <a:gd name="T91" fmla="*/ 176 h 958"/>
                  <a:gd name="T92" fmla="*/ 98 w 586"/>
                  <a:gd name="T93" fmla="*/ 137 h 958"/>
                  <a:gd name="T94" fmla="*/ 109 w 586"/>
                  <a:gd name="T95" fmla="*/ 91 h 958"/>
                  <a:gd name="T96" fmla="*/ 118 w 586"/>
                  <a:gd name="T97" fmla="*/ 46 h 958"/>
                  <a:gd name="T98" fmla="*/ 125 w 586"/>
                  <a:gd name="T99" fmla="*/ 17 h 958"/>
                  <a:gd name="T100" fmla="*/ 127 w 586"/>
                  <a:gd name="T101" fmla="*/ 0 h 958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w 586"/>
                  <a:gd name="T154" fmla="*/ 0 h 958"/>
                  <a:gd name="T155" fmla="*/ 586 w 586"/>
                  <a:gd name="T156" fmla="*/ 958 h 958"/>
                </a:gdLst>
                <a:ahLst/>
                <a:cxnLst>
                  <a:cxn ang="T102">
                    <a:pos x="T0" y="T1"/>
                  </a:cxn>
                  <a:cxn ang="T103">
                    <a:pos x="T2" y="T3"/>
                  </a:cxn>
                  <a:cxn ang="T104">
                    <a:pos x="T4" y="T5"/>
                  </a:cxn>
                  <a:cxn ang="T105">
                    <a:pos x="T6" y="T7"/>
                  </a:cxn>
                  <a:cxn ang="T106">
                    <a:pos x="T8" y="T9"/>
                  </a:cxn>
                  <a:cxn ang="T107">
                    <a:pos x="T10" y="T11"/>
                  </a:cxn>
                  <a:cxn ang="T108">
                    <a:pos x="T12" y="T13"/>
                  </a:cxn>
                  <a:cxn ang="T109">
                    <a:pos x="T14" y="T15"/>
                  </a:cxn>
                  <a:cxn ang="T110">
                    <a:pos x="T16" y="T17"/>
                  </a:cxn>
                  <a:cxn ang="T111">
                    <a:pos x="T18" y="T19"/>
                  </a:cxn>
                  <a:cxn ang="T112">
                    <a:pos x="T20" y="T21"/>
                  </a:cxn>
                  <a:cxn ang="T113">
                    <a:pos x="T22" y="T23"/>
                  </a:cxn>
                  <a:cxn ang="T114">
                    <a:pos x="T24" y="T25"/>
                  </a:cxn>
                  <a:cxn ang="T115">
                    <a:pos x="T26" y="T27"/>
                  </a:cxn>
                  <a:cxn ang="T116">
                    <a:pos x="T28" y="T29"/>
                  </a:cxn>
                  <a:cxn ang="T117">
                    <a:pos x="T30" y="T31"/>
                  </a:cxn>
                  <a:cxn ang="T118">
                    <a:pos x="T32" y="T33"/>
                  </a:cxn>
                  <a:cxn ang="T119">
                    <a:pos x="T34" y="T35"/>
                  </a:cxn>
                  <a:cxn ang="T120">
                    <a:pos x="T36" y="T37"/>
                  </a:cxn>
                  <a:cxn ang="T121">
                    <a:pos x="T38" y="T39"/>
                  </a:cxn>
                  <a:cxn ang="T122">
                    <a:pos x="T40" y="T41"/>
                  </a:cxn>
                  <a:cxn ang="T123">
                    <a:pos x="T42" y="T43"/>
                  </a:cxn>
                  <a:cxn ang="T124">
                    <a:pos x="T44" y="T45"/>
                  </a:cxn>
                  <a:cxn ang="T125">
                    <a:pos x="T46" y="T47"/>
                  </a:cxn>
                  <a:cxn ang="T126">
                    <a:pos x="T48" y="T49"/>
                  </a:cxn>
                  <a:cxn ang="T127">
                    <a:pos x="T50" y="T51"/>
                  </a:cxn>
                  <a:cxn ang="T128">
                    <a:pos x="T52" y="T53"/>
                  </a:cxn>
                  <a:cxn ang="T129">
                    <a:pos x="T54" y="T55"/>
                  </a:cxn>
                  <a:cxn ang="T130">
                    <a:pos x="T56" y="T57"/>
                  </a:cxn>
                  <a:cxn ang="T131">
                    <a:pos x="T58" y="T59"/>
                  </a:cxn>
                  <a:cxn ang="T132">
                    <a:pos x="T60" y="T61"/>
                  </a:cxn>
                  <a:cxn ang="T133">
                    <a:pos x="T62" y="T63"/>
                  </a:cxn>
                  <a:cxn ang="T134">
                    <a:pos x="T64" y="T65"/>
                  </a:cxn>
                  <a:cxn ang="T135">
                    <a:pos x="T66" y="T67"/>
                  </a:cxn>
                  <a:cxn ang="T136">
                    <a:pos x="T68" y="T69"/>
                  </a:cxn>
                  <a:cxn ang="T137">
                    <a:pos x="T70" y="T71"/>
                  </a:cxn>
                  <a:cxn ang="T138">
                    <a:pos x="T72" y="T73"/>
                  </a:cxn>
                  <a:cxn ang="T139">
                    <a:pos x="T74" y="T75"/>
                  </a:cxn>
                  <a:cxn ang="T140">
                    <a:pos x="T76" y="T77"/>
                  </a:cxn>
                  <a:cxn ang="T141">
                    <a:pos x="T78" y="T79"/>
                  </a:cxn>
                  <a:cxn ang="T142">
                    <a:pos x="T80" y="T81"/>
                  </a:cxn>
                  <a:cxn ang="T143">
                    <a:pos x="T82" y="T83"/>
                  </a:cxn>
                  <a:cxn ang="T144">
                    <a:pos x="T84" y="T85"/>
                  </a:cxn>
                  <a:cxn ang="T145">
                    <a:pos x="T86" y="T87"/>
                  </a:cxn>
                  <a:cxn ang="T146">
                    <a:pos x="T88" y="T89"/>
                  </a:cxn>
                  <a:cxn ang="T147">
                    <a:pos x="T90" y="T91"/>
                  </a:cxn>
                  <a:cxn ang="T148">
                    <a:pos x="T92" y="T93"/>
                  </a:cxn>
                  <a:cxn ang="T149">
                    <a:pos x="T94" y="T95"/>
                  </a:cxn>
                  <a:cxn ang="T150">
                    <a:pos x="T96" y="T97"/>
                  </a:cxn>
                  <a:cxn ang="T151">
                    <a:pos x="T98" y="T99"/>
                  </a:cxn>
                  <a:cxn ang="T152">
                    <a:pos x="T100" y="T101"/>
                  </a:cxn>
                </a:cxnLst>
                <a:rect l="T153" t="T154" r="T155" b="T156"/>
                <a:pathLst>
                  <a:path w="586" h="958">
                    <a:moveTo>
                      <a:pt x="266" y="17"/>
                    </a:moveTo>
                    <a:lnTo>
                      <a:pt x="241" y="139"/>
                    </a:lnTo>
                    <a:lnTo>
                      <a:pt x="249" y="158"/>
                    </a:lnTo>
                    <a:lnTo>
                      <a:pt x="261" y="185"/>
                    </a:lnTo>
                    <a:lnTo>
                      <a:pt x="261" y="195"/>
                    </a:lnTo>
                    <a:lnTo>
                      <a:pt x="254" y="200"/>
                    </a:lnTo>
                    <a:lnTo>
                      <a:pt x="263" y="207"/>
                    </a:lnTo>
                    <a:lnTo>
                      <a:pt x="256" y="212"/>
                    </a:lnTo>
                    <a:lnTo>
                      <a:pt x="256" y="219"/>
                    </a:lnTo>
                    <a:lnTo>
                      <a:pt x="269" y="222"/>
                    </a:lnTo>
                    <a:lnTo>
                      <a:pt x="269" y="224"/>
                    </a:lnTo>
                    <a:lnTo>
                      <a:pt x="269" y="226"/>
                    </a:lnTo>
                    <a:lnTo>
                      <a:pt x="269" y="227"/>
                    </a:lnTo>
                    <a:lnTo>
                      <a:pt x="269" y="229"/>
                    </a:lnTo>
                    <a:lnTo>
                      <a:pt x="269" y="231"/>
                    </a:lnTo>
                    <a:lnTo>
                      <a:pt x="269" y="232"/>
                    </a:lnTo>
                    <a:lnTo>
                      <a:pt x="271" y="234"/>
                    </a:lnTo>
                    <a:lnTo>
                      <a:pt x="276" y="236"/>
                    </a:lnTo>
                    <a:lnTo>
                      <a:pt x="280" y="237"/>
                    </a:lnTo>
                    <a:lnTo>
                      <a:pt x="283" y="241"/>
                    </a:lnTo>
                    <a:lnTo>
                      <a:pt x="286" y="244"/>
                    </a:lnTo>
                    <a:lnTo>
                      <a:pt x="290" y="249"/>
                    </a:lnTo>
                    <a:lnTo>
                      <a:pt x="293" y="256"/>
                    </a:lnTo>
                    <a:lnTo>
                      <a:pt x="295" y="261"/>
                    </a:lnTo>
                    <a:lnTo>
                      <a:pt x="298" y="268"/>
                    </a:lnTo>
                    <a:lnTo>
                      <a:pt x="300" y="275"/>
                    </a:lnTo>
                    <a:lnTo>
                      <a:pt x="302" y="280"/>
                    </a:lnTo>
                    <a:lnTo>
                      <a:pt x="303" y="286"/>
                    </a:lnTo>
                    <a:lnTo>
                      <a:pt x="305" y="292"/>
                    </a:lnTo>
                    <a:lnTo>
                      <a:pt x="305" y="295"/>
                    </a:lnTo>
                    <a:lnTo>
                      <a:pt x="307" y="298"/>
                    </a:lnTo>
                    <a:lnTo>
                      <a:pt x="307" y="300"/>
                    </a:lnTo>
                    <a:lnTo>
                      <a:pt x="307" y="302"/>
                    </a:lnTo>
                    <a:lnTo>
                      <a:pt x="315" y="305"/>
                    </a:lnTo>
                    <a:lnTo>
                      <a:pt x="315" y="317"/>
                    </a:lnTo>
                    <a:lnTo>
                      <a:pt x="327" y="317"/>
                    </a:lnTo>
                    <a:lnTo>
                      <a:pt x="329" y="330"/>
                    </a:lnTo>
                    <a:lnTo>
                      <a:pt x="335" y="330"/>
                    </a:lnTo>
                    <a:lnTo>
                      <a:pt x="354" y="330"/>
                    </a:lnTo>
                    <a:lnTo>
                      <a:pt x="354" y="332"/>
                    </a:lnTo>
                    <a:lnTo>
                      <a:pt x="342" y="354"/>
                    </a:lnTo>
                    <a:lnTo>
                      <a:pt x="342" y="366"/>
                    </a:lnTo>
                    <a:lnTo>
                      <a:pt x="334" y="376"/>
                    </a:lnTo>
                    <a:lnTo>
                      <a:pt x="335" y="376"/>
                    </a:lnTo>
                    <a:lnTo>
                      <a:pt x="335" y="385"/>
                    </a:lnTo>
                    <a:lnTo>
                      <a:pt x="329" y="390"/>
                    </a:lnTo>
                    <a:lnTo>
                      <a:pt x="327" y="400"/>
                    </a:lnTo>
                    <a:lnTo>
                      <a:pt x="330" y="418"/>
                    </a:lnTo>
                    <a:lnTo>
                      <a:pt x="330" y="420"/>
                    </a:lnTo>
                    <a:lnTo>
                      <a:pt x="329" y="422"/>
                    </a:lnTo>
                    <a:lnTo>
                      <a:pt x="327" y="425"/>
                    </a:lnTo>
                    <a:lnTo>
                      <a:pt x="320" y="427"/>
                    </a:lnTo>
                    <a:lnTo>
                      <a:pt x="317" y="430"/>
                    </a:lnTo>
                    <a:lnTo>
                      <a:pt x="315" y="434"/>
                    </a:lnTo>
                    <a:lnTo>
                      <a:pt x="313" y="439"/>
                    </a:lnTo>
                    <a:lnTo>
                      <a:pt x="313" y="444"/>
                    </a:lnTo>
                    <a:lnTo>
                      <a:pt x="315" y="447"/>
                    </a:lnTo>
                    <a:lnTo>
                      <a:pt x="315" y="451"/>
                    </a:lnTo>
                    <a:lnTo>
                      <a:pt x="315" y="452"/>
                    </a:lnTo>
                    <a:lnTo>
                      <a:pt x="310" y="454"/>
                    </a:lnTo>
                    <a:lnTo>
                      <a:pt x="310" y="462"/>
                    </a:lnTo>
                    <a:lnTo>
                      <a:pt x="319" y="466"/>
                    </a:lnTo>
                    <a:lnTo>
                      <a:pt x="327" y="474"/>
                    </a:lnTo>
                    <a:lnTo>
                      <a:pt x="342" y="469"/>
                    </a:lnTo>
                    <a:lnTo>
                      <a:pt x="357" y="456"/>
                    </a:lnTo>
                    <a:lnTo>
                      <a:pt x="364" y="454"/>
                    </a:lnTo>
                    <a:lnTo>
                      <a:pt x="366" y="452"/>
                    </a:lnTo>
                    <a:lnTo>
                      <a:pt x="366" y="451"/>
                    </a:lnTo>
                    <a:lnTo>
                      <a:pt x="368" y="451"/>
                    </a:lnTo>
                    <a:lnTo>
                      <a:pt x="369" y="452"/>
                    </a:lnTo>
                    <a:lnTo>
                      <a:pt x="371" y="456"/>
                    </a:lnTo>
                    <a:lnTo>
                      <a:pt x="373" y="464"/>
                    </a:lnTo>
                    <a:lnTo>
                      <a:pt x="373" y="474"/>
                    </a:lnTo>
                    <a:lnTo>
                      <a:pt x="373" y="488"/>
                    </a:lnTo>
                    <a:lnTo>
                      <a:pt x="373" y="498"/>
                    </a:lnTo>
                    <a:lnTo>
                      <a:pt x="374" y="506"/>
                    </a:lnTo>
                    <a:lnTo>
                      <a:pt x="376" y="513"/>
                    </a:lnTo>
                    <a:lnTo>
                      <a:pt x="378" y="520"/>
                    </a:lnTo>
                    <a:lnTo>
                      <a:pt x="379" y="523"/>
                    </a:lnTo>
                    <a:lnTo>
                      <a:pt x="381" y="525"/>
                    </a:lnTo>
                    <a:lnTo>
                      <a:pt x="383" y="527"/>
                    </a:lnTo>
                    <a:lnTo>
                      <a:pt x="386" y="535"/>
                    </a:lnTo>
                    <a:lnTo>
                      <a:pt x="388" y="540"/>
                    </a:lnTo>
                    <a:lnTo>
                      <a:pt x="390" y="545"/>
                    </a:lnTo>
                    <a:lnTo>
                      <a:pt x="390" y="547"/>
                    </a:lnTo>
                    <a:lnTo>
                      <a:pt x="388" y="550"/>
                    </a:lnTo>
                    <a:lnTo>
                      <a:pt x="388" y="552"/>
                    </a:lnTo>
                    <a:lnTo>
                      <a:pt x="386" y="554"/>
                    </a:lnTo>
                    <a:lnTo>
                      <a:pt x="385" y="559"/>
                    </a:lnTo>
                    <a:lnTo>
                      <a:pt x="386" y="562"/>
                    </a:lnTo>
                    <a:lnTo>
                      <a:pt x="388" y="566"/>
                    </a:lnTo>
                    <a:lnTo>
                      <a:pt x="391" y="569"/>
                    </a:lnTo>
                    <a:lnTo>
                      <a:pt x="395" y="571"/>
                    </a:lnTo>
                    <a:lnTo>
                      <a:pt x="398" y="572"/>
                    </a:lnTo>
                    <a:lnTo>
                      <a:pt x="400" y="572"/>
                    </a:lnTo>
                    <a:lnTo>
                      <a:pt x="401" y="572"/>
                    </a:lnTo>
                    <a:lnTo>
                      <a:pt x="413" y="591"/>
                    </a:lnTo>
                    <a:lnTo>
                      <a:pt x="413" y="593"/>
                    </a:lnTo>
                    <a:lnTo>
                      <a:pt x="415" y="596"/>
                    </a:lnTo>
                    <a:lnTo>
                      <a:pt x="415" y="603"/>
                    </a:lnTo>
                    <a:lnTo>
                      <a:pt x="415" y="610"/>
                    </a:lnTo>
                    <a:lnTo>
                      <a:pt x="417" y="616"/>
                    </a:lnTo>
                    <a:lnTo>
                      <a:pt x="417" y="622"/>
                    </a:lnTo>
                    <a:lnTo>
                      <a:pt x="418" y="627"/>
                    </a:lnTo>
                    <a:lnTo>
                      <a:pt x="418" y="628"/>
                    </a:lnTo>
                    <a:lnTo>
                      <a:pt x="422" y="633"/>
                    </a:lnTo>
                    <a:lnTo>
                      <a:pt x="425" y="637"/>
                    </a:lnTo>
                    <a:lnTo>
                      <a:pt x="427" y="637"/>
                    </a:lnTo>
                    <a:lnTo>
                      <a:pt x="429" y="637"/>
                    </a:lnTo>
                    <a:lnTo>
                      <a:pt x="430" y="633"/>
                    </a:lnTo>
                    <a:lnTo>
                      <a:pt x="432" y="632"/>
                    </a:lnTo>
                    <a:lnTo>
                      <a:pt x="432" y="630"/>
                    </a:lnTo>
                    <a:lnTo>
                      <a:pt x="432" y="628"/>
                    </a:lnTo>
                    <a:lnTo>
                      <a:pt x="435" y="623"/>
                    </a:lnTo>
                    <a:lnTo>
                      <a:pt x="440" y="622"/>
                    </a:lnTo>
                    <a:lnTo>
                      <a:pt x="444" y="622"/>
                    </a:lnTo>
                    <a:lnTo>
                      <a:pt x="447" y="622"/>
                    </a:lnTo>
                    <a:lnTo>
                      <a:pt x="452" y="623"/>
                    </a:lnTo>
                    <a:lnTo>
                      <a:pt x="454" y="625"/>
                    </a:lnTo>
                    <a:lnTo>
                      <a:pt x="457" y="627"/>
                    </a:lnTo>
                    <a:lnTo>
                      <a:pt x="459" y="628"/>
                    </a:lnTo>
                    <a:lnTo>
                      <a:pt x="464" y="632"/>
                    </a:lnTo>
                    <a:lnTo>
                      <a:pt x="469" y="632"/>
                    </a:lnTo>
                    <a:lnTo>
                      <a:pt x="473" y="630"/>
                    </a:lnTo>
                    <a:lnTo>
                      <a:pt x="476" y="628"/>
                    </a:lnTo>
                    <a:lnTo>
                      <a:pt x="478" y="625"/>
                    </a:lnTo>
                    <a:lnTo>
                      <a:pt x="479" y="623"/>
                    </a:lnTo>
                    <a:lnTo>
                      <a:pt x="479" y="620"/>
                    </a:lnTo>
                    <a:lnTo>
                      <a:pt x="481" y="620"/>
                    </a:lnTo>
                    <a:lnTo>
                      <a:pt x="484" y="618"/>
                    </a:lnTo>
                    <a:lnTo>
                      <a:pt x="486" y="618"/>
                    </a:lnTo>
                    <a:lnTo>
                      <a:pt x="488" y="620"/>
                    </a:lnTo>
                    <a:lnTo>
                      <a:pt x="489" y="622"/>
                    </a:lnTo>
                    <a:lnTo>
                      <a:pt x="491" y="623"/>
                    </a:lnTo>
                    <a:lnTo>
                      <a:pt x="491" y="625"/>
                    </a:lnTo>
                    <a:lnTo>
                      <a:pt x="493" y="627"/>
                    </a:lnTo>
                    <a:lnTo>
                      <a:pt x="493" y="628"/>
                    </a:lnTo>
                    <a:lnTo>
                      <a:pt x="498" y="628"/>
                    </a:lnTo>
                    <a:lnTo>
                      <a:pt x="518" y="625"/>
                    </a:lnTo>
                    <a:lnTo>
                      <a:pt x="525" y="630"/>
                    </a:lnTo>
                    <a:lnTo>
                      <a:pt x="537" y="630"/>
                    </a:lnTo>
                    <a:lnTo>
                      <a:pt x="552" y="628"/>
                    </a:lnTo>
                    <a:lnTo>
                      <a:pt x="559" y="611"/>
                    </a:lnTo>
                    <a:lnTo>
                      <a:pt x="569" y="611"/>
                    </a:lnTo>
                    <a:lnTo>
                      <a:pt x="576" y="632"/>
                    </a:lnTo>
                    <a:lnTo>
                      <a:pt x="586" y="647"/>
                    </a:lnTo>
                    <a:lnTo>
                      <a:pt x="540" y="958"/>
                    </a:lnTo>
                    <a:lnTo>
                      <a:pt x="269" y="909"/>
                    </a:lnTo>
                    <a:lnTo>
                      <a:pt x="268" y="909"/>
                    </a:lnTo>
                    <a:lnTo>
                      <a:pt x="266" y="909"/>
                    </a:lnTo>
                    <a:lnTo>
                      <a:pt x="263" y="908"/>
                    </a:lnTo>
                    <a:lnTo>
                      <a:pt x="259" y="908"/>
                    </a:lnTo>
                    <a:lnTo>
                      <a:pt x="254" y="906"/>
                    </a:lnTo>
                    <a:lnTo>
                      <a:pt x="249" y="904"/>
                    </a:lnTo>
                    <a:lnTo>
                      <a:pt x="242" y="904"/>
                    </a:lnTo>
                    <a:lnTo>
                      <a:pt x="236" y="902"/>
                    </a:lnTo>
                    <a:lnTo>
                      <a:pt x="229" y="901"/>
                    </a:lnTo>
                    <a:lnTo>
                      <a:pt x="220" y="899"/>
                    </a:lnTo>
                    <a:lnTo>
                      <a:pt x="212" y="897"/>
                    </a:lnTo>
                    <a:lnTo>
                      <a:pt x="203" y="896"/>
                    </a:lnTo>
                    <a:lnTo>
                      <a:pt x="193" y="894"/>
                    </a:lnTo>
                    <a:lnTo>
                      <a:pt x="185" y="891"/>
                    </a:lnTo>
                    <a:lnTo>
                      <a:pt x="175" y="889"/>
                    </a:lnTo>
                    <a:lnTo>
                      <a:pt x="165" y="887"/>
                    </a:lnTo>
                    <a:lnTo>
                      <a:pt x="154" y="884"/>
                    </a:lnTo>
                    <a:lnTo>
                      <a:pt x="143" y="882"/>
                    </a:lnTo>
                    <a:lnTo>
                      <a:pt x="132" y="880"/>
                    </a:lnTo>
                    <a:lnTo>
                      <a:pt x="121" y="877"/>
                    </a:lnTo>
                    <a:lnTo>
                      <a:pt x="110" y="875"/>
                    </a:lnTo>
                    <a:lnTo>
                      <a:pt x="99" y="872"/>
                    </a:lnTo>
                    <a:lnTo>
                      <a:pt x="87" y="870"/>
                    </a:lnTo>
                    <a:lnTo>
                      <a:pt x="77" y="867"/>
                    </a:lnTo>
                    <a:lnTo>
                      <a:pt x="65" y="865"/>
                    </a:lnTo>
                    <a:lnTo>
                      <a:pt x="53" y="862"/>
                    </a:lnTo>
                    <a:lnTo>
                      <a:pt x="43" y="860"/>
                    </a:lnTo>
                    <a:lnTo>
                      <a:pt x="33" y="858"/>
                    </a:lnTo>
                    <a:lnTo>
                      <a:pt x="21" y="855"/>
                    </a:lnTo>
                    <a:lnTo>
                      <a:pt x="11" y="853"/>
                    </a:lnTo>
                    <a:lnTo>
                      <a:pt x="0" y="852"/>
                    </a:lnTo>
                    <a:lnTo>
                      <a:pt x="46" y="657"/>
                    </a:lnTo>
                    <a:lnTo>
                      <a:pt x="44" y="644"/>
                    </a:lnTo>
                    <a:lnTo>
                      <a:pt x="63" y="611"/>
                    </a:lnTo>
                    <a:lnTo>
                      <a:pt x="63" y="601"/>
                    </a:lnTo>
                    <a:lnTo>
                      <a:pt x="68" y="594"/>
                    </a:lnTo>
                    <a:lnTo>
                      <a:pt x="71" y="586"/>
                    </a:lnTo>
                    <a:lnTo>
                      <a:pt x="66" y="581"/>
                    </a:lnTo>
                    <a:lnTo>
                      <a:pt x="48" y="569"/>
                    </a:lnTo>
                    <a:lnTo>
                      <a:pt x="49" y="561"/>
                    </a:lnTo>
                    <a:lnTo>
                      <a:pt x="49" y="559"/>
                    </a:lnTo>
                    <a:lnTo>
                      <a:pt x="49" y="557"/>
                    </a:lnTo>
                    <a:lnTo>
                      <a:pt x="51" y="556"/>
                    </a:lnTo>
                    <a:lnTo>
                      <a:pt x="51" y="554"/>
                    </a:lnTo>
                    <a:lnTo>
                      <a:pt x="53" y="552"/>
                    </a:lnTo>
                    <a:lnTo>
                      <a:pt x="53" y="550"/>
                    </a:lnTo>
                    <a:lnTo>
                      <a:pt x="53" y="549"/>
                    </a:lnTo>
                    <a:lnTo>
                      <a:pt x="58" y="539"/>
                    </a:lnTo>
                    <a:lnTo>
                      <a:pt x="63" y="530"/>
                    </a:lnTo>
                    <a:lnTo>
                      <a:pt x="71" y="522"/>
                    </a:lnTo>
                    <a:lnTo>
                      <a:pt x="78" y="513"/>
                    </a:lnTo>
                    <a:lnTo>
                      <a:pt x="87" y="506"/>
                    </a:lnTo>
                    <a:lnTo>
                      <a:pt x="93" y="501"/>
                    </a:lnTo>
                    <a:lnTo>
                      <a:pt x="97" y="498"/>
                    </a:lnTo>
                    <a:lnTo>
                      <a:pt x="99" y="496"/>
                    </a:lnTo>
                    <a:lnTo>
                      <a:pt x="99" y="488"/>
                    </a:lnTo>
                    <a:lnTo>
                      <a:pt x="146" y="422"/>
                    </a:lnTo>
                    <a:lnTo>
                      <a:pt x="148" y="413"/>
                    </a:lnTo>
                    <a:lnTo>
                      <a:pt x="141" y="400"/>
                    </a:lnTo>
                    <a:lnTo>
                      <a:pt x="131" y="391"/>
                    </a:lnTo>
                    <a:lnTo>
                      <a:pt x="119" y="368"/>
                    </a:lnTo>
                    <a:lnTo>
                      <a:pt x="119" y="358"/>
                    </a:lnTo>
                    <a:lnTo>
                      <a:pt x="122" y="344"/>
                    </a:lnTo>
                    <a:lnTo>
                      <a:pt x="122" y="332"/>
                    </a:lnTo>
                    <a:lnTo>
                      <a:pt x="117" y="320"/>
                    </a:lnTo>
                    <a:lnTo>
                      <a:pt x="122" y="303"/>
                    </a:lnTo>
                    <a:lnTo>
                      <a:pt x="122" y="302"/>
                    </a:lnTo>
                    <a:lnTo>
                      <a:pt x="122" y="300"/>
                    </a:lnTo>
                    <a:lnTo>
                      <a:pt x="124" y="297"/>
                    </a:lnTo>
                    <a:lnTo>
                      <a:pt x="126" y="290"/>
                    </a:lnTo>
                    <a:lnTo>
                      <a:pt x="127" y="283"/>
                    </a:lnTo>
                    <a:lnTo>
                      <a:pt x="129" y="275"/>
                    </a:lnTo>
                    <a:lnTo>
                      <a:pt x="131" y="266"/>
                    </a:lnTo>
                    <a:lnTo>
                      <a:pt x="132" y="256"/>
                    </a:lnTo>
                    <a:lnTo>
                      <a:pt x="136" y="244"/>
                    </a:lnTo>
                    <a:lnTo>
                      <a:pt x="137" y="232"/>
                    </a:lnTo>
                    <a:lnTo>
                      <a:pt x="141" y="220"/>
                    </a:lnTo>
                    <a:lnTo>
                      <a:pt x="144" y="207"/>
                    </a:lnTo>
                    <a:lnTo>
                      <a:pt x="146" y="193"/>
                    </a:lnTo>
                    <a:lnTo>
                      <a:pt x="149" y="180"/>
                    </a:lnTo>
                    <a:lnTo>
                      <a:pt x="153" y="166"/>
                    </a:lnTo>
                    <a:lnTo>
                      <a:pt x="156" y="151"/>
                    </a:lnTo>
                    <a:lnTo>
                      <a:pt x="159" y="138"/>
                    </a:lnTo>
                    <a:lnTo>
                      <a:pt x="161" y="122"/>
                    </a:lnTo>
                    <a:lnTo>
                      <a:pt x="165" y="109"/>
                    </a:lnTo>
                    <a:lnTo>
                      <a:pt x="168" y="95"/>
                    </a:lnTo>
                    <a:lnTo>
                      <a:pt x="171" y="82"/>
                    </a:lnTo>
                    <a:lnTo>
                      <a:pt x="173" y="70"/>
                    </a:lnTo>
                    <a:lnTo>
                      <a:pt x="176" y="58"/>
                    </a:lnTo>
                    <a:lnTo>
                      <a:pt x="178" y="48"/>
                    </a:lnTo>
                    <a:lnTo>
                      <a:pt x="181" y="38"/>
                    </a:lnTo>
                    <a:lnTo>
                      <a:pt x="183" y="28"/>
                    </a:lnTo>
                    <a:lnTo>
                      <a:pt x="185" y="19"/>
                    </a:lnTo>
                    <a:lnTo>
                      <a:pt x="187" y="12"/>
                    </a:lnTo>
                    <a:lnTo>
                      <a:pt x="188" y="7"/>
                    </a:lnTo>
                    <a:lnTo>
                      <a:pt x="188" y="4"/>
                    </a:lnTo>
                    <a:lnTo>
                      <a:pt x="188" y="0"/>
                    </a:lnTo>
                    <a:lnTo>
                      <a:pt x="266" y="1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15" name="Freeform 117"/>
              <p:cNvSpPr>
                <a:spLocks/>
              </p:cNvSpPr>
              <p:nvPr/>
            </p:nvSpPr>
            <p:spPr bwMode="auto">
              <a:xfrm>
                <a:off x="1110" y="981"/>
                <a:ext cx="979" cy="621"/>
              </a:xfrm>
              <a:custGeom>
                <a:avLst/>
                <a:gdLst>
                  <a:gd name="T0" fmla="*/ 289 w 1007"/>
                  <a:gd name="T1" fmla="*/ 381 h 640"/>
                  <a:gd name="T2" fmla="*/ 357 w 1007"/>
                  <a:gd name="T3" fmla="*/ 389 h 640"/>
                  <a:gd name="T4" fmla="*/ 425 w 1007"/>
                  <a:gd name="T5" fmla="*/ 398 h 640"/>
                  <a:gd name="T6" fmla="*/ 489 w 1007"/>
                  <a:gd name="T7" fmla="*/ 406 h 640"/>
                  <a:gd name="T8" fmla="*/ 550 w 1007"/>
                  <a:gd name="T9" fmla="*/ 410 h 640"/>
                  <a:gd name="T10" fmla="*/ 600 w 1007"/>
                  <a:gd name="T11" fmla="*/ 415 h 640"/>
                  <a:gd name="T12" fmla="*/ 635 w 1007"/>
                  <a:gd name="T13" fmla="*/ 418 h 640"/>
                  <a:gd name="T14" fmla="*/ 651 w 1007"/>
                  <a:gd name="T15" fmla="*/ 420 h 640"/>
                  <a:gd name="T16" fmla="*/ 635 w 1007"/>
                  <a:gd name="T17" fmla="*/ 93 h 640"/>
                  <a:gd name="T18" fmla="*/ 534 w 1007"/>
                  <a:gd name="T19" fmla="*/ 82 h 640"/>
                  <a:gd name="T20" fmla="*/ 426 w 1007"/>
                  <a:gd name="T21" fmla="*/ 70 h 640"/>
                  <a:gd name="T22" fmla="*/ 317 w 1007"/>
                  <a:gd name="T23" fmla="*/ 54 h 640"/>
                  <a:gd name="T24" fmla="*/ 215 w 1007"/>
                  <a:gd name="T25" fmla="*/ 39 h 640"/>
                  <a:gd name="T26" fmla="*/ 126 w 1007"/>
                  <a:gd name="T27" fmla="*/ 17 h 640"/>
                  <a:gd name="T28" fmla="*/ 60 w 1007"/>
                  <a:gd name="T29" fmla="*/ 12 h 640"/>
                  <a:gd name="T30" fmla="*/ 20 w 1007"/>
                  <a:gd name="T31" fmla="*/ 2 h 640"/>
                  <a:gd name="T32" fmla="*/ 0 w 1007"/>
                  <a:gd name="T33" fmla="*/ 80 h 640"/>
                  <a:gd name="T34" fmla="*/ 13 w 1007"/>
                  <a:gd name="T35" fmla="*/ 120 h 640"/>
                  <a:gd name="T36" fmla="*/ 17 w 1007"/>
                  <a:gd name="T37" fmla="*/ 135 h 640"/>
                  <a:gd name="T38" fmla="*/ 17 w 1007"/>
                  <a:gd name="T39" fmla="*/ 139 h 640"/>
                  <a:gd name="T40" fmla="*/ 17 w 1007"/>
                  <a:gd name="T41" fmla="*/ 143 h 640"/>
                  <a:gd name="T42" fmla="*/ 31 w 1007"/>
                  <a:gd name="T43" fmla="*/ 148 h 640"/>
                  <a:gd name="T44" fmla="*/ 41 w 1007"/>
                  <a:gd name="T45" fmla="*/ 165 h 640"/>
                  <a:gd name="T46" fmla="*/ 44 w 1007"/>
                  <a:gd name="T47" fmla="*/ 180 h 640"/>
                  <a:gd name="T48" fmla="*/ 45 w 1007"/>
                  <a:gd name="T49" fmla="*/ 187 h 640"/>
                  <a:gd name="T50" fmla="*/ 60 w 1007"/>
                  <a:gd name="T51" fmla="*/ 206 h 640"/>
                  <a:gd name="T52" fmla="*/ 77 w 1007"/>
                  <a:gd name="T53" fmla="*/ 206 h 640"/>
                  <a:gd name="T54" fmla="*/ 63 w 1007"/>
                  <a:gd name="T55" fmla="*/ 236 h 640"/>
                  <a:gd name="T56" fmla="*/ 58 w 1007"/>
                  <a:gd name="T57" fmla="*/ 252 h 640"/>
                  <a:gd name="T58" fmla="*/ 58 w 1007"/>
                  <a:gd name="T59" fmla="*/ 268 h 640"/>
                  <a:gd name="T60" fmla="*/ 49 w 1007"/>
                  <a:gd name="T61" fmla="*/ 274 h 640"/>
                  <a:gd name="T62" fmla="*/ 49 w 1007"/>
                  <a:gd name="T63" fmla="*/ 285 h 640"/>
                  <a:gd name="T64" fmla="*/ 51 w 1007"/>
                  <a:gd name="T65" fmla="*/ 295 h 640"/>
                  <a:gd name="T66" fmla="*/ 83 w 1007"/>
                  <a:gd name="T67" fmla="*/ 286 h 640"/>
                  <a:gd name="T68" fmla="*/ 85 w 1007"/>
                  <a:gd name="T69" fmla="*/ 285 h 640"/>
                  <a:gd name="T70" fmla="*/ 88 w 1007"/>
                  <a:gd name="T71" fmla="*/ 300 h 640"/>
                  <a:gd name="T72" fmla="*/ 90 w 1007"/>
                  <a:gd name="T73" fmla="*/ 325 h 640"/>
                  <a:gd name="T74" fmla="*/ 95 w 1007"/>
                  <a:gd name="T75" fmla="*/ 334 h 640"/>
                  <a:gd name="T76" fmla="*/ 101 w 1007"/>
                  <a:gd name="T77" fmla="*/ 347 h 640"/>
                  <a:gd name="T78" fmla="*/ 98 w 1007"/>
                  <a:gd name="T79" fmla="*/ 352 h 640"/>
                  <a:gd name="T80" fmla="*/ 101 w 1007"/>
                  <a:gd name="T81" fmla="*/ 363 h 640"/>
                  <a:gd name="T82" fmla="*/ 109 w 1007"/>
                  <a:gd name="T83" fmla="*/ 364 h 640"/>
                  <a:gd name="T84" fmla="*/ 117 w 1007"/>
                  <a:gd name="T85" fmla="*/ 385 h 640"/>
                  <a:gd name="T86" fmla="*/ 119 w 1007"/>
                  <a:gd name="T87" fmla="*/ 399 h 640"/>
                  <a:gd name="T88" fmla="*/ 125 w 1007"/>
                  <a:gd name="T89" fmla="*/ 408 h 640"/>
                  <a:gd name="T90" fmla="*/ 129 w 1007"/>
                  <a:gd name="T91" fmla="*/ 402 h 640"/>
                  <a:gd name="T92" fmla="*/ 137 w 1007"/>
                  <a:gd name="T93" fmla="*/ 397 h 640"/>
                  <a:gd name="T94" fmla="*/ 145 w 1007"/>
                  <a:gd name="T95" fmla="*/ 399 h 640"/>
                  <a:gd name="T96" fmla="*/ 157 w 1007"/>
                  <a:gd name="T97" fmla="*/ 402 h 640"/>
                  <a:gd name="T98" fmla="*/ 160 w 1007"/>
                  <a:gd name="T99" fmla="*/ 396 h 640"/>
                  <a:gd name="T100" fmla="*/ 167 w 1007"/>
                  <a:gd name="T101" fmla="*/ 396 h 640"/>
                  <a:gd name="T102" fmla="*/ 170 w 1007"/>
                  <a:gd name="T103" fmla="*/ 399 h 640"/>
                  <a:gd name="T104" fmla="*/ 192 w 1007"/>
                  <a:gd name="T105" fmla="*/ 402 h 640"/>
                  <a:gd name="T106" fmla="*/ 221 w 1007"/>
                  <a:gd name="T107" fmla="*/ 389 h 640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1007"/>
                  <a:gd name="T163" fmla="*/ 0 h 640"/>
                  <a:gd name="T164" fmla="*/ 1007 w 1007"/>
                  <a:gd name="T165" fmla="*/ 640 h 640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1007" h="640">
                    <a:moveTo>
                      <a:pt x="358" y="569"/>
                    </a:moveTo>
                    <a:lnTo>
                      <a:pt x="380" y="572"/>
                    </a:lnTo>
                    <a:lnTo>
                      <a:pt x="404" y="576"/>
                    </a:lnTo>
                    <a:lnTo>
                      <a:pt x="428" y="581"/>
                    </a:lnTo>
                    <a:lnTo>
                      <a:pt x="453" y="584"/>
                    </a:lnTo>
                    <a:lnTo>
                      <a:pt x="477" y="588"/>
                    </a:lnTo>
                    <a:lnTo>
                      <a:pt x="502" y="591"/>
                    </a:lnTo>
                    <a:lnTo>
                      <a:pt x="528" y="594"/>
                    </a:lnTo>
                    <a:lnTo>
                      <a:pt x="553" y="598"/>
                    </a:lnTo>
                    <a:lnTo>
                      <a:pt x="578" y="601"/>
                    </a:lnTo>
                    <a:lnTo>
                      <a:pt x="605" y="603"/>
                    </a:lnTo>
                    <a:lnTo>
                      <a:pt x="631" y="606"/>
                    </a:lnTo>
                    <a:lnTo>
                      <a:pt x="655" y="610"/>
                    </a:lnTo>
                    <a:lnTo>
                      <a:pt x="680" y="613"/>
                    </a:lnTo>
                    <a:lnTo>
                      <a:pt x="704" y="615"/>
                    </a:lnTo>
                    <a:lnTo>
                      <a:pt x="727" y="618"/>
                    </a:lnTo>
                    <a:lnTo>
                      <a:pt x="751" y="620"/>
                    </a:lnTo>
                    <a:lnTo>
                      <a:pt x="775" y="621"/>
                    </a:lnTo>
                    <a:lnTo>
                      <a:pt x="797" y="625"/>
                    </a:lnTo>
                    <a:lnTo>
                      <a:pt x="817" y="627"/>
                    </a:lnTo>
                    <a:lnTo>
                      <a:pt x="837" y="628"/>
                    </a:lnTo>
                    <a:lnTo>
                      <a:pt x="856" y="630"/>
                    </a:lnTo>
                    <a:lnTo>
                      <a:pt x="873" y="632"/>
                    </a:lnTo>
                    <a:lnTo>
                      <a:pt x="890" y="633"/>
                    </a:lnTo>
                    <a:lnTo>
                      <a:pt x="905" y="635"/>
                    </a:lnTo>
                    <a:lnTo>
                      <a:pt x="919" y="635"/>
                    </a:lnTo>
                    <a:lnTo>
                      <a:pt x="930" y="637"/>
                    </a:lnTo>
                    <a:lnTo>
                      <a:pt x="941" y="637"/>
                    </a:lnTo>
                    <a:lnTo>
                      <a:pt x="949" y="638"/>
                    </a:lnTo>
                    <a:lnTo>
                      <a:pt x="957" y="638"/>
                    </a:lnTo>
                    <a:lnTo>
                      <a:pt x="963" y="638"/>
                    </a:lnTo>
                    <a:lnTo>
                      <a:pt x="966" y="640"/>
                    </a:lnTo>
                    <a:lnTo>
                      <a:pt x="1007" y="144"/>
                    </a:lnTo>
                    <a:lnTo>
                      <a:pt x="974" y="143"/>
                    </a:lnTo>
                    <a:lnTo>
                      <a:pt x="941" y="141"/>
                    </a:lnTo>
                    <a:lnTo>
                      <a:pt x="905" y="139"/>
                    </a:lnTo>
                    <a:lnTo>
                      <a:pt x="869" y="136"/>
                    </a:lnTo>
                    <a:lnTo>
                      <a:pt x="832" y="131"/>
                    </a:lnTo>
                    <a:lnTo>
                      <a:pt x="793" y="127"/>
                    </a:lnTo>
                    <a:lnTo>
                      <a:pt x="754" y="122"/>
                    </a:lnTo>
                    <a:lnTo>
                      <a:pt x="714" y="117"/>
                    </a:lnTo>
                    <a:lnTo>
                      <a:pt x="673" y="112"/>
                    </a:lnTo>
                    <a:lnTo>
                      <a:pt x="633" y="105"/>
                    </a:lnTo>
                    <a:lnTo>
                      <a:pt x="592" y="100"/>
                    </a:lnTo>
                    <a:lnTo>
                      <a:pt x="551" y="93"/>
                    </a:lnTo>
                    <a:lnTo>
                      <a:pt x="511" y="88"/>
                    </a:lnTo>
                    <a:lnTo>
                      <a:pt x="470" y="82"/>
                    </a:lnTo>
                    <a:lnTo>
                      <a:pt x="431" y="75"/>
                    </a:lnTo>
                    <a:lnTo>
                      <a:pt x="392" y="68"/>
                    </a:lnTo>
                    <a:lnTo>
                      <a:pt x="355" y="61"/>
                    </a:lnTo>
                    <a:lnTo>
                      <a:pt x="318" y="56"/>
                    </a:lnTo>
                    <a:lnTo>
                      <a:pt x="282" y="49"/>
                    </a:lnTo>
                    <a:lnTo>
                      <a:pt x="248" y="43"/>
                    </a:lnTo>
                    <a:lnTo>
                      <a:pt x="216" y="38"/>
                    </a:lnTo>
                    <a:lnTo>
                      <a:pt x="188" y="31"/>
                    </a:lnTo>
                    <a:lnTo>
                      <a:pt x="159" y="26"/>
                    </a:lnTo>
                    <a:lnTo>
                      <a:pt x="133" y="21"/>
                    </a:lnTo>
                    <a:lnTo>
                      <a:pt x="108" y="17"/>
                    </a:lnTo>
                    <a:lnTo>
                      <a:pt x="88" y="12"/>
                    </a:lnTo>
                    <a:lnTo>
                      <a:pt x="69" y="9"/>
                    </a:lnTo>
                    <a:lnTo>
                      <a:pt x="54" y="5"/>
                    </a:lnTo>
                    <a:lnTo>
                      <a:pt x="42" y="4"/>
                    </a:lnTo>
                    <a:lnTo>
                      <a:pt x="34" y="2"/>
                    </a:lnTo>
                    <a:lnTo>
                      <a:pt x="27" y="0"/>
                    </a:lnTo>
                    <a:lnTo>
                      <a:pt x="25" y="0"/>
                    </a:lnTo>
                    <a:lnTo>
                      <a:pt x="0" y="122"/>
                    </a:lnTo>
                    <a:lnTo>
                      <a:pt x="8" y="141"/>
                    </a:lnTo>
                    <a:lnTo>
                      <a:pt x="20" y="168"/>
                    </a:lnTo>
                    <a:lnTo>
                      <a:pt x="20" y="178"/>
                    </a:lnTo>
                    <a:lnTo>
                      <a:pt x="13" y="183"/>
                    </a:lnTo>
                    <a:lnTo>
                      <a:pt x="22" y="190"/>
                    </a:lnTo>
                    <a:lnTo>
                      <a:pt x="15" y="195"/>
                    </a:lnTo>
                    <a:lnTo>
                      <a:pt x="15" y="202"/>
                    </a:lnTo>
                    <a:lnTo>
                      <a:pt x="28" y="205"/>
                    </a:lnTo>
                    <a:lnTo>
                      <a:pt x="28" y="207"/>
                    </a:lnTo>
                    <a:lnTo>
                      <a:pt x="28" y="209"/>
                    </a:lnTo>
                    <a:lnTo>
                      <a:pt x="28" y="210"/>
                    </a:lnTo>
                    <a:lnTo>
                      <a:pt x="28" y="212"/>
                    </a:lnTo>
                    <a:lnTo>
                      <a:pt x="28" y="214"/>
                    </a:lnTo>
                    <a:lnTo>
                      <a:pt x="28" y="215"/>
                    </a:lnTo>
                    <a:lnTo>
                      <a:pt x="30" y="217"/>
                    </a:lnTo>
                    <a:lnTo>
                      <a:pt x="35" y="219"/>
                    </a:lnTo>
                    <a:lnTo>
                      <a:pt x="39" y="220"/>
                    </a:lnTo>
                    <a:lnTo>
                      <a:pt x="42" y="224"/>
                    </a:lnTo>
                    <a:lnTo>
                      <a:pt x="45" y="227"/>
                    </a:lnTo>
                    <a:lnTo>
                      <a:pt x="49" y="232"/>
                    </a:lnTo>
                    <a:lnTo>
                      <a:pt x="52" y="239"/>
                    </a:lnTo>
                    <a:lnTo>
                      <a:pt x="54" y="244"/>
                    </a:lnTo>
                    <a:lnTo>
                      <a:pt x="57" y="251"/>
                    </a:lnTo>
                    <a:lnTo>
                      <a:pt x="59" y="258"/>
                    </a:lnTo>
                    <a:lnTo>
                      <a:pt x="61" y="263"/>
                    </a:lnTo>
                    <a:lnTo>
                      <a:pt x="62" y="269"/>
                    </a:lnTo>
                    <a:lnTo>
                      <a:pt x="64" y="275"/>
                    </a:lnTo>
                    <a:lnTo>
                      <a:pt x="64" y="278"/>
                    </a:lnTo>
                    <a:lnTo>
                      <a:pt x="66" y="281"/>
                    </a:lnTo>
                    <a:lnTo>
                      <a:pt x="66" y="283"/>
                    </a:lnTo>
                    <a:lnTo>
                      <a:pt x="66" y="285"/>
                    </a:lnTo>
                    <a:lnTo>
                      <a:pt x="74" y="288"/>
                    </a:lnTo>
                    <a:lnTo>
                      <a:pt x="74" y="300"/>
                    </a:lnTo>
                    <a:lnTo>
                      <a:pt x="86" y="300"/>
                    </a:lnTo>
                    <a:lnTo>
                      <a:pt x="88" y="313"/>
                    </a:lnTo>
                    <a:lnTo>
                      <a:pt x="94" y="313"/>
                    </a:lnTo>
                    <a:lnTo>
                      <a:pt x="113" y="313"/>
                    </a:lnTo>
                    <a:lnTo>
                      <a:pt x="113" y="315"/>
                    </a:lnTo>
                    <a:lnTo>
                      <a:pt x="101" y="337"/>
                    </a:lnTo>
                    <a:lnTo>
                      <a:pt x="101" y="349"/>
                    </a:lnTo>
                    <a:lnTo>
                      <a:pt x="93" y="359"/>
                    </a:lnTo>
                    <a:lnTo>
                      <a:pt x="94" y="359"/>
                    </a:lnTo>
                    <a:lnTo>
                      <a:pt x="94" y="368"/>
                    </a:lnTo>
                    <a:lnTo>
                      <a:pt x="88" y="373"/>
                    </a:lnTo>
                    <a:lnTo>
                      <a:pt x="86" y="383"/>
                    </a:lnTo>
                    <a:lnTo>
                      <a:pt x="89" y="401"/>
                    </a:lnTo>
                    <a:lnTo>
                      <a:pt x="89" y="403"/>
                    </a:lnTo>
                    <a:lnTo>
                      <a:pt x="88" y="405"/>
                    </a:lnTo>
                    <a:lnTo>
                      <a:pt x="86" y="408"/>
                    </a:lnTo>
                    <a:lnTo>
                      <a:pt x="79" y="410"/>
                    </a:lnTo>
                    <a:lnTo>
                      <a:pt x="76" y="413"/>
                    </a:lnTo>
                    <a:lnTo>
                      <a:pt x="74" y="417"/>
                    </a:lnTo>
                    <a:lnTo>
                      <a:pt x="72" y="422"/>
                    </a:lnTo>
                    <a:lnTo>
                      <a:pt x="72" y="427"/>
                    </a:lnTo>
                    <a:lnTo>
                      <a:pt x="74" y="430"/>
                    </a:lnTo>
                    <a:lnTo>
                      <a:pt x="74" y="434"/>
                    </a:lnTo>
                    <a:lnTo>
                      <a:pt x="74" y="435"/>
                    </a:lnTo>
                    <a:lnTo>
                      <a:pt x="69" y="437"/>
                    </a:lnTo>
                    <a:lnTo>
                      <a:pt x="69" y="445"/>
                    </a:lnTo>
                    <a:lnTo>
                      <a:pt x="78" y="449"/>
                    </a:lnTo>
                    <a:lnTo>
                      <a:pt x="86" y="457"/>
                    </a:lnTo>
                    <a:lnTo>
                      <a:pt x="101" y="452"/>
                    </a:lnTo>
                    <a:lnTo>
                      <a:pt x="116" y="439"/>
                    </a:lnTo>
                    <a:lnTo>
                      <a:pt x="123" y="437"/>
                    </a:lnTo>
                    <a:lnTo>
                      <a:pt x="125" y="435"/>
                    </a:lnTo>
                    <a:lnTo>
                      <a:pt x="125" y="434"/>
                    </a:lnTo>
                    <a:lnTo>
                      <a:pt x="127" y="434"/>
                    </a:lnTo>
                    <a:lnTo>
                      <a:pt x="128" y="435"/>
                    </a:lnTo>
                    <a:lnTo>
                      <a:pt x="130" y="439"/>
                    </a:lnTo>
                    <a:lnTo>
                      <a:pt x="132" y="447"/>
                    </a:lnTo>
                    <a:lnTo>
                      <a:pt x="132" y="457"/>
                    </a:lnTo>
                    <a:lnTo>
                      <a:pt x="132" y="471"/>
                    </a:lnTo>
                    <a:lnTo>
                      <a:pt x="132" y="481"/>
                    </a:lnTo>
                    <a:lnTo>
                      <a:pt x="133" y="489"/>
                    </a:lnTo>
                    <a:lnTo>
                      <a:pt x="135" y="496"/>
                    </a:lnTo>
                    <a:lnTo>
                      <a:pt x="137" y="503"/>
                    </a:lnTo>
                    <a:lnTo>
                      <a:pt x="138" y="506"/>
                    </a:lnTo>
                    <a:lnTo>
                      <a:pt x="140" y="508"/>
                    </a:lnTo>
                    <a:lnTo>
                      <a:pt x="142" y="510"/>
                    </a:lnTo>
                    <a:lnTo>
                      <a:pt x="145" y="518"/>
                    </a:lnTo>
                    <a:lnTo>
                      <a:pt x="147" y="523"/>
                    </a:lnTo>
                    <a:lnTo>
                      <a:pt x="149" y="528"/>
                    </a:lnTo>
                    <a:lnTo>
                      <a:pt x="149" y="530"/>
                    </a:lnTo>
                    <a:lnTo>
                      <a:pt x="147" y="533"/>
                    </a:lnTo>
                    <a:lnTo>
                      <a:pt x="147" y="535"/>
                    </a:lnTo>
                    <a:lnTo>
                      <a:pt x="145" y="537"/>
                    </a:lnTo>
                    <a:lnTo>
                      <a:pt x="144" y="542"/>
                    </a:lnTo>
                    <a:lnTo>
                      <a:pt x="145" y="545"/>
                    </a:lnTo>
                    <a:lnTo>
                      <a:pt x="147" y="549"/>
                    </a:lnTo>
                    <a:lnTo>
                      <a:pt x="150" y="552"/>
                    </a:lnTo>
                    <a:lnTo>
                      <a:pt x="154" y="554"/>
                    </a:lnTo>
                    <a:lnTo>
                      <a:pt x="157" y="555"/>
                    </a:lnTo>
                    <a:lnTo>
                      <a:pt x="159" y="555"/>
                    </a:lnTo>
                    <a:lnTo>
                      <a:pt x="160" y="555"/>
                    </a:lnTo>
                    <a:lnTo>
                      <a:pt x="172" y="574"/>
                    </a:lnTo>
                    <a:lnTo>
                      <a:pt x="172" y="576"/>
                    </a:lnTo>
                    <a:lnTo>
                      <a:pt x="174" y="579"/>
                    </a:lnTo>
                    <a:lnTo>
                      <a:pt x="174" y="586"/>
                    </a:lnTo>
                    <a:lnTo>
                      <a:pt x="174" y="593"/>
                    </a:lnTo>
                    <a:lnTo>
                      <a:pt x="176" y="599"/>
                    </a:lnTo>
                    <a:lnTo>
                      <a:pt x="176" y="605"/>
                    </a:lnTo>
                    <a:lnTo>
                      <a:pt x="177" y="610"/>
                    </a:lnTo>
                    <a:lnTo>
                      <a:pt x="177" y="611"/>
                    </a:lnTo>
                    <a:lnTo>
                      <a:pt x="181" y="616"/>
                    </a:lnTo>
                    <a:lnTo>
                      <a:pt x="184" y="620"/>
                    </a:lnTo>
                    <a:lnTo>
                      <a:pt x="186" y="620"/>
                    </a:lnTo>
                    <a:lnTo>
                      <a:pt x="188" y="620"/>
                    </a:lnTo>
                    <a:lnTo>
                      <a:pt x="189" y="616"/>
                    </a:lnTo>
                    <a:lnTo>
                      <a:pt x="191" y="615"/>
                    </a:lnTo>
                    <a:lnTo>
                      <a:pt x="191" y="613"/>
                    </a:lnTo>
                    <a:lnTo>
                      <a:pt x="191" y="611"/>
                    </a:lnTo>
                    <a:lnTo>
                      <a:pt x="194" y="606"/>
                    </a:lnTo>
                    <a:lnTo>
                      <a:pt x="199" y="605"/>
                    </a:lnTo>
                    <a:lnTo>
                      <a:pt x="203" y="605"/>
                    </a:lnTo>
                    <a:lnTo>
                      <a:pt x="206" y="605"/>
                    </a:lnTo>
                    <a:lnTo>
                      <a:pt x="211" y="606"/>
                    </a:lnTo>
                    <a:lnTo>
                      <a:pt x="213" y="608"/>
                    </a:lnTo>
                    <a:lnTo>
                      <a:pt x="216" y="610"/>
                    </a:lnTo>
                    <a:lnTo>
                      <a:pt x="218" y="611"/>
                    </a:lnTo>
                    <a:lnTo>
                      <a:pt x="223" y="615"/>
                    </a:lnTo>
                    <a:lnTo>
                      <a:pt x="228" y="615"/>
                    </a:lnTo>
                    <a:lnTo>
                      <a:pt x="232" y="613"/>
                    </a:lnTo>
                    <a:lnTo>
                      <a:pt x="235" y="611"/>
                    </a:lnTo>
                    <a:lnTo>
                      <a:pt x="237" y="608"/>
                    </a:lnTo>
                    <a:lnTo>
                      <a:pt x="238" y="606"/>
                    </a:lnTo>
                    <a:lnTo>
                      <a:pt x="238" y="603"/>
                    </a:lnTo>
                    <a:lnTo>
                      <a:pt x="240" y="603"/>
                    </a:lnTo>
                    <a:lnTo>
                      <a:pt x="243" y="601"/>
                    </a:lnTo>
                    <a:lnTo>
                      <a:pt x="245" y="601"/>
                    </a:lnTo>
                    <a:lnTo>
                      <a:pt x="247" y="603"/>
                    </a:lnTo>
                    <a:lnTo>
                      <a:pt x="248" y="605"/>
                    </a:lnTo>
                    <a:lnTo>
                      <a:pt x="250" y="606"/>
                    </a:lnTo>
                    <a:lnTo>
                      <a:pt x="250" y="608"/>
                    </a:lnTo>
                    <a:lnTo>
                      <a:pt x="252" y="610"/>
                    </a:lnTo>
                    <a:lnTo>
                      <a:pt x="252" y="611"/>
                    </a:lnTo>
                    <a:lnTo>
                      <a:pt x="257" y="611"/>
                    </a:lnTo>
                    <a:lnTo>
                      <a:pt x="277" y="608"/>
                    </a:lnTo>
                    <a:lnTo>
                      <a:pt x="284" y="613"/>
                    </a:lnTo>
                    <a:lnTo>
                      <a:pt x="296" y="613"/>
                    </a:lnTo>
                    <a:lnTo>
                      <a:pt x="311" y="611"/>
                    </a:lnTo>
                    <a:lnTo>
                      <a:pt x="318" y="594"/>
                    </a:lnTo>
                    <a:lnTo>
                      <a:pt x="328" y="594"/>
                    </a:lnTo>
                    <a:lnTo>
                      <a:pt x="335" y="615"/>
                    </a:lnTo>
                    <a:lnTo>
                      <a:pt x="345" y="630"/>
                    </a:lnTo>
                    <a:lnTo>
                      <a:pt x="358" y="56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16" name="Freeform 118"/>
              <p:cNvSpPr>
                <a:spLocks/>
              </p:cNvSpPr>
              <p:nvPr/>
            </p:nvSpPr>
            <p:spPr bwMode="auto">
              <a:xfrm>
                <a:off x="528" y="1726"/>
                <a:ext cx="609" cy="942"/>
              </a:xfrm>
              <a:custGeom>
                <a:avLst/>
                <a:gdLst>
                  <a:gd name="T0" fmla="*/ 0 w 626"/>
                  <a:gd name="T1" fmla="*/ 243 h 970"/>
                  <a:gd name="T2" fmla="*/ 64 w 626"/>
                  <a:gd name="T3" fmla="*/ 2 h 970"/>
                  <a:gd name="T4" fmla="*/ 82 w 626"/>
                  <a:gd name="T5" fmla="*/ 8 h 970"/>
                  <a:gd name="T6" fmla="*/ 99 w 626"/>
                  <a:gd name="T7" fmla="*/ 15 h 970"/>
                  <a:gd name="T8" fmla="*/ 116 w 626"/>
                  <a:gd name="T9" fmla="*/ 17 h 970"/>
                  <a:gd name="T10" fmla="*/ 131 w 626"/>
                  <a:gd name="T11" fmla="*/ 17 h 970"/>
                  <a:gd name="T12" fmla="*/ 148 w 626"/>
                  <a:gd name="T13" fmla="*/ 18 h 970"/>
                  <a:gd name="T14" fmla="*/ 162 w 626"/>
                  <a:gd name="T15" fmla="*/ 25 h 970"/>
                  <a:gd name="T16" fmla="*/ 177 w 626"/>
                  <a:gd name="T17" fmla="*/ 30 h 970"/>
                  <a:gd name="T18" fmla="*/ 189 w 626"/>
                  <a:gd name="T19" fmla="*/ 35 h 970"/>
                  <a:gd name="T20" fmla="*/ 201 w 626"/>
                  <a:gd name="T21" fmla="*/ 37 h 970"/>
                  <a:gd name="T22" fmla="*/ 213 w 626"/>
                  <a:gd name="T23" fmla="*/ 39 h 970"/>
                  <a:gd name="T24" fmla="*/ 221 w 626"/>
                  <a:gd name="T25" fmla="*/ 41 h 970"/>
                  <a:gd name="T26" fmla="*/ 229 w 626"/>
                  <a:gd name="T27" fmla="*/ 43 h 970"/>
                  <a:gd name="T28" fmla="*/ 235 w 626"/>
                  <a:gd name="T29" fmla="*/ 44 h 970"/>
                  <a:gd name="T30" fmla="*/ 239 w 626"/>
                  <a:gd name="T31" fmla="*/ 44 h 970"/>
                  <a:gd name="T32" fmla="*/ 243 w 626"/>
                  <a:gd name="T33" fmla="*/ 45 h 970"/>
                  <a:gd name="T34" fmla="*/ 243 w 626"/>
                  <a:gd name="T35" fmla="*/ 45 h 970"/>
                  <a:gd name="T36" fmla="*/ 425 w 626"/>
                  <a:gd name="T37" fmla="*/ 83 h 970"/>
                  <a:gd name="T38" fmla="*/ 334 w 626"/>
                  <a:gd name="T39" fmla="*/ 552 h 970"/>
                  <a:gd name="T40" fmla="*/ 332 w 626"/>
                  <a:gd name="T41" fmla="*/ 555 h 970"/>
                  <a:gd name="T42" fmla="*/ 330 w 626"/>
                  <a:gd name="T43" fmla="*/ 564 h 970"/>
                  <a:gd name="T44" fmla="*/ 323 w 626"/>
                  <a:gd name="T45" fmla="*/ 570 h 970"/>
                  <a:gd name="T46" fmla="*/ 315 w 626"/>
                  <a:gd name="T47" fmla="*/ 566 h 970"/>
                  <a:gd name="T48" fmla="*/ 313 w 626"/>
                  <a:gd name="T49" fmla="*/ 564 h 970"/>
                  <a:gd name="T50" fmla="*/ 313 w 626"/>
                  <a:gd name="T51" fmla="*/ 562 h 970"/>
                  <a:gd name="T52" fmla="*/ 311 w 626"/>
                  <a:gd name="T53" fmla="*/ 557 h 970"/>
                  <a:gd name="T54" fmla="*/ 305 w 626"/>
                  <a:gd name="T55" fmla="*/ 555 h 970"/>
                  <a:gd name="T56" fmla="*/ 303 w 626"/>
                  <a:gd name="T57" fmla="*/ 555 h 970"/>
                  <a:gd name="T58" fmla="*/ 302 w 626"/>
                  <a:gd name="T59" fmla="*/ 554 h 970"/>
                  <a:gd name="T60" fmla="*/ 298 w 626"/>
                  <a:gd name="T61" fmla="*/ 554 h 970"/>
                  <a:gd name="T62" fmla="*/ 297 w 626"/>
                  <a:gd name="T63" fmla="*/ 555 h 970"/>
                  <a:gd name="T64" fmla="*/ 294 w 626"/>
                  <a:gd name="T65" fmla="*/ 555 h 970"/>
                  <a:gd name="T66" fmla="*/ 289 w 626"/>
                  <a:gd name="T67" fmla="*/ 555 h 970"/>
                  <a:gd name="T68" fmla="*/ 286 w 626"/>
                  <a:gd name="T69" fmla="*/ 555 h 970"/>
                  <a:gd name="T70" fmla="*/ 285 w 626"/>
                  <a:gd name="T71" fmla="*/ 559 h 970"/>
                  <a:gd name="T72" fmla="*/ 285 w 626"/>
                  <a:gd name="T73" fmla="*/ 562 h 970"/>
                  <a:gd name="T74" fmla="*/ 286 w 626"/>
                  <a:gd name="T75" fmla="*/ 566 h 970"/>
                  <a:gd name="T76" fmla="*/ 286 w 626"/>
                  <a:gd name="T77" fmla="*/ 572 h 970"/>
                  <a:gd name="T78" fmla="*/ 286 w 626"/>
                  <a:gd name="T79" fmla="*/ 580 h 970"/>
                  <a:gd name="T80" fmla="*/ 288 w 626"/>
                  <a:gd name="T81" fmla="*/ 587 h 970"/>
                  <a:gd name="T82" fmla="*/ 286 w 626"/>
                  <a:gd name="T83" fmla="*/ 596 h 970"/>
                  <a:gd name="T84" fmla="*/ 285 w 626"/>
                  <a:gd name="T85" fmla="*/ 602 h 970"/>
                  <a:gd name="T86" fmla="*/ 282 w 626"/>
                  <a:gd name="T87" fmla="*/ 607 h 970"/>
                  <a:gd name="T88" fmla="*/ 282 w 626"/>
                  <a:gd name="T89" fmla="*/ 612 h 970"/>
                  <a:gd name="T90" fmla="*/ 282 w 626"/>
                  <a:gd name="T91" fmla="*/ 620 h 970"/>
                  <a:gd name="T92" fmla="*/ 282 w 626"/>
                  <a:gd name="T93" fmla="*/ 629 h 970"/>
                  <a:gd name="T94" fmla="*/ 281 w 626"/>
                  <a:gd name="T95" fmla="*/ 637 h 970"/>
                  <a:gd name="T96" fmla="*/ 279 w 626"/>
                  <a:gd name="T97" fmla="*/ 637 h 970"/>
                  <a:gd name="T98" fmla="*/ 276 w 626"/>
                  <a:gd name="T99" fmla="*/ 640 h 970"/>
                  <a:gd name="T100" fmla="*/ 273 w 626"/>
                  <a:gd name="T101" fmla="*/ 643 h 970"/>
                  <a:gd name="T102" fmla="*/ 272 w 626"/>
                  <a:gd name="T103" fmla="*/ 644 h 970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w 626"/>
                  <a:gd name="T157" fmla="*/ 0 h 970"/>
                  <a:gd name="T158" fmla="*/ 626 w 626"/>
                  <a:gd name="T159" fmla="*/ 970 h 970"/>
                </a:gdLst>
                <a:ahLst/>
                <a:cxnLst>
                  <a:cxn ang="T104">
                    <a:pos x="T0" y="T1"/>
                  </a:cxn>
                  <a:cxn ang="T105">
                    <a:pos x="T2" y="T3"/>
                  </a:cxn>
                  <a:cxn ang="T106">
                    <a:pos x="T4" y="T5"/>
                  </a:cxn>
                  <a:cxn ang="T107">
                    <a:pos x="T6" y="T7"/>
                  </a:cxn>
                  <a:cxn ang="T108">
                    <a:pos x="T8" y="T9"/>
                  </a:cxn>
                  <a:cxn ang="T109">
                    <a:pos x="T10" y="T11"/>
                  </a:cxn>
                  <a:cxn ang="T110">
                    <a:pos x="T12" y="T13"/>
                  </a:cxn>
                  <a:cxn ang="T111">
                    <a:pos x="T14" y="T15"/>
                  </a:cxn>
                  <a:cxn ang="T112">
                    <a:pos x="T16" y="T17"/>
                  </a:cxn>
                  <a:cxn ang="T113">
                    <a:pos x="T18" y="T19"/>
                  </a:cxn>
                  <a:cxn ang="T114">
                    <a:pos x="T20" y="T21"/>
                  </a:cxn>
                  <a:cxn ang="T115">
                    <a:pos x="T22" y="T23"/>
                  </a:cxn>
                  <a:cxn ang="T116">
                    <a:pos x="T24" y="T25"/>
                  </a:cxn>
                  <a:cxn ang="T117">
                    <a:pos x="T26" y="T27"/>
                  </a:cxn>
                  <a:cxn ang="T118">
                    <a:pos x="T28" y="T29"/>
                  </a:cxn>
                  <a:cxn ang="T119">
                    <a:pos x="T30" y="T31"/>
                  </a:cxn>
                  <a:cxn ang="T120">
                    <a:pos x="T32" y="T33"/>
                  </a:cxn>
                  <a:cxn ang="T121">
                    <a:pos x="T34" y="T35"/>
                  </a:cxn>
                  <a:cxn ang="T122">
                    <a:pos x="T36" y="T37"/>
                  </a:cxn>
                  <a:cxn ang="T123">
                    <a:pos x="T38" y="T39"/>
                  </a:cxn>
                  <a:cxn ang="T124">
                    <a:pos x="T40" y="T41"/>
                  </a:cxn>
                  <a:cxn ang="T125">
                    <a:pos x="T42" y="T43"/>
                  </a:cxn>
                  <a:cxn ang="T126">
                    <a:pos x="T44" y="T45"/>
                  </a:cxn>
                  <a:cxn ang="T127">
                    <a:pos x="T46" y="T47"/>
                  </a:cxn>
                  <a:cxn ang="T128">
                    <a:pos x="T48" y="T49"/>
                  </a:cxn>
                  <a:cxn ang="T129">
                    <a:pos x="T50" y="T51"/>
                  </a:cxn>
                  <a:cxn ang="T130">
                    <a:pos x="T52" y="T53"/>
                  </a:cxn>
                  <a:cxn ang="T131">
                    <a:pos x="T54" y="T55"/>
                  </a:cxn>
                  <a:cxn ang="T132">
                    <a:pos x="T56" y="T57"/>
                  </a:cxn>
                  <a:cxn ang="T133">
                    <a:pos x="T58" y="T59"/>
                  </a:cxn>
                  <a:cxn ang="T134">
                    <a:pos x="T60" y="T61"/>
                  </a:cxn>
                  <a:cxn ang="T135">
                    <a:pos x="T62" y="T63"/>
                  </a:cxn>
                  <a:cxn ang="T136">
                    <a:pos x="T64" y="T65"/>
                  </a:cxn>
                  <a:cxn ang="T137">
                    <a:pos x="T66" y="T67"/>
                  </a:cxn>
                  <a:cxn ang="T138">
                    <a:pos x="T68" y="T69"/>
                  </a:cxn>
                  <a:cxn ang="T139">
                    <a:pos x="T70" y="T71"/>
                  </a:cxn>
                  <a:cxn ang="T140">
                    <a:pos x="T72" y="T73"/>
                  </a:cxn>
                  <a:cxn ang="T141">
                    <a:pos x="T74" y="T75"/>
                  </a:cxn>
                  <a:cxn ang="T142">
                    <a:pos x="T76" y="T77"/>
                  </a:cxn>
                  <a:cxn ang="T143">
                    <a:pos x="T78" y="T79"/>
                  </a:cxn>
                  <a:cxn ang="T144">
                    <a:pos x="T80" y="T81"/>
                  </a:cxn>
                  <a:cxn ang="T145">
                    <a:pos x="T82" y="T83"/>
                  </a:cxn>
                  <a:cxn ang="T146">
                    <a:pos x="T84" y="T85"/>
                  </a:cxn>
                  <a:cxn ang="T147">
                    <a:pos x="T86" y="T87"/>
                  </a:cxn>
                  <a:cxn ang="T148">
                    <a:pos x="T88" y="T89"/>
                  </a:cxn>
                  <a:cxn ang="T149">
                    <a:pos x="T90" y="T91"/>
                  </a:cxn>
                  <a:cxn ang="T150">
                    <a:pos x="T92" y="T93"/>
                  </a:cxn>
                  <a:cxn ang="T151">
                    <a:pos x="T94" y="T95"/>
                  </a:cxn>
                  <a:cxn ang="T152">
                    <a:pos x="T96" y="T97"/>
                  </a:cxn>
                  <a:cxn ang="T153">
                    <a:pos x="T98" y="T99"/>
                  </a:cxn>
                  <a:cxn ang="T154">
                    <a:pos x="T100" y="T101"/>
                  </a:cxn>
                  <a:cxn ang="T155">
                    <a:pos x="T102" y="T103"/>
                  </a:cxn>
                </a:cxnLst>
                <a:rect l="T156" t="T157" r="T158" b="T159"/>
                <a:pathLst>
                  <a:path w="626" h="970">
                    <a:moveTo>
                      <a:pt x="400" y="970"/>
                    </a:moveTo>
                    <a:lnTo>
                      <a:pt x="0" y="366"/>
                    </a:lnTo>
                    <a:lnTo>
                      <a:pt x="95" y="0"/>
                    </a:lnTo>
                    <a:lnTo>
                      <a:pt x="93" y="2"/>
                    </a:lnTo>
                    <a:lnTo>
                      <a:pt x="107" y="5"/>
                    </a:lnTo>
                    <a:lnTo>
                      <a:pt x="120" y="8"/>
                    </a:lnTo>
                    <a:lnTo>
                      <a:pt x="132" y="12"/>
                    </a:lnTo>
                    <a:lnTo>
                      <a:pt x="146" y="15"/>
                    </a:lnTo>
                    <a:lnTo>
                      <a:pt x="158" y="19"/>
                    </a:lnTo>
                    <a:lnTo>
                      <a:pt x="170" y="20"/>
                    </a:lnTo>
                    <a:lnTo>
                      <a:pt x="183" y="24"/>
                    </a:lnTo>
                    <a:lnTo>
                      <a:pt x="193" y="27"/>
                    </a:lnTo>
                    <a:lnTo>
                      <a:pt x="205" y="30"/>
                    </a:lnTo>
                    <a:lnTo>
                      <a:pt x="217" y="32"/>
                    </a:lnTo>
                    <a:lnTo>
                      <a:pt x="229" y="36"/>
                    </a:lnTo>
                    <a:lnTo>
                      <a:pt x="239" y="39"/>
                    </a:lnTo>
                    <a:lnTo>
                      <a:pt x="249" y="41"/>
                    </a:lnTo>
                    <a:lnTo>
                      <a:pt x="259" y="44"/>
                    </a:lnTo>
                    <a:lnTo>
                      <a:pt x="269" y="46"/>
                    </a:lnTo>
                    <a:lnTo>
                      <a:pt x="278" y="49"/>
                    </a:lnTo>
                    <a:lnTo>
                      <a:pt x="288" y="51"/>
                    </a:lnTo>
                    <a:lnTo>
                      <a:pt x="296" y="52"/>
                    </a:lnTo>
                    <a:lnTo>
                      <a:pt x="303" y="54"/>
                    </a:lnTo>
                    <a:lnTo>
                      <a:pt x="312" y="56"/>
                    </a:lnTo>
                    <a:lnTo>
                      <a:pt x="318" y="58"/>
                    </a:lnTo>
                    <a:lnTo>
                      <a:pt x="325" y="59"/>
                    </a:lnTo>
                    <a:lnTo>
                      <a:pt x="330" y="61"/>
                    </a:lnTo>
                    <a:lnTo>
                      <a:pt x="337" y="63"/>
                    </a:lnTo>
                    <a:lnTo>
                      <a:pt x="340" y="64"/>
                    </a:lnTo>
                    <a:lnTo>
                      <a:pt x="346" y="66"/>
                    </a:lnTo>
                    <a:lnTo>
                      <a:pt x="349" y="66"/>
                    </a:lnTo>
                    <a:lnTo>
                      <a:pt x="352" y="66"/>
                    </a:lnTo>
                    <a:lnTo>
                      <a:pt x="354" y="68"/>
                    </a:lnTo>
                    <a:lnTo>
                      <a:pt x="357" y="68"/>
                    </a:lnTo>
                    <a:lnTo>
                      <a:pt x="626" y="125"/>
                    </a:lnTo>
                    <a:lnTo>
                      <a:pt x="508" y="741"/>
                    </a:lnTo>
                    <a:lnTo>
                      <a:pt x="491" y="831"/>
                    </a:lnTo>
                    <a:lnTo>
                      <a:pt x="491" y="833"/>
                    </a:lnTo>
                    <a:lnTo>
                      <a:pt x="489" y="836"/>
                    </a:lnTo>
                    <a:lnTo>
                      <a:pt x="488" y="843"/>
                    </a:lnTo>
                    <a:lnTo>
                      <a:pt x="484" y="850"/>
                    </a:lnTo>
                    <a:lnTo>
                      <a:pt x="481" y="855"/>
                    </a:lnTo>
                    <a:lnTo>
                      <a:pt x="476" y="858"/>
                    </a:lnTo>
                    <a:lnTo>
                      <a:pt x="471" y="858"/>
                    </a:lnTo>
                    <a:lnTo>
                      <a:pt x="464" y="853"/>
                    </a:lnTo>
                    <a:lnTo>
                      <a:pt x="464" y="851"/>
                    </a:lnTo>
                    <a:lnTo>
                      <a:pt x="462" y="850"/>
                    </a:lnTo>
                    <a:lnTo>
                      <a:pt x="462" y="848"/>
                    </a:lnTo>
                    <a:lnTo>
                      <a:pt x="462" y="846"/>
                    </a:lnTo>
                    <a:lnTo>
                      <a:pt x="461" y="844"/>
                    </a:lnTo>
                    <a:lnTo>
                      <a:pt x="457" y="841"/>
                    </a:lnTo>
                    <a:lnTo>
                      <a:pt x="454" y="841"/>
                    </a:lnTo>
                    <a:lnTo>
                      <a:pt x="449" y="839"/>
                    </a:lnTo>
                    <a:lnTo>
                      <a:pt x="447" y="839"/>
                    </a:lnTo>
                    <a:lnTo>
                      <a:pt x="445" y="838"/>
                    </a:lnTo>
                    <a:lnTo>
                      <a:pt x="445" y="836"/>
                    </a:lnTo>
                    <a:lnTo>
                      <a:pt x="444" y="834"/>
                    </a:lnTo>
                    <a:lnTo>
                      <a:pt x="440" y="833"/>
                    </a:lnTo>
                    <a:lnTo>
                      <a:pt x="439" y="833"/>
                    </a:lnTo>
                    <a:lnTo>
                      <a:pt x="437" y="833"/>
                    </a:lnTo>
                    <a:lnTo>
                      <a:pt x="435" y="836"/>
                    </a:lnTo>
                    <a:lnTo>
                      <a:pt x="434" y="836"/>
                    </a:lnTo>
                    <a:lnTo>
                      <a:pt x="432" y="838"/>
                    </a:lnTo>
                    <a:lnTo>
                      <a:pt x="428" y="838"/>
                    </a:lnTo>
                    <a:lnTo>
                      <a:pt x="425" y="838"/>
                    </a:lnTo>
                    <a:lnTo>
                      <a:pt x="423" y="838"/>
                    </a:lnTo>
                    <a:lnTo>
                      <a:pt x="420" y="839"/>
                    </a:lnTo>
                    <a:lnTo>
                      <a:pt x="420" y="841"/>
                    </a:lnTo>
                    <a:lnTo>
                      <a:pt x="418" y="843"/>
                    </a:lnTo>
                    <a:lnTo>
                      <a:pt x="418" y="844"/>
                    </a:lnTo>
                    <a:lnTo>
                      <a:pt x="418" y="846"/>
                    </a:lnTo>
                    <a:lnTo>
                      <a:pt x="420" y="850"/>
                    </a:lnTo>
                    <a:lnTo>
                      <a:pt x="420" y="853"/>
                    </a:lnTo>
                    <a:lnTo>
                      <a:pt x="420" y="856"/>
                    </a:lnTo>
                    <a:lnTo>
                      <a:pt x="420" y="861"/>
                    </a:lnTo>
                    <a:lnTo>
                      <a:pt x="420" y="866"/>
                    </a:lnTo>
                    <a:lnTo>
                      <a:pt x="420" y="873"/>
                    </a:lnTo>
                    <a:lnTo>
                      <a:pt x="422" y="878"/>
                    </a:lnTo>
                    <a:lnTo>
                      <a:pt x="422" y="885"/>
                    </a:lnTo>
                    <a:lnTo>
                      <a:pt x="420" y="890"/>
                    </a:lnTo>
                    <a:lnTo>
                      <a:pt x="420" y="897"/>
                    </a:lnTo>
                    <a:lnTo>
                      <a:pt x="420" y="902"/>
                    </a:lnTo>
                    <a:lnTo>
                      <a:pt x="418" y="907"/>
                    </a:lnTo>
                    <a:lnTo>
                      <a:pt x="417" y="912"/>
                    </a:lnTo>
                    <a:lnTo>
                      <a:pt x="415" y="916"/>
                    </a:lnTo>
                    <a:lnTo>
                      <a:pt x="415" y="919"/>
                    </a:lnTo>
                    <a:lnTo>
                      <a:pt x="415" y="922"/>
                    </a:lnTo>
                    <a:lnTo>
                      <a:pt x="415" y="927"/>
                    </a:lnTo>
                    <a:lnTo>
                      <a:pt x="415" y="934"/>
                    </a:lnTo>
                    <a:lnTo>
                      <a:pt x="415" y="941"/>
                    </a:lnTo>
                    <a:lnTo>
                      <a:pt x="415" y="948"/>
                    </a:lnTo>
                    <a:lnTo>
                      <a:pt x="415" y="954"/>
                    </a:lnTo>
                    <a:lnTo>
                      <a:pt x="413" y="960"/>
                    </a:lnTo>
                    <a:lnTo>
                      <a:pt x="412" y="960"/>
                    </a:lnTo>
                    <a:lnTo>
                      <a:pt x="410" y="961"/>
                    </a:lnTo>
                    <a:lnTo>
                      <a:pt x="408" y="963"/>
                    </a:lnTo>
                    <a:lnTo>
                      <a:pt x="406" y="965"/>
                    </a:lnTo>
                    <a:lnTo>
                      <a:pt x="403" y="966"/>
                    </a:lnTo>
                    <a:lnTo>
                      <a:pt x="401" y="968"/>
                    </a:lnTo>
                    <a:lnTo>
                      <a:pt x="400" y="97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17" name="Freeform 119"/>
              <p:cNvSpPr>
                <a:spLocks/>
              </p:cNvSpPr>
              <p:nvPr/>
            </p:nvSpPr>
            <p:spPr bwMode="auto">
              <a:xfrm>
                <a:off x="846" y="2445"/>
                <a:ext cx="649" cy="757"/>
              </a:xfrm>
              <a:custGeom>
                <a:avLst/>
                <a:gdLst>
                  <a:gd name="T0" fmla="*/ 18 w 667"/>
                  <a:gd name="T1" fmla="*/ 337 h 780"/>
                  <a:gd name="T2" fmla="*/ 25 w 667"/>
                  <a:gd name="T3" fmla="*/ 334 h 780"/>
                  <a:gd name="T4" fmla="*/ 28 w 667"/>
                  <a:gd name="T5" fmla="*/ 326 h 780"/>
                  <a:gd name="T6" fmla="*/ 28 w 667"/>
                  <a:gd name="T7" fmla="*/ 319 h 780"/>
                  <a:gd name="T8" fmla="*/ 27 w 667"/>
                  <a:gd name="T9" fmla="*/ 316 h 780"/>
                  <a:gd name="T10" fmla="*/ 18 w 667"/>
                  <a:gd name="T11" fmla="*/ 299 h 780"/>
                  <a:gd name="T12" fmla="*/ 18 w 667"/>
                  <a:gd name="T13" fmla="*/ 285 h 780"/>
                  <a:gd name="T14" fmla="*/ 18 w 667"/>
                  <a:gd name="T15" fmla="*/ 284 h 780"/>
                  <a:gd name="T16" fmla="*/ 23 w 667"/>
                  <a:gd name="T17" fmla="*/ 280 h 780"/>
                  <a:gd name="T18" fmla="*/ 28 w 667"/>
                  <a:gd name="T19" fmla="*/ 279 h 780"/>
                  <a:gd name="T20" fmla="*/ 32 w 667"/>
                  <a:gd name="T21" fmla="*/ 277 h 780"/>
                  <a:gd name="T22" fmla="*/ 41 w 667"/>
                  <a:gd name="T23" fmla="*/ 270 h 780"/>
                  <a:gd name="T24" fmla="*/ 43 w 667"/>
                  <a:gd name="T25" fmla="*/ 261 h 780"/>
                  <a:gd name="T26" fmla="*/ 44 w 667"/>
                  <a:gd name="T27" fmla="*/ 253 h 780"/>
                  <a:gd name="T28" fmla="*/ 44 w 667"/>
                  <a:gd name="T29" fmla="*/ 248 h 780"/>
                  <a:gd name="T30" fmla="*/ 46 w 667"/>
                  <a:gd name="T31" fmla="*/ 238 h 780"/>
                  <a:gd name="T32" fmla="*/ 54 w 667"/>
                  <a:gd name="T33" fmla="*/ 230 h 780"/>
                  <a:gd name="T34" fmla="*/ 66 w 667"/>
                  <a:gd name="T35" fmla="*/ 226 h 780"/>
                  <a:gd name="T36" fmla="*/ 70 w 667"/>
                  <a:gd name="T37" fmla="*/ 226 h 780"/>
                  <a:gd name="T38" fmla="*/ 74 w 667"/>
                  <a:gd name="T39" fmla="*/ 214 h 780"/>
                  <a:gd name="T40" fmla="*/ 64 w 667"/>
                  <a:gd name="T41" fmla="*/ 186 h 780"/>
                  <a:gd name="T42" fmla="*/ 51 w 667"/>
                  <a:gd name="T43" fmla="*/ 161 h 780"/>
                  <a:gd name="T44" fmla="*/ 50 w 667"/>
                  <a:gd name="T45" fmla="*/ 150 h 780"/>
                  <a:gd name="T46" fmla="*/ 51 w 667"/>
                  <a:gd name="T47" fmla="*/ 148 h 780"/>
                  <a:gd name="T48" fmla="*/ 54 w 667"/>
                  <a:gd name="T49" fmla="*/ 146 h 780"/>
                  <a:gd name="T50" fmla="*/ 57 w 667"/>
                  <a:gd name="T51" fmla="*/ 144 h 780"/>
                  <a:gd name="T52" fmla="*/ 60 w 667"/>
                  <a:gd name="T53" fmla="*/ 140 h 780"/>
                  <a:gd name="T54" fmla="*/ 60 w 667"/>
                  <a:gd name="T55" fmla="*/ 132 h 780"/>
                  <a:gd name="T56" fmla="*/ 60 w 667"/>
                  <a:gd name="T57" fmla="*/ 123 h 780"/>
                  <a:gd name="T58" fmla="*/ 60 w 667"/>
                  <a:gd name="T59" fmla="*/ 116 h 780"/>
                  <a:gd name="T60" fmla="*/ 62 w 667"/>
                  <a:gd name="T61" fmla="*/ 112 h 780"/>
                  <a:gd name="T62" fmla="*/ 64 w 667"/>
                  <a:gd name="T63" fmla="*/ 106 h 780"/>
                  <a:gd name="T64" fmla="*/ 64 w 667"/>
                  <a:gd name="T65" fmla="*/ 99 h 780"/>
                  <a:gd name="T66" fmla="*/ 66 w 667"/>
                  <a:gd name="T67" fmla="*/ 90 h 780"/>
                  <a:gd name="T68" fmla="*/ 64 w 667"/>
                  <a:gd name="T69" fmla="*/ 82 h 780"/>
                  <a:gd name="T70" fmla="*/ 64 w 667"/>
                  <a:gd name="T71" fmla="*/ 76 h 780"/>
                  <a:gd name="T72" fmla="*/ 64 w 667"/>
                  <a:gd name="T73" fmla="*/ 72 h 780"/>
                  <a:gd name="T74" fmla="*/ 63 w 667"/>
                  <a:gd name="T75" fmla="*/ 68 h 780"/>
                  <a:gd name="T76" fmla="*/ 64 w 667"/>
                  <a:gd name="T77" fmla="*/ 66 h 780"/>
                  <a:gd name="T78" fmla="*/ 66 w 667"/>
                  <a:gd name="T79" fmla="*/ 64 h 780"/>
                  <a:gd name="T80" fmla="*/ 70 w 667"/>
                  <a:gd name="T81" fmla="*/ 64 h 780"/>
                  <a:gd name="T82" fmla="*/ 74 w 667"/>
                  <a:gd name="T83" fmla="*/ 63 h 780"/>
                  <a:gd name="T84" fmla="*/ 76 w 667"/>
                  <a:gd name="T85" fmla="*/ 61 h 780"/>
                  <a:gd name="T86" fmla="*/ 78 w 667"/>
                  <a:gd name="T87" fmla="*/ 61 h 780"/>
                  <a:gd name="T88" fmla="*/ 81 w 667"/>
                  <a:gd name="T89" fmla="*/ 63 h 780"/>
                  <a:gd name="T90" fmla="*/ 82 w 667"/>
                  <a:gd name="T91" fmla="*/ 65 h 780"/>
                  <a:gd name="T92" fmla="*/ 87 w 667"/>
                  <a:gd name="T93" fmla="*/ 66 h 780"/>
                  <a:gd name="T94" fmla="*/ 90 w 667"/>
                  <a:gd name="T95" fmla="*/ 68 h 780"/>
                  <a:gd name="T96" fmla="*/ 91 w 667"/>
                  <a:gd name="T97" fmla="*/ 71 h 780"/>
                  <a:gd name="T98" fmla="*/ 93 w 667"/>
                  <a:gd name="T99" fmla="*/ 73 h 780"/>
                  <a:gd name="T100" fmla="*/ 98 w 667"/>
                  <a:gd name="T101" fmla="*/ 78 h 780"/>
                  <a:gd name="T102" fmla="*/ 105 w 667"/>
                  <a:gd name="T103" fmla="*/ 76 h 780"/>
                  <a:gd name="T104" fmla="*/ 111 w 667"/>
                  <a:gd name="T105" fmla="*/ 68 h 780"/>
                  <a:gd name="T106" fmla="*/ 113 w 667"/>
                  <a:gd name="T107" fmla="*/ 61 h 780"/>
                  <a:gd name="T108" fmla="*/ 123 w 667"/>
                  <a:gd name="T109" fmla="*/ 0 h 780"/>
                  <a:gd name="T110" fmla="*/ 454 w 667"/>
                  <a:gd name="T111" fmla="*/ 53 h 780"/>
                  <a:gd name="T112" fmla="*/ 247 w 667"/>
                  <a:gd name="T113" fmla="*/ 495 h 780"/>
                  <a:gd name="T114" fmla="*/ 13 w 667"/>
                  <a:gd name="T115" fmla="*/ 337 h 780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667"/>
                  <a:gd name="T175" fmla="*/ 0 h 780"/>
                  <a:gd name="T176" fmla="*/ 667 w 667"/>
                  <a:gd name="T177" fmla="*/ 780 h 780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667" h="780">
                    <a:moveTo>
                      <a:pt x="13" y="513"/>
                    </a:moveTo>
                    <a:lnTo>
                      <a:pt x="29" y="513"/>
                    </a:lnTo>
                    <a:lnTo>
                      <a:pt x="34" y="511"/>
                    </a:lnTo>
                    <a:lnTo>
                      <a:pt x="39" y="508"/>
                    </a:lnTo>
                    <a:lnTo>
                      <a:pt x="41" y="503"/>
                    </a:lnTo>
                    <a:lnTo>
                      <a:pt x="42" y="496"/>
                    </a:lnTo>
                    <a:lnTo>
                      <a:pt x="42" y="491"/>
                    </a:lnTo>
                    <a:lnTo>
                      <a:pt x="42" y="486"/>
                    </a:lnTo>
                    <a:lnTo>
                      <a:pt x="42" y="483"/>
                    </a:lnTo>
                    <a:lnTo>
                      <a:pt x="41" y="481"/>
                    </a:lnTo>
                    <a:lnTo>
                      <a:pt x="24" y="472"/>
                    </a:lnTo>
                    <a:lnTo>
                      <a:pt x="29" y="455"/>
                    </a:lnTo>
                    <a:lnTo>
                      <a:pt x="27" y="444"/>
                    </a:lnTo>
                    <a:lnTo>
                      <a:pt x="30" y="433"/>
                    </a:lnTo>
                    <a:lnTo>
                      <a:pt x="32" y="432"/>
                    </a:lnTo>
                    <a:lnTo>
                      <a:pt x="35" y="430"/>
                    </a:lnTo>
                    <a:lnTo>
                      <a:pt x="37" y="427"/>
                    </a:lnTo>
                    <a:lnTo>
                      <a:pt x="41" y="425"/>
                    </a:lnTo>
                    <a:lnTo>
                      <a:pt x="42" y="423"/>
                    </a:lnTo>
                    <a:lnTo>
                      <a:pt x="44" y="422"/>
                    </a:lnTo>
                    <a:lnTo>
                      <a:pt x="46" y="420"/>
                    </a:lnTo>
                    <a:lnTo>
                      <a:pt x="51" y="415"/>
                    </a:lnTo>
                    <a:lnTo>
                      <a:pt x="56" y="410"/>
                    </a:lnTo>
                    <a:lnTo>
                      <a:pt x="57" y="403"/>
                    </a:lnTo>
                    <a:lnTo>
                      <a:pt x="59" y="396"/>
                    </a:lnTo>
                    <a:lnTo>
                      <a:pt x="61" y="389"/>
                    </a:lnTo>
                    <a:lnTo>
                      <a:pt x="61" y="384"/>
                    </a:lnTo>
                    <a:lnTo>
                      <a:pt x="61" y="379"/>
                    </a:lnTo>
                    <a:lnTo>
                      <a:pt x="61" y="378"/>
                    </a:lnTo>
                    <a:lnTo>
                      <a:pt x="63" y="369"/>
                    </a:lnTo>
                    <a:lnTo>
                      <a:pt x="66" y="361"/>
                    </a:lnTo>
                    <a:lnTo>
                      <a:pt x="73" y="354"/>
                    </a:lnTo>
                    <a:lnTo>
                      <a:pt x="81" y="349"/>
                    </a:lnTo>
                    <a:lnTo>
                      <a:pt x="88" y="345"/>
                    </a:lnTo>
                    <a:lnTo>
                      <a:pt x="95" y="344"/>
                    </a:lnTo>
                    <a:lnTo>
                      <a:pt x="100" y="344"/>
                    </a:lnTo>
                    <a:lnTo>
                      <a:pt x="101" y="342"/>
                    </a:lnTo>
                    <a:lnTo>
                      <a:pt x="108" y="334"/>
                    </a:lnTo>
                    <a:lnTo>
                      <a:pt x="108" y="325"/>
                    </a:lnTo>
                    <a:lnTo>
                      <a:pt x="91" y="301"/>
                    </a:lnTo>
                    <a:lnTo>
                      <a:pt x="93" y="283"/>
                    </a:lnTo>
                    <a:lnTo>
                      <a:pt x="81" y="257"/>
                    </a:lnTo>
                    <a:lnTo>
                      <a:pt x="76" y="244"/>
                    </a:lnTo>
                    <a:lnTo>
                      <a:pt x="73" y="229"/>
                    </a:lnTo>
                    <a:lnTo>
                      <a:pt x="74" y="227"/>
                    </a:lnTo>
                    <a:lnTo>
                      <a:pt x="76" y="225"/>
                    </a:lnTo>
                    <a:lnTo>
                      <a:pt x="79" y="224"/>
                    </a:lnTo>
                    <a:lnTo>
                      <a:pt x="81" y="222"/>
                    </a:lnTo>
                    <a:lnTo>
                      <a:pt x="83" y="220"/>
                    </a:lnTo>
                    <a:lnTo>
                      <a:pt x="85" y="219"/>
                    </a:lnTo>
                    <a:lnTo>
                      <a:pt x="86" y="219"/>
                    </a:lnTo>
                    <a:lnTo>
                      <a:pt x="88" y="213"/>
                    </a:lnTo>
                    <a:lnTo>
                      <a:pt x="88" y="207"/>
                    </a:lnTo>
                    <a:lnTo>
                      <a:pt x="88" y="200"/>
                    </a:lnTo>
                    <a:lnTo>
                      <a:pt x="88" y="193"/>
                    </a:lnTo>
                    <a:lnTo>
                      <a:pt x="88" y="186"/>
                    </a:lnTo>
                    <a:lnTo>
                      <a:pt x="88" y="181"/>
                    </a:lnTo>
                    <a:lnTo>
                      <a:pt x="88" y="178"/>
                    </a:lnTo>
                    <a:lnTo>
                      <a:pt x="88" y="175"/>
                    </a:lnTo>
                    <a:lnTo>
                      <a:pt x="90" y="171"/>
                    </a:lnTo>
                    <a:lnTo>
                      <a:pt x="91" y="166"/>
                    </a:lnTo>
                    <a:lnTo>
                      <a:pt x="93" y="161"/>
                    </a:lnTo>
                    <a:lnTo>
                      <a:pt x="93" y="156"/>
                    </a:lnTo>
                    <a:lnTo>
                      <a:pt x="93" y="149"/>
                    </a:lnTo>
                    <a:lnTo>
                      <a:pt x="95" y="144"/>
                    </a:lnTo>
                    <a:lnTo>
                      <a:pt x="95" y="137"/>
                    </a:lnTo>
                    <a:lnTo>
                      <a:pt x="93" y="132"/>
                    </a:lnTo>
                    <a:lnTo>
                      <a:pt x="93" y="125"/>
                    </a:lnTo>
                    <a:lnTo>
                      <a:pt x="93" y="120"/>
                    </a:lnTo>
                    <a:lnTo>
                      <a:pt x="93" y="115"/>
                    </a:lnTo>
                    <a:lnTo>
                      <a:pt x="93" y="112"/>
                    </a:lnTo>
                    <a:lnTo>
                      <a:pt x="93" y="109"/>
                    </a:lnTo>
                    <a:lnTo>
                      <a:pt x="91" y="105"/>
                    </a:lnTo>
                    <a:lnTo>
                      <a:pt x="91" y="103"/>
                    </a:lnTo>
                    <a:lnTo>
                      <a:pt x="91" y="102"/>
                    </a:lnTo>
                    <a:lnTo>
                      <a:pt x="93" y="100"/>
                    </a:lnTo>
                    <a:lnTo>
                      <a:pt x="93" y="98"/>
                    </a:lnTo>
                    <a:lnTo>
                      <a:pt x="96" y="97"/>
                    </a:lnTo>
                    <a:lnTo>
                      <a:pt x="98" y="97"/>
                    </a:lnTo>
                    <a:lnTo>
                      <a:pt x="101" y="97"/>
                    </a:lnTo>
                    <a:lnTo>
                      <a:pt x="105" y="97"/>
                    </a:lnTo>
                    <a:lnTo>
                      <a:pt x="107" y="95"/>
                    </a:lnTo>
                    <a:lnTo>
                      <a:pt x="108" y="95"/>
                    </a:lnTo>
                    <a:lnTo>
                      <a:pt x="110" y="92"/>
                    </a:lnTo>
                    <a:lnTo>
                      <a:pt x="112" y="92"/>
                    </a:lnTo>
                    <a:lnTo>
                      <a:pt x="113" y="92"/>
                    </a:lnTo>
                    <a:lnTo>
                      <a:pt x="117" y="93"/>
                    </a:lnTo>
                    <a:lnTo>
                      <a:pt x="118" y="95"/>
                    </a:lnTo>
                    <a:lnTo>
                      <a:pt x="118" y="97"/>
                    </a:lnTo>
                    <a:lnTo>
                      <a:pt x="120" y="98"/>
                    </a:lnTo>
                    <a:lnTo>
                      <a:pt x="122" y="98"/>
                    </a:lnTo>
                    <a:lnTo>
                      <a:pt x="127" y="100"/>
                    </a:lnTo>
                    <a:lnTo>
                      <a:pt x="130" y="100"/>
                    </a:lnTo>
                    <a:lnTo>
                      <a:pt x="134" y="103"/>
                    </a:lnTo>
                    <a:lnTo>
                      <a:pt x="135" y="105"/>
                    </a:lnTo>
                    <a:lnTo>
                      <a:pt x="135" y="107"/>
                    </a:lnTo>
                    <a:lnTo>
                      <a:pt x="135" y="109"/>
                    </a:lnTo>
                    <a:lnTo>
                      <a:pt x="137" y="110"/>
                    </a:lnTo>
                    <a:lnTo>
                      <a:pt x="137" y="112"/>
                    </a:lnTo>
                    <a:lnTo>
                      <a:pt x="144" y="117"/>
                    </a:lnTo>
                    <a:lnTo>
                      <a:pt x="149" y="117"/>
                    </a:lnTo>
                    <a:lnTo>
                      <a:pt x="154" y="114"/>
                    </a:lnTo>
                    <a:lnTo>
                      <a:pt x="157" y="109"/>
                    </a:lnTo>
                    <a:lnTo>
                      <a:pt x="161" y="102"/>
                    </a:lnTo>
                    <a:lnTo>
                      <a:pt x="162" y="95"/>
                    </a:lnTo>
                    <a:lnTo>
                      <a:pt x="164" y="92"/>
                    </a:lnTo>
                    <a:lnTo>
                      <a:pt x="164" y="90"/>
                    </a:lnTo>
                    <a:lnTo>
                      <a:pt x="181" y="0"/>
                    </a:lnTo>
                    <a:lnTo>
                      <a:pt x="667" y="81"/>
                    </a:lnTo>
                    <a:lnTo>
                      <a:pt x="570" y="780"/>
                    </a:lnTo>
                    <a:lnTo>
                      <a:pt x="362" y="753"/>
                    </a:lnTo>
                    <a:lnTo>
                      <a:pt x="0" y="542"/>
                    </a:lnTo>
                    <a:lnTo>
                      <a:pt x="13" y="513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18" name="Freeform 120"/>
              <p:cNvSpPr>
                <a:spLocks/>
              </p:cNvSpPr>
              <p:nvPr/>
            </p:nvSpPr>
            <p:spPr bwMode="auto">
              <a:xfrm>
                <a:off x="1495" y="2036"/>
                <a:ext cx="697" cy="552"/>
              </a:xfrm>
              <a:custGeom>
                <a:avLst/>
                <a:gdLst>
                  <a:gd name="T0" fmla="*/ 387 w 717"/>
                  <a:gd name="T1" fmla="*/ 376 h 568"/>
                  <a:gd name="T2" fmla="*/ 368 w 717"/>
                  <a:gd name="T3" fmla="*/ 375 h 568"/>
                  <a:gd name="T4" fmla="*/ 343 w 717"/>
                  <a:gd name="T5" fmla="*/ 374 h 568"/>
                  <a:gd name="T6" fmla="*/ 315 w 717"/>
                  <a:gd name="T7" fmla="*/ 372 h 568"/>
                  <a:gd name="T8" fmla="*/ 285 w 717"/>
                  <a:gd name="T9" fmla="*/ 369 h 568"/>
                  <a:gd name="T10" fmla="*/ 252 w 717"/>
                  <a:gd name="T11" fmla="*/ 364 h 568"/>
                  <a:gd name="T12" fmla="*/ 219 w 717"/>
                  <a:gd name="T13" fmla="*/ 362 h 568"/>
                  <a:gd name="T14" fmla="*/ 185 w 717"/>
                  <a:gd name="T15" fmla="*/ 359 h 568"/>
                  <a:gd name="T16" fmla="*/ 152 w 717"/>
                  <a:gd name="T17" fmla="*/ 354 h 568"/>
                  <a:gd name="T18" fmla="*/ 119 w 717"/>
                  <a:gd name="T19" fmla="*/ 351 h 568"/>
                  <a:gd name="T20" fmla="*/ 89 w 717"/>
                  <a:gd name="T21" fmla="*/ 347 h 568"/>
                  <a:gd name="T22" fmla="*/ 63 w 717"/>
                  <a:gd name="T23" fmla="*/ 344 h 568"/>
                  <a:gd name="T24" fmla="*/ 42 w 717"/>
                  <a:gd name="T25" fmla="*/ 342 h 568"/>
                  <a:gd name="T26" fmla="*/ 17 w 717"/>
                  <a:gd name="T27" fmla="*/ 340 h 568"/>
                  <a:gd name="T28" fmla="*/ 11 w 717"/>
                  <a:gd name="T29" fmla="*/ 336 h 568"/>
                  <a:gd name="T30" fmla="*/ 1 w 717"/>
                  <a:gd name="T31" fmla="*/ 336 h 568"/>
                  <a:gd name="T32" fmla="*/ 45 w 717"/>
                  <a:gd name="T33" fmla="*/ 0 h 568"/>
                  <a:gd name="T34" fmla="*/ 49 w 717"/>
                  <a:gd name="T35" fmla="*/ 2 h 568"/>
                  <a:gd name="T36" fmla="*/ 63 w 717"/>
                  <a:gd name="T37" fmla="*/ 5 h 568"/>
                  <a:gd name="T38" fmla="*/ 79 w 717"/>
                  <a:gd name="T39" fmla="*/ 7 h 568"/>
                  <a:gd name="T40" fmla="*/ 99 w 717"/>
                  <a:gd name="T41" fmla="*/ 10 h 568"/>
                  <a:gd name="T42" fmla="*/ 122 w 717"/>
                  <a:gd name="T43" fmla="*/ 15 h 568"/>
                  <a:gd name="T44" fmla="*/ 149 w 717"/>
                  <a:gd name="T45" fmla="*/ 17 h 568"/>
                  <a:gd name="T46" fmla="*/ 177 w 717"/>
                  <a:gd name="T47" fmla="*/ 17 h 568"/>
                  <a:gd name="T48" fmla="*/ 205 w 717"/>
                  <a:gd name="T49" fmla="*/ 17 h 568"/>
                  <a:gd name="T50" fmla="*/ 233 w 717"/>
                  <a:gd name="T51" fmla="*/ 20 h 568"/>
                  <a:gd name="T52" fmla="*/ 261 w 717"/>
                  <a:gd name="T53" fmla="*/ 23 h 568"/>
                  <a:gd name="T54" fmla="*/ 286 w 717"/>
                  <a:gd name="T55" fmla="*/ 26 h 568"/>
                  <a:gd name="T56" fmla="*/ 308 w 717"/>
                  <a:gd name="T57" fmla="*/ 32 h 568"/>
                  <a:gd name="T58" fmla="*/ 327 w 717"/>
                  <a:gd name="T59" fmla="*/ 33 h 568"/>
                  <a:gd name="T60" fmla="*/ 341 w 717"/>
                  <a:gd name="T61" fmla="*/ 37 h 568"/>
                  <a:gd name="T62" fmla="*/ 350 w 717"/>
                  <a:gd name="T63" fmla="*/ 38 h 568"/>
                  <a:gd name="T64" fmla="*/ 355 w 717"/>
                  <a:gd name="T65" fmla="*/ 38 h 568"/>
                  <a:gd name="T66" fmla="*/ 483 w 717"/>
                  <a:gd name="T67" fmla="*/ 44 h 568"/>
                  <a:gd name="T68" fmla="*/ 459 w 717"/>
                  <a:gd name="T69" fmla="*/ 381 h 568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w 717"/>
                  <a:gd name="T106" fmla="*/ 0 h 568"/>
                  <a:gd name="T107" fmla="*/ 717 w 717"/>
                  <a:gd name="T108" fmla="*/ 568 h 568"/>
                </a:gdLst>
                <a:ahLst/>
                <a:cxnLst>
                  <a:cxn ang="T70">
                    <a:pos x="T0" y="T1"/>
                  </a:cxn>
                  <a:cxn ang="T71">
                    <a:pos x="T2" y="T3"/>
                  </a:cxn>
                  <a:cxn ang="T72">
                    <a:pos x="T4" y="T5"/>
                  </a:cxn>
                  <a:cxn ang="T73">
                    <a:pos x="T6" y="T7"/>
                  </a:cxn>
                  <a:cxn ang="T74">
                    <a:pos x="T8" y="T9"/>
                  </a:cxn>
                  <a:cxn ang="T75">
                    <a:pos x="T10" y="T11"/>
                  </a:cxn>
                  <a:cxn ang="T76">
                    <a:pos x="T12" y="T13"/>
                  </a:cxn>
                  <a:cxn ang="T77">
                    <a:pos x="T14" y="T15"/>
                  </a:cxn>
                  <a:cxn ang="T78">
                    <a:pos x="T16" y="T17"/>
                  </a:cxn>
                  <a:cxn ang="T79">
                    <a:pos x="T18" y="T19"/>
                  </a:cxn>
                  <a:cxn ang="T80">
                    <a:pos x="T20" y="T21"/>
                  </a:cxn>
                  <a:cxn ang="T81">
                    <a:pos x="T22" y="T23"/>
                  </a:cxn>
                  <a:cxn ang="T82">
                    <a:pos x="T24" y="T25"/>
                  </a:cxn>
                  <a:cxn ang="T83">
                    <a:pos x="T26" y="T27"/>
                  </a:cxn>
                  <a:cxn ang="T84">
                    <a:pos x="T28" y="T29"/>
                  </a:cxn>
                  <a:cxn ang="T85">
                    <a:pos x="T30" y="T31"/>
                  </a:cxn>
                  <a:cxn ang="T86">
                    <a:pos x="T32" y="T33"/>
                  </a:cxn>
                  <a:cxn ang="T87">
                    <a:pos x="T34" y="T35"/>
                  </a:cxn>
                  <a:cxn ang="T88">
                    <a:pos x="T36" y="T37"/>
                  </a:cxn>
                  <a:cxn ang="T89">
                    <a:pos x="T38" y="T39"/>
                  </a:cxn>
                  <a:cxn ang="T90">
                    <a:pos x="T40" y="T41"/>
                  </a:cxn>
                  <a:cxn ang="T91">
                    <a:pos x="T42" y="T43"/>
                  </a:cxn>
                  <a:cxn ang="T92">
                    <a:pos x="T44" y="T45"/>
                  </a:cxn>
                  <a:cxn ang="T93">
                    <a:pos x="T46" y="T47"/>
                  </a:cxn>
                  <a:cxn ang="T94">
                    <a:pos x="T48" y="T49"/>
                  </a:cxn>
                  <a:cxn ang="T95">
                    <a:pos x="T50" y="T51"/>
                  </a:cxn>
                  <a:cxn ang="T96">
                    <a:pos x="T52" y="T53"/>
                  </a:cxn>
                  <a:cxn ang="T97">
                    <a:pos x="T54" y="T55"/>
                  </a:cxn>
                  <a:cxn ang="T98">
                    <a:pos x="T56" y="T57"/>
                  </a:cxn>
                  <a:cxn ang="T99">
                    <a:pos x="T58" y="T59"/>
                  </a:cxn>
                  <a:cxn ang="T100">
                    <a:pos x="T60" y="T61"/>
                  </a:cxn>
                  <a:cxn ang="T101">
                    <a:pos x="T62" y="T63"/>
                  </a:cxn>
                  <a:cxn ang="T102">
                    <a:pos x="T64" y="T65"/>
                  </a:cxn>
                  <a:cxn ang="T103">
                    <a:pos x="T66" y="T67"/>
                  </a:cxn>
                  <a:cxn ang="T104">
                    <a:pos x="T68" y="T69"/>
                  </a:cxn>
                </a:cxnLst>
                <a:rect l="T105" t="T106" r="T107" b="T108"/>
                <a:pathLst>
                  <a:path w="717" h="568">
                    <a:moveTo>
                      <a:pt x="587" y="562"/>
                    </a:moveTo>
                    <a:lnTo>
                      <a:pt x="575" y="562"/>
                    </a:lnTo>
                    <a:lnTo>
                      <a:pt x="561" y="562"/>
                    </a:lnTo>
                    <a:lnTo>
                      <a:pt x="546" y="560"/>
                    </a:lnTo>
                    <a:lnTo>
                      <a:pt x="528" y="560"/>
                    </a:lnTo>
                    <a:lnTo>
                      <a:pt x="509" y="558"/>
                    </a:lnTo>
                    <a:lnTo>
                      <a:pt x="489" y="557"/>
                    </a:lnTo>
                    <a:lnTo>
                      <a:pt x="468" y="555"/>
                    </a:lnTo>
                    <a:lnTo>
                      <a:pt x="446" y="552"/>
                    </a:lnTo>
                    <a:lnTo>
                      <a:pt x="423" y="550"/>
                    </a:lnTo>
                    <a:lnTo>
                      <a:pt x="399" y="548"/>
                    </a:lnTo>
                    <a:lnTo>
                      <a:pt x="374" y="545"/>
                    </a:lnTo>
                    <a:lnTo>
                      <a:pt x="350" y="543"/>
                    </a:lnTo>
                    <a:lnTo>
                      <a:pt x="325" y="540"/>
                    </a:lnTo>
                    <a:lnTo>
                      <a:pt x="299" y="538"/>
                    </a:lnTo>
                    <a:lnTo>
                      <a:pt x="274" y="535"/>
                    </a:lnTo>
                    <a:lnTo>
                      <a:pt x="250" y="531"/>
                    </a:lnTo>
                    <a:lnTo>
                      <a:pt x="225" y="530"/>
                    </a:lnTo>
                    <a:lnTo>
                      <a:pt x="201" y="526"/>
                    </a:lnTo>
                    <a:lnTo>
                      <a:pt x="177" y="523"/>
                    </a:lnTo>
                    <a:lnTo>
                      <a:pt x="155" y="521"/>
                    </a:lnTo>
                    <a:lnTo>
                      <a:pt x="133" y="518"/>
                    </a:lnTo>
                    <a:lnTo>
                      <a:pt x="113" y="516"/>
                    </a:lnTo>
                    <a:lnTo>
                      <a:pt x="93" y="513"/>
                    </a:lnTo>
                    <a:lnTo>
                      <a:pt x="74" y="511"/>
                    </a:lnTo>
                    <a:lnTo>
                      <a:pt x="59" y="509"/>
                    </a:lnTo>
                    <a:lnTo>
                      <a:pt x="44" y="508"/>
                    </a:lnTo>
                    <a:lnTo>
                      <a:pt x="30" y="506"/>
                    </a:lnTo>
                    <a:lnTo>
                      <a:pt x="20" y="504"/>
                    </a:lnTo>
                    <a:lnTo>
                      <a:pt x="11" y="502"/>
                    </a:lnTo>
                    <a:lnTo>
                      <a:pt x="5" y="502"/>
                    </a:lnTo>
                    <a:lnTo>
                      <a:pt x="1" y="502"/>
                    </a:lnTo>
                    <a:lnTo>
                      <a:pt x="0" y="502"/>
                    </a:lnTo>
                    <a:lnTo>
                      <a:pt x="66" y="0"/>
                    </a:lnTo>
                    <a:lnTo>
                      <a:pt x="69" y="2"/>
                    </a:lnTo>
                    <a:lnTo>
                      <a:pt x="74" y="2"/>
                    </a:lnTo>
                    <a:lnTo>
                      <a:pt x="83" y="3"/>
                    </a:lnTo>
                    <a:lnTo>
                      <a:pt x="93" y="5"/>
                    </a:lnTo>
                    <a:lnTo>
                      <a:pt x="103" y="5"/>
                    </a:lnTo>
                    <a:lnTo>
                      <a:pt x="116" y="7"/>
                    </a:lnTo>
                    <a:lnTo>
                      <a:pt x="132" y="8"/>
                    </a:lnTo>
                    <a:lnTo>
                      <a:pt x="147" y="10"/>
                    </a:lnTo>
                    <a:lnTo>
                      <a:pt x="164" y="13"/>
                    </a:lnTo>
                    <a:lnTo>
                      <a:pt x="182" y="15"/>
                    </a:lnTo>
                    <a:lnTo>
                      <a:pt x="201" y="17"/>
                    </a:lnTo>
                    <a:lnTo>
                      <a:pt x="221" y="18"/>
                    </a:lnTo>
                    <a:lnTo>
                      <a:pt x="242" y="22"/>
                    </a:lnTo>
                    <a:lnTo>
                      <a:pt x="262" y="24"/>
                    </a:lnTo>
                    <a:lnTo>
                      <a:pt x="282" y="27"/>
                    </a:lnTo>
                    <a:lnTo>
                      <a:pt x="304" y="29"/>
                    </a:lnTo>
                    <a:lnTo>
                      <a:pt x="325" y="30"/>
                    </a:lnTo>
                    <a:lnTo>
                      <a:pt x="347" y="34"/>
                    </a:lnTo>
                    <a:lnTo>
                      <a:pt x="367" y="35"/>
                    </a:lnTo>
                    <a:lnTo>
                      <a:pt x="387" y="37"/>
                    </a:lnTo>
                    <a:lnTo>
                      <a:pt x="406" y="39"/>
                    </a:lnTo>
                    <a:lnTo>
                      <a:pt x="424" y="40"/>
                    </a:lnTo>
                    <a:lnTo>
                      <a:pt x="441" y="44"/>
                    </a:lnTo>
                    <a:lnTo>
                      <a:pt x="457" y="46"/>
                    </a:lnTo>
                    <a:lnTo>
                      <a:pt x="472" y="47"/>
                    </a:lnTo>
                    <a:lnTo>
                      <a:pt x="485" y="47"/>
                    </a:lnTo>
                    <a:lnTo>
                      <a:pt x="497" y="49"/>
                    </a:lnTo>
                    <a:lnTo>
                      <a:pt x="507" y="51"/>
                    </a:lnTo>
                    <a:lnTo>
                      <a:pt x="516" y="51"/>
                    </a:lnTo>
                    <a:lnTo>
                      <a:pt x="521" y="52"/>
                    </a:lnTo>
                    <a:lnTo>
                      <a:pt x="526" y="52"/>
                    </a:lnTo>
                    <a:lnTo>
                      <a:pt x="524" y="52"/>
                    </a:lnTo>
                    <a:lnTo>
                      <a:pt x="717" y="64"/>
                    </a:lnTo>
                    <a:lnTo>
                      <a:pt x="710" y="189"/>
                    </a:lnTo>
                    <a:lnTo>
                      <a:pt x="683" y="568"/>
                    </a:lnTo>
                    <a:lnTo>
                      <a:pt x="587" y="562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19" name="Freeform 121"/>
              <p:cNvSpPr>
                <a:spLocks/>
              </p:cNvSpPr>
              <p:nvPr/>
            </p:nvSpPr>
            <p:spPr bwMode="auto">
              <a:xfrm>
                <a:off x="1401" y="2524"/>
                <a:ext cx="665" cy="694"/>
              </a:xfrm>
              <a:custGeom>
                <a:avLst/>
                <a:gdLst>
                  <a:gd name="T0" fmla="*/ 60 w 684"/>
                  <a:gd name="T1" fmla="*/ 470 h 715"/>
                  <a:gd name="T2" fmla="*/ 65 w 684"/>
                  <a:gd name="T3" fmla="*/ 433 h 715"/>
                  <a:gd name="T4" fmla="*/ 182 w 684"/>
                  <a:gd name="T5" fmla="*/ 449 h 715"/>
                  <a:gd name="T6" fmla="*/ 177 w 684"/>
                  <a:gd name="T7" fmla="*/ 439 h 715"/>
                  <a:gd name="T8" fmla="*/ 177 w 684"/>
                  <a:gd name="T9" fmla="*/ 428 h 715"/>
                  <a:gd name="T10" fmla="*/ 426 w 684"/>
                  <a:gd name="T11" fmla="*/ 452 h 715"/>
                  <a:gd name="T12" fmla="*/ 459 w 684"/>
                  <a:gd name="T13" fmla="*/ 80 h 715"/>
                  <a:gd name="T14" fmla="*/ 461 w 684"/>
                  <a:gd name="T15" fmla="*/ 41 h 715"/>
                  <a:gd name="T16" fmla="*/ 453 w 684"/>
                  <a:gd name="T17" fmla="*/ 41 h 715"/>
                  <a:gd name="T18" fmla="*/ 444 w 684"/>
                  <a:gd name="T19" fmla="*/ 41 h 715"/>
                  <a:gd name="T20" fmla="*/ 434 w 684"/>
                  <a:gd name="T21" fmla="*/ 40 h 715"/>
                  <a:gd name="T22" fmla="*/ 422 w 684"/>
                  <a:gd name="T23" fmla="*/ 40 h 715"/>
                  <a:gd name="T24" fmla="*/ 409 w 684"/>
                  <a:gd name="T25" fmla="*/ 39 h 715"/>
                  <a:gd name="T26" fmla="*/ 395 w 684"/>
                  <a:gd name="T27" fmla="*/ 39 h 715"/>
                  <a:gd name="T28" fmla="*/ 380 w 684"/>
                  <a:gd name="T29" fmla="*/ 38 h 715"/>
                  <a:gd name="T30" fmla="*/ 367 w 684"/>
                  <a:gd name="T31" fmla="*/ 36 h 715"/>
                  <a:gd name="T32" fmla="*/ 350 w 684"/>
                  <a:gd name="T33" fmla="*/ 34 h 715"/>
                  <a:gd name="T34" fmla="*/ 334 w 684"/>
                  <a:gd name="T35" fmla="*/ 32 h 715"/>
                  <a:gd name="T36" fmla="*/ 318 w 684"/>
                  <a:gd name="T37" fmla="*/ 29 h 715"/>
                  <a:gd name="T38" fmla="*/ 301 w 684"/>
                  <a:gd name="T39" fmla="*/ 27 h 715"/>
                  <a:gd name="T40" fmla="*/ 285 w 684"/>
                  <a:gd name="T41" fmla="*/ 24 h 715"/>
                  <a:gd name="T42" fmla="*/ 266 w 684"/>
                  <a:gd name="T43" fmla="*/ 22 h 715"/>
                  <a:gd name="T44" fmla="*/ 251 w 684"/>
                  <a:gd name="T45" fmla="*/ 19 h 715"/>
                  <a:gd name="T46" fmla="*/ 234 w 684"/>
                  <a:gd name="T47" fmla="*/ 17 h 715"/>
                  <a:gd name="T48" fmla="*/ 217 w 684"/>
                  <a:gd name="T49" fmla="*/ 17 h 715"/>
                  <a:gd name="T50" fmla="*/ 201 w 684"/>
                  <a:gd name="T51" fmla="*/ 17 h 715"/>
                  <a:gd name="T52" fmla="*/ 185 w 684"/>
                  <a:gd name="T53" fmla="*/ 17 h 715"/>
                  <a:gd name="T54" fmla="*/ 170 w 684"/>
                  <a:gd name="T55" fmla="*/ 17 h 715"/>
                  <a:gd name="T56" fmla="*/ 155 w 684"/>
                  <a:gd name="T57" fmla="*/ 16 h 715"/>
                  <a:gd name="T58" fmla="*/ 142 w 684"/>
                  <a:gd name="T59" fmla="*/ 14 h 715"/>
                  <a:gd name="T60" fmla="*/ 128 w 684"/>
                  <a:gd name="T61" fmla="*/ 11 h 715"/>
                  <a:gd name="T62" fmla="*/ 116 w 684"/>
                  <a:gd name="T63" fmla="*/ 9 h 715"/>
                  <a:gd name="T64" fmla="*/ 106 w 684"/>
                  <a:gd name="T65" fmla="*/ 7 h 715"/>
                  <a:gd name="T66" fmla="*/ 95 w 684"/>
                  <a:gd name="T67" fmla="*/ 6 h 715"/>
                  <a:gd name="T68" fmla="*/ 85 w 684"/>
                  <a:gd name="T69" fmla="*/ 4 h 715"/>
                  <a:gd name="T70" fmla="*/ 79 w 684"/>
                  <a:gd name="T71" fmla="*/ 2 h 715"/>
                  <a:gd name="T72" fmla="*/ 73 w 684"/>
                  <a:gd name="T73" fmla="*/ 0 h 715"/>
                  <a:gd name="T74" fmla="*/ 69 w 684"/>
                  <a:gd name="T75" fmla="*/ 0 h 715"/>
                  <a:gd name="T76" fmla="*/ 67 w 684"/>
                  <a:gd name="T77" fmla="*/ 0 h 715"/>
                  <a:gd name="T78" fmla="*/ 66 w 684"/>
                  <a:gd name="T79" fmla="*/ 0 h 715"/>
                  <a:gd name="T80" fmla="*/ 66 w 684"/>
                  <a:gd name="T81" fmla="*/ 0 h 715"/>
                  <a:gd name="T82" fmla="*/ 66 w 684"/>
                  <a:gd name="T83" fmla="*/ 0 h 715"/>
                  <a:gd name="T84" fmla="*/ 0 w 684"/>
                  <a:gd name="T85" fmla="*/ 460 h 715"/>
                  <a:gd name="T86" fmla="*/ 60 w 684"/>
                  <a:gd name="T87" fmla="*/ 470 h 715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w 684"/>
                  <a:gd name="T133" fmla="*/ 0 h 715"/>
                  <a:gd name="T134" fmla="*/ 684 w 684"/>
                  <a:gd name="T135" fmla="*/ 715 h 715"/>
                </a:gdLst>
                <a:ahLst/>
                <a:cxnLst>
                  <a:cxn ang="T88">
                    <a:pos x="T0" y="T1"/>
                  </a:cxn>
                  <a:cxn ang="T89">
                    <a:pos x="T2" y="T3"/>
                  </a:cxn>
                  <a:cxn ang="T90">
                    <a:pos x="T4" y="T5"/>
                  </a:cxn>
                  <a:cxn ang="T91">
                    <a:pos x="T6" y="T7"/>
                  </a:cxn>
                  <a:cxn ang="T92">
                    <a:pos x="T8" y="T9"/>
                  </a:cxn>
                  <a:cxn ang="T93">
                    <a:pos x="T10" y="T11"/>
                  </a:cxn>
                  <a:cxn ang="T94">
                    <a:pos x="T12" y="T13"/>
                  </a:cxn>
                  <a:cxn ang="T95">
                    <a:pos x="T14" y="T15"/>
                  </a:cxn>
                  <a:cxn ang="T96">
                    <a:pos x="T16" y="T17"/>
                  </a:cxn>
                  <a:cxn ang="T97">
                    <a:pos x="T18" y="T19"/>
                  </a:cxn>
                  <a:cxn ang="T98">
                    <a:pos x="T20" y="T21"/>
                  </a:cxn>
                  <a:cxn ang="T99">
                    <a:pos x="T22" y="T23"/>
                  </a:cxn>
                  <a:cxn ang="T100">
                    <a:pos x="T24" y="T25"/>
                  </a:cxn>
                  <a:cxn ang="T101">
                    <a:pos x="T26" y="T27"/>
                  </a:cxn>
                  <a:cxn ang="T102">
                    <a:pos x="T28" y="T29"/>
                  </a:cxn>
                  <a:cxn ang="T103">
                    <a:pos x="T30" y="T31"/>
                  </a:cxn>
                  <a:cxn ang="T104">
                    <a:pos x="T32" y="T33"/>
                  </a:cxn>
                  <a:cxn ang="T105">
                    <a:pos x="T34" y="T35"/>
                  </a:cxn>
                  <a:cxn ang="T106">
                    <a:pos x="T36" y="T37"/>
                  </a:cxn>
                  <a:cxn ang="T107">
                    <a:pos x="T38" y="T39"/>
                  </a:cxn>
                  <a:cxn ang="T108">
                    <a:pos x="T40" y="T41"/>
                  </a:cxn>
                  <a:cxn ang="T109">
                    <a:pos x="T42" y="T43"/>
                  </a:cxn>
                  <a:cxn ang="T110">
                    <a:pos x="T44" y="T45"/>
                  </a:cxn>
                  <a:cxn ang="T111">
                    <a:pos x="T46" y="T47"/>
                  </a:cxn>
                  <a:cxn ang="T112">
                    <a:pos x="T48" y="T49"/>
                  </a:cxn>
                  <a:cxn ang="T113">
                    <a:pos x="T50" y="T51"/>
                  </a:cxn>
                  <a:cxn ang="T114">
                    <a:pos x="T52" y="T53"/>
                  </a:cxn>
                  <a:cxn ang="T115">
                    <a:pos x="T54" y="T55"/>
                  </a:cxn>
                  <a:cxn ang="T116">
                    <a:pos x="T56" y="T57"/>
                  </a:cxn>
                  <a:cxn ang="T117">
                    <a:pos x="T58" y="T59"/>
                  </a:cxn>
                  <a:cxn ang="T118">
                    <a:pos x="T60" y="T61"/>
                  </a:cxn>
                  <a:cxn ang="T119">
                    <a:pos x="T62" y="T63"/>
                  </a:cxn>
                  <a:cxn ang="T120">
                    <a:pos x="T64" y="T65"/>
                  </a:cxn>
                  <a:cxn ang="T121">
                    <a:pos x="T66" y="T67"/>
                  </a:cxn>
                  <a:cxn ang="T122">
                    <a:pos x="T68" y="T69"/>
                  </a:cxn>
                  <a:cxn ang="T123">
                    <a:pos x="T70" y="T71"/>
                  </a:cxn>
                  <a:cxn ang="T124">
                    <a:pos x="T72" y="T73"/>
                  </a:cxn>
                  <a:cxn ang="T125">
                    <a:pos x="T74" y="T75"/>
                  </a:cxn>
                  <a:cxn ang="T126">
                    <a:pos x="T76" y="T77"/>
                  </a:cxn>
                  <a:cxn ang="T127">
                    <a:pos x="T78" y="T79"/>
                  </a:cxn>
                  <a:cxn ang="T128">
                    <a:pos x="T80" y="T81"/>
                  </a:cxn>
                  <a:cxn ang="T129">
                    <a:pos x="T82" y="T83"/>
                  </a:cxn>
                  <a:cxn ang="T130">
                    <a:pos x="T84" y="T85"/>
                  </a:cxn>
                  <a:cxn ang="T131">
                    <a:pos x="T86" y="T87"/>
                  </a:cxn>
                </a:cxnLst>
                <a:rect l="T132" t="T133" r="T134" b="T135"/>
                <a:pathLst>
                  <a:path w="684" h="715">
                    <a:moveTo>
                      <a:pt x="88" y="715"/>
                    </a:moveTo>
                    <a:lnTo>
                      <a:pt x="95" y="657"/>
                    </a:lnTo>
                    <a:lnTo>
                      <a:pt x="268" y="681"/>
                    </a:lnTo>
                    <a:lnTo>
                      <a:pt x="262" y="666"/>
                    </a:lnTo>
                    <a:lnTo>
                      <a:pt x="262" y="649"/>
                    </a:lnTo>
                    <a:lnTo>
                      <a:pt x="633" y="686"/>
                    </a:lnTo>
                    <a:lnTo>
                      <a:pt x="679" y="121"/>
                    </a:lnTo>
                    <a:lnTo>
                      <a:pt x="684" y="60"/>
                    </a:lnTo>
                    <a:lnTo>
                      <a:pt x="672" y="60"/>
                    </a:lnTo>
                    <a:lnTo>
                      <a:pt x="658" y="60"/>
                    </a:lnTo>
                    <a:lnTo>
                      <a:pt x="643" y="58"/>
                    </a:lnTo>
                    <a:lnTo>
                      <a:pt x="625" y="58"/>
                    </a:lnTo>
                    <a:lnTo>
                      <a:pt x="606" y="56"/>
                    </a:lnTo>
                    <a:lnTo>
                      <a:pt x="586" y="55"/>
                    </a:lnTo>
                    <a:lnTo>
                      <a:pt x="565" y="53"/>
                    </a:lnTo>
                    <a:lnTo>
                      <a:pt x="543" y="50"/>
                    </a:lnTo>
                    <a:lnTo>
                      <a:pt x="520" y="48"/>
                    </a:lnTo>
                    <a:lnTo>
                      <a:pt x="496" y="46"/>
                    </a:lnTo>
                    <a:lnTo>
                      <a:pt x="471" y="43"/>
                    </a:lnTo>
                    <a:lnTo>
                      <a:pt x="447" y="41"/>
                    </a:lnTo>
                    <a:lnTo>
                      <a:pt x="422" y="38"/>
                    </a:lnTo>
                    <a:lnTo>
                      <a:pt x="396" y="36"/>
                    </a:lnTo>
                    <a:lnTo>
                      <a:pt x="371" y="33"/>
                    </a:lnTo>
                    <a:lnTo>
                      <a:pt x="347" y="29"/>
                    </a:lnTo>
                    <a:lnTo>
                      <a:pt x="322" y="28"/>
                    </a:lnTo>
                    <a:lnTo>
                      <a:pt x="298" y="24"/>
                    </a:lnTo>
                    <a:lnTo>
                      <a:pt x="274" y="21"/>
                    </a:lnTo>
                    <a:lnTo>
                      <a:pt x="252" y="19"/>
                    </a:lnTo>
                    <a:lnTo>
                      <a:pt x="230" y="16"/>
                    </a:lnTo>
                    <a:lnTo>
                      <a:pt x="210" y="14"/>
                    </a:lnTo>
                    <a:lnTo>
                      <a:pt x="190" y="11"/>
                    </a:lnTo>
                    <a:lnTo>
                      <a:pt x="171" y="9"/>
                    </a:lnTo>
                    <a:lnTo>
                      <a:pt x="156" y="7"/>
                    </a:lnTo>
                    <a:lnTo>
                      <a:pt x="141" y="6"/>
                    </a:lnTo>
                    <a:lnTo>
                      <a:pt x="127" y="4"/>
                    </a:lnTo>
                    <a:lnTo>
                      <a:pt x="117" y="2"/>
                    </a:lnTo>
                    <a:lnTo>
                      <a:pt x="108" y="0"/>
                    </a:lnTo>
                    <a:lnTo>
                      <a:pt x="102" y="0"/>
                    </a:lnTo>
                    <a:lnTo>
                      <a:pt x="98" y="0"/>
                    </a:lnTo>
                    <a:lnTo>
                      <a:pt x="97" y="0"/>
                    </a:lnTo>
                    <a:lnTo>
                      <a:pt x="0" y="699"/>
                    </a:lnTo>
                    <a:lnTo>
                      <a:pt x="88" y="71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20" name="Freeform 122"/>
              <p:cNvSpPr>
                <a:spLocks/>
              </p:cNvSpPr>
              <p:nvPr/>
            </p:nvSpPr>
            <p:spPr bwMode="auto">
              <a:xfrm>
                <a:off x="2061" y="2582"/>
                <a:ext cx="827" cy="428"/>
              </a:xfrm>
              <a:custGeom>
                <a:avLst/>
                <a:gdLst>
                  <a:gd name="T0" fmla="*/ 203 w 851"/>
                  <a:gd name="T1" fmla="*/ 212 h 441"/>
                  <a:gd name="T2" fmla="*/ 234 w 851"/>
                  <a:gd name="T3" fmla="*/ 228 h 441"/>
                  <a:gd name="T4" fmla="*/ 266 w 851"/>
                  <a:gd name="T5" fmla="*/ 242 h 441"/>
                  <a:gd name="T6" fmla="*/ 271 w 851"/>
                  <a:gd name="T7" fmla="*/ 245 h 441"/>
                  <a:gd name="T8" fmla="*/ 277 w 851"/>
                  <a:gd name="T9" fmla="*/ 248 h 441"/>
                  <a:gd name="T10" fmla="*/ 285 w 851"/>
                  <a:gd name="T11" fmla="*/ 247 h 441"/>
                  <a:gd name="T12" fmla="*/ 297 w 851"/>
                  <a:gd name="T13" fmla="*/ 248 h 441"/>
                  <a:gd name="T14" fmla="*/ 303 w 851"/>
                  <a:gd name="T15" fmla="*/ 255 h 441"/>
                  <a:gd name="T16" fmla="*/ 315 w 851"/>
                  <a:gd name="T17" fmla="*/ 251 h 441"/>
                  <a:gd name="T18" fmla="*/ 332 w 851"/>
                  <a:gd name="T19" fmla="*/ 257 h 441"/>
                  <a:gd name="T20" fmla="*/ 347 w 851"/>
                  <a:gd name="T21" fmla="*/ 264 h 441"/>
                  <a:gd name="T22" fmla="*/ 367 w 851"/>
                  <a:gd name="T23" fmla="*/ 271 h 441"/>
                  <a:gd name="T24" fmla="*/ 367 w 851"/>
                  <a:gd name="T25" fmla="*/ 273 h 441"/>
                  <a:gd name="T26" fmla="*/ 369 w 851"/>
                  <a:gd name="T27" fmla="*/ 278 h 441"/>
                  <a:gd name="T28" fmla="*/ 380 w 851"/>
                  <a:gd name="T29" fmla="*/ 271 h 441"/>
                  <a:gd name="T30" fmla="*/ 384 w 851"/>
                  <a:gd name="T31" fmla="*/ 265 h 441"/>
                  <a:gd name="T32" fmla="*/ 385 w 851"/>
                  <a:gd name="T33" fmla="*/ 272 h 441"/>
                  <a:gd name="T34" fmla="*/ 389 w 851"/>
                  <a:gd name="T35" fmla="*/ 283 h 441"/>
                  <a:gd name="T36" fmla="*/ 392 w 851"/>
                  <a:gd name="T37" fmla="*/ 280 h 441"/>
                  <a:gd name="T38" fmla="*/ 392 w 851"/>
                  <a:gd name="T39" fmla="*/ 276 h 441"/>
                  <a:gd name="T40" fmla="*/ 425 w 851"/>
                  <a:gd name="T41" fmla="*/ 269 h 441"/>
                  <a:gd name="T42" fmla="*/ 423 w 851"/>
                  <a:gd name="T43" fmla="*/ 270 h 441"/>
                  <a:gd name="T44" fmla="*/ 425 w 851"/>
                  <a:gd name="T45" fmla="*/ 275 h 441"/>
                  <a:gd name="T46" fmla="*/ 438 w 851"/>
                  <a:gd name="T47" fmla="*/ 280 h 441"/>
                  <a:gd name="T48" fmla="*/ 446 w 851"/>
                  <a:gd name="T49" fmla="*/ 286 h 441"/>
                  <a:gd name="T50" fmla="*/ 452 w 851"/>
                  <a:gd name="T51" fmla="*/ 282 h 441"/>
                  <a:gd name="T52" fmla="*/ 465 w 851"/>
                  <a:gd name="T53" fmla="*/ 272 h 441"/>
                  <a:gd name="T54" fmla="*/ 476 w 851"/>
                  <a:gd name="T55" fmla="*/ 273 h 441"/>
                  <a:gd name="T56" fmla="*/ 479 w 851"/>
                  <a:gd name="T57" fmla="*/ 279 h 441"/>
                  <a:gd name="T58" fmla="*/ 479 w 851"/>
                  <a:gd name="T59" fmla="*/ 279 h 441"/>
                  <a:gd name="T60" fmla="*/ 479 w 851"/>
                  <a:gd name="T61" fmla="*/ 276 h 441"/>
                  <a:gd name="T62" fmla="*/ 487 w 851"/>
                  <a:gd name="T63" fmla="*/ 269 h 441"/>
                  <a:gd name="T64" fmla="*/ 489 w 851"/>
                  <a:gd name="T65" fmla="*/ 264 h 441"/>
                  <a:gd name="T66" fmla="*/ 492 w 851"/>
                  <a:gd name="T67" fmla="*/ 269 h 441"/>
                  <a:gd name="T68" fmla="*/ 504 w 851"/>
                  <a:gd name="T69" fmla="*/ 278 h 441"/>
                  <a:gd name="T70" fmla="*/ 506 w 851"/>
                  <a:gd name="T71" fmla="*/ 280 h 441"/>
                  <a:gd name="T72" fmla="*/ 509 w 851"/>
                  <a:gd name="T73" fmla="*/ 272 h 441"/>
                  <a:gd name="T74" fmla="*/ 520 w 851"/>
                  <a:gd name="T75" fmla="*/ 267 h 441"/>
                  <a:gd name="T76" fmla="*/ 527 w 851"/>
                  <a:gd name="T77" fmla="*/ 269 h 441"/>
                  <a:gd name="T78" fmla="*/ 546 w 851"/>
                  <a:gd name="T79" fmla="*/ 285 h 441"/>
                  <a:gd name="T80" fmla="*/ 569 w 851"/>
                  <a:gd name="T81" fmla="*/ 147 h 441"/>
                  <a:gd name="T82" fmla="*/ 555 w 851"/>
                  <a:gd name="T83" fmla="*/ 16 h 441"/>
                  <a:gd name="T84" fmla="*/ 546 w 851"/>
                  <a:gd name="T85" fmla="*/ 16 h 441"/>
                  <a:gd name="T86" fmla="*/ 519 w 851"/>
                  <a:gd name="T87" fmla="*/ 16 h 441"/>
                  <a:gd name="T88" fmla="*/ 477 w 851"/>
                  <a:gd name="T89" fmla="*/ 16 h 441"/>
                  <a:gd name="T90" fmla="*/ 427 w 851"/>
                  <a:gd name="T91" fmla="*/ 16 h 441"/>
                  <a:gd name="T92" fmla="*/ 368 w 851"/>
                  <a:gd name="T93" fmla="*/ 16 h 441"/>
                  <a:gd name="T94" fmla="*/ 306 w 851"/>
                  <a:gd name="T95" fmla="*/ 16 h 441"/>
                  <a:gd name="T96" fmla="*/ 244 w 851"/>
                  <a:gd name="T97" fmla="*/ 15 h 441"/>
                  <a:gd name="T98" fmla="*/ 185 w 851"/>
                  <a:gd name="T99" fmla="*/ 13 h 441"/>
                  <a:gd name="T100" fmla="*/ 133 w 851"/>
                  <a:gd name="T101" fmla="*/ 12 h 441"/>
                  <a:gd name="T102" fmla="*/ 88 w 851"/>
                  <a:gd name="T103" fmla="*/ 8 h 441"/>
                  <a:gd name="T104" fmla="*/ 5 w 851"/>
                  <a:gd name="T105" fmla="*/ 0 h 441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w 851"/>
                  <a:gd name="T160" fmla="*/ 0 h 441"/>
                  <a:gd name="T161" fmla="*/ 851 w 851"/>
                  <a:gd name="T162" fmla="*/ 441 h 441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T159" t="T160" r="T161" b="T162"/>
                <a:pathLst>
                  <a:path w="851" h="441">
                    <a:moveTo>
                      <a:pt x="303" y="79"/>
                    </a:moveTo>
                    <a:lnTo>
                      <a:pt x="294" y="320"/>
                    </a:lnTo>
                    <a:lnTo>
                      <a:pt x="303" y="321"/>
                    </a:lnTo>
                    <a:lnTo>
                      <a:pt x="326" y="345"/>
                    </a:lnTo>
                    <a:lnTo>
                      <a:pt x="335" y="338"/>
                    </a:lnTo>
                    <a:lnTo>
                      <a:pt x="350" y="347"/>
                    </a:lnTo>
                    <a:lnTo>
                      <a:pt x="359" y="335"/>
                    </a:lnTo>
                    <a:lnTo>
                      <a:pt x="379" y="369"/>
                    </a:lnTo>
                    <a:lnTo>
                      <a:pt x="397" y="369"/>
                    </a:lnTo>
                    <a:lnTo>
                      <a:pt x="399" y="369"/>
                    </a:lnTo>
                    <a:lnTo>
                      <a:pt x="401" y="370"/>
                    </a:lnTo>
                    <a:lnTo>
                      <a:pt x="404" y="372"/>
                    </a:lnTo>
                    <a:lnTo>
                      <a:pt x="408" y="374"/>
                    </a:lnTo>
                    <a:lnTo>
                      <a:pt x="411" y="375"/>
                    </a:lnTo>
                    <a:lnTo>
                      <a:pt x="414" y="377"/>
                    </a:lnTo>
                    <a:lnTo>
                      <a:pt x="418" y="379"/>
                    </a:lnTo>
                    <a:lnTo>
                      <a:pt x="419" y="379"/>
                    </a:lnTo>
                    <a:lnTo>
                      <a:pt x="426" y="374"/>
                    </a:lnTo>
                    <a:lnTo>
                      <a:pt x="431" y="372"/>
                    </a:lnTo>
                    <a:lnTo>
                      <a:pt x="438" y="374"/>
                    </a:lnTo>
                    <a:lnTo>
                      <a:pt x="443" y="377"/>
                    </a:lnTo>
                    <a:lnTo>
                      <a:pt x="447" y="380"/>
                    </a:lnTo>
                    <a:lnTo>
                      <a:pt x="450" y="386"/>
                    </a:lnTo>
                    <a:lnTo>
                      <a:pt x="452" y="387"/>
                    </a:lnTo>
                    <a:lnTo>
                      <a:pt x="453" y="389"/>
                    </a:lnTo>
                    <a:lnTo>
                      <a:pt x="458" y="379"/>
                    </a:lnTo>
                    <a:lnTo>
                      <a:pt x="469" y="382"/>
                    </a:lnTo>
                    <a:lnTo>
                      <a:pt x="484" y="377"/>
                    </a:lnTo>
                    <a:lnTo>
                      <a:pt x="484" y="391"/>
                    </a:lnTo>
                    <a:lnTo>
                      <a:pt x="496" y="392"/>
                    </a:lnTo>
                    <a:lnTo>
                      <a:pt x="499" y="406"/>
                    </a:lnTo>
                    <a:lnTo>
                      <a:pt x="511" y="411"/>
                    </a:lnTo>
                    <a:lnTo>
                      <a:pt x="518" y="401"/>
                    </a:lnTo>
                    <a:lnTo>
                      <a:pt x="529" y="397"/>
                    </a:lnTo>
                    <a:lnTo>
                      <a:pt x="540" y="408"/>
                    </a:lnTo>
                    <a:lnTo>
                      <a:pt x="548" y="411"/>
                    </a:lnTo>
                    <a:lnTo>
                      <a:pt x="548" y="413"/>
                    </a:lnTo>
                    <a:lnTo>
                      <a:pt x="548" y="414"/>
                    </a:lnTo>
                    <a:lnTo>
                      <a:pt x="548" y="416"/>
                    </a:lnTo>
                    <a:lnTo>
                      <a:pt x="548" y="418"/>
                    </a:lnTo>
                    <a:lnTo>
                      <a:pt x="550" y="419"/>
                    </a:lnTo>
                    <a:lnTo>
                      <a:pt x="551" y="421"/>
                    </a:lnTo>
                    <a:lnTo>
                      <a:pt x="555" y="419"/>
                    </a:lnTo>
                    <a:lnTo>
                      <a:pt x="562" y="416"/>
                    </a:lnTo>
                    <a:lnTo>
                      <a:pt x="567" y="411"/>
                    </a:lnTo>
                    <a:lnTo>
                      <a:pt x="570" y="408"/>
                    </a:lnTo>
                    <a:lnTo>
                      <a:pt x="572" y="406"/>
                    </a:lnTo>
                    <a:lnTo>
                      <a:pt x="572" y="404"/>
                    </a:lnTo>
                    <a:lnTo>
                      <a:pt x="572" y="408"/>
                    </a:lnTo>
                    <a:lnTo>
                      <a:pt x="573" y="413"/>
                    </a:lnTo>
                    <a:lnTo>
                      <a:pt x="575" y="419"/>
                    </a:lnTo>
                    <a:lnTo>
                      <a:pt x="579" y="428"/>
                    </a:lnTo>
                    <a:lnTo>
                      <a:pt x="580" y="431"/>
                    </a:lnTo>
                    <a:lnTo>
                      <a:pt x="584" y="431"/>
                    </a:lnTo>
                    <a:lnTo>
                      <a:pt x="584" y="430"/>
                    </a:lnTo>
                    <a:lnTo>
                      <a:pt x="585" y="426"/>
                    </a:lnTo>
                    <a:lnTo>
                      <a:pt x="585" y="424"/>
                    </a:lnTo>
                    <a:lnTo>
                      <a:pt x="585" y="421"/>
                    </a:lnTo>
                    <a:lnTo>
                      <a:pt x="585" y="419"/>
                    </a:lnTo>
                    <a:lnTo>
                      <a:pt x="602" y="406"/>
                    </a:lnTo>
                    <a:lnTo>
                      <a:pt x="616" y="416"/>
                    </a:lnTo>
                    <a:lnTo>
                      <a:pt x="633" y="408"/>
                    </a:lnTo>
                    <a:lnTo>
                      <a:pt x="631" y="409"/>
                    </a:lnTo>
                    <a:lnTo>
                      <a:pt x="631" y="413"/>
                    </a:lnTo>
                    <a:lnTo>
                      <a:pt x="633" y="414"/>
                    </a:lnTo>
                    <a:lnTo>
                      <a:pt x="634" y="418"/>
                    </a:lnTo>
                    <a:lnTo>
                      <a:pt x="639" y="421"/>
                    </a:lnTo>
                    <a:lnTo>
                      <a:pt x="646" y="424"/>
                    </a:lnTo>
                    <a:lnTo>
                      <a:pt x="653" y="428"/>
                    </a:lnTo>
                    <a:lnTo>
                      <a:pt x="658" y="431"/>
                    </a:lnTo>
                    <a:lnTo>
                      <a:pt x="661" y="433"/>
                    </a:lnTo>
                    <a:lnTo>
                      <a:pt x="665" y="435"/>
                    </a:lnTo>
                    <a:lnTo>
                      <a:pt x="667" y="435"/>
                    </a:lnTo>
                    <a:lnTo>
                      <a:pt x="670" y="433"/>
                    </a:lnTo>
                    <a:lnTo>
                      <a:pt x="675" y="430"/>
                    </a:lnTo>
                    <a:lnTo>
                      <a:pt x="682" y="423"/>
                    </a:lnTo>
                    <a:lnTo>
                      <a:pt x="690" y="416"/>
                    </a:lnTo>
                    <a:lnTo>
                      <a:pt x="697" y="413"/>
                    </a:lnTo>
                    <a:lnTo>
                      <a:pt x="702" y="413"/>
                    </a:lnTo>
                    <a:lnTo>
                      <a:pt x="707" y="414"/>
                    </a:lnTo>
                    <a:lnTo>
                      <a:pt x="709" y="416"/>
                    </a:lnTo>
                    <a:lnTo>
                      <a:pt x="712" y="419"/>
                    </a:lnTo>
                    <a:lnTo>
                      <a:pt x="714" y="421"/>
                    </a:lnTo>
                    <a:lnTo>
                      <a:pt x="714" y="423"/>
                    </a:lnTo>
                    <a:lnTo>
                      <a:pt x="716" y="423"/>
                    </a:lnTo>
                    <a:lnTo>
                      <a:pt x="716" y="421"/>
                    </a:lnTo>
                    <a:lnTo>
                      <a:pt x="717" y="419"/>
                    </a:lnTo>
                    <a:lnTo>
                      <a:pt x="721" y="416"/>
                    </a:lnTo>
                    <a:lnTo>
                      <a:pt x="724" y="411"/>
                    </a:lnTo>
                    <a:lnTo>
                      <a:pt x="727" y="408"/>
                    </a:lnTo>
                    <a:lnTo>
                      <a:pt x="727" y="404"/>
                    </a:lnTo>
                    <a:lnTo>
                      <a:pt x="727" y="401"/>
                    </a:lnTo>
                    <a:lnTo>
                      <a:pt x="729" y="401"/>
                    </a:lnTo>
                    <a:lnTo>
                      <a:pt x="731" y="404"/>
                    </a:lnTo>
                    <a:lnTo>
                      <a:pt x="734" y="408"/>
                    </a:lnTo>
                    <a:lnTo>
                      <a:pt x="741" y="411"/>
                    </a:lnTo>
                    <a:lnTo>
                      <a:pt x="746" y="416"/>
                    </a:lnTo>
                    <a:lnTo>
                      <a:pt x="751" y="421"/>
                    </a:lnTo>
                    <a:lnTo>
                      <a:pt x="753" y="423"/>
                    </a:lnTo>
                    <a:lnTo>
                      <a:pt x="755" y="424"/>
                    </a:lnTo>
                    <a:lnTo>
                      <a:pt x="756" y="423"/>
                    </a:lnTo>
                    <a:lnTo>
                      <a:pt x="758" y="419"/>
                    </a:lnTo>
                    <a:lnTo>
                      <a:pt x="761" y="414"/>
                    </a:lnTo>
                    <a:lnTo>
                      <a:pt x="766" y="409"/>
                    </a:lnTo>
                    <a:lnTo>
                      <a:pt x="771" y="406"/>
                    </a:lnTo>
                    <a:lnTo>
                      <a:pt x="775" y="406"/>
                    </a:lnTo>
                    <a:lnTo>
                      <a:pt x="780" y="406"/>
                    </a:lnTo>
                    <a:lnTo>
                      <a:pt x="783" y="408"/>
                    </a:lnTo>
                    <a:lnTo>
                      <a:pt x="787" y="408"/>
                    </a:lnTo>
                    <a:lnTo>
                      <a:pt x="788" y="409"/>
                    </a:lnTo>
                    <a:lnTo>
                      <a:pt x="815" y="433"/>
                    </a:lnTo>
                    <a:lnTo>
                      <a:pt x="831" y="435"/>
                    </a:lnTo>
                    <a:lnTo>
                      <a:pt x="849" y="441"/>
                    </a:lnTo>
                    <a:lnTo>
                      <a:pt x="851" y="223"/>
                    </a:lnTo>
                    <a:lnTo>
                      <a:pt x="831" y="84"/>
                    </a:lnTo>
                    <a:lnTo>
                      <a:pt x="829" y="20"/>
                    </a:lnTo>
                    <a:lnTo>
                      <a:pt x="827" y="20"/>
                    </a:lnTo>
                    <a:lnTo>
                      <a:pt x="822" y="20"/>
                    </a:lnTo>
                    <a:lnTo>
                      <a:pt x="814" y="20"/>
                    </a:lnTo>
                    <a:lnTo>
                      <a:pt x="804" y="20"/>
                    </a:lnTo>
                    <a:lnTo>
                      <a:pt x="790" y="20"/>
                    </a:lnTo>
                    <a:lnTo>
                      <a:pt x="773" y="20"/>
                    </a:lnTo>
                    <a:lnTo>
                      <a:pt x="755" y="20"/>
                    </a:lnTo>
                    <a:lnTo>
                      <a:pt x="736" y="20"/>
                    </a:lnTo>
                    <a:lnTo>
                      <a:pt x="712" y="20"/>
                    </a:lnTo>
                    <a:lnTo>
                      <a:pt x="689" y="20"/>
                    </a:lnTo>
                    <a:lnTo>
                      <a:pt x="663" y="20"/>
                    </a:lnTo>
                    <a:lnTo>
                      <a:pt x="636" y="20"/>
                    </a:lnTo>
                    <a:lnTo>
                      <a:pt x="609" y="20"/>
                    </a:lnTo>
                    <a:lnTo>
                      <a:pt x="579" y="18"/>
                    </a:lnTo>
                    <a:lnTo>
                      <a:pt x="550" y="18"/>
                    </a:lnTo>
                    <a:lnTo>
                      <a:pt x="519" y="18"/>
                    </a:lnTo>
                    <a:lnTo>
                      <a:pt x="489" y="18"/>
                    </a:lnTo>
                    <a:lnTo>
                      <a:pt x="457" y="17"/>
                    </a:lnTo>
                    <a:lnTo>
                      <a:pt x="426" y="17"/>
                    </a:lnTo>
                    <a:lnTo>
                      <a:pt x="396" y="17"/>
                    </a:lnTo>
                    <a:lnTo>
                      <a:pt x="364" y="15"/>
                    </a:lnTo>
                    <a:lnTo>
                      <a:pt x="335" y="15"/>
                    </a:lnTo>
                    <a:lnTo>
                      <a:pt x="304" y="15"/>
                    </a:lnTo>
                    <a:lnTo>
                      <a:pt x="276" y="13"/>
                    </a:lnTo>
                    <a:lnTo>
                      <a:pt x="249" y="13"/>
                    </a:lnTo>
                    <a:lnTo>
                      <a:pt x="221" y="12"/>
                    </a:lnTo>
                    <a:lnTo>
                      <a:pt x="198" y="12"/>
                    </a:lnTo>
                    <a:lnTo>
                      <a:pt x="174" y="10"/>
                    </a:lnTo>
                    <a:lnTo>
                      <a:pt x="152" y="10"/>
                    </a:lnTo>
                    <a:lnTo>
                      <a:pt x="133" y="8"/>
                    </a:lnTo>
                    <a:lnTo>
                      <a:pt x="117" y="6"/>
                    </a:lnTo>
                    <a:lnTo>
                      <a:pt x="101" y="6"/>
                    </a:lnTo>
                    <a:lnTo>
                      <a:pt x="5" y="0"/>
                    </a:lnTo>
                    <a:lnTo>
                      <a:pt x="0" y="61"/>
                    </a:lnTo>
                    <a:lnTo>
                      <a:pt x="303" y="79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21" name="Freeform 123"/>
              <p:cNvSpPr>
                <a:spLocks/>
              </p:cNvSpPr>
              <p:nvPr/>
            </p:nvSpPr>
            <p:spPr bwMode="auto">
              <a:xfrm>
                <a:off x="1658" y="2620"/>
                <a:ext cx="1334" cy="1316"/>
              </a:xfrm>
              <a:custGeom>
                <a:avLst/>
                <a:gdLst>
                  <a:gd name="T0" fmla="*/ 522 w 1371"/>
                  <a:gd name="T1" fmla="*/ 189 h 1355"/>
                  <a:gd name="T2" fmla="*/ 569 w 1371"/>
                  <a:gd name="T3" fmla="*/ 212 h 1355"/>
                  <a:gd name="T4" fmla="*/ 614 w 1371"/>
                  <a:gd name="T5" fmla="*/ 210 h 1355"/>
                  <a:gd name="T6" fmla="*/ 658 w 1371"/>
                  <a:gd name="T7" fmla="*/ 236 h 1355"/>
                  <a:gd name="T8" fmla="*/ 674 w 1371"/>
                  <a:gd name="T9" fmla="*/ 231 h 1355"/>
                  <a:gd name="T10" fmla="*/ 695 w 1371"/>
                  <a:gd name="T11" fmla="*/ 229 h 1355"/>
                  <a:gd name="T12" fmla="*/ 729 w 1371"/>
                  <a:gd name="T13" fmla="*/ 244 h 1355"/>
                  <a:gd name="T14" fmla="*/ 767 w 1371"/>
                  <a:gd name="T15" fmla="*/ 234 h 1355"/>
                  <a:gd name="T16" fmla="*/ 775 w 1371"/>
                  <a:gd name="T17" fmla="*/ 236 h 1355"/>
                  <a:gd name="T18" fmla="*/ 796 w 1371"/>
                  <a:gd name="T19" fmla="*/ 240 h 1355"/>
                  <a:gd name="T20" fmla="*/ 818 w 1371"/>
                  <a:gd name="T21" fmla="*/ 231 h 1355"/>
                  <a:gd name="T22" fmla="*/ 894 w 1371"/>
                  <a:gd name="T23" fmla="*/ 303 h 1355"/>
                  <a:gd name="T24" fmla="*/ 931 w 1371"/>
                  <a:gd name="T25" fmla="*/ 458 h 1355"/>
                  <a:gd name="T26" fmla="*/ 923 w 1371"/>
                  <a:gd name="T27" fmla="*/ 500 h 1355"/>
                  <a:gd name="T28" fmla="*/ 925 w 1371"/>
                  <a:gd name="T29" fmla="*/ 533 h 1355"/>
                  <a:gd name="T30" fmla="*/ 913 w 1371"/>
                  <a:gd name="T31" fmla="*/ 574 h 1355"/>
                  <a:gd name="T32" fmla="*/ 894 w 1371"/>
                  <a:gd name="T33" fmla="*/ 585 h 1355"/>
                  <a:gd name="T34" fmla="*/ 867 w 1371"/>
                  <a:gd name="T35" fmla="*/ 592 h 1355"/>
                  <a:gd name="T36" fmla="*/ 853 w 1371"/>
                  <a:gd name="T37" fmla="*/ 594 h 1355"/>
                  <a:gd name="T38" fmla="*/ 853 w 1371"/>
                  <a:gd name="T39" fmla="*/ 583 h 1355"/>
                  <a:gd name="T40" fmla="*/ 841 w 1371"/>
                  <a:gd name="T41" fmla="*/ 579 h 1355"/>
                  <a:gd name="T42" fmla="*/ 833 w 1371"/>
                  <a:gd name="T43" fmla="*/ 582 h 1355"/>
                  <a:gd name="T44" fmla="*/ 829 w 1371"/>
                  <a:gd name="T45" fmla="*/ 591 h 1355"/>
                  <a:gd name="T46" fmla="*/ 840 w 1371"/>
                  <a:gd name="T47" fmla="*/ 610 h 1355"/>
                  <a:gd name="T48" fmla="*/ 811 w 1371"/>
                  <a:gd name="T49" fmla="*/ 644 h 1355"/>
                  <a:gd name="T50" fmla="*/ 773 w 1371"/>
                  <a:gd name="T51" fmla="*/ 666 h 1355"/>
                  <a:gd name="T52" fmla="*/ 739 w 1371"/>
                  <a:gd name="T53" fmla="*/ 687 h 1355"/>
                  <a:gd name="T54" fmla="*/ 770 w 1371"/>
                  <a:gd name="T55" fmla="*/ 665 h 1355"/>
                  <a:gd name="T56" fmla="*/ 751 w 1371"/>
                  <a:gd name="T57" fmla="*/ 672 h 1355"/>
                  <a:gd name="T58" fmla="*/ 747 w 1371"/>
                  <a:gd name="T59" fmla="*/ 663 h 1355"/>
                  <a:gd name="T60" fmla="*/ 719 w 1371"/>
                  <a:gd name="T61" fmla="*/ 666 h 1355"/>
                  <a:gd name="T62" fmla="*/ 729 w 1371"/>
                  <a:gd name="T63" fmla="*/ 684 h 1355"/>
                  <a:gd name="T64" fmla="*/ 716 w 1371"/>
                  <a:gd name="T65" fmla="*/ 694 h 1355"/>
                  <a:gd name="T66" fmla="*/ 704 w 1371"/>
                  <a:gd name="T67" fmla="*/ 682 h 1355"/>
                  <a:gd name="T68" fmla="*/ 695 w 1371"/>
                  <a:gd name="T69" fmla="*/ 702 h 1355"/>
                  <a:gd name="T70" fmla="*/ 684 w 1371"/>
                  <a:gd name="T71" fmla="*/ 718 h 1355"/>
                  <a:gd name="T72" fmla="*/ 669 w 1371"/>
                  <a:gd name="T73" fmla="*/ 733 h 1355"/>
                  <a:gd name="T74" fmla="*/ 654 w 1371"/>
                  <a:gd name="T75" fmla="*/ 779 h 1355"/>
                  <a:gd name="T76" fmla="*/ 646 w 1371"/>
                  <a:gd name="T77" fmla="*/ 769 h 1355"/>
                  <a:gd name="T78" fmla="*/ 653 w 1371"/>
                  <a:gd name="T79" fmla="*/ 795 h 1355"/>
                  <a:gd name="T80" fmla="*/ 654 w 1371"/>
                  <a:gd name="T81" fmla="*/ 897 h 1355"/>
                  <a:gd name="T82" fmla="*/ 623 w 1371"/>
                  <a:gd name="T83" fmla="*/ 881 h 1355"/>
                  <a:gd name="T84" fmla="*/ 595 w 1371"/>
                  <a:gd name="T85" fmla="*/ 881 h 1355"/>
                  <a:gd name="T86" fmla="*/ 535 w 1371"/>
                  <a:gd name="T87" fmla="*/ 853 h 1355"/>
                  <a:gd name="T88" fmla="*/ 522 w 1371"/>
                  <a:gd name="T89" fmla="*/ 841 h 1355"/>
                  <a:gd name="T90" fmla="*/ 509 w 1371"/>
                  <a:gd name="T91" fmla="*/ 806 h 1355"/>
                  <a:gd name="T92" fmla="*/ 504 w 1371"/>
                  <a:gd name="T93" fmla="*/ 781 h 1355"/>
                  <a:gd name="T94" fmla="*/ 487 w 1371"/>
                  <a:gd name="T95" fmla="*/ 748 h 1355"/>
                  <a:gd name="T96" fmla="*/ 463 w 1371"/>
                  <a:gd name="T97" fmla="*/ 718 h 1355"/>
                  <a:gd name="T98" fmla="*/ 444 w 1371"/>
                  <a:gd name="T99" fmla="*/ 693 h 1355"/>
                  <a:gd name="T100" fmla="*/ 361 w 1371"/>
                  <a:gd name="T101" fmla="*/ 569 h 1355"/>
                  <a:gd name="T102" fmla="*/ 323 w 1371"/>
                  <a:gd name="T103" fmla="*/ 563 h 1355"/>
                  <a:gd name="T104" fmla="*/ 297 w 1371"/>
                  <a:gd name="T105" fmla="*/ 557 h 1355"/>
                  <a:gd name="T106" fmla="*/ 282 w 1371"/>
                  <a:gd name="T107" fmla="*/ 562 h 1355"/>
                  <a:gd name="T108" fmla="*/ 251 w 1371"/>
                  <a:gd name="T109" fmla="*/ 600 h 1355"/>
                  <a:gd name="T110" fmla="*/ 238 w 1371"/>
                  <a:gd name="T111" fmla="*/ 614 h 1355"/>
                  <a:gd name="T112" fmla="*/ 215 w 1371"/>
                  <a:gd name="T113" fmla="*/ 619 h 1355"/>
                  <a:gd name="T114" fmla="*/ 177 w 1371"/>
                  <a:gd name="T115" fmla="*/ 594 h 1355"/>
                  <a:gd name="T116" fmla="*/ 143 w 1371"/>
                  <a:gd name="T117" fmla="*/ 567 h 1355"/>
                  <a:gd name="T118" fmla="*/ 124 w 1371"/>
                  <a:gd name="T119" fmla="*/ 510 h 1355"/>
                  <a:gd name="T120" fmla="*/ 88 w 1371"/>
                  <a:gd name="T121" fmla="*/ 458 h 1355"/>
                  <a:gd name="T122" fmla="*/ 6 w 1371"/>
                  <a:gd name="T123" fmla="*/ 372 h 1355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w 1371"/>
                  <a:gd name="T187" fmla="*/ 0 h 1355"/>
                  <a:gd name="T188" fmla="*/ 1371 w 1371"/>
                  <a:gd name="T189" fmla="*/ 1355 h 1355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T186" t="T187" r="T188" b="T189"/>
                <a:pathLst>
                  <a:path w="1371" h="1355">
                    <a:moveTo>
                      <a:pt x="6" y="560"/>
                    </a:moveTo>
                    <a:lnTo>
                      <a:pt x="0" y="545"/>
                    </a:lnTo>
                    <a:lnTo>
                      <a:pt x="0" y="528"/>
                    </a:lnTo>
                    <a:lnTo>
                      <a:pt x="371" y="565"/>
                    </a:lnTo>
                    <a:lnTo>
                      <a:pt x="417" y="0"/>
                    </a:lnTo>
                    <a:lnTo>
                      <a:pt x="720" y="18"/>
                    </a:lnTo>
                    <a:lnTo>
                      <a:pt x="711" y="259"/>
                    </a:lnTo>
                    <a:lnTo>
                      <a:pt x="720" y="260"/>
                    </a:lnTo>
                    <a:lnTo>
                      <a:pt x="743" y="284"/>
                    </a:lnTo>
                    <a:lnTo>
                      <a:pt x="752" y="277"/>
                    </a:lnTo>
                    <a:lnTo>
                      <a:pt x="767" y="286"/>
                    </a:lnTo>
                    <a:lnTo>
                      <a:pt x="776" y="274"/>
                    </a:lnTo>
                    <a:lnTo>
                      <a:pt x="796" y="308"/>
                    </a:lnTo>
                    <a:lnTo>
                      <a:pt x="814" y="308"/>
                    </a:lnTo>
                    <a:lnTo>
                      <a:pt x="816" y="308"/>
                    </a:lnTo>
                    <a:lnTo>
                      <a:pt x="818" y="309"/>
                    </a:lnTo>
                    <a:lnTo>
                      <a:pt x="821" y="311"/>
                    </a:lnTo>
                    <a:lnTo>
                      <a:pt x="825" y="313"/>
                    </a:lnTo>
                    <a:lnTo>
                      <a:pt x="828" y="314"/>
                    </a:lnTo>
                    <a:lnTo>
                      <a:pt x="831" y="316"/>
                    </a:lnTo>
                    <a:lnTo>
                      <a:pt x="835" y="318"/>
                    </a:lnTo>
                    <a:lnTo>
                      <a:pt x="836" y="318"/>
                    </a:lnTo>
                    <a:lnTo>
                      <a:pt x="843" y="313"/>
                    </a:lnTo>
                    <a:lnTo>
                      <a:pt x="848" y="311"/>
                    </a:lnTo>
                    <a:lnTo>
                      <a:pt x="855" y="313"/>
                    </a:lnTo>
                    <a:lnTo>
                      <a:pt x="860" y="316"/>
                    </a:lnTo>
                    <a:lnTo>
                      <a:pt x="864" y="319"/>
                    </a:lnTo>
                    <a:lnTo>
                      <a:pt x="867" y="325"/>
                    </a:lnTo>
                    <a:lnTo>
                      <a:pt x="869" y="326"/>
                    </a:lnTo>
                    <a:lnTo>
                      <a:pt x="870" y="328"/>
                    </a:lnTo>
                    <a:lnTo>
                      <a:pt x="875" y="318"/>
                    </a:lnTo>
                    <a:lnTo>
                      <a:pt x="886" y="321"/>
                    </a:lnTo>
                    <a:lnTo>
                      <a:pt x="901" y="316"/>
                    </a:lnTo>
                    <a:lnTo>
                      <a:pt x="901" y="330"/>
                    </a:lnTo>
                    <a:lnTo>
                      <a:pt x="913" y="331"/>
                    </a:lnTo>
                    <a:lnTo>
                      <a:pt x="916" y="345"/>
                    </a:lnTo>
                    <a:lnTo>
                      <a:pt x="928" y="350"/>
                    </a:lnTo>
                    <a:lnTo>
                      <a:pt x="935" y="340"/>
                    </a:lnTo>
                    <a:lnTo>
                      <a:pt x="946" y="336"/>
                    </a:lnTo>
                    <a:lnTo>
                      <a:pt x="957" y="347"/>
                    </a:lnTo>
                    <a:lnTo>
                      <a:pt x="965" y="350"/>
                    </a:lnTo>
                    <a:lnTo>
                      <a:pt x="965" y="352"/>
                    </a:lnTo>
                    <a:lnTo>
                      <a:pt x="965" y="353"/>
                    </a:lnTo>
                    <a:lnTo>
                      <a:pt x="965" y="355"/>
                    </a:lnTo>
                    <a:lnTo>
                      <a:pt x="965" y="357"/>
                    </a:lnTo>
                    <a:lnTo>
                      <a:pt x="967" y="358"/>
                    </a:lnTo>
                    <a:lnTo>
                      <a:pt x="968" y="360"/>
                    </a:lnTo>
                    <a:lnTo>
                      <a:pt x="972" y="358"/>
                    </a:lnTo>
                    <a:lnTo>
                      <a:pt x="979" y="355"/>
                    </a:lnTo>
                    <a:lnTo>
                      <a:pt x="984" y="350"/>
                    </a:lnTo>
                    <a:lnTo>
                      <a:pt x="987" y="347"/>
                    </a:lnTo>
                    <a:lnTo>
                      <a:pt x="989" y="345"/>
                    </a:lnTo>
                    <a:lnTo>
                      <a:pt x="989" y="343"/>
                    </a:lnTo>
                    <a:lnTo>
                      <a:pt x="989" y="347"/>
                    </a:lnTo>
                    <a:lnTo>
                      <a:pt x="990" y="352"/>
                    </a:lnTo>
                    <a:lnTo>
                      <a:pt x="992" y="358"/>
                    </a:lnTo>
                    <a:lnTo>
                      <a:pt x="996" y="367"/>
                    </a:lnTo>
                    <a:lnTo>
                      <a:pt x="997" y="370"/>
                    </a:lnTo>
                    <a:lnTo>
                      <a:pt x="1001" y="370"/>
                    </a:lnTo>
                    <a:lnTo>
                      <a:pt x="1001" y="369"/>
                    </a:lnTo>
                    <a:lnTo>
                      <a:pt x="1002" y="365"/>
                    </a:lnTo>
                    <a:lnTo>
                      <a:pt x="1002" y="363"/>
                    </a:lnTo>
                    <a:lnTo>
                      <a:pt x="1002" y="360"/>
                    </a:lnTo>
                    <a:lnTo>
                      <a:pt x="1002" y="358"/>
                    </a:lnTo>
                    <a:lnTo>
                      <a:pt x="1019" y="345"/>
                    </a:lnTo>
                    <a:lnTo>
                      <a:pt x="1033" y="355"/>
                    </a:lnTo>
                    <a:lnTo>
                      <a:pt x="1050" y="347"/>
                    </a:lnTo>
                    <a:lnTo>
                      <a:pt x="1048" y="348"/>
                    </a:lnTo>
                    <a:lnTo>
                      <a:pt x="1048" y="352"/>
                    </a:lnTo>
                    <a:lnTo>
                      <a:pt x="1050" y="353"/>
                    </a:lnTo>
                    <a:lnTo>
                      <a:pt x="1051" y="357"/>
                    </a:lnTo>
                    <a:lnTo>
                      <a:pt x="1056" y="360"/>
                    </a:lnTo>
                    <a:lnTo>
                      <a:pt x="1063" y="363"/>
                    </a:lnTo>
                    <a:lnTo>
                      <a:pt x="1070" y="367"/>
                    </a:lnTo>
                    <a:lnTo>
                      <a:pt x="1075" y="370"/>
                    </a:lnTo>
                    <a:lnTo>
                      <a:pt x="1078" y="372"/>
                    </a:lnTo>
                    <a:lnTo>
                      <a:pt x="1082" y="374"/>
                    </a:lnTo>
                    <a:lnTo>
                      <a:pt x="1084" y="374"/>
                    </a:lnTo>
                    <a:lnTo>
                      <a:pt x="1087" y="372"/>
                    </a:lnTo>
                    <a:lnTo>
                      <a:pt x="1092" y="369"/>
                    </a:lnTo>
                    <a:lnTo>
                      <a:pt x="1099" y="362"/>
                    </a:lnTo>
                    <a:lnTo>
                      <a:pt x="1107" y="355"/>
                    </a:lnTo>
                    <a:lnTo>
                      <a:pt x="1114" y="352"/>
                    </a:lnTo>
                    <a:lnTo>
                      <a:pt x="1119" y="352"/>
                    </a:lnTo>
                    <a:lnTo>
                      <a:pt x="1124" y="353"/>
                    </a:lnTo>
                    <a:lnTo>
                      <a:pt x="1126" y="355"/>
                    </a:lnTo>
                    <a:lnTo>
                      <a:pt x="1129" y="358"/>
                    </a:lnTo>
                    <a:lnTo>
                      <a:pt x="1131" y="360"/>
                    </a:lnTo>
                    <a:lnTo>
                      <a:pt x="1131" y="362"/>
                    </a:lnTo>
                    <a:lnTo>
                      <a:pt x="1133" y="362"/>
                    </a:lnTo>
                    <a:lnTo>
                      <a:pt x="1133" y="360"/>
                    </a:lnTo>
                    <a:lnTo>
                      <a:pt x="1134" y="358"/>
                    </a:lnTo>
                    <a:lnTo>
                      <a:pt x="1138" y="355"/>
                    </a:lnTo>
                    <a:lnTo>
                      <a:pt x="1141" y="350"/>
                    </a:lnTo>
                    <a:lnTo>
                      <a:pt x="1144" y="347"/>
                    </a:lnTo>
                    <a:lnTo>
                      <a:pt x="1144" y="343"/>
                    </a:lnTo>
                    <a:lnTo>
                      <a:pt x="1144" y="340"/>
                    </a:lnTo>
                    <a:lnTo>
                      <a:pt x="1146" y="340"/>
                    </a:lnTo>
                    <a:lnTo>
                      <a:pt x="1148" y="343"/>
                    </a:lnTo>
                    <a:lnTo>
                      <a:pt x="1151" y="347"/>
                    </a:lnTo>
                    <a:lnTo>
                      <a:pt x="1158" y="350"/>
                    </a:lnTo>
                    <a:lnTo>
                      <a:pt x="1163" y="355"/>
                    </a:lnTo>
                    <a:lnTo>
                      <a:pt x="1168" y="360"/>
                    </a:lnTo>
                    <a:lnTo>
                      <a:pt x="1170" y="362"/>
                    </a:lnTo>
                    <a:lnTo>
                      <a:pt x="1172" y="363"/>
                    </a:lnTo>
                    <a:lnTo>
                      <a:pt x="1173" y="362"/>
                    </a:lnTo>
                    <a:lnTo>
                      <a:pt x="1175" y="358"/>
                    </a:lnTo>
                    <a:lnTo>
                      <a:pt x="1178" y="353"/>
                    </a:lnTo>
                    <a:lnTo>
                      <a:pt x="1183" y="348"/>
                    </a:lnTo>
                    <a:lnTo>
                      <a:pt x="1188" y="345"/>
                    </a:lnTo>
                    <a:lnTo>
                      <a:pt x="1192" y="345"/>
                    </a:lnTo>
                    <a:lnTo>
                      <a:pt x="1197" y="345"/>
                    </a:lnTo>
                    <a:lnTo>
                      <a:pt x="1200" y="347"/>
                    </a:lnTo>
                    <a:lnTo>
                      <a:pt x="1204" y="347"/>
                    </a:lnTo>
                    <a:lnTo>
                      <a:pt x="1205" y="348"/>
                    </a:lnTo>
                    <a:lnTo>
                      <a:pt x="1232" y="372"/>
                    </a:lnTo>
                    <a:lnTo>
                      <a:pt x="1248" y="374"/>
                    </a:lnTo>
                    <a:lnTo>
                      <a:pt x="1266" y="380"/>
                    </a:lnTo>
                    <a:lnTo>
                      <a:pt x="1265" y="377"/>
                    </a:lnTo>
                    <a:lnTo>
                      <a:pt x="1276" y="392"/>
                    </a:lnTo>
                    <a:lnTo>
                      <a:pt x="1302" y="389"/>
                    </a:lnTo>
                    <a:lnTo>
                      <a:pt x="1312" y="391"/>
                    </a:lnTo>
                    <a:lnTo>
                      <a:pt x="1312" y="455"/>
                    </a:lnTo>
                    <a:lnTo>
                      <a:pt x="1317" y="580"/>
                    </a:lnTo>
                    <a:lnTo>
                      <a:pt x="1341" y="611"/>
                    </a:lnTo>
                    <a:lnTo>
                      <a:pt x="1341" y="641"/>
                    </a:lnTo>
                    <a:lnTo>
                      <a:pt x="1354" y="655"/>
                    </a:lnTo>
                    <a:lnTo>
                      <a:pt x="1361" y="675"/>
                    </a:lnTo>
                    <a:lnTo>
                      <a:pt x="1361" y="677"/>
                    </a:lnTo>
                    <a:lnTo>
                      <a:pt x="1363" y="678"/>
                    </a:lnTo>
                    <a:lnTo>
                      <a:pt x="1364" y="682"/>
                    </a:lnTo>
                    <a:lnTo>
                      <a:pt x="1366" y="687"/>
                    </a:lnTo>
                    <a:lnTo>
                      <a:pt x="1366" y="690"/>
                    </a:lnTo>
                    <a:lnTo>
                      <a:pt x="1368" y="695"/>
                    </a:lnTo>
                    <a:lnTo>
                      <a:pt x="1370" y="700"/>
                    </a:lnTo>
                    <a:lnTo>
                      <a:pt x="1371" y="705"/>
                    </a:lnTo>
                    <a:lnTo>
                      <a:pt x="1371" y="710"/>
                    </a:lnTo>
                    <a:lnTo>
                      <a:pt x="1371" y="717"/>
                    </a:lnTo>
                    <a:lnTo>
                      <a:pt x="1371" y="722"/>
                    </a:lnTo>
                    <a:lnTo>
                      <a:pt x="1370" y="727"/>
                    </a:lnTo>
                    <a:lnTo>
                      <a:pt x="1368" y="734"/>
                    </a:lnTo>
                    <a:lnTo>
                      <a:pt x="1366" y="739"/>
                    </a:lnTo>
                    <a:lnTo>
                      <a:pt x="1363" y="744"/>
                    </a:lnTo>
                    <a:lnTo>
                      <a:pt x="1356" y="753"/>
                    </a:lnTo>
                    <a:lnTo>
                      <a:pt x="1353" y="759"/>
                    </a:lnTo>
                    <a:lnTo>
                      <a:pt x="1351" y="765"/>
                    </a:lnTo>
                    <a:lnTo>
                      <a:pt x="1351" y="768"/>
                    </a:lnTo>
                    <a:lnTo>
                      <a:pt x="1353" y="771"/>
                    </a:lnTo>
                    <a:lnTo>
                      <a:pt x="1354" y="773"/>
                    </a:lnTo>
                    <a:lnTo>
                      <a:pt x="1356" y="775"/>
                    </a:lnTo>
                    <a:lnTo>
                      <a:pt x="1353" y="797"/>
                    </a:lnTo>
                    <a:lnTo>
                      <a:pt x="1356" y="798"/>
                    </a:lnTo>
                    <a:lnTo>
                      <a:pt x="1358" y="802"/>
                    </a:lnTo>
                    <a:lnTo>
                      <a:pt x="1361" y="807"/>
                    </a:lnTo>
                    <a:lnTo>
                      <a:pt x="1363" y="812"/>
                    </a:lnTo>
                    <a:lnTo>
                      <a:pt x="1363" y="819"/>
                    </a:lnTo>
                    <a:lnTo>
                      <a:pt x="1359" y="827"/>
                    </a:lnTo>
                    <a:lnTo>
                      <a:pt x="1353" y="836"/>
                    </a:lnTo>
                    <a:lnTo>
                      <a:pt x="1351" y="837"/>
                    </a:lnTo>
                    <a:lnTo>
                      <a:pt x="1348" y="836"/>
                    </a:lnTo>
                    <a:lnTo>
                      <a:pt x="1346" y="836"/>
                    </a:lnTo>
                    <a:lnTo>
                      <a:pt x="1329" y="854"/>
                    </a:lnTo>
                    <a:lnTo>
                      <a:pt x="1337" y="866"/>
                    </a:lnTo>
                    <a:lnTo>
                      <a:pt x="1339" y="875"/>
                    </a:lnTo>
                    <a:lnTo>
                      <a:pt x="1337" y="875"/>
                    </a:lnTo>
                    <a:lnTo>
                      <a:pt x="1334" y="875"/>
                    </a:lnTo>
                    <a:lnTo>
                      <a:pt x="1332" y="875"/>
                    </a:lnTo>
                    <a:lnTo>
                      <a:pt x="1329" y="875"/>
                    </a:lnTo>
                    <a:lnTo>
                      <a:pt x="1324" y="876"/>
                    </a:lnTo>
                    <a:lnTo>
                      <a:pt x="1319" y="878"/>
                    </a:lnTo>
                    <a:lnTo>
                      <a:pt x="1312" y="880"/>
                    </a:lnTo>
                    <a:lnTo>
                      <a:pt x="1305" y="883"/>
                    </a:lnTo>
                    <a:lnTo>
                      <a:pt x="1295" y="888"/>
                    </a:lnTo>
                    <a:lnTo>
                      <a:pt x="1285" y="893"/>
                    </a:lnTo>
                    <a:lnTo>
                      <a:pt x="1273" y="898"/>
                    </a:lnTo>
                    <a:lnTo>
                      <a:pt x="1260" y="905"/>
                    </a:lnTo>
                    <a:lnTo>
                      <a:pt x="1246" y="913"/>
                    </a:lnTo>
                    <a:lnTo>
                      <a:pt x="1251" y="905"/>
                    </a:lnTo>
                    <a:lnTo>
                      <a:pt x="1256" y="902"/>
                    </a:lnTo>
                    <a:lnTo>
                      <a:pt x="1268" y="895"/>
                    </a:lnTo>
                    <a:lnTo>
                      <a:pt x="1270" y="895"/>
                    </a:lnTo>
                    <a:lnTo>
                      <a:pt x="1271" y="893"/>
                    </a:lnTo>
                    <a:lnTo>
                      <a:pt x="1271" y="891"/>
                    </a:lnTo>
                    <a:lnTo>
                      <a:pt x="1268" y="890"/>
                    </a:lnTo>
                    <a:lnTo>
                      <a:pt x="1266" y="890"/>
                    </a:lnTo>
                    <a:lnTo>
                      <a:pt x="1263" y="890"/>
                    </a:lnTo>
                    <a:lnTo>
                      <a:pt x="1261" y="890"/>
                    </a:lnTo>
                    <a:lnTo>
                      <a:pt x="1260" y="890"/>
                    </a:lnTo>
                    <a:lnTo>
                      <a:pt x="1258" y="891"/>
                    </a:lnTo>
                    <a:lnTo>
                      <a:pt x="1256" y="891"/>
                    </a:lnTo>
                    <a:lnTo>
                      <a:pt x="1251" y="895"/>
                    </a:lnTo>
                    <a:lnTo>
                      <a:pt x="1249" y="895"/>
                    </a:lnTo>
                    <a:lnTo>
                      <a:pt x="1248" y="895"/>
                    </a:lnTo>
                    <a:lnTo>
                      <a:pt x="1246" y="895"/>
                    </a:lnTo>
                    <a:lnTo>
                      <a:pt x="1244" y="895"/>
                    </a:lnTo>
                    <a:lnTo>
                      <a:pt x="1243" y="893"/>
                    </a:lnTo>
                    <a:lnTo>
                      <a:pt x="1244" y="890"/>
                    </a:lnTo>
                    <a:lnTo>
                      <a:pt x="1246" y="886"/>
                    </a:lnTo>
                    <a:lnTo>
                      <a:pt x="1248" y="881"/>
                    </a:lnTo>
                    <a:lnTo>
                      <a:pt x="1249" y="878"/>
                    </a:lnTo>
                    <a:lnTo>
                      <a:pt x="1251" y="876"/>
                    </a:lnTo>
                    <a:lnTo>
                      <a:pt x="1253" y="875"/>
                    </a:lnTo>
                    <a:lnTo>
                      <a:pt x="1254" y="873"/>
                    </a:lnTo>
                    <a:lnTo>
                      <a:pt x="1254" y="871"/>
                    </a:lnTo>
                    <a:lnTo>
                      <a:pt x="1254" y="869"/>
                    </a:lnTo>
                    <a:lnTo>
                      <a:pt x="1253" y="868"/>
                    </a:lnTo>
                    <a:lnTo>
                      <a:pt x="1251" y="864"/>
                    </a:lnTo>
                    <a:lnTo>
                      <a:pt x="1249" y="864"/>
                    </a:lnTo>
                    <a:lnTo>
                      <a:pt x="1248" y="864"/>
                    </a:lnTo>
                    <a:lnTo>
                      <a:pt x="1243" y="868"/>
                    </a:lnTo>
                    <a:lnTo>
                      <a:pt x="1238" y="869"/>
                    </a:lnTo>
                    <a:lnTo>
                      <a:pt x="1234" y="871"/>
                    </a:lnTo>
                    <a:lnTo>
                      <a:pt x="1232" y="873"/>
                    </a:lnTo>
                    <a:lnTo>
                      <a:pt x="1232" y="875"/>
                    </a:lnTo>
                    <a:lnTo>
                      <a:pt x="1232" y="876"/>
                    </a:lnTo>
                    <a:lnTo>
                      <a:pt x="1232" y="878"/>
                    </a:lnTo>
                    <a:lnTo>
                      <a:pt x="1231" y="880"/>
                    </a:lnTo>
                    <a:lnTo>
                      <a:pt x="1229" y="880"/>
                    </a:lnTo>
                    <a:lnTo>
                      <a:pt x="1227" y="880"/>
                    </a:lnTo>
                    <a:lnTo>
                      <a:pt x="1224" y="878"/>
                    </a:lnTo>
                    <a:lnTo>
                      <a:pt x="1222" y="875"/>
                    </a:lnTo>
                    <a:lnTo>
                      <a:pt x="1219" y="873"/>
                    </a:lnTo>
                    <a:lnTo>
                      <a:pt x="1217" y="871"/>
                    </a:lnTo>
                    <a:lnTo>
                      <a:pt x="1216" y="869"/>
                    </a:lnTo>
                    <a:lnTo>
                      <a:pt x="1216" y="871"/>
                    </a:lnTo>
                    <a:lnTo>
                      <a:pt x="1217" y="875"/>
                    </a:lnTo>
                    <a:lnTo>
                      <a:pt x="1219" y="878"/>
                    </a:lnTo>
                    <a:lnTo>
                      <a:pt x="1219" y="881"/>
                    </a:lnTo>
                    <a:lnTo>
                      <a:pt x="1219" y="885"/>
                    </a:lnTo>
                    <a:lnTo>
                      <a:pt x="1217" y="886"/>
                    </a:lnTo>
                    <a:lnTo>
                      <a:pt x="1216" y="890"/>
                    </a:lnTo>
                    <a:lnTo>
                      <a:pt x="1216" y="891"/>
                    </a:lnTo>
                    <a:lnTo>
                      <a:pt x="1217" y="895"/>
                    </a:lnTo>
                    <a:lnTo>
                      <a:pt x="1221" y="898"/>
                    </a:lnTo>
                    <a:lnTo>
                      <a:pt x="1226" y="903"/>
                    </a:lnTo>
                    <a:lnTo>
                      <a:pt x="1231" y="907"/>
                    </a:lnTo>
                    <a:lnTo>
                      <a:pt x="1234" y="910"/>
                    </a:lnTo>
                    <a:lnTo>
                      <a:pt x="1236" y="913"/>
                    </a:lnTo>
                    <a:lnTo>
                      <a:pt x="1234" y="915"/>
                    </a:lnTo>
                    <a:lnTo>
                      <a:pt x="1234" y="917"/>
                    </a:lnTo>
                    <a:lnTo>
                      <a:pt x="1232" y="919"/>
                    </a:lnTo>
                    <a:lnTo>
                      <a:pt x="1231" y="919"/>
                    </a:lnTo>
                    <a:lnTo>
                      <a:pt x="1212" y="939"/>
                    </a:lnTo>
                    <a:lnTo>
                      <a:pt x="1202" y="937"/>
                    </a:lnTo>
                    <a:lnTo>
                      <a:pt x="1192" y="959"/>
                    </a:lnTo>
                    <a:lnTo>
                      <a:pt x="1202" y="957"/>
                    </a:lnTo>
                    <a:lnTo>
                      <a:pt x="1200" y="959"/>
                    </a:lnTo>
                    <a:lnTo>
                      <a:pt x="1199" y="961"/>
                    </a:lnTo>
                    <a:lnTo>
                      <a:pt x="1197" y="964"/>
                    </a:lnTo>
                    <a:lnTo>
                      <a:pt x="1194" y="966"/>
                    </a:lnTo>
                    <a:lnTo>
                      <a:pt x="1190" y="969"/>
                    </a:lnTo>
                    <a:lnTo>
                      <a:pt x="1185" y="973"/>
                    </a:lnTo>
                    <a:lnTo>
                      <a:pt x="1180" y="976"/>
                    </a:lnTo>
                    <a:lnTo>
                      <a:pt x="1177" y="981"/>
                    </a:lnTo>
                    <a:lnTo>
                      <a:pt x="1172" y="985"/>
                    </a:lnTo>
                    <a:lnTo>
                      <a:pt x="1165" y="988"/>
                    </a:lnTo>
                    <a:lnTo>
                      <a:pt x="1160" y="991"/>
                    </a:lnTo>
                    <a:lnTo>
                      <a:pt x="1155" y="995"/>
                    </a:lnTo>
                    <a:lnTo>
                      <a:pt x="1148" y="998"/>
                    </a:lnTo>
                    <a:lnTo>
                      <a:pt x="1143" y="1000"/>
                    </a:lnTo>
                    <a:lnTo>
                      <a:pt x="1136" y="1001"/>
                    </a:lnTo>
                    <a:lnTo>
                      <a:pt x="1134" y="1003"/>
                    </a:lnTo>
                    <a:lnTo>
                      <a:pt x="1129" y="1007"/>
                    </a:lnTo>
                    <a:lnTo>
                      <a:pt x="1124" y="1010"/>
                    </a:lnTo>
                    <a:lnTo>
                      <a:pt x="1117" y="1013"/>
                    </a:lnTo>
                    <a:lnTo>
                      <a:pt x="1111" y="1018"/>
                    </a:lnTo>
                    <a:lnTo>
                      <a:pt x="1106" y="1022"/>
                    </a:lnTo>
                    <a:lnTo>
                      <a:pt x="1102" y="1023"/>
                    </a:lnTo>
                    <a:lnTo>
                      <a:pt x="1100" y="1025"/>
                    </a:lnTo>
                    <a:lnTo>
                      <a:pt x="1099" y="1025"/>
                    </a:lnTo>
                    <a:lnTo>
                      <a:pt x="1094" y="1029"/>
                    </a:lnTo>
                    <a:lnTo>
                      <a:pt x="1089" y="1032"/>
                    </a:lnTo>
                    <a:lnTo>
                      <a:pt x="1084" y="1034"/>
                    </a:lnTo>
                    <a:lnTo>
                      <a:pt x="1078" y="1034"/>
                    </a:lnTo>
                    <a:lnTo>
                      <a:pt x="1080" y="1034"/>
                    </a:lnTo>
                    <a:lnTo>
                      <a:pt x="1085" y="1029"/>
                    </a:lnTo>
                    <a:lnTo>
                      <a:pt x="1099" y="1020"/>
                    </a:lnTo>
                    <a:lnTo>
                      <a:pt x="1100" y="1018"/>
                    </a:lnTo>
                    <a:lnTo>
                      <a:pt x="1102" y="1017"/>
                    </a:lnTo>
                    <a:lnTo>
                      <a:pt x="1107" y="1015"/>
                    </a:lnTo>
                    <a:lnTo>
                      <a:pt x="1112" y="1012"/>
                    </a:lnTo>
                    <a:lnTo>
                      <a:pt x="1119" y="1008"/>
                    </a:lnTo>
                    <a:lnTo>
                      <a:pt x="1124" y="1005"/>
                    </a:lnTo>
                    <a:lnTo>
                      <a:pt x="1131" y="1001"/>
                    </a:lnTo>
                    <a:lnTo>
                      <a:pt x="1136" y="998"/>
                    </a:lnTo>
                    <a:lnTo>
                      <a:pt x="1139" y="995"/>
                    </a:lnTo>
                    <a:lnTo>
                      <a:pt x="1141" y="993"/>
                    </a:lnTo>
                    <a:lnTo>
                      <a:pt x="1143" y="993"/>
                    </a:lnTo>
                    <a:lnTo>
                      <a:pt x="1141" y="993"/>
                    </a:lnTo>
                    <a:lnTo>
                      <a:pt x="1138" y="993"/>
                    </a:lnTo>
                    <a:lnTo>
                      <a:pt x="1131" y="996"/>
                    </a:lnTo>
                    <a:lnTo>
                      <a:pt x="1119" y="1001"/>
                    </a:lnTo>
                    <a:lnTo>
                      <a:pt x="1106" y="1008"/>
                    </a:lnTo>
                    <a:lnTo>
                      <a:pt x="1104" y="1008"/>
                    </a:lnTo>
                    <a:lnTo>
                      <a:pt x="1102" y="1010"/>
                    </a:lnTo>
                    <a:lnTo>
                      <a:pt x="1099" y="1012"/>
                    </a:lnTo>
                    <a:lnTo>
                      <a:pt x="1097" y="1013"/>
                    </a:lnTo>
                    <a:lnTo>
                      <a:pt x="1094" y="1015"/>
                    </a:lnTo>
                    <a:lnTo>
                      <a:pt x="1092" y="1015"/>
                    </a:lnTo>
                    <a:lnTo>
                      <a:pt x="1092" y="1012"/>
                    </a:lnTo>
                    <a:lnTo>
                      <a:pt x="1094" y="1008"/>
                    </a:lnTo>
                    <a:lnTo>
                      <a:pt x="1094" y="1007"/>
                    </a:lnTo>
                    <a:lnTo>
                      <a:pt x="1095" y="1005"/>
                    </a:lnTo>
                    <a:lnTo>
                      <a:pt x="1095" y="1003"/>
                    </a:lnTo>
                    <a:lnTo>
                      <a:pt x="1097" y="1000"/>
                    </a:lnTo>
                    <a:lnTo>
                      <a:pt x="1097" y="998"/>
                    </a:lnTo>
                    <a:lnTo>
                      <a:pt x="1099" y="995"/>
                    </a:lnTo>
                    <a:lnTo>
                      <a:pt x="1099" y="993"/>
                    </a:lnTo>
                    <a:lnTo>
                      <a:pt x="1087" y="1005"/>
                    </a:lnTo>
                    <a:lnTo>
                      <a:pt x="1078" y="1007"/>
                    </a:lnTo>
                    <a:lnTo>
                      <a:pt x="1075" y="1001"/>
                    </a:lnTo>
                    <a:lnTo>
                      <a:pt x="1077" y="1012"/>
                    </a:lnTo>
                    <a:lnTo>
                      <a:pt x="1067" y="1015"/>
                    </a:lnTo>
                    <a:lnTo>
                      <a:pt x="1065" y="1013"/>
                    </a:lnTo>
                    <a:lnTo>
                      <a:pt x="1062" y="1008"/>
                    </a:lnTo>
                    <a:lnTo>
                      <a:pt x="1056" y="1003"/>
                    </a:lnTo>
                    <a:lnTo>
                      <a:pt x="1051" y="1000"/>
                    </a:lnTo>
                    <a:lnTo>
                      <a:pt x="1048" y="998"/>
                    </a:lnTo>
                    <a:lnTo>
                      <a:pt x="1048" y="1000"/>
                    </a:lnTo>
                    <a:lnTo>
                      <a:pt x="1050" y="1007"/>
                    </a:lnTo>
                    <a:lnTo>
                      <a:pt x="1058" y="1020"/>
                    </a:lnTo>
                    <a:lnTo>
                      <a:pt x="1060" y="1020"/>
                    </a:lnTo>
                    <a:lnTo>
                      <a:pt x="1063" y="1023"/>
                    </a:lnTo>
                    <a:lnTo>
                      <a:pt x="1067" y="1023"/>
                    </a:lnTo>
                    <a:lnTo>
                      <a:pt x="1068" y="1025"/>
                    </a:lnTo>
                    <a:lnTo>
                      <a:pt x="1070" y="1029"/>
                    </a:lnTo>
                    <a:lnTo>
                      <a:pt x="1070" y="1032"/>
                    </a:lnTo>
                    <a:lnTo>
                      <a:pt x="1067" y="1035"/>
                    </a:lnTo>
                    <a:lnTo>
                      <a:pt x="1063" y="1037"/>
                    </a:lnTo>
                    <a:lnTo>
                      <a:pt x="1062" y="1039"/>
                    </a:lnTo>
                    <a:lnTo>
                      <a:pt x="1058" y="1040"/>
                    </a:lnTo>
                    <a:lnTo>
                      <a:pt x="1056" y="1042"/>
                    </a:lnTo>
                    <a:lnTo>
                      <a:pt x="1053" y="1044"/>
                    </a:lnTo>
                    <a:lnTo>
                      <a:pt x="1051" y="1045"/>
                    </a:lnTo>
                    <a:lnTo>
                      <a:pt x="1050" y="1045"/>
                    </a:lnTo>
                    <a:lnTo>
                      <a:pt x="1050" y="1047"/>
                    </a:lnTo>
                    <a:lnTo>
                      <a:pt x="1048" y="1047"/>
                    </a:lnTo>
                    <a:lnTo>
                      <a:pt x="1046" y="1047"/>
                    </a:lnTo>
                    <a:lnTo>
                      <a:pt x="1045" y="1047"/>
                    </a:lnTo>
                    <a:lnTo>
                      <a:pt x="1043" y="1045"/>
                    </a:lnTo>
                    <a:lnTo>
                      <a:pt x="1041" y="1044"/>
                    </a:lnTo>
                    <a:lnTo>
                      <a:pt x="1040" y="1039"/>
                    </a:lnTo>
                    <a:lnTo>
                      <a:pt x="1040" y="1034"/>
                    </a:lnTo>
                    <a:lnTo>
                      <a:pt x="1036" y="1030"/>
                    </a:lnTo>
                    <a:lnTo>
                      <a:pt x="1036" y="1027"/>
                    </a:lnTo>
                    <a:lnTo>
                      <a:pt x="1033" y="1027"/>
                    </a:lnTo>
                    <a:lnTo>
                      <a:pt x="1033" y="1025"/>
                    </a:lnTo>
                    <a:lnTo>
                      <a:pt x="1031" y="1025"/>
                    </a:lnTo>
                    <a:lnTo>
                      <a:pt x="1029" y="1025"/>
                    </a:lnTo>
                    <a:lnTo>
                      <a:pt x="1019" y="1013"/>
                    </a:lnTo>
                    <a:lnTo>
                      <a:pt x="1023" y="1027"/>
                    </a:lnTo>
                    <a:lnTo>
                      <a:pt x="1031" y="1037"/>
                    </a:lnTo>
                    <a:lnTo>
                      <a:pt x="1028" y="1040"/>
                    </a:lnTo>
                    <a:lnTo>
                      <a:pt x="1031" y="1056"/>
                    </a:lnTo>
                    <a:lnTo>
                      <a:pt x="1019" y="1069"/>
                    </a:lnTo>
                    <a:lnTo>
                      <a:pt x="1018" y="1057"/>
                    </a:lnTo>
                    <a:lnTo>
                      <a:pt x="1011" y="1067"/>
                    </a:lnTo>
                    <a:lnTo>
                      <a:pt x="1006" y="1064"/>
                    </a:lnTo>
                    <a:lnTo>
                      <a:pt x="984" y="1078"/>
                    </a:lnTo>
                    <a:lnTo>
                      <a:pt x="992" y="1086"/>
                    </a:lnTo>
                    <a:lnTo>
                      <a:pt x="996" y="1083"/>
                    </a:lnTo>
                    <a:lnTo>
                      <a:pt x="997" y="1081"/>
                    </a:lnTo>
                    <a:lnTo>
                      <a:pt x="1001" y="1078"/>
                    </a:lnTo>
                    <a:lnTo>
                      <a:pt x="1002" y="1076"/>
                    </a:lnTo>
                    <a:lnTo>
                      <a:pt x="1004" y="1078"/>
                    </a:lnTo>
                    <a:lnTo>
                      <a:pt x="1004" y="1081"/>
                    </a:lnTo>
                    <a:lnTo>
                      <a:pt x="1001" y="1089"/>
                    </a:lnTo>
                    <a:lnTo>
                      <a:pt x="999" y="1091"/>
                    </a:lnTo>
                    <a:lnTo>
                      <a:pt x="997" y="1095"/>
                    </a:lnTo>
                    <a:lnTo>
                      <a:pt x="996" y="1098"/>
                    </a:lnTo>
                    <a:lnTo>
                      <a:pt x="994" y="1100"/>
                    </a:lnTo>
                    <a:lnTo>
                      <a:pt x="992" y="1103"/>
                    </a:lnTo>
                    <a:lnTo>
                      <a:pt x="992" y="1105"/>
                    </a:lnTo>
                    <a:lnTo>
                      <a:pt x="985" y="1110"/>
                    </a:lnTo>
                    <a:lnTo>
                      <a:pt x="982" y="1103"/>
                    </a:lnTo>
                    <a:lnTo>
                      <a:pt x="952" y="1103"/>
                    </a:lnTo>
                    <a:lnTo>
                      <a:pt x="957" y="1110"/>
                    </a:lnTo>
                    <a:lnTo>
                      <a:pt x="962" y="1111"/>
                    </a:lnTo>
                    <a:lnTo>
                      <a:pt x="965" y="1120"/>
                    </a:lnTo>
                    <a:lnTo>
                      <a:pt x="972" y="1125"/>
                    </a:lnTo>
                    <a:lnTo>
                      <a:pt x="977" y="1123"/>
                    </a:lnTo>
                    <a:lnTo>
                      <a:pt x="963" y="1167"/>
                    </a:lnTo>
                    <a:lnTo>
                      <a:pt x="963" y="1169"/>
                    </a:lnTo>
                    <a:lnTo>
                      <a:pt x="962" y="1171"/>
                    </a:lnTo>
                    <a:lnTo>
                      <a:pt x="962" y="1172"/>
                    </a:lnTo>
                    <a:lnTo>
                      <a:pt x="960" y="1172"/>
                    </a:lnTo>
                    <a:lnTo>
                      <a:pt x="958" y="1174"/>
                    </a:lnTo>
                    <a:lnTo>
                      <a:pt x="957" y="1172"/>
                    </a:lnTo>
                    <a:lnTo>
                      <a:pt x="955" y="1169"/>
                    </a:lnTo>
                    <a:lnTo>
                      <a:pt x="955" y="1162"/>
                    </a:lnTo>
                    <a:lnTo>
                      <a:pt x="953" y="1159"/>
                    </a:lnTo>
                    <a:lnTo>
                      <a:pt x="953" y="1155"/>
                    </a:lnTo>
                    <a:lnTo>
                      <a:pt x="952" y="1154"/>
                    </a:lnTo>
                    <a:lnTo>
                      <a:pt x="950" y="1152"/>
                    </a:lnTo>
                    <a:lnTo>
                      <a:pt x="948" y="1154"/>
                    </a:lnTo>
                    <a:lnTo>
                      <a:pt x="948" y="1157"/>
                    </a:lnTo>
                    <a:lnTo>
                      <a:pt x="948" y="1164"/>
                    </a:lnTo>
                    <a:lnTo>
                      <a:pt x="946" y="1166"/>
                    </a:lnTo>
                    <a:lnTo>
                      <a:pt x="945" y="1169"/>
                    </a:lnTo>
                    <a:lnTo>
                      <a:pt x="941" y="1172"/>
                    </a:lnTo>
                    <a:lnTo>
                      <a:pt x="940" y="1172"/>
                    </a:lnTo>
                    <a:lnTo>
                      <a:pt x="930" y="1166"/>
                    </a:lnTo>
                    <a:lnTo>
                      <a:pt x="931" y="1174"/>
                    </a:lnTo>
                    <a:lnTo>
                      <a:pt x="928" y="1179"/>
                    </a:lnTo>
                    <a:lnTo>
                      <a:pt x="938" y="1184"/>
                    </a:lnTo>
                    <a:lnTo>
                      <a:pt x="957" y="1181"/>
                    </a:lnTo>
                    <a:lnTo>
                      <a:pt x="958" y="1198"/>
                    </a:lnTo>
                    <a:lnTo>
                      <a:pt x="948" y="1223"/>
                    </a:lnTo>
                    <a:lnTo>
                      <a:pt x="948" y="1233"/>
                    </a:lnTo>
                    <a:lnTo>
                      <a:pt x="962" y="1269"/>
                    </a:lnTo>
                    <a:lnTo>
                      <a:pt x="960" y="1291"/>
                    </a:lnTo>
                    <a:lnTo>
                      <a:pt x="970" y="1304"/>
                    </a:lnTo>
                    <a:lnTo>
                      <a:pt x="975" y="1325"/>
                    </a:lnTo>
                    <a:lnTo>
                      <a:pt x="982" y="1337"/>
                    </a:lnTo>
                    <a:lnTo>
                      <a:pt x="968" y="1347"/>
                    </a:lnTo>
                    <a:lnTo>
                      <a:pt x="962" y="1355"/>
                    </a:lnTo>
                    <a:lnTo>
                      <a:pt x="960" y="1353"/>
                    </a:lnTo>
                    <a:lnTo>
                      <a:pt x="958" y="1352"/>
                    </a:lnTo>
                    <a:lnTo>
                      <a:pt x="957" y="1350"/>
                    </a:lnTo>
                    <a:lnTo>
                      <a:pt x="953" y="1347"/>
                    </a:lnTo>
                    <a:lnTo>
                      <a:pt x="950" y="1343"/>
                    </a:lnTo>
                    <a:lnTo>
                      <a:pt x="946" y="1340"/>
                    </a:lnTo>
                    <a:lnTo>
                      <a:pt x="943" y="1338"/>
                    </a:lnTo>
                    <a:lnTo>
                      <a:pt x="938" y="1335"/>
                    </a:lnTo>
                    <a:lnTo>
                      <a:pt x="933" y="1331"/>
                    </a:lnTo>
                    <a:lnTo>
                      <a:pt x="926" y="1330"/>
                    </a:lnTo>
                    <a:lnTo>
                      <a:pt x="919" y="1326"/>
                    </a:lnTo>
                    <a:lnTo>
                      <a:pt x="913" y="1325"/>
                    </a:lnTo>
                    <a:lnTo>
                      <a:pt x="904" y="1325"/>
                    </a:lnTo>
                    <a:lnTo>
                      <a:pt x="896" y="1325"/>
                    </a:lnTo>
                    <a:lnTo>
                      <a:pt x="887" y="1325"/>
                    </a:lnTo>
                    <a:lnTo>
                      <a:pt x="886" y="1325"/>
                    </a:lnTo>
                    <a:lnTo>
                      <a:pt x="884" y="1325"/>
                    </a:lnTo>
                    <a:lnTo>
                      <a:pt x="882" y="1325"/>
                    </a:lnTo>
                    <a:lnTo>
                      <a:pt x="879" y="1325"/>
                    </a:lnTo>
                    <a:lnTo>
                      <a:pt x="877" y="1325"/>
                    </a:lnTo>
                    <a:lnTo>
                      <a:pt x="875" y="1326"/>
                    </a:lnTo>
                    <a:lnTo>
                      <a:pt x="874" y="1326"/>
                    </a:lnTo>
                    <a:lnTo>
                      <a:pt x="872" y="1326"/>
                    </a:lnTo>
                    <a:lnTo>
                      <a:pt x="836" y="1304"/>
                    </a:lnTo>
                    <a:lnTo>
                      <a:pt x="821" y="1304"/>
                    </a:lnTo>
                    <a:lnTo>
                      <a:pt x="821" y="1303"/>
                    </a:lnTo>
                    <a:lnTo>
                      <a:pt x="820" y="1301"/>
                    </a:lnTo>
                    <a:lnTo>
                      <a:pt x="820" y="1298"/>
                    </a:lnTo>
                    <a:lnTo>
                      <a:pt x="816" y="1294"/>
                    </a:lnTo>
                    <a:lnTo>
                      <a:pt x="811" y="1291"/>
                    </a:lnTo>
                    <a:lnTo>
                      <a:pt x="806" y="1287"/>
                    </a:lnTo>
                    <a:lnTo>
                      <a:pt x="798" y="1284"/>
                    </a:lnTo>
                    <a:lnTo>
                      <a:pt x="787" y="1284"/>
                    </a:lnTo>
                    <a:lnTo>
                      <a:pt x="786" y="1284"/>
                    </a:lnTo>
                    <a:lnTo>
                      <a:pt x="784" y="1284"/>
                    </a:lnTo>
                    <a:lnTo>
                      <a:pt x="781" y="1284"/>
                    </a:lnTo>
                    <a:lnTo>
                      <a:pt x="779" y="1284"/>
                    </a:lnTo>
                    <a:lnTo>
                      <a:pt x="777" y="1284"/>
                    </a:lnTo>
                    <a:lnTo>
                      <a:pt x="776" y="1284"/>
                    </a:lnTo>
                    <a:lnTo>
                      <a:pt x="774" y="1284"/>
                    </a:lnTo>
                    <a:lnTo>
                      <a:pt x="774" y="1269"/>
                    </a:lnTo>
                    <a:lnTo>
                      <a:pt x="767" y="1267"/>
                    </a:lnTo>
                    <a:lnTo>
                      <a:pt x="767" y="1265"/>
                    </a:lnTo>
                    <a:lnTo>
                      <a:pt x="767" y="1262"/>
                    </a:lnTo>
                    <a:lnTo>
                      <a:pt x="765" y="1257"/>
                    </a:lnTo>
                    <a:lnTo>
                      <a:pt x="764" y="1252"/>
                    </a:lnTo>
                    <a:lnTo>
                      <a:pt x="764" y="1247"/>
                    </a:lnTo>
                    <a:lnTo>
                      <a:pt x="762" y="1242"/>
                    </a:lnTo>
                    <a:lnTo>
                      <a:pt x="759" y="1237"/>
                    </a:lnTo>
                    <a:lnTo>
                      <a:pt x="757" y="1230"/>
                    </a:lnTo>
                    <a:lnTo>
                      <a:pt x="755" y="1225"/>
                    </a:lnTo>
                    <a:lnTo>
                      <a:pt x="754" y="1220"/>
                    </a:lnTo>
                    <a:lnTo>
                      <a:pt x="750" y="1216"/>
                    </a:lnTo>
                    <a:lnTo>
                      <a:pt x="748" y="1213"/>
                    </a:lnTo>
                    <a:lnTo>
                      <a:pt x="745" y="1210"/>
                    </a:lnTo>
                    <a:lnTo>
                      <a:pt x="743" y="1208"/>
                    </a:lnTo>
                    <a:lnTo>
                      <a:pt x="740" y="1208"/>
                    </a:lnTo>
                    <a:lnTo>
                      <a:pt x="738" y="1208"/>
                    </a:lnTo>
                    <a:lnTo>
                      <a:pt x="738" y="1205"/>
                    </a:lnTo>
                    <a:lnTo>
                      <a:pt x="738" y="1199"/>
                    </a:lnTo>
                    <a:lnTo>
                      <a:pt x="738" y="1193"/>
                    </a:lnTo>
                    <a:lnTo>
                      <a:pt x="738" y="1188"/>
                    </a:lnTo>
                    <a:lnTo>
                      <a:pt x="738" y="1181"/>
                    </a:lnTo>
                    <a:lnTo>
                      <a:pt x="738" y="1177"/>
                    </a:lnTo>
                    <a:lnTo>
                      <a:pt x="738" y="1176"/>
                    </a:lnTo>
                    <a:lnTo>
                      <a:pt x="728" y="1166"/>
                    </a:lnTo>
                    <a:lnTo>
                      <a:pt x="728" y="1164"/>
                    </a:lnTo>
                    <a:lnTo>
                      <a:pt x="728" y="1161"/>
                    </a:lnTo>
                    <a:lnTo>
                      <a:pt x="730" y="1154"/>
                    </a:lnTo>
                    <a:lnTo>
                      <a:pt x="730" y="1147"/>
                    </a:lnTo>
                    <a:lnTo>
                      <a:pt x="728" y="1140"/>
                    </a:lnTo>
                    <a:lnTo>
                      <a:pt x="726" y="1133"/>
                    </a:lnTo>
                    <a:lnTo>
                      <a:pt x="725" y="1128"/>
                    </a:lnTo>
                    <a:lnTo>
                      <a:pt x="720" y="1127"/>
                    </a:lnTo>
                    <a:lnTo>
                      <a:pt x="718" y="1127"/>
                    </a:lnTo>
                    <a:lnTo>
                      <a:pt x="715" y="1125"/>
                    </a:lnTo>
                    <a:lnTo>
                      <a:pt x="711" y="1123"/>
                    </a:lnTo>
                    <a:lnTo>
                      <a:pt x="708" y="1122"/>
                    </a:lnTo>
                    <a:lnTo>
                      <a:pt x="706" y="1118"/>
                    </a:lnTo>
                    <a:lnTo>
                      <a:pt x="703" y="1115"/>
                    </a:lnTo>
                    <a:lnTo>
                      <a:pt x="699" y="1111"/>
                    </a:lnTo>
                    <a:lnTo>
                      <a:pt x="696" y="1106"/>
                    </a:lnTo>
                    <a:lnTo>
                      <a:pt x="693" y="1103"/>
                    </a:lnTo>
                    <a:lnTo>
                      <a:pt x="689" y="1098"/>
                    </a:lnTo>
                    <a:lnTo>
                      <a:pt x="686" y="1091"/>
                    </a:lnTo>
                    <a:lnTo>
                      <a:pt x="682" y="1086"/>
                    </a:lnTo>
                    <a:lnTo>
                      <a:pt x="679" y="1081"/>
                    </a:lnTo>
                    <a:lnTo>
                      <a:pt x="676" y="1074"/>
                    </a:lnTo>
                    <a:lnTo>
                      <a:pt x="672" y="1069"/>
                    </a:lnTo>
                    <a:lnTo>
                      <a:pt x="669" y="1062"/>
                    </a:lnTo>
                    <a:lnTo>
                      <a:pt x="667" y="1061"/>
                    </a:lnTo>
                    <a:lnTo>
                      <a:pt x="666" y="1059"/>
                    </a:lnTo>
                    <a:lnTo>
                      <a:pt x="662" y="1056"/>
                    </a:lnTo>
                    <a:lnTo>
                      <a:pt x="660" y="1051"/>
                    </a:lnTo>
                    <a:lnTo>
                      <a:pt x="657" y="1047"/>
                    </a:lnTo>
                    <a:lnTo>
                      <a:pt x="654" y="1045"/>
                    </a:lnTo>
                    <a:lnTo>
                      <a:pt x="652" y="1044"/>
                    </a:lnTo>
                    <a:lnTo>
                      <a:pt x="652" y="1042"/>
                    </a:lnTo>
                    <a:lnTo>
                      <a:pt x="610" y="949"/>
                    </a:lnTo>
                    <a:lnTo>
                      <a:pt x="605" y="935"/>
                    </a:lnTo>
                    <a:lnTo>
                      <a:pt x="591" y="915"/>
                    </a:lnTo>
                    <a:lnTo>
                      <a:pt x="564" y="891"/>
                    </a:lnTo>
                    <a:lnTo>
                      <a:pt x="562" y="890"/>
                    </a:lnTo>
                    <a:lnTo>
                      <a:pt x="561" y="885"/>
                    </a:lnTo>
                    <a:lnTo>
                      <a:pt x="554" y="880"/>
                    </a:lnTo>
                    <a:lnTo>
                      <a:pt x="549" y="873"/>
                    </a:lnTo>
                    <a:lnTo>
                      <a:pt x="542" y="866"/>
                    </a:lnTo>
                    <a:lnTo>
                      <a:pt x="535" y="861"/>
                    </a:lnTo>
                    <a:lnTo>
                      <a:pt x="528" y="856"/>
                    </a:lnTo>
                    <a:lnTo>
                      <a:pt x="522" y="854"/>
                    </a:lnTo>
                    <a:lnTo>
                      <a:pt x="520" y="854"/>
                    </a:lnTo>
                    <a:lnTo>
                      <a:pt x="515" y="854"/>
                    </a:lnTo>
                    <a:lnTo>
                      <a:pt x="512" y="853"/>
                    </a:lnTo>
                    <a:lnTo>
                      <a:pt x="506" y="853"/>
                    </a:lnTo>
                    <a:lnTo>
                      <a:pt x="501" y="853"/>
                    </a:lnTo>
                    <a:lnTo>
                      <a:pt x="496" y="851"/>
                    </a:lnTo>
                    <a:lnTo>
                      <a:pt x="490" y="851"/>
                    </a:lnTo>
                    <a:lnTo>
                      <a:pt x="484" y="849"/>
                    </a:lnTo>
                    <a:lnTo>
                      <a:pt x="478" y="849"/>
                    </a:lnTo>
                    <a:lnTo>
                      <a:pt x="473" y="847"/>
                    </a:lnTo>
                    <a:lnTo>
                      <a:pt x="468" y="846"/>
                    </a:lnTo>
                    <a:lnTo>
                      <a:pt x="461" y="844"/>
                    </a:lnTo>
                    <a:lnTo>
                      <a:pt x="457" y="844"/>
                    </a:lnTo>
                    <a:lnTo>
                      <a:pt x="452" y="841"/>
                    </a:lnTo>
                    <a:lnTo>
                      <a:pt x="449" y="839"/>
                    </a:lnTo>
                    <a:lnTo>
                      <a:pt x="446" y="837"/>
                    </a:lnTo>
                    <a:lnTo>
                      <a:pt x="442" y="836"/>
                    </a:lnTo>
                    <a:lnTo>
                      <a:pt x="440" y="834"/>
                    </a:lnTo>
                    <a:lnTo>
                      <a:pt x="439" y="834"/>
                    </a:lnTo>
                    <a:lnTo>
                      <a:pt x="435" y="836"/>
                    </a:lnTo>
                    <a:lnTo>
                      <a:pt x="434" y="837"/>
                    </a:lnTo>
                    <a:lnTo>
                      <a:pt x="432" y="839"/>
                    </a:lnTo>
                    <a:lnTo>
                      <a:pt x="429" y="842"/>
                    </a:lnTo>
                    <a:lnTo>
                      <a:pt x="427" y="846"/>
                    </a:lnTo>
                    <a:lnTo>
                      <a:pt x="424" y="847"/>
                    </a:lnTo>
                    <a:lnTo>
                      <a:pt x="420" y="849"/>
                    </a:lnTo>
                    <a:lnTo>
                      <a:pt x="418" y="849"/>
                    </a:lnTo>
                    <a:lnTo>
                      <a:pt x="417" y="849"/>
                    </a:lnTo>
                    <a:lnTo>
                      <a:pt x="415" y="847"/>
                    </a:lnTo>
                    <a:lnTo>
                      <a:pt x="413" y="846"/>
                    </a:lnTo>
                    <a:lnTo>
                      <a:pt x="412" y="844"/>
                    </a:lnTo>
                    <a:lnTo>
                      <a:pt x="408" y="844"/>
                    </a:lnTo>
                    <a:lnTo>
                      <a:pt x="405" y="846"/>
                    </a:lnTo>
                    <a:lnTo>
                      <a:pt x="398" y="847"/>
                    </a:lnTo>
                    <a:lnTo>
                      <a:pt x="391" y="853"/>
                    </a:lnTo>
                    <a:lnTo>
                      <a:pt x="386" y="863"/>
                    </a:lnTo>
                    <a:lnTo>
                      <a:pt x="380" y="875"/>
                    </a:lnTo>
                    <a:lnTo>
                      <a:pt x="374" y="891"/>
                    </a:lnTo>
                    <a:lnTo>
                      <a:pt x="368" y="902"/>
                    </a:lnTo>
                    <a:lnTo>
                      <a:pt x="368" y="903"/>
                    </a:lnTo>
                    <a:lnTo>
                      <a:pt x="366" y="903"/>
                    </a:lnTo>
                    <a:lnTo>
                      <a:pt x="366" y="905"/>
                    </a:lnTo>
                    <a:lnTo>
                      <a:pt x="364" y="908"/>
                    </a:lnTo>
                    <a:lnTo>
                      <a:pt x="361" y="912"/>
                    </a:lnTo>
                    <a:lnTo>
                      <a:pt x="358" y="915"/>
                    </a:lnTo>
                    <a:lnTo>
                      <a:pt x="356" y="915"/>
                    </a:lnTo>
                    <a:lnTo>
                      <a:pt x="356" y="917"/>
                    </a:lnTo>
                    <a:lnTo>
                      <a:pt x="352" y="919"/>
                    </a:lnTo>
                    <a:lnTo>
                      <a:pt x="351" y="922"/>
                    </a:lnTo>
                    <a:lnTo>
                      <a:pt x="349" y="924"/>
                    </a:lnTo>
                    <a:lnTo>
                      <a:pt x="347" y="925"/>
                    </a:lnTo>
                    <a:lnTo>
                      <a:pt x="346" y="927"/>
                    </a:lnTo>
                    <a:lnTo>
                      <a:pt x="346" y="930"/>
                    </a:lnTo>
                    <a:lnTo>
                      <a:pt x="344" y="932"/>
                    </a:lnTo>
                    <a:lnTo>
                      <a:pt x="342" y="935"/>
                    </a:lnTo>
                    <a:lnTo>
                      <a:pt x="339" y="937"/>
                    </a:lnTo>
                    <a:lnTo>
                      <a:pt x="334" y="937"/>
                    </a:lnTo>
                    <a:lnTo>
                      <a:pt x="325" y="937"/>
                    </a:lnTo>
                    <a:lnTo>
                      <a:pt x="314" y="932"/>
                    </a:lnTo>
                    <a:lnTo>
                      <a:pt x="312" y="930"/>
                    </a:lnTo>
                    <a:lnTo>
                      <a:pt x="308" y="927"/>
                    </a:lnTo>
                    <a:lnTo>
                      <a:pt x="303" y="924"/>
                    </a:lnTo>
                    <a:lnTo>
                      <a:pt x="297" y="919"/>
                    </a:lnTo>
                    <a:lnTo>
                      <a:pt x="288" y="912"/>
                    </a:lnTo>
                    <a:lnTo>
                      <a:pt x="280" y="907"/>
                    </a:lnTo>
                    <a:lnTo>
                      <a:pt x="271" y="902"/>
                    </a:lnTo>
                    <a:lnTo>
                      <a:pt x="263" y="895"/>
                    </a:lnTo>
                    <a:lnTo>
                      <a:pt x="261" y="895"/>
                    </a:lnTo>
                    <a:lnTo>
                      <a:pt x="259" y="895"/>
                    </a:lnTo>
                    <a:lnTo>
                      <a:pt x="256" y="895"/>
                    </a:lnTo>
                    <a:lnTo>
                      <a:pt x="251" y="893"/>
                    </a:lnTo>
                    <a:lnTo>
                      <a:pt x="246" y="890"/>
                    </a:lnTo>
                    <a:lnTo>
                      <a:pt x="239" y="885"/>
                    </a:lnTo>
                    <a:lnTo>
                      <a:pt x="234" y="880"/>
                    </a:lnTo>
                    <a:lnTo>
                      <a:pt x="227" y="869"/>
                    </a:lnTo>
                    <a:lnTo>
                      <a:pt x="224" y="866"/>
                    </a:lnTo>
                    <a:lnTo>
                      <a:pt x="220" y="864"/>
                    </a:lnTo>
                    <a:lnTo>
                      <a:pt x="217" y="863"/>
                    </a:lnTo>
                    <a:lnTo>
                      <a:pt x="214" y="859"/>
                    </a:lnTo>
                    <a:lnTo>
                      <a:pt x="209" y="854"/>
                    </a:lnTo>
                    <a:lnTo>
                      <a:pt x="204" y="846"/>
                    </a:lnTo>
                    <a:lnTo>
                      <a:pt x="195" y="834"/>
                    </a:lnTo>
                    <a:lnTo>
                      <a:pt x="187" y="819"/>
                    </a:lnTo>
                    <a:lnTo>
                      <a:pt x="187" y="815"/>
                    </a:lnTo>
                    <a:lnTo>
                      <a:pt x="185" y="809"/>
                    </a:lnTo>
                    <a:lnTo>
                      <a:pt x="185" y="800"/>
                    </a:lnTo>
                    <a:lnTo>
                      <a:pt x="185" y="792"/>
                    </a:lnTo>
                    <a:lnTo>
                      <a:pt x="183" y="783"/>
                    </a:lnTo>
                    <a:lnTo>
                      <a:pt x="183" y="776"/>
                    </a:lnTo>
                    <a:lnTo>
                      <a:pt x="183" y="771"/>
                    </a:lnTo>
                    <a:lnTo>
                      <a:pt x="183" y="770"/>
                    </a:lnTo>
                    <a:lnTo>
                      <a:pt x="171" y="753"/>
                    </a:lnTo>
                    <a:lnTo>
                      <a:pt x="171" y="751"/>
                    </a:lnTo>
                    <a:lnTo>
                      <a:pt x="171" y="749"/>
                    </a:lnTo>
                    <a:lnTo>
                      <a:pt x="171" y="746"/>
                    </a:lnTo>
                    <a:lnTo>
                      <a:pt x="170" y="741"/>
                    </a:lnTo>
                    <a:lnTo>
                      <a:pt x="166" y="732"/>
                    </a:lnTo>
                    <a:lnTo>
                      <a:pt x="160" y="722"/>
                    </a:lnTo>
                    <a:lnTo>
                      <a:pt x="149" y="710"/>
                    </a:lnTo>
                    <a:lnTo>
                      <a:pt x="134" y="695"/>
                    </a:lnTo>
                    <a:lnTo>
                      <a:pt x="132" y="693"/>
                    </a:lnTo>
                    <a:lnTo>
                      <a:pt x="129" y="690"/>
                    </a:lnTo>
                    <a:lnTo>
                      <a:pt x="124" y="685"/>
                    </a:lnTo>
                    <a:lnTo>
                      <a:pt x="119" y="680"/>
                    </a:lnTo>
                    <a:lnTo>
                      <a:pt x="114" y="677"/>
                    </a:lnTo>
                    <a:lnTo>
                      <a:pt x="109" y="671"/>
                    </a:lnTo>
                    <a:lnTo>
                      <a:pt x="105" y="670"/>
                    </a:lnTo>
                    <a:lnTo>
                      <a:pt x="104" y="668"/>
                    </a:lnTo>
                    <a:lnTo>
                      <a:pt x="92" y="648"/>
                    </a:lnTo>
                    <a:lnTo>
                      <a:pt x="60" y="609"/>
                    </a:lnTo>
                    <a:lnTo>
                      <a:pt x="43" y="605"/>
                    </a:lnTo>
                    <a:lnTo>
                      <a:pt x="19" y="561"/>
                    </a:lnTo>
                    <a:lnTo>
                      <a:pt x="6" y="56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22" name="Freeform 124"/>
              <p:cNvSpPr>
                <a:spLocks/>
              </p:cNvSpPr>
              <p:nvPr/>
            </p:nvSpPr>
            <p:spPr bwMode="auto">
              <a:xfrm>
                <a:off x="2004" y="1844"/>
                <a:ext cx="789" cy="392"/>
              </a:xfrm>
              <a:custGeom>
                <a:avLst/>
                <a:gdLst>
                  <a:gd name="T0" fmla="*/ 533 w 811"/>
                  <a:gd name="T1" fmla="*/ 239 h 404"/>
                  <a:gd name="T2" fmla="*/ 531 w 811"/>
                  <a:gd name="T3" fmla="*/ 229 h 404"/>
                  <a:gd name="T4" fmla="*/ 528 w 811"/>
                  <a:gd name="T5" fmla="*/ 221 h 404"/>
                  <a:gd name="T6" fmla="*/ 526 w 811"/>
                  <a:gd name="T7" fmla="*/ 216 h 404"/>
                  <a:gd name="T8" fmla="*/ 520 w 811"/>
                  <a:gd name="T9" fmla="*/ 209 h 404"/>
                  <a:gd name="T10" fmla="*/ 518 w 811"/>
                  <a:gd name="T11" fmla="*/ 199 h 404"/>
                  <a:gd name="T12" fmla="*/ 520 w 811"/>
                  <a:gd name="T13" fmla="*/ 188 h 404"/>
                  <a:gd name="T14" fmla="*/ 520 w 811"/>
                  <a:gd name="T15" fmla="*/ 178 h 404"/>
                  <a:gd name="T16" fmla="*/ 521 w 811"/>
                  <a:gd name="T17" fmla="*/ 173 h 404"/>
                  <a:gd name="T18" fmla="*/ 516 w 811"/>
                  <a:gd name="T19" fmla="*/ 146 h 404"/>
                  <a:gd name="T20" fmla="*/ 508 w 811"/>
                  <a:gd name="T21" fmla="*/ 138 h 404"/>
                  <a:gd name="T22" fmla="*/ 505 w 811"/>
                  <a:gd name="T23" fmla="*/ 127 h 404"/>
                  <a:gd name="T24" fmla="*/ 506 w 811"/>
                  <a:gd name="T25" fmla="*/ 122 h 404"/>
                  <a:gd name="T26" fmla="*/ 504 w 811"/>
                  <a:gd name="T27" fmla="*/ 108 h 404"/>
                  <a:gd name="T28" fmla="*/ 501 w 811"/>
                  <a:gd name="T29" fmla="*/ 102 h 404"/>
                  <a:gd name="T30" fmla="*/ 493 w 811"/>
                  <a:gd name="T31" fmla="*/ 97 h 404"/>
                  <a:gd name="T32" fmla="*/ 490 w 811"/>
                  <a:gd name="T33" fmla="*/ 87 h 404"/>
                  <a:gd name="T34" fmla="*/ 489 w 811"/>
                  <a:gd name="T35" fmla="*/ 80 h 404"/>
                  <a:gd name="T36" fmla="*/ 486 w 811"/>
                  <a:gd name="T37" fmla="*/ 73 h 404"/>
                  <a:gd name="T38" fmla="*/ 484 w 811"/>
                  <a:gd name="T39" fmla="*/ 70 h 404"/>
                  <a:gd name="T40" fmla="*/ 478 w 811"/>
                  <a:gd name="T41" fmla="*/ 63 h 404"/>
                  <a:gd name="T42" fmla="*/ 474 w 811"/>
                  <a:gd name="T43" fmla="*/ 58 h 404"/>
                  <a:gd name="T44" fmla="*/ 469 w 811"/>
                  <a:gd name="T45" fmla="*/ 48 h 404"/>
                  <a:gd name="T46" fmla="*/ 459 w 811"/>
                  <a:gd name="T47" fmla="*/ 41 h 404"/>
                  <a:gd name="T48" fmla="*/ 450 w 811"/>
                  <a:gd name="T49" fmla="*/ 39 h 404"/>
                  <a:gd name="T50" fmla="*/ 441 w 811"/>
                  <a:gd name="T51" fmla="*/ 38 h 404"/>
                  <a:gd name="T52" fmla="*/ 398 w 811"/>
                  <a:gd name="T53" fmla="*/ 32 h 404"/>
                  <a:gd name="T54" fmla="*/ 391 w 811"/>
                  <a:gd name="T55" fmla="*/ 37 h 404"/>
                  <a:gd name="T56" fmla="*/ 384 w 811"/>
                  <a:gd name="T57" fmla="*/ 38 h 404"/>
                  <a:gd name="T58" fmla="*/ 378 w 811"/>
                  <a:gd name="T59" fmla="*/ 32 h 404"/>
                  <a:gd name="T60" fmla="*/ 364 w 811"/>
                  <a:gd name="T61" fmla="*/ 18 h 404"/>
                  <a:gd name="T62" fmla="*/ 355 w 811"/>
                  <a:gd name="T63" fmla="*/ 16 h 404"/>
                  <a:gd name="T64" fmla="*/ 348 w 811"/>
                  <a:gd name="T65" fmla="*/ 16 h 404"/>
                  <a:gd name="T66" fmla="*/ 328 w 811"/>
                  <a:gd name="T67" fmla="*/ 16 h 404"/>
                  <a:gd name="T68" fmla="*/ 295 w 811"/>
                  <a:gd name="T69" fmla="*/ 16 h 404"/>
                  <a:gd name="T70" fmla="*/ 258 w 811"/>
                  <a:gd name="T71" fmla="*/ 16 h 404"/>
                  <a:gd name="T72" fmla="*/ 214 w 811"/>
                  <a:gd name="T73" fmla="*/ 16 h 404"/>
                  <a:gd name="T74" fmla="*/ 167 w 811"/>
                  <a:gd name="T75" fmla="*/ 13 h 404"/>
                  <a:gd name="T76" fmla="*/ 123 w 811"/>
                  <a:gd name="T77" fmla="*/ 12 h 404"/>
                  <a:gd name="T78" fmla="*/ 84 w 811"/>
                  <a:gd name="T79" fmla="*/ 8 h 404"/>
                  <a:gd name="T80" fmla="*/ 50 w 811"/>
                  <a:gd name="T81" fmla="*/ 5 h 404"/>
                  <a:gd name="T82" fmla="*/ 23 w 811"/>
                  <a:gd name="T83" fmla="*/ 2 h 404"/>
                  <a:gd name="T84" fmla="*/ 2 w 811"/>
                  <a:gd name="T85" fmla="*/ 165 h 404"/>
                  <a:gd name="T86" fmla="*/ 126 w 811"/>
                  <a:gd name="T87" fmla="*/ 254 h 404"/>
                  <a:gd name="T88" fmla="*/ 153 w 811"/>
                  <a:gd name="T89" fmla="*/ 257 h 404"/>
                  <a:gd name="T90" fmla="*/ 189 w 811"/>
                  <a:gd name="T91" fmla="*/ 260 h 404"/>
                  <a:gd name="T92" fmla="*/ 234 w 811"/>
                  <a:gd name="T93" fmla="*/ 262 h 404"/>
                  <a:gd name="T94" fmla="*/ 289 w 811"/>
                  <a:gd name="T95" fmla="*/ 262 h 404"/>
                  <a:gd name="T96" fmla="*/ 343 w 811"/>
                  <a:gd name="T97" fmla="*/ 262 h 404"/>
                  <a:gd name="T98" fmla="*/ 400 w 811"/>
                  <a:gd name="T99" fmla="*/ 264 h 404"/>
                  <a:gd name="T100" fmla="*/ 449 w 811"/>
                  <a:gd name="T101" fmla="*/ 264 h 404"/>
                  <a:gd name="T102" fmla="*/ 492 w 811"/>
                  <a:gd name="T103" fmla="*/ 265 h 404"/>
                  <a:gd name="T104" fmla="*/ 528 w 811"/>
                  <a:gd name="T105" fmla="*/ 265 h 404"/>
                  <a:gd name="T106" fmla="*/ 547 w 811"/>
                  <a:gd name="T107" fmla="*/ 265 h 404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811"/>
                  <a:gd name="T163" fmla="*/ 0 h 404"/>
                  <a:gd name="T164" fmla="*/ 811 w 811"/>
                  <a:gd name="T165" fmla="*/ 404 h 404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811" h="404">
                    <a:moveTo>
                      <a:pt x="811" y="404"/>
                    </a:moveTo>
                    <a:lnTo>
                      <a:pt x="799" y="376"/>
                    </a:lnTo>
                    <a:lnTo>
                      <a:pt x="785" y="364"/>
                    </a:lnTo>
                    <a:lnTo>
                      <a:pt x="782" y="352"/>
                    </a:lnTo>
                    <a:lnTo>
                      <a:pt x="782" y="350"/>
                    </a:lnTo>
                    <a:lnTo>
                      <a:pt x="780" y="348"/>
                    </a:lnTo>
                    <a:lnTo>
                      <a:pt x="779" y="345"/>
                    </a:lnTo>
                    <a:lnTo>
                      <a:pt x="777" y="342"/>
                    </a:lnTo>
                    <a:lnTo>
                      <a:pt x="775" y="337"/>
                    </a:lnTo>
                    <a:lnTo>
                      <a:pt x="774" y="333"/>
                    </a:lnTo>
                    <a:lnTo>
                      <a:pt x="772" y="330"/>
                    </a:lnTo>
                    <a:lnTo>
                      <a:pt x="769" y="326"/>
                    </a:lnTo>
                    <a:lnTo>
                      <a:pt x="767" y="323"/>
                    </a:lnTo>
                    <a:lnTo>
                      <a:pt x="765" y="318"/>
                    </a:lnTo>
                    <a:lnTo>
                      <a:pt x="765" y="313"/>
                    </a:lnTo>
                    <a:lnTo>
                      <a:pt x="763" y="308"/>
                    </a:lnTo>
                    <a:lnTo>
                      <a:pt x="763" y="303"/>
                    </a:lnTo>
                    <a:lnTo>
                      <a:pt x="763" y="298"/>
                    </a:lnTo>
                    <a:lnTo>
                      <a:pt x="763" y="291"/>
                    </a:lnTo>
                    <a:lnTo>
                      <a:pt x="765" y="286"/>
                    </a:lnTo>
                    <a:lnTo>
                      <a:pt x="765" y="281"/>
                    </a:lnTo>
                    <a:lnTo>
                      <a:pt x="765" y="276"/>
                    </a:lnTo>
                    <a:lnTo>
                      <a:pt x="765" y="272"/>
                    </a:lnTo>
                    <a:lnTo>
                      <a:pt x="767" y="269"/>
                    </a:lnTo>
                    <a:lnTo>
                      <a:pt x="767" y="266"/>
                    </a:lnTo>
                    <a:lnTo>
                      <a:pt x="767" y="264"/>
                    </a:lnTo>
                    <a:lnTo>
                      <a:pt x="760" y="255"/>
                    </a:lnTo>
                    <a:lnTo>
                      <a:pt x="758" y="223"/>
                    </a:lnTo>
                    <a:lnTo>
                      <a:pt x="755" y="218"/>
                    </a:lnTo>
                    <a:lnTo>
                      <a:pt x="750" y="215"/>
                    </a:lnTo>
                    <a:lnTo>
                      <a:pt x="747" y="210"/>
                    </a:lnTo>
                    <a:lnTo>
                      <a:pt x="743" y="205"/>
                    </a:lnTo>
                    <a:lnTo>
                      <a:pt x="743" y="200"/>
                    </a:lnTo>
                    <a:lnTo>
                      <a:pt x="743" y="194"/>
                    </a:lnTo>
                    <a:lnTo>
                      <a:pt x="743" y="191"/>
                    </a:lnTo>
                    <a:lnTo>
                      <a:pt x="743" y="188"/>
                    </a:lnTo>
                    <a:lnTo>
                      <a:pt x="745" y="186"/>
                    </a:lnTo>
                    <a:lnTo>
                      <a:pt x="743" y="178"/>
                    </a:lnTo>
                    <a:lnTo>
                      <a:pt x="743" y="169"/>
                    </a:lnTo>
                    <a:lnTo>
                      <a:pt x="741" y="164"/>
                    </a:lnTo>
                    <a:lnTo>
                      <a:pt x="738" y="159"/>
                    </a:lnTo>
                    <a:lnTo>
                      <a:pt x="736" y="156"/>
                    </a:lnTo>
                    <a:lnTo>
                      <a:pt x="735" y="154"/>
                    </a:lnTo>
                    <a:lnTo>
                      <a:pt x="733" y="152"/>
                    </a:lnTo>
                    <a:lnTo>
                      <a:pt x="731" y="150"/>
                    </a:lnTo>
                    <a:lnTo>
                      <a:pt x="726" y="147"/>
                    </a:lnTo>
                    <a:lnTo>
                      <a:pt x="725" y="144"/>
                    </a:lnTo>
                    <a:lnTo>
                      <a:pt x="721" y="139"/>
                    </a:lnTo>
                    <a:lnTo>
                      <a:pt x="721" y="134"/>
                    </a:lnTo>
                    <a:lnTo>
                      <a:pt x="719" y="130"/>
                    </a:lnTo>
                    <a:lnTo>
                      <a:pt x="719" y="125"/>
                    </a:lnTo>
                    <a:lnTo>
                      <a:pt x="719" y="123"/>
                    </a:lnTo>
                    <a:lnTo>
                      <a:pt x="714" y="110"/>
                    </a:lnTo>
                    <a:lnTo>
                      <a:pt x="713" y="108"/>
                    </a:lnTo>
                    <a:lnTo>
                      <a:pt x="711" y="105"/>
                    </a:lnTo>
                    <a:lnTo>
                      <a:pt x="708" y="103"/>
                    </a:lnTo>
                    <a:lnTo>
                      <a:pt x="706" y="100"/>
                    </a:lnTo>
                    <a:lnTo>
                      <a:pt x="703" y="95"/>
                    </a:lnTo>
                    <a:lnTo>
                      <a:pt x="699" y="93"/>
                    </a:lnTo>
                    <a:lnTo>
                      <a:pt x="697" y="90"/>
                    </a:lnTo>
                    <a:lnTo>
                      <a:pt x="696" y="88"/>
                    </a:lnTo>
                    <a:lnTo>
                      <a:pt x="694" y="84"/>
                    </a:lnTo>
                    <a:lnTo>
                      <a:pt x="692" y="79"/>
                    </a:lnTo>
                    <a:lnTo>
                      <a:pt x="689" y="74"/>
                    </a:lnTo>
                    <a:lnTo>
                      <a:pt x="686" y="69"/>
                    </a:lnTo>
                    <a:lnTo>
                      <a:pt x="681" y="64"/>
                    </a:lnTo>
                    <a:lnTo>
                      <a:pt x="675" y="61"/>
                    </a:lnTo>
                    <a:lnTo>
                      <a:pt x="667" y="59"/>
                    </a:lnTo>
                    <a:lnTo>
                      <a:pt x="665" y="59"/>
                    </a:lnTo>
                    <a:lnTo>
                      <a:pt x="662" y="57"/>
                    </a:lnTo>
                    <a:lnTo>
                      <a:pt x="659" y="56"/>
                    </a:lnTo>
                    <a:lnTo>
                      <a:pt x="659" y="54"/>
                    </a:lnTo>
                    <a:lnTo>
                      <a:pt x="648" y="54"/>
                    </a:lnTo>
                    <a:lnTo>
                      <a:pt x="637" y="44"/>
                    </a:lnTo>
                    <a:lnTo>
                      <a:pt x="584" y="44"/>
                    </a:lnTo>
                    <a:lnTo>
                      <a:pt x="584" y="46"/>
                    </a:lnTo>
                    <a:lnTo>
                      <a:pt x="582" y="47"/>
                    </a:lnTo>
                    <a:lnTo>
                      <a:pt x="579" y="51"/>
                    </a:lnTo>
                    <a:lnTo>
                      <a:pt x="576" y="52"/>
                    </a:lnTo>
                    <a:lnTo>
                      <a:pt x="572" y="56"/>
                    </a:lnTo>
                    <a:lnTo>
                      <a:pt x="569" y="56"/>
                    </a:lnTo>
                    <a:lnTo>
                      <a:pt x="565" y="54"/>
                    </a:lnTo>
                    <a:lnTo>
                      <a:pt x="562" y="51"/>
                    </a:lnTo>
                    <a:lnTo>
                      <a:pt x="560" y="49"/>
                    </a:lnTo>
                    <a:lnTo>
                      <a:pt x="555" y="46"/>
                    </a:lnTo>
                    <a:lnTo>
                      <a:pt x="549" y="42"/>
                    </a:lnTo>
                    <a:lnTo>
                      <a:pt x="542" y="37"/>
                    </a:lnTo>
                    <a:lnTo>
                      <a:pt x="535" y="32"/>
                    </a:lnTo>
                    <a:lnTo>
                      <a:pt x="528" y="29"/>
                    </a:lnTo>
                    <a:lnTo>
                      <a:pt x="523" y="25"/>
                    </a:lnTo>
                    <a:lnTo>
                      <a:pt x="521" y="25"/>
                    </a:lnTo>
                    <a:lnTo>
                      <a:pt x="520" y="25"/>
                    </a:lnTo>
                    <a:lnTo>
                      <a:pt x="516" y="25"/>
                    </a:lnTo>
                    <a:lnTo>
                      <a:pt x="511" y="24"/>
                    </a:lnTo>
                    <a:lnTo>
                      <a:pt x="503" y="24"/>
                    </a:lnTo>
                    <a:lnTo>
                      <a:pt x="493" y="24"/>
                    </a:lnTo>
                    <a:lnTo>
                      <a:pt x="481" y="24"/>
                    </a:lnTo>
                    <a:lnTo>
                      <a:pt x="467" y="24"/>
                    </a:lnTo>
                    <a:lnTo>
                      <a:pt x="450" y="22"/>
                    </a:lnTo>
                    <a:lnTo>
                      <a:pt x="433" y="22"/>
                    </a:lnTo>
                    <a:lnTo>
                      <a:pt x="417" y="20"/>
                    </a:lnTo>
                    <a:lnTo>
                      <a:pt x="398" y="20"/>
                    </a:lnTo>
                    <a:lnTo>
                      <a:pt x="378" y="20"/>
                    </a:lnTo>
                    <a:lnTo>
                      <a:pt x="357" y="18"/>
                    </a:lnTo>
                    <a:lnTo>
                      <a:pt x="335" y="18"/>
                    </a:lnTo>
                    <a:lnTo>
                      <a:pt x="313" y="17"/>
                    </a:lnTo>
                    <a:lnTo>
                      <a:pt x="291" y="15"/>
                    </a:lnTo>
                    <a:lnTo>
                      <a:pt x="269" y="15"/>
                    </a:lnTo>
                    <a:lnTo>
                      <a:pt x="247" y="13"/>
                    </a:lnTo>
                    <a:lnTo>
                      <a:pt x="225" y="13"/>
                    </a:lnTo>
                    <a:lnTo>
                      <a:pt x="203" y="12"/>
                    </a:lnTo>
                    <a:lnTo>
                      <a:pt x="181" y="12"/>
                    </a:lnTo>
                    <a:lnTo>
                      <a:pt x="161" y="10"/>
                    </a:lnTo>
                    <a:lnTo>
                      <a:pt x="142" y="8"/>
                    </a:lnTo>
                    <a:lnTo>
                      <a:pt x="122" y="8"/>
                    </a:lnTo>
                    <a:lnTo>
                      <a:pt x="105" y="7"/>
                    </a:lnTo>
                    <a:lnTo>
                      <a:pt x="88" y="7"/>
                    </a:lnTo>
                    <a:lnTo>
                      <a:pt x="73" y="5"/>
                    </a:lnTo>
                    <a:lnTo>
                      <a:pt x="59" y="3"/>
                    </a:lnTo>
                    <a:lnTo>
                      <a:pt x="48" y="3"/>
                    </a:lnTo>
                    <a:lnTo>
                      <a:pt x="37" y="2"/>
                    </a:lnTo>
                    <a:lnTo>
                      <a:pt x="31" y="2"/>
                    </a:lnTo>
                    <a:lnTo>
                      <a:pt x="24" y="0"/>
                    </a:lnTo>
                    <a:lnTo>
                      <a:pt x="2" y="250"/>
                    </a:lnTo>
                    <a:lnTo>
                      <a:pt x="0" y="250"/>
                    </a:lnTo>
                    <a:lnTo>
                      <a:pt x="193" y="262"/>
                    </a:lnTo>
                    <a:lnTo>
                      <a:pt x="186" y="387"/>
                    </a:lnTo>
                    <a:lnTo>
                      <a:pt x="197" y="389"/>
                    </a:lnTo>
                    <a:lnTo>
                      <a:pt x="208" y="391"/>
                    </a:lnTo>
                    <a:lnTo>
                      <a:pt x="224" y="392"/>
                    </a:lnTo>
                    <a:lnTo>
                      <a:pt x="239" y="392"/>
                    </a:lnTo>
                    <a:lnTo>
                      <a:pt x="257" y="394"/>
                    </a:lnTo>
                    <a:lnTo>
                      <a:pt x="278" y="396"/>
                    </a:lnTo>
                    <a:lnTo>
                      <a:pt x="298" y="396"/>
                    </a:lnTo>
                    <a:lnTo>
                      <a:pt x="322" y="398"/>
                    </a:lnTo>
                    <a:lnTo>
                      <a:pt x="345" y="398"/>
                    </a:lnTo>
                    <a:lnTo>
                      <a:pt x="371" y="399"/>
                    </a:lnTo>
                    <a:lnTo>
                      <a:pt x="396" y="399"/>
                    </a:lnTo>
                    <a:lnTo>
                      <a:pt x="423" y="399"/>
                    </a:lnTo>
                    <a:lnTo>
                      <a:pt x="450" y="401"/>
                    </a:lnTo>
                    <a:lnTo>
                      <a:pt x="477" y="401"/>
                    </a:lnTo>
                    <a:lnTo>
                      <a:pt x="505" y="401"/>
                    </a:lnTo>
                    <a:lnTo>
                      <a:pt x="532" y="401"/>
                    </a:lnTo>
                    <a:lnTo>
                      <a:pt x="559" y="403"/>
                    </a:lnTo>
                    <a:lnTo>
                      <a:pt x="586" y="403"/>
                    </a:lnTo>
                    <a:lnTo>
                      <a:pt x="611" y="403"/>
                    </a:lnTo>
                    <a:lnTo>
                      <a:pt x="637" y="403"/>
                    </a:lnTo>
                    <a:lnTo>
                      <a:pt x="660" y="403"/>
                    </a:lnTo>
                    <a:lnTo>
                      <a:pt x="684" y="403"/>
                    </a:lnTo>
                    <a:lnTo>
                      <a:pt x="704" y="404"/>
                    </a:lnTo>
                    <a:lnTo>
                      <a:pt x="725" y="404"/>
                    </a:lnTo>
                    <a:lnTo>
                      <a:pt x="743" y="404"/>
                    </a:lnTo>
                    <a:lnTo>
                      <a:pt x="760" y="404"/>
                    </a:lnTo>
                    <a:lnTo>
                      <a:pt x="775" y="404"/>
                    </a:lnTo>
                    <a:lnTo>
                      <a:pt x="787" y="404"/>
                    </a:lnTo>
                    <a:lnTo>
                      <a:pt x="797" y="404"/>
                    </a:lnTo>
                    <a:lnTo>
                      <a:pt x="804" y="404"/>
                    </a:lnTo>
                    <a:lnTo>
                      <a:pt x="809" y="404"/>
                    </a:lnTo>
                    <a:lnTo>
                      <a:pt x="811" y="404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23" name="Freeform 125"/>
              <p:cNvSpPr>
                <a:spLocks/>
              </p:cNvSpPr>
              <p:nvPr/>
            </p:nvSpPr>
            <p:spPr bwMode="auto">
              <a:xfrm>
                <a:off x="1384" y="1534"/>
                <a:ext cx="665" cy="553"/>
              </a:xfrm>
              <a:custGeom>
                <a:avLst/>
                <a:gdLst>
                  <a:gd name="T0" fmla="*/ 119 w 684"/>
                  <a:gd name="T1" fmla="*/ 340 h 570"/>
                  <a:gd name="T2" fmla="*/ 108 w 684"/>
                  <a:gd name="T3" fmla="*/ 337 h 570"/>
                  <a:gd name="T4" fmla="*/ 89 w 684"/>
                  <a:gd name="T5" fmla="*/ 333 h 570"/>
                  <a:gd name="T6" fmla="*/ 69 w 684"/>
                  <a:gd name="T7" fmla="*/ 330 h 570"/>
                  <a:gd name="T8" fmla="*/ 47 w 684"/>
                  <a:gd name="T9" fmla="*/ 327 h 570"/>
                  <a:gd name="T10" fmla="*/ 25 w 684"/>
                  <a:gd name="T11" fmla="*/ 324 h 570"/>
                  <a:gd name="T12" fmla="*/ 16 w 684"/>
                  <a:gd name="T13" fmla="*/ 322 h 570"/>
                  <a:gd name="T14" fmla="*/ 2 w 684"/>
                  <a:gd name="T15" fmla="*/ 320 h 570"/>
                  <a:gd name="T16" fmla="*/ 17 w 684"/>
                  <a:gd name="T17" fmla="*/ 244 h 570"/>
                  <a:gd name="T18" fmla="*/ 50 w 684"/>
                  <a:gd name="T19" fmla="*/ 0 h 570"/>
                  <a:gd name="T20" fmla="*/ 83 w 684"/>
                  <a:gd name="T21" fmla="*/ 7 h 570"/>
                  <a:gd name="T22" fmla="*/ 116 w 684"/>
                  <a:gd name="T23" fmla="*/ 15 h 570"/>
                  <a:gd name="T24" fmla="*/ 149 w 684"/>
                  <a:gd name="T25" fmla="*/ 16 h 570"/>
                  <a:gd name="T26" fmla="*/ 182 w 684"/>
                  <a:gd name="T27" fmla="*/ 16 h 570"/>
                  <a:gd name="T28" fmla="*/ 218 w 684"/>
                  <a:gd name="T29" fmla="*/ 20 h 570"/>
                  <a:gd name="T30" fmla="*/ 252 w 684"/>
                  <a:gd name="T31" fmla="*/ 27 h 570"/>
                  <a:gd name="T32" fmla="*/ 285 w 684"/>
                  <a:gd name="T33" fmla="*/ 32 h 570"/>
                  <a:gd name="T34" fmla="*/ 316 w 684"/>
                  <a:gd name="T35" fmla="*/ 36 h 570"/>
                  <a:gd name="T36" fmla="*/ 347 w 684"/>
                  <a:gd name="T37" fmla="*/ 39 h 570"/>
                  <a:gd name="T38" fmla="*/ 374 w 684"/>
                  <a:gd name="T39" fmla="*/ 40 h 570"/>
                  <a:gd name="T40" fmla="*/ 399 w 684"/>
                  <a:gd name="T41" fmla="*/ 42 h 570"/>
                  <a:gd name="T42" fmla="*/ 421 w 684"/>
                  <a:gd name="T43" fmla="*/ 44 h 570"/>
                  <a:gd name="T44" fmla="*/ 437 w 684"/>
                  <a:gd name="T45" fmla="*/ 45 h 570"/>
                  <a:gd name="T46" fmla="*/ 449 w 684"/>
                  <a:gd name="T47" fmla="*/ 45 h 570"/>
                  <a:gd name="T48" fmla="*/ 459 w 684"/>
                  <a:gd name="T49" fmla="*/ 45 h 570"/>
                  <a:gd name="T50" fmla="*/ 461 w 684"/>
                  <a:gd name="T51" fmla="*/ 46 h 570"/>
                  <a:gd name="T52" fmla="*/ 446 w 684"/>
                  <a:gd name="T53" fmla="*/ 210 h 570"/>
                  <a:gd name="T54" fmla="*/ 432 w 684"/>
                  <a:gd name="T55" fmla="*/ 373 h 570"/>
                  <a:gd name="T56" fmla="*/ 425 w 684"/>
                  <a:gd name="T57" fmla="*/ 372 h 570"/>
                  <a:gd name="T58" fmla="*/ 412 w 684"/>
                  <a:gd name="T59" fmla="*/ 372 h 570"/>
                  <a:gd name="T60" fmla="*/ 395 w 684"/>
                  <a:gd name="T61" fmla="*/ 371 h 570"/>
                  <a:gd name="T62" fmla="*/ 374 w 684"/>
                  <a:gd name="T63" fmla="*/ 368 h 570"/>
                  <a:gd name="T64" fmla="*/ 350 w 684"/>
                  <a:gd name="T65" fmla="*/ 364 h 570"/>
                  <a:gd name="T66" fmla="*/ 324 w 684"/>
                  <a:gd name="T67" fmla="*/ 362 h 570"/>
                  <a:gd name="T68" fmla="*/ 296 w 684"/>
                  <a:gd name="T69" fmla="*/ 360 h 570"/>
                  <a:gd name="T70" fmla="*/ 266 w 684"/>
                  <a:gd name="T71" fmla="*/ 357 h 570"/>
                  <a:gd name="T72" fmla="*/ 240 w 684"/>
                  <a:gd name="T73" fmla="*/ 353 h 570"/>
                  <a:gd name="T74" fmla="*/ 213 w 684"/>
                  <a:gd name="T75" fmla="*/ 350 h 570"/>
                  <a:gd name="T76" fmla="*/ 187 w 684"/>
                  <a:gd name="T77" fmla="*/ 348 h 570"/>
                  <a:gd name="T78" fmla="*/ 166 w 684"/>
                  <a:gd name="T79" fmla="*/ 344 h 570"/>
                  <a:gd name="T80" fmla="*/ 146 w 684"/>
                  <a:gd name="T81" fmla="*/ 342 h 570"/>
                  <a:gd name="T82" fmla="*/ 134 w 684"/>
                  <a:gd name="T83" fmla="*/ 341 h 570"/>
                  <a:gd name="T84" fmla="*/ 122 w 684"/>
                  <a:gd name="T85" fmla="*/ 340 h 570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w 684"/>
                  <a:gd name="T130" fmla="*/ 0 h 570"/>
                  <a:gd name="T131" fmla="*/ 684 w 684"/>
                  <a:gd name="T132" fmla="*/ 570 h 570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T129" t="T130" r="T131" b="T132"/>
                <a:pathLst>
                  <a:path w="684" h="570">
                    <a:moveTo>
                      <a:pt x="180" y="518"/>
                    </a:moveTo>
                    <a:lnTo>
                      <a:pt x="176" y="518"/>
                    </a:lnTo>
                    <a:lnTo>
                      <a:pt x="169" y="516"/>
                    </a:lnTo>
                    <a:lnTo>
                      <a:pt x="159" y="514"/>
                    </a:lnTo>
                    <a:lnTo>
                      <a:pt x="147" y="513"/>
                    </a:lnTo>
                    <a:lnTo>
                      <a:pt x="134" y="509"/>
                    </a:lnTo>
                    <a:lnTo>
                      <a:pt x="119" y="508"/>
                    </a:lnTo>
                    <a:lnTo>
                      <a:pt x="102" y="504"/>
                    </a:lnTo>
                    <a:lnTo>
                      <a:pt x="87" y="503"/>
                    </a:lnTo>
                    <a:lnTo>
                      <a:pt x="70" y="499"/>
                    </a:lnTo>
                    <a:lnTo>
                      <a:pt x="54" y="498"/>
                    </a:lnTo>
                    <a:lnTo>
                      <a:pt x="39" y="496"/>
                    </a:lnTo>
                    <a:lnTo>
                      <a:pt x="27" y="492"/>
                    </a:lnTo>
                    <a:lnTo>
                      <a:pt x="16" y="491"/>
                    </a:lnTo>
                    <a:lnTo>
                      <a:pt x="9" y="489"/>
                    </a:lnTo>
                    <a:lnTo>
                      <a:pt x="2" y="489"/>
                    </a:lnTo>
                    <a:lnTo>
                      <a:pt x="0" y="489"/>
                    </a:lnTo>
                    <a:lnTo>
                      <a:pt x="17" y="372"/>
                    </a:lnTo>
                    <a:lnTo>
                      <a:pt x="63" y="61"/>
                    </a:lnTo>
                    <a:lnTo>
                      <a:pt x="76" y="0"/>
                    </a:lnTo>
                    <a:lnTo>
                      <a:pt x="98" y="3"/>
                    </a:lnTo>
                    <a:lnTo>
                      <a:pt x="122" y="7"/>
                    </a:lnTo>
                    <a:lnTo>
                      <a:pt x="146" y="12"/>
                    </a:lnTo>
                    <a:lnTo>
                      <a:pt x="171" y="15"/>
                    </a:lnTo>
                    <a:lnTo>
                      <a:pt x="195" y="19"/>
                    </a:lnTo>
                    <a:lnTo>
                      <a:pt x="220" y="22"/>
                    </a:lnTo>
                    <a:lnTo>
                      <a:pt x="246" y="25"/>
                    </a:lnTo>
                    <a:lnTo>
                      <a:pt x="271" y="29"/>
                    </a:lnTo>
                    <a:lnTo>
                      <a:pt x="296" y="32"/>
                    </a:lnTo>
                    <a:lnTo>
                      <a:pt x="323" y="34"/>
                    </a:lnTo>
                    <a:lnTo>
                      <a:pt x="349" y="37"/>
                    </a:lnTo>
                    <a:lnTo>
                      <a:pt x="373" y="41"/>
                    </a:lnTo>
                    <a:lnTo>
                      <a:pt x="398" y="44"/>
                    </a:lnTo>
                    <a:lnTo>
                      <a:pt x="422" y="46"/>
                    </a:lnTo>
                    <a:lnTo>
                      <a:pt x="445" y="49"/>
                    </a:lnTo>
                    <a:lnTo>
                      <a:pt x="469" y="51"/>
                    </a:lnTo>
                    <a:lnTo>
                      <a:pt x="493" y="52"/>
                    </a:lnTo>
                    <a:lnTo>
                      <a:pt x="515" y="56"/>
                    </a:lnTo>
                    <a:lnTo>
                      <a:pt x="535" y="58"/>
                    </a:lnTo>
                    <a:lnTo>
                      <a:pt x="555" y="59"/>
                    </a:lnTo>
                    <a:lnTo>
                      <a:pt x="574" y="61"/>
                    </a:lnTo>
                    <a:lnTo>
                      <a:pt x="591" y="63"/>
                    </a:lnTo>
                    <a:lnTo>
                      <a:pt x="608" y="64"/>
                    </a:lnTo>
                    <a:lnTo>
                      <a:pt x="623" y="66"/>
                    </a:lnTo>
                    <a:lnTo>
                      <a:pt x="637" y="66"/>
                    </a:lnTo>
                    <a:lnTo>
                      <a:pt x="648" y="68"/>
                    </a:lnTo>
                    <a:lnTo>
                      <a:pt x="659" y="68"/>
                    </a:lnTo>
                    <a:lnTo>
                      <a:pt x="667" y="69"/>
                    </a:lnTo>
                    <a:lnTo>
                      <a:pt x="675" y="69"/>
                    </a:lnTo>
                    <a:lnTo>
                      <a:pt x="681" y="69"/>
                    </a:lnTo>
                    <a:lnTo>
                      <a:pt x="684" y="71"/>
                    </a:lnTo>
                    <a:lnTo>
                      <a:pt x="662" y="320"/>
                    </a:lnTo>
                    <a:lnTo>
                      <a:pt x="640" y="570"/>
                    </a:lnTo>
                    <a:lnTo>
                      <a:pt x="635" y="570"/>
                    </a:lnTo>
                    <a:lnTo>
                      <a:pt x="630" y="569"/>
                    </a:lnTo>
                    <a:lnTo>
                      <a:pt x="621" y="569"/>
                    </a:lnTo>
                    <a:lnTo>
                      <a:pt x="611" y="567"/>
                    </a:lnTo>
                    <a:lnTo>
                      <a:pt x="599" y="565"/>
                    </a:lnTo>
                    <a:lnTo>
                      <a:pt x="586" y="565"/>
                    </a:lnTo>
                    <a:lnTo>
                      <a:pt x="571" y="564"/>
                    </a:lnTo>
                    <a:lnTo>
                      <a:pt x="555" y="562"/>
                    </a:lnTo>
                    <a:lnTo>
                      <a:pt x="538" y="558"/>
                    </a:lnTo>
                    <a:lnTo>
                      <a:pt x="520" y="557"/>
                    </a:lnTo>
                    <a:lnTo>
                      <a:pt x="501" y="555"/>
                    </a:lnTo>
                    <a:lnTo>
                      <a:pt x="481" y="553"/>
                    </a:lnTo>
                    <a:lnTo>
                      <a:pt x="461" y="552"/>
                    </a:lnTo>
                    <a:lnTo>
                      <a:pt x="439" y="548"/>
                    </a:lnTo>
                    <a:lnTo>
                      <a:pt x="418" y="547"/>
                    </a:lnTo>
                    <a:lnTo>
                      <a:pt x="396" y="545"/>
                    </a:lnTo>
                    <a:lnTo>
                      <a:pt x="376" y="542"/>
                    </a:lnTo>
                    <a:lnTo>
                      <a:pt x="356" y="540"/>
                    </a:lnTo>
                    <a:lnTo>
                      <a:pt x="335" y="536"/>
                    </a:lnTo>
                    <a:lnTo>
                      <a:pt x="315" y="535"/>
                    </a:lnTo>
                    <a:lnTo>
                      <a:pt x="296" y="533"/>
                    </a:lnTo>
                    <a:lnTo>
                      <a:pt x="278" y="531"/>
                    </a:lnTo>
                    <a:lnTo>
                      <a:pt x="261" y="528"/>
                    </a:lnTo>
                    <a:lnTo>
                      <a:pt x="246" y="526"/>
                    </a:lnTo>
                    <a:lnTo>
                      <a:pt x="230" y="525"/>
                    </a:lnTo>
                    <a:lnTo>
                      <a:pt x="217" y="523"/>
                    </a:lnTo>
                    <a:lnTo>
                      <a:pt x="207" y="523"/>
                    </a:lnTo>
                    <a:lnTo>
                      <a:pt x="197" y="521"/>
                    </a:lnTo>
                    <a:lnTo>
                      <a:pt x="188" y="520"/>
                    </a:lnTo>
                    <a:lnTo>
                      <a:pt x="183" y="520"/>
                    </a:lnTo>
                    <a:lnTo>
                      <a:pt x="180" y="51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424" name="Group 126"/>
              <p:cNvGrpSpPr>
                <a:grpSpLocks/>
              </p:cNvGrpSpPr>
              <p:nvPr/>
            </p:nvGrpSpPr>
            <p:grpSpPr bwMode="auto">
              <a:xfrm>
                <a:off x="3179" y="1296"/>
                <a:ext cx="723" cy="681"/>
                <a:chOff x="3132" y="1095"/>
                <a:chExt cx="724" cy="681"/>
              </a:xfrm>
            </p:grpSpPr>
            <p:sp>
              <p:nvSpPr>
                <p:cNvPr id="488" name="Freeform 127"/>
                <p:cNvSpPr>
                  <a:spLocks/>
                </p:cNvSpPr>
                <p:nvPr/>
              </p:nvSpPr>
              <p:spPr bwMode="auto">
                <a:xfrm>
                  <a:off x="3132" y="1095"/>
                  <a:ext cx="548" cy="284"/>
                </a:xfrm>
                <a:custGeom>
                  <a:avLst/>
                  <a:gdLst>
                    <a:gd name="T0" fmla="*/ 12 w 564"/>
                    <a:gd name="T1" fmla="*/ 83 h 293"/>
                    <a:gd name="T2" fmla="*/ 17 w 564"/>
                    <a:gd name="T3" fmla="*/ 98 h 293"/>
                    <a:gd name="T4" fmla="*/ 27 w 564"/>
                    <a:gd name="T5" fmla="*/ 104 h 293"/>
                    <a:gd name="T6" fmla="*/ 45 w 564"/>
                    <a:gd name="T7" fmla="*/ 104 h 293"/>
                    <a:gd name="T8" fmla="*/ 79 w 564"/>
                    <a:gd name="T9" fmla="*/ 112 h 293"/>
                    <a:gd name="T10" fmla="*/ 104 w 564"/>
                    <a:gd name="T11" fmla="*/ 122 h 293"/>
                    <a:gd name="T12" fmla="*/ 137 w 564"/>
                    <a:gd name="T13" fmla="*/ 125 h 293"/>
                    <a:gd name="T14" fmla="*/ 149 w 564"/>
                    <a:gd name="T15" fmla="*/ 137 h 293"/>
                    <a:gd name="T16" fmla="*/ 156 w 564"/>
                    <a:gd name="T17" fmla="*/ 160 h 293"/>
                    <a:gd name="T18" fmla="*/ 154 w 564"/>
                    <a:gd name="T19" fmla="*/ 172 h 293"/>
                    <a:gd name="T20" fmla="*/ 168 w 564"/>
                    <a:gd name="T21" fmla="*/ 184 h 293"/>
                    <a:gd name="T22" fmla="*/ 178 w 564"/>
                    <a:gd name="T23" fmla="*/ 181 h 293"/>
                    <a:gd name="T24" fmla="*/ 182 w 564"/>
                    <a:gd name="T25" fmla="*/ 172 h 293"/>
                    <a:gd name="T26" fmla="*/ 193 w 564"/>
                    <a:gd name="T27" fmla="*/ 151 h 293"/>
                    <a:gd name="T28" fmla="*/ 200 w 564"/>
                    <a:gd name="T29" fmla="*/ 139 h 293"/>
                    <a:gd name="T30" fmla="*/ 206 w 564"/>
                    <a:gd name="T31" fmla="*/ 122 h 293"/>
                    <a:gd name="T32" fmla="*/ 206 w 564"/>
                    <a:gd name="T33" fmla="*/ 132 h 293"/>
                    <a:gd name="T34" fmla="*/ 218 w 564"/>
                    <a:gd name="T35" fmla="*/ 125 h 293"/>
                    <a:gd name="T36" fmla="*/ 229 w 564"/>
                    <a:gd name="T37" fmla="*/ 127 h 293"/>
                    <a:gd name="T38" fmla="*/ 224 w 564"/>
                    <a:gd name="T39" fmla="*/ 139 h 293"/>
                    <a:gd name="T40" fmla="*/ 229 w 564"/>
                    <a:gd name="T41" fmla="*/ 137 h 293"/>
                    <a:gd name="T42" fmla="*/ 244 w 564"/>
                    <a:gd name="T43" fmla="*/ 125 h 293"/>
                    <a:gd name="T44" fmla="*/ 250 w 564"/>
                    <a:gd name="T45" fmla="*/ 111 h 293"/>
                    <a:gd name="T46" fmla="*/ 287 w 564"/>
                    <a:gd name="T47" fmla="*/ 98 h 293"/>
                    <a:gd name="T48" fmla="*/ 315 w 564"/>
                    <a:gd name="T49" fmla="*/ 101 h 293"/>
                    <a:gd name="T50" fmla="*/ 335 w 564"/>
                    <a:gd name="T51" fmla="*/ 114 h 293"/>
                    <a:gd name="T52" fmla="*/ 334 w 564"/>
                    <a:gd name="T53" fmla="*/ 101 h 293"/>
                    <a:gd name="T54" fmla="*/ 341 w 564"/>
                    <a:gd name="T55" fmla="*/ 97 h 293"/>
                    <a:gd name="T56" fmla="*/ 351 w 564"/>
                    <a:gd name="T57" fmla="*/ 98 h 293"/>
                    <a:gd name="T58" fmla="*/ 373 w 564"/>
                    <a:gd name="T59" fmla="*/ 94 h 293"/>
                    <a:gd name="T60" fmla="*/ 360 w 564"/>
                    <a:gd name="T61" fmla="*/ 79 h 293"/>
                    <a:gd name="T62" fmla="*/ 357 w 564"/>
                    <a:gd name="T63" fmla="*/ 65 h 293"/>
                    <a:gd name="T64" fmla="*/ 347 w 564"/>
                    <a:gd name="T65" fmla="*/ 63 h 293"/>
                    <a:gd name="T66" fmla="*/ 331 w 564"/>
                    <a:gd name="T67" fmla="*/ 64 h 293"/>
                    <a:gd name="T68" fmla="*/ 309 w 564"/>
                    <a:gd name="T69" fmla="*/ 46 h 293"/>
                    <a:gd name="T70" fmla="*/ 304 w 564"/>
                    <a:gd name="T71" fmla="*/ 42 h 293"/>
                    <a:gd name="T72" fmla="*/ 290 w 564"/>
                    <a:gd name="T73" fmla="*/ 46 h 293"/>
                    <a:gd name="T74" fmla="*/ 264 w 564"/>
                    <a:gd name="T75" fmla="*/ 53 h 293"/>
                    <a:gd name="T76" fmla="*/ 247 w 564"/>
                    <a:gd name="T77" fmla="*/ 54 h 293"/>
                    <a:gd name="T78" fmla="*/ 212 w 564"/>
                    <a:gd name="T79" fmla="*/ 76 h 293"/>
                    <a:gd name="T80" fmla="*/ 203 w 564"/>
                    <a:gd name="T81" fmla="*/ 72 h 293"/>
                    <a:gd name="T82" fmla="*/ 190 w 564"/>
                    <a:gd name="T83" fmla="*/ 75 h 293"/>
                    <a:gd name="T84" fmla="*/ 170 w 564"/>
                    <a:gd name="T85" fmla="*/ 65 h 293"/>
                    <a:gd name="T86" fmla="*/ 151 w 564"/>
                    <a:gd name="T87" fmla="*/ 45 h 293"/>
                    <a:gd name="T88" fmla="*/ 127 w 564"/>
                    <a:gd name="T89" fmla="*/ 52 h 293"/>
                    <a:gd name="T90" fmla="*/ 130 w 564"/>
                    <a:gd name="T91" fmla="*/ 44 h 293"/>
                    <a:gd name="T92" fmla="*/ 117 w 564"/>
                    <a:gd name="T93" fmla="*/ 52 h 293"/>
                    <a:gd name="T94" fmla="*/ 113 w 564"/>
                    <a:gd name="T95" fmla="*/ 42 h 293"/>
                    <a:gd name="T96" fmla="*/ 108 w 564"/>
                    <a:gd name="T97" fmla="*/ 40 h 293"/>
                    <a:gd name="T98" fmla="*/ 111 w 564"/>
                    <a:gd name="T99" fmla="*/ 35 h 293"/>
                    <a:gd name="T100" fmla="*/ 113 w 564"/>
                    <a:gd name="T101" fmla="*/ 35 h 293"/>
                    <a:gd name="T102" fmla="*/ 114 w 564"/>
                    <a:gd name="T103" fmla="*/ 39 h 293"/>
                    <a:gd name="T104" fmla="*/ 117 w 564"/>
                    <a:gd name="T105" fmla="*/ 37 h 293"/>
                    <a:gd name="T106" fmla="*/ 142 w 564"/>
                    <a:gd name="T107" fmla="*/ 8 h 293"/>
                    <a:gd name="T108" fmla="*/ 152 w 564"/>
                    <a:gd name="T109" fmla="*/ 3 h 293"/>
                    <a:gd name="T110" fmla="*/ 132 w 564"/>
                    <a:gd name="T111" fmla="*/ 2 h 293"/>
                    <a:gd name="T112" fmla="*/ 104 w 564"/>
                    <a:gd name="T113" fmla="*/ 20 h 293"/>
                    <a:gd name="T114" fmla="*/ 87 w 564"/>
                    <a:gd name="T115" fmla="*/ 38 h 293"/>
                    <a:gd name="T116" fmla="*/ 74 w 564"/>
                    <a:gd name="T117" fmla="*/ 46 h 293"/>
                    <a:gd name="T118" fmla="*/ 55 w 564"/>
                    <a:gd name="T119" fmla="*/ 59 h 293"/>
                    <a:gd name="T120" fmla="*/ 42 w 564"/>
                    <a:gd name="T121" fmla="*/ 61 h 293"/>
                    <a:gd name="T122" fmla="*/ 17 w 564"/>
                    <a:gd name="T123" fmla="*/ 76 h 293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w 564"/>
                    <a:gd name="T187" fmla="*/ 0 h 293"/>
                    <a:gd name="T188" fmla="*/ 564 w 564"/>
                    <a:gd name="T189" fmla="*/ 293 h 293"/>
                  </a:gdLst>
                  <a:ahLst/>
                  <a:cxnLst>
                    <a:cxn ang="T124">
                      <a:pos x="T0" y="T1"/>
                    </a:cxn>
                    <a:cxn ang="T125">
                      <a:pos x="T2" y="T3"/>
                    </a:cxn>
                    <a:cxn ang="T126">
                      <a:pos x="T4" y="T5"/>
                    </a:cxn>
                    <a:cxn ang="T127">
                      <a:pos x="T6" y="T7"/>
                    </a:cxn>
                    <a:cxn ang="T128">
                      <a:pos x="T8" y="T9"/>
                    </a:cxn>
                    <a:cxn ang="T129">
                      <a:pos x="T10" y="T11"/>
                    </a:cxn>
                    <a:cxn ang="T130">
                      <a:pos x="T12" y="T13"/>
                    </a:cxn>
                    <a:cxn ang="T131">
                      <a:pos x="T14" y="T15"/>
                    </a:cxn>
                    <a:cxn ang="T132">
                      <a:pos x="T16" y="T17"/>
                    </a:cxn>
                    <a:cxn ang="T133">
                      <a:pos x="T18" y="T19"/>
                    </a:cxn>
                    <a:cxn ang="T134">
                      <a:pos x="T20" y="T21"/>
                    </a:cxn>
                    <a:cxn ang="T135">
                      <a:pos x="T22" y="T23"/>
                    </a:cxn>
                    <a:cxn ang="T136">
                      <a:pos x="T24" y="T25"/>
                    </a:cxn>
                    <a:cxn ang="T137">
                      <a:pos x="T26" y="T27"/>
                    </a:cxn>
                    <a:cxn ang="T138">
                      <a:pos x="T28" y="T29"/>
                    </a:cxn>
                    <a:cxn ang="T139">
                      <a:pos x="T30" y="T31"/>
                    </a:cxn>
                    <a:cxn ang="T140">
                      <a:pos x="T32" y="T33"/>
                    </a:cxn>
                    <a:cxn ang="T141">
                      <a:pos x="T34" y="T35"/>
                    </a:cxn>
                    <a:cxn ang="T142">
                      <a:pos x="T36" y="T37"/>
                    </a:cxn>
                    <a:cxn ang="T143">
                      <a:pos x="T38" y="T39"/>
                    </a:cxn>
                    <a:cxn ang="T144">
                      <a:pos x="T40" y="T41"/>
                    </a:cxn>
                    <a:cxn ang="T145">
                      <a:pos x="T42" y="T43"/>
                    </a:cxn>
                    <a:cxn ang="T146">
                      <a:pos x="T44" y="T45"/>
                    </a:cxn>
                    <a:cxn ang="T147">
                      <a:pos x="T46" y="T47"/>
                    </a:cxn>
                    <a:cxn ang="T148">
                      <a:pos x="T48" y="T49"/>
                    </a:cxn>
                    <a:cxn ang="T149">
                      <a:pos x="T50" y="T51"/>
                    </a:cxn>
                    <a:cxn ang="T150">
                      <a:pos x="T52" y="T53"/>
                    </a:cxn>
                    <a:cxn ang="T151">
                      <a:pos x="T54" y="T55"/>
                    </a:cxn>
                    <a:cxn ang="T152">
                      <a:pos x="T56" y="T57"/>
                    </a:cxn>
                    <a:cxn ang="T153">
                      <a:pos x="T58" y="T59"/>
                    </a:cxn>
                    <a:cxn ang="T154">
                      <a:pos x="T60" y="T61"/>
                    </a:cxn>
                    <a:cxn ang="T155">
                      <a:pos x="T62" y="T63"/>
                    </a:cxn>
                    <a:cxn ang="T156">
                      <a:pos x="T64" y="T65"/>
                    </a:cxn>
                    <a:cxn ang="T157">
                      <a:pos x="T66" y="T67"/>
                    </a:cxn>
                    <a:cxn ang="T158">
                      <a:pos x="T68" y="T69"/>
                    </a:cxn>
                    <a:cxn ang="T159">
                      <a:pos x="T70" y="T71"/>
                    </a:cxn>
                    <a:cxn ang="T160">
                      <a:pos x="T72" y="T73"/>
                    </a:cxn>
                    <a:cxn ang="T161">
                      <a:pos x="T74" y="T75"/>
                    </a:cxn>
                    <a:cxn ang="T162">
                      <a:pos x="T76" y="T77"/>
                    </a:cxn>
                    <a:cxn ang="T163">
                      <a:pos x="T78" y="T79"/>
                    </a:cxn>
                    <a:cxn ang="T164">
                      <a:pos x="T80" y="T81"/>
                    </a:cxn>
                    <a:cxn ang="T165">
                      <a:pos x="T82" y="T83"/>
                    </a:cxn>
                    <a:cxn ang="T166">
                      <a:pos x="T84" y="T85"/>
                    </a:cxn>
                    <a:cxn ang="T167">
                      <a:pos x="T86" y="T87"/>
                    </a:cxn>
                    <a:cxn ang="T168">
                      <a:pos x="T88" y="T89"/>
                    </a:cxn>
                    <a:cxn ang="T169">
                      <a:pos x="T90" y="T91"/>
                    </a:cxn>
                    <a:cxn ang="T170">
                      <a:pos x="T92" y="T93"/>
                    </a:cxn>
                    <a:cxn ang="T171">
                      <a:pos x="T94" y="T95"/>
                    </a:cxn>
                    <a:cxn ang="T172">
                      <a:pos x="T96" y="T97"/>
                    </a:cxn>
                    <a:cxn ang="T173">
                      <a:pos x="T98" y="T99"/>
                    </a:cxn>
                    <a:cxn ang="T174">
                      <a:pos x="T100" y="T101"/>
                    </a:cxn>
                    <a:cxn ang="T175">
                      <a:pos x="T102" y="T103"/>
                    </a:cxn>
                    <a:cxn ang="T176">
                      <a:pos x="T104" y="T105"/>
                    </a:cxn>
                    <a:cxn ang="T177">
                      <a:pos x="T106" y="T107"/>
                    </a:cxn>
                    <a:cxn ang="T178">
                      <a:pos x="T108" y="T109"/>
                    </a:cxn>
                    <a:cxn ang="T179">
                      <a:pos x="T110" y="T111"/>
                    </a:cxn>
                    <a:cxn ang="T180">
                      <a:pos x="T112" y="T113"/>
                    </a:cxn>
                    <a:cxn ang="T181">
                      <a:pos x="T114" y="T115"/>
                    </a:cxn>
                    <a:cxn ang="T182">
                      <a:pos x="T116" y="T117"/>
                    </a:cxn>
                    <a:cxn ang="T183">
                      <a:pos x="T118" y="T119"/>
                    </a:cxn>
                    <a:cxn ang="T184">
                      <a:pos x="T120" y="T121"/>
                    </a:cxn>
                    <a:cxn ang="T185">
                      <a:pos x="T122" y="T123"/>
                    </a:cxn>
                  </a:cxnLst>
                  <a:rect l="T186" t="T187" r="T188" b="T189"/>
                  <a:pathLst>
                    <a:path w="564" h="293">
                      <a:moveTo>
                        <a:pt x="0" y="129"/>
                      </a:moveTo>
                      <a:lnTo>
                        <a:pt x="2" y="129"/>
                      </a:lnTo>
                      <a:lnTo>
                        <a:pt x="4" y="129"/>
                      </a:lnTo>
                      <a:lnTo>
                        <a:pt x="6" y="129"/>
                      </a:lnTo>
                      <a:lnTo>
                        <a:pt x="9" y="129"/>
                      </a:lnTo>
                      <a:lnTo>
                        <a:pt x="12" y="129"/>
                      </a:lnTo>
                      <a:lnTo>
                        <a:pt x="17" y="130"/>
                      </a:lnTo>
                      <a:lnTo>
                        <a:pt x="21" y="135"/>
                      </a:lnTo>
                      <a:lnTo>
                        <a:pt x="26" y="140"/>
                      </a:lnTo>
                      <a:lnTo>
                        <a:pt x="29" y="149"/>
                      </a:lnTo>
                      <a:lnTo>
                        <a:pt x="31" y="151"/>
                      </a:lnTo>
                      <a:lnTo>
                        <a:pt x="31" y="152"/>
                      </a:lnTo>
                      <a:lnTo>
                        <a:pt x="34" y="154"/>
                      </a:lnTo>
                      <a:lnTo>
                        <a:pt x="36" y="156"/>
                      </a:lnTo>
                      <a:lnTo>
                        <a:pt x="38" y="157"/>
                      </a:lnTo>
                      <a:lnTo>
                        <a:pt x="39" y="159"/>
                      </a:lnTo>
                      <a:lnTo>
                        <a:pt x="41" y="159"/>
                      </a:lnTo>
                      <a:lnTo>
                        <a:pt x="41" y="161"/>
                      </a:lnTo>
                      <a:lnTo>
                        <a:pt x="44" y="161"/>
                      </a:lnTo>
                      <a:lnTo>
                        <a:pt x="48" y="161"/>
                      </a:lnTo>
                      <a:lnTo>
                        <a:pt x="53" y="161"/>
                      </a:lnTo>
                      <a:lnTo>
                        <a:pt x="60" y="162"/>
                      </a:lnTo>
                      <a:lnTo>
                        <a:pt x="66" y="162"/>
                      </a:lnTo>
                      <a:lnTo>
                        <a:pt x="75" y="164"/>
                      </a:lnTo>
                      <a:lnTo>
                        <a:pt x="83" y="166"/>
                      </a:lnTo>
                      <a:lnTo>
                        <a:pt x="92" y="168"/>
                      </a:lnTo>
                      <a:lnTo>
                        <a:pt x="100" y="169"/>
                      </a:lnTo>
                      <a:lnTo>
                        <a:pt x="109" y="171"/>
                      </a:lnTo>
                      <a:lnTo>
                        <a:pt x="117" y="174"/>
                      </a:lnTo>
                      <a:lnTo>
                        <a:pt x="126" y="176"/>
                      </a:lnTo>
                      <a:lnTo>
                        <a:pt x="132" y="179"/>
                      </a:lnTo>
                      <a:lnTo>
                        <a:pt x="139" y="183"/>
                      </a:lnTo>
                      <a:lnTo>
                        <a:pt x="146" y="186"/>
                      </a:lnTo>
                      <a:lnTo>
                        <a:pt x="148" y="186"/>
                      </a:lnTo>
                      <a:lnTo>
                        <a:pt x="154" y="188"/>
                      </a:lnTo>
                      <a:lnTo>
                        <a:pt x="165" y="190"/>
                      </a:lnTo>
                      <a:lnTo>
                        <a:pt x="175" y="190"/>
                      </a:lnTo>
                      <a:lnTo>
                        <a:pt x="185" y="191"/>
                      </a:lnTo>
                      <a:lnTo>
                        <a:pt x="193" y="193"/>
                      </a:lnTo>
                      <a:lnTo>
                        <a:pt x="200" y="193"/>
                      </a:lnTo>
                      <a:lnTo>
                        <a:pt x="204" y="193"/>
                      </a:lnTo>
                      <a:lnTo>
                        <a:pt x="207" y="198"/>
                      </a:lnTo>
                      <a:lnTo>
                        <a:pt x="210" y="210"/>
                      </a:lnTo>
                      <a:lnTo>
                        <a:pt x="212" y="210"/>
                      </a:lnTo>
                      <a:lnTo>
                        <a:pt x="214" y="210"/>
                      </a:lnTo>
                      <a:lnTo>
                        <a:pt x="219" y="210"/>
                      </a:lnTo>
                      <a:lnTo>
                        <a:pt x="222" y="212"/>
                      </a:lnTo>
                      <a:lnTo>
                        <a:pt x="227" y="215"/>
                      </a:lnTo>
                      <a:lnTo>
                        <a:pt x="231" y="222"/>
                      </a:lnTo>
                      <a:lnTo>
                        <a:pt x="234" y="230"/>
                      </a:lnTo>
                      <a:lnTo>
                        <a:pt x="236" y="242"/>
                      </a:lnTo>
                      <a:lnTo>
                        <a:pt x="236" y="244"/>
                      </a:lnTo>
                      <a:lnTo>
                        <a:pt x="234" y="247"/>
                      </a:lnTo>
                      <a:lnTo>
                        <a:pt x="234" y="250"/>
                      </a:lnTo>
                      <a:lnTo>
                        <a:pt x="234" y="256"/>
                      </a:lnTo>
                      <a:lnTo>
                        <a:pt x="232" y="259"/>
                      </a:lnTo>
                      <a:lnTo>
                        <a:pt x="232" y="262"/>
                      </a:lnTo>
                      <a:lnTo>
                        <a:pt x="231" y="266"/>
                      </a:lnTo>
                      <a:lnTo>
                        <a:pt x="253" y="266"/>
                      </a:lnTo>
                      <a:lnTo>
                        <a:pt x="253" y="267"/>
                      </a:lnTo>
                      <a:lnTo>
                        <a:pt x="251" y="269"/>
                      </a:lnTo>
                      <a:lnTo>
                        <a:pt x="251" y="274"/>
                      </a:lnTo>
                      <a:lnTo>
                        <a:pt x="251" y="279"/>
                      </a:lnTo>
                      <a:lnTo>
                        <a:pt x="251" y="284"/>
                      </a:lnTo>
                      <a:lnTo>
                        <a:pt x="253" y="288"/>
                      </a:lnTo>
                      <a:lnTo>
                        <a:pt x="256" y="291"/>
                      </a:lnTo>
                      <a:lnTo>
                        <a:pt x="261" y="293"/>
                      </a:lnTo>
                      <a:lnTo>
                        <a:pt x="266" y="279"/>
                      </a:lnTo>
                      <a:lnTo>
                        <a:pt x="266" y="281"/>
                      </a:lnTo>
                      <a:lnTo>
                        <a:pt x="266" y="279"/>
                      </a:lnTo>
                      <a:lnTo>
                        <a:pt x="266" y="278"/>
                      </a:lnTo>
                      <a:lnTo>
                        <a:pt x="268" y="274"/>
                      </a:lnTo>
                      <a:lnTo>
                        <a:pt x="270" y="271"/>
                      </a:lnTo>
                      <a:lnTo>
                        <a:pt x="271" y="266"/>
                      </a:lnTo>
                      <a:lnTo>
                        <a:pt x="275" y="261"/>
                      </a:lnTo>
                      <a:lnTo>
                        <a:pt x="276" y="256"/>
                      </a:lnTo>
                      <a:lnTo>
                        <a:pt x="280" y="250"/>
                      </a:lnTo>
                      <a:lnTo>
                        <a:pt x="283" y="245"/>
                      </a:lnTo>
                      <a:lnTo>
                        <a:pt x="286" y="239"/>
                      </a:lnTo>
                      <a:lnTo>
                        <a:pt x="288" y="234"/>
                      </a:lnTo>
                      <a:lnTo>
                        <a:pt x="292" y="228"/>
                      </a:lnTo>
                      <a:lnTo>
                        <a:pt x="293" y="225"/>
                      </a:lnTo>
                      <a:lnTo>
                        <a:pt x="297" y="220"/>
                      </a:lnTo>
                      <a:lnTo>
                        <a:pt x="298" y="218"/>
                      </a:lnTo>
                      <a:lnTo>
                        <a:pt x="298" y="217"/>
                      </a:lnTo>
                      <a:lnTo>
                        <a:pt x="300" y="215"/>
                      </a:lnTo>
                      <a:lnTo>
                        <a:pt x="300" y="206"/>
                      </a:lnTo>
                      <a:lnTo>
                        <a:pt x="302" y="198"/>
                      </a:lnTo>
                      <a:lnTo>
                        <a:pt x="303" y="193"/>
                      </a:lnTo>
                      <a:lnTo>
                        <a:pt x="305" y="191"/>
                      </a:lnTo>
                      <a:lnTo>
                        <a:pt x="307" y="188"/>
                      </a:lnTo>
                      <a:lnTo>
                        <a:pt x="308" y="188"/>
                      </a:lnTo>
                      <a:lnTo>
                        <a:pt x="310" y="188"/>
                      </a:lnTo>
                      <a:lnTo>
                        <a:pt x="308" y="191"/>
                      </a:lnTo>
                      <a:lnTo>
                        <a:pt x="308" y="195"/>
                      </a:lnTo>
                      <a:lnTo>
                        <a:pt x="308" y="198"/>
                      </a:lnTo>
                      <a:lnTo>
                        <a:pt x="308" y="203"/>
                      </a:lnTo>
                      <a:lnTo>
                        <a:pt x="308" y="206"/>
                      </a:lnTo>
                      <a:lnTo>
                        <a:pt x="308" y="210"/>
                      </a:lnTo>
                      <a:lnTo>
                        <a:pt x="310" y="213"/>
                      </a:lnTo>
                      <a:lnTo>
                        <a:pt x="327" y="201"/>
                      </a:lnTo>
                      <a:lnTo>
                        <a:pt x="327" y="193"/>
                      </a:lnTo>
                      <a:lnTo>
                        <a:pt x="336" y="191"/>
                      </a:lnTo>
                      <a:lnTo>
                        <a:pt x="341" y="186"/>
                      </a:lnTo>
                      <a:lnTo>
                        <a:pt x="346" y="191"/>
                      </a:lnTo>
                      <a:lnTo>
                        <a:pt x="344" y="191"/>
                      </a:lnTo>
                      <a:lnTo>
                        <a:pt x="344" y="193"/>
                      </a:lnTo>
                      <a:lnTo>
                        <a:pt x="342" y="196"/>
                      </a:lnTo>
                      <a:lnTo>
                        <a:pt x="341" y="198"/>
                      </a:lnTo>
                      <a:lnTo>
                        <a:pt x="339" y="201"/>
                      </a:lnTo>
                      <a:lnTo>
                        <a:pt x="336" y="205"/>
                      </a:lnTo>
                      <a:lnTo>
                        <a:pt x="336" y="208"/>
                      </a:lnTo>
                      <a:lnTo>
                        <a:pt x="336" y="210"/>
                      </a:lnTo>
                      <a:lnTo>
                        <a:pt x="336" y="215"/>
                      </a:lnTo>
                      <a:lnTo>
                        <a:pt x="336" y="218"/>
                      </a:lnTo>
                      <a:lnTo>
                        <a:pt x="337" y="218"/>
                      </a:lnTo>
                      <a:lnTo>
                        <a:pt x="339" y="217"/>
                      </a:lnTo>
                      <a:lnTo>
                        <a:pt x="341" y="215"/>
                      </a:lnTo>
                      <a:lnTo>
                        <a:pt x="342" y="213"/>
                      </a:lnTo>
                      <a:lnTo>
                        <a:pt x="342" y="212"/>
                      </a:lnTo>
                      <a:lnTo>
                        <a:pt x="344" y="210"/>
                      </a:lnTo>
                      <a:lnTo>
                        <a:pt x="354" y="198"/>
                      </a:lnTo>
                      <a:lnTo>
                        <a:pt x="356" y="198"/>
                      </a:lnTo>
                      <a:lnTo>
                        <a:pt x="359" y="196"/>
                      </a:lnTo>
                      <a:lnTo>
                        <a:pt x="363" y="193"/>
                      </a:lnTo>
                      <a:lnTo>
                        <a:pt x="364" y="193"/>
                      </a:lnTo>
                      <a:lnTo>
                        <a:pt x="363" y="188"/>
                      </a:lnTo>
                      <a:lnTo>
                        <a:pt x="363" y="183"/>
                      </a:lnTo>
                      <a:lnTo>
                        <a:pt x="364" y="179"/>
                      </a:lnTo>
                      <a:lnTo>
                        <a:pt x="366" y="176"/>
                      </a:lnTo>
                      <a:lnTo>
                        <a:pt x="369" y="174"/>
                      </a:lnTo>
                      <a:lnTo>
                        <a:pt x="373" y="173"/>
                      </a:lnTo>
                      <a:lnTo>
                        <a:pt x="374" y="173"/>
                      </a:lnTo>
                      <a:lnTo>
                        <a:pt x="376" y="171"/>
                      </a:lnTo>
                      <a:lnTo>
                        <a:pt x="400" y="173"/>
                      </a:lnTo>
                      <a:lnTo>
                        <a:pt x="400" y="168"/>
                      </a:lnTo>
                      <a:lnTo>
                        <a:pt x="417" y="168"/>
                      </a:lnTo>
                      <a:lnTo>
                        <a:pt x="429" y="151"/>
                      </a:lnTo>
                      <a:lnTo>
                        <a:pt x="468" y="154"/>
                      </a:lnTo>
                      <a:lnTo>
                        <a:pt x="471" y="157"/>
                      </a:lnTo>
                      <a:lnTo>
                        <a:pt x="474" y="159"/>
                      </a:lnTo>
                      <a:lnTo>
                        <a:pt x="479" y="162"/>
                      </a:lnTo>
                      <a:lnTo>
                        <a:pt x="486" y="168"/>
                      </a:lnTo>
                      <a:lnTo>
                        <a:pt x="493" y="171"/>
                      </a:lnTo>
                      <a:lnTo>
                        <a:pt x="498" y="174"/>
                      </a:lnTo>
                      <a:lnTo>
                        <a:pt x="501" y="176"/>
                      </a:lnTo>
                      <a:lnTo>
                        <a:pt x="503" y="174"/>
                      </a:lnTo>
                      <a:lnTo>
                        <a:pt x="503" y="173"/>
                      </a:lnTo>
                      <a:lnTo>
                        <a:pt x="501" y="171"/>
                      </a:lnTo>
                      <a:lnTo>
                        <a:pt x="501" y="166"/>
                      </a:lnTo>
                      <a:lnTo>
                        <a:pt x="500" y="162"/>
                      </a:lnTo>
                      <a:lnTo>
                        <a:pt x="500" y="157"/>
                      </a:lnTo>
                      <a:lnTo>
                        <a:pt x="501" y="154"/>
                      </a:lnTo>
                      <a:lnTo>
                        <a:pt x="501" y="152"/>
                      </a:lnTo>
                      <a:lnTo>
                        <a:pt x="505" y="151"/>
                      </a:lnTo>
                      <a:lnTo>
                        <a:pt x="506" y="149"/>
                      </a:lnTo>
                      <a:lnTo>
                        <a:pt x="508" y="149"/>
                      </a:lnTo>
                      <a:lnTo>
                        <a:pt x="510" y="149"/>
                      </a:lnTo>
                      <a:lnTo>
                        <a:pt x="510" y="152"/>
                      </a:lnTo>
                      <a:lnTo>
                        <a:pt x="513" y="154"/>
                      </a:lnTo>
                      <a:lnTo>
                        <a:pt x="517" y="154"/>
                      </a:lnTo>
                      <a:lnTo>
                        <a:pt x="520" y="154"/>
                      </a:lnTo>
                      <a:lnTo>
                        <a:pt x="525" y="152"/>
                      </a:lnTo>
                      <a:lnTo>
                        <a:pt x="528" y="151"/>
                      </a:lnTo>
                      <a:lnTo>
                        <a:pt x="532" y="151"/>
                      </a:lnTo>
                      <a:lnTo>
                        <a:pt x="532" y="149"/>
                      </a:lnTo>
                      <a:lnTo>
                        <a:pt x="562" y="149"/>
                      </a:lnTo>
                      <a:lnTo>
                        <a:pt x="564" y="144"/>
                      </a:lnTo>
                      <a:lnTo>
                        <a:pt x="559" y="144"/>
                      </a:lnTo>
                      <a:lnTo>
                        <a:pt x="550" y="129"/>
                      </a:lnTo>
                      <a:lnTo>
                        <a:pt x="537" y="129"/>
                      </a:lnTo>
                      <a:lnTo>
                        <a:pt x="537" y="127"/>
                      </a:lnTo>
                      <a:lnTo>
                        <a:pt x="537" y="125"/>
                      </a:lnTo>
                      <a:lnTo>
                        <a:pt x="537" y="124"/>
                      </a:lnTo>
                      <a:lnTo>
                        <a:pt x="535" y="120"/>
                      </a:lnTo>
                      <a:lnTo>
                        <a:pt x="535" y="118"/>
                      </a:lnTo>
                      <a:lnTo>
                        <a:pt x="535" y="117"/>
                      </a:lnTo>
                      <a:lnTo>
                        <a:pt x="535" y="115"/>
                      </a:lnTo>
                      <a:lnTo>
                        <a:pt x="535" y="105"/>
                      </a:lnTo>
                      <a:lnTo>
                        <a:pt x="534" y="100"/>
                      </a:lnTo>
                      <a:lnTo>
                        <a:pt x="530" y="96"/>
                      </a:lnTo>
                      <a:lnTo>
                        <a:pt x="527" y="95"/>
                      </a:lnTo>
                      <a:lnTo>
                        <a:pt x="523" y="95"/>
                      </a:lnTo>
                      <a:lnTo>
                        <a:pt x="520" y="95"/>
                      </a:lnTo>
                      <a:lnTo>
                        <a:pt x="518" y="96"/>
                      </a:lnTo>
                      <a:lnTo>
                        <a:pt x="513" y="102"/>
                      </a:lnTo>
                      <a:lnTo>
                        <a:pt x="508" y="102"/>
                      </a:lnTo>
                      <a:lnTo>
                        <a:pt x="505" y="102"/>
                      </a:lnTo>
                      <a:lnTo>
                        <a:pt x="501" y="102"/>
                      </a:lnTo>
                      <a:lnTo>
                        <a:pt x="500" y="100"/>
                      </a:lnTo>
                      <a:lnTo>
                        <a:pt x="496" y="98"/>
                      </a:lnTo>
                      <a:lnTo>
                        <a:pt x="496" y="96"/>
                      </a:lnTo>
                      <a:lnTo>
                        <a:pt x="496" y="95"/>
                      </a:lnTo>
                      <a:lnTo>
                        <a:pt x="490" y="102"/>
                      </a:lnTo>
                      <a:lnTo>
                        <a:pt x="468" y="100"/>
                      </a:lnTo>
                      <a:lnTo>
                        <a:pt x="466" y="95"/>
                      </a:lnTo>
                      <a:lnTo>
                        <a:pt x="462" y="73"/>
                      </a:lnTo>
                      <a:lnTo>
                        <a:pt x="466" y="68"/>
                      </a:lnTo>
                      <a:lnTo>
                        <a:pt x="464" y="61"/>
                      </a:lnTo>
                      <a:lnTo>
                        <a:pt x="462" y="63"/>
                      </a:lnTo>
                      <a:lnTo>
                        <a:pt x="459" y="63"/>
                      </a:lnTo>
                      <a:lnTo>
                        <a:pt x="456" y="64"/>
                      </a:lnTo>
                      <a:lnTo>
                        <a:pt x="452" y="66"/>
                      </a:lnTo>
                      <a:lnTo>
                        <a:pt x="449" y="66"/>
                      </a:lnTo>
                      <a:lnTo>
                        <a:pt x="447" y="68"/>
                      </a:lnTo>
                      <a:lnTo>
                        <a:pt x="440" y="71"/>
                      </a:lnTo>
                      <a:lnTo>
                        <a:pt x="434" y="73"/>
                      </a:lnTo>
                      <a:lnTo>
                        <a:pt x="427" y="74"/>
                      </a:lnTo>
                      <a:lnTo>
                        <a:pt x="420" y="78"/>
                      </a:lnTo>
                      <a:lnTo>
                        <a:pt x="413" y="78"/>
                      </a:lnTo>
                      <a:lnTo>
                        <a:pt x="407" y="80"/>
                      </a:lnTo>
                      <a:lnTo>
                        <a:pt x="402" y="81"/>
                      </a:lnTo>
                      <a:lnTo>
                        <a:pt x="395" y="81"/>
                      </a:lnTo>
                      <a:lnTo>
                        <a:pt x="390" y="83"/>
                      </a:lnTo>
                      <a:lnTo>
                        <a:pt x="383" y="83"/>
                      </a:lnTo>
                      <a:lnTo>
                        <a:pt x="380" y="83"/>
                      </a:lnTo>
                      <a:lnTo>
                        <a:pt x="374" y="83"/>
                      </a:lnTo>
                      <a:lnTo>
                        <a:pt x="371" y="83"/>
                      </a:lnTo>
                      <a:lnTo>
                        <a:pt x="369" y="83"/>
                      </a:lnTo>
                      <a:lnTo>
                        <a:pt x="368" y="83"/>
                      </a:lnTo>
                      <a:lnTo>
                        <a:pt x="330" y="118"/>
                      </a:lnTo>
                      <a:lnTo>
                        <a:pt x="324" y="117"/>
                      </a:lnTo>
                      <a:lnTo>
                        <a:pt x="317" y="117"/>
                      </a:lnTo>
                      <a:lnTo>
                        <a:pt x="315" y="117"/>
                      </a:lnTo>
                      <a:lnTo>
                        <a:pt x="312" y="117"/>
                      </a:lnTo>
                      <a:lnTo>
                        <a:pt x="308" y="117"/>
                      </a:lnTo>
                      <a:lnTo>
                        <a:pt x="307" y="117"/>
                      </a:lnTo>
                      <a:lnTo>
                        <a:pt x="305" y="112"/>
                      </a:lnTo>
                      <a:lnTo>
                        <a:pt x="303" y="110"/>
                      </a:lnTo>
                      <a:lnTo>
                        <a:pt x="300" y="108"/>
                      </a:lnTo>
                      <a:lnTo>
                        <a:pt x="297" y="110"/>
                      </a:lnTo>
                      <a:lnTo>
                        <a:pt x="292" y="112"/>
                      </a:lnTo>
                      <a:lnTo>
                        <a:pt x="288" y="113"/>
                      </a:lnTo>
                      <a:lnTo>
                        <a:pt x="286" y="115"/>
                      </a:lnTo>
                      <a:lnTo>
                        <a:pt x="285" y="115"/>
                      </a:lnTo>
                      <a:lnTo>
                        <a:pt x="266" y="115"/>
                      </a:lnTo>
                      <a:lnTo>
                        <a:pt x="263" y="108"/>
                      </a:lnTo>
                      <a:lnTo>
                        <a:pt x="263" y="107"/>
                      </a:lnTo>
                      <a:lnTo>
                        <a:pt x="261" y="105"/>
                      </a:lnTo>
                      <a:lnTo>
                        <a:pt x="258" y="102"/>
                      </a:lnTo>
                      <a:lnTo>
                        <a:pt x="254" y="100"/>
                      </a:lnTo>
                      <a:lnTo>
                        <a:pt x="253" y="96"/>
                      </a:lnTo>
                      <a:lnTo>
                        <a:pt x="249" y="93"/>
                      </a:lnTo>
                      <a:lnTo>
                        <a:pt x="246" y="90"/>
                      </a:lnTo>
                      <a:lnTo>
                        <a:pt x="244" y="88"/>
                      </a:lnTo>
                      <a:lnTo>
                        <a:pt x="236" y="78"/>
                      </a:lnTo>
                      <a:lnTo>
                        <a:pt x="226" y="71"/>
                      </a:lnTo>
                      <a:lnTo>
                        <a:pt x="217" y="69"/>
                      </a:lnTo>
                      <a:lnTo>
                        <a:pt x="209" y="69"/>
                      </a:lnTo>
                      <a:lnTo>
                        <a:pt x="200" y="73"/>
                      </a:lnTo>
                      <a:lnTo>
                        <a:pt x="195" y="76"/>
                      </a:lnTo>
                      <a:lnTo>
                        <a:pt x="192" y="78"/>
                      </a:lnTo>
                      <a:lnTo>
                        <a:pt x="190" y="80"/>
                      </a:lnTo>
                      <a:lnTo>
                        <a:pt x="190" y="78"/>
                      </a:lnTo>
                      <a:lnTo>
                        <a:pt x="192" y="74"/>
                      </a:lnTo>
                      <a:lnTo>
                        <a:pt x="192" y="73"/>
                      </a:lnTo>
                      <a:lnTo>
                        <a:pt x="193" y="71"/>
                      </a:lnTo>
                      <a:lnTo>
                        <a:pt x="193" y="68"/>
                      </a:lnTo>
                      <a:lnTo>
                        <a:pt x="193" y="66"/>
                      </a:lnTo>
                      <a:lnTo>
                        <a:pt x="188" y="68"/>
                      </a:lnTo>
                      <a:lnTo>
                        <a:pt x="183" y="69"/>
                      </a:lnTo>
                      <a:lnTo>
                        <a:pt x="180" y="74"/>
                      </a:lnTo>
                      <a:lnTo>
                        <a:pt x="176" y="80"/>
                      </a:lnTo>
                      <a:lnTo>
                        <a:pt x="173" y="85"/>
                      </a:lnTo>
                      <a:lnTo>
                        <a:pt x="171" y="88"/>
                      </a:lnTo>
                      <a:lnTo>
                        <a:pt x="170" y="91"/>
                      </a:lnTo>
                      <a:lnTo>
                        <a:pt x="168" y="64"/>
                      </a:lnTo>
                      <a:lnTo>
                        <a:pt x="168" y="66"/>
                      </a:lnTo>
                      <a:lnTo>
                        <a:pt x="166" y="66"/>
                      </a:lnTo>
                      <a:lnTo>
                        <a:pt x="165" y="66"/>
                      </a:lnTo>
                      <a:lnTo>
                        <a:pt x="163" y="64"/>
                      </a:lnTo>
                      <a:lnTo>
                        <a:pt x="163" y="63"/>
                      </a:lnTo>
                      <a:lnTo>
                        <a:pt x="161" y="61"/>
                      </a:lnTo>
                      <a:lnTo>
                        <a:pt x="163" y="56"/>
                      </a:lnTo>
                      <a:lnTo>
                        <a:pt x="163" y="52"/>
                      </a:lnTo>
                      <a:lnTo>
                        <a:pt x="165" y="49"/>
                      </a:lnTo>
                      <a:lnTo>
                        <a:pt x="166" y="49"/>
                      </a:lnTo>
                      <a:lnTo>
                        <a:pt x="166" y="51"/>
                      </a:lnTo>
                      <a:lnTo>
                        <a:pt x="168" y="52"/>
                      </a:lnTo>
                      <a:lnTo>
                        <a:pt x="168" y="54"/>
                      </a:lnTo>
                      <a:lnTo>
                        <a:pt x="168" y="52"/>
                      </a:lnTo>
                      <a:lnTo>
                        <a:pt x="168" y="51"/>
                      </a:lnTo>
                      <a:lnTo>
                        <a:pt x="168" y="49"/>
                      </a:lnTo>
                      <a:lnTo>
                        <a:pt x="166" y="47"/>
                      </a:lnTo>
                      <a:lnTo>
                        <a:pt x="168" y="49"/>
                      </a:lnTo>
                      <a:lnTo>
                        <a:pt x="168" y="54"/>
                      </a:lnTo>
                      <a:lnTo>
                        <a:pt x="170" y="59"/>
                      </a:lnTo>
                      <a:lnTo>
                        <a:pt x="171" y="61"/>
                      </a:lnTo>
                      <a:lnTo>
                        <a:pt x="173" y="61"/>
                      </a:lnTo>
                      <a:lnTo>
                        <a:pt x="175" y="61"/>
                      </a:lnTo>
                      <a:lnTo>
                        <a:pt x="175" y="58"/>
                      </a:lnTo>
                      <a:lnTo>
                        <a:pt x="176" y="56"/>
                      </a:lnTo>
                      <a:lnTo>
                        <a:pt x="176" y="54"/>
                      </a:lnTo>
                      <a:lnTo>
                        <a:pt x="185" y="46"/>
                      </a:lnTo>
                      <a:lnTo>
                        <a:pt x="187" y="37"/>
                      </a:lnTo>
                      <a:lnTo>
                        <a:pt x="207" y="19"/>
                      </a:lnTo>
                      <a:lnTo>
                        <a:pt x="214" y="8"/>
                      </a:lnTo>
                      <a:lnTo>
                        <a:pt x="212" y="8"/>
                      </a:lnTo>
                      <a:lnTo>
                        <a:pt x="212" y="10"/>
                      </a:lnTo>
                      <a:lnTo>
                        <a:pt x="214" y="10"/>
                      </a:lnTo>
                      <a:lnTo>
                        <a:pt x="222" y="7"/>
                      </a:lnTo>
                      <a:lnTo>
                        <a:pt x="226" y="5"/>
                      </a:lnTo>
                      <a:lnTo>
                        <a:pt x="227" y="3"/>
                      </a:lnTo>
                      <a:lnTo>
                        <a:pt x="224" y="2"/>
                      </a:lnTo>
                      <a:lnTo>
                        <a:pt x="219" y="2"/>
                      </a:lnTo>
                      <a:lnTo>
                        <a:pt x="215" y="0"/>
                      </a:lnTo>
                      <a:lnTo>
                        <a:pt x="210" y="0"/>
                      </a:lnTo>
                      <a:lnTo>
                        <a:pt x="209" y="0"/>
                      </a:lnTo>
                      <a:lnTo>
                        <a:pt x="197" y="2"/>
                      </a:lnTo>
                      <a:lnTo>
                        <a:pt x="185" y="5"/>
                      </a:lnTo>
                      <a:lnTo>
                        <a:pt x="176" y="12"/>
                      </a:lnTo>
                      <a:lnTo>
                        <a:pt x="168" y="19"/>
                      </a:lnTo>
                      <a:lnTo>
                        <a:pt x="163" y="25"/>
                      </a:lnTo>
                      <a:lnTo>
                        <a:pt x="158" y="30"/>
                      </a:lnTo>
                      <a:lnTo>
                        <a:pt x="154" y="34"/>
                      </a:lnTo>
                      <a:lnTo>
                        <a:pt x="154" y="36"/>
                      </a:lnTo>
                      <a:lnTo>
                        <a:pt x="146" y="37"/>
                      </a:lnTo>
                      <a:lnTo>
                        <a:pt x="141" y="41"/>
                      </a:lnTo>
                      <a:lnTo>
                        <a:pt x="136" y="46"/>
                      </a:lnTo>
                      <a:lnTo>
                        <a:pt x="132" y="51"/>
                      </a:lnTo>
                      <a:lnTo>
                        <a:pt x="131" y="56"/>
                      </a:lnTo>
                      <a:lnTo>
                        <a:pt x="127" y="61"/>
                      </a:lnTo>
                      <a:lnTo>
                        <a:pt x="126" y="64"/>
                      </a:lnTo>
                      <a:lnTo>
                        <a:pt x="122" y="66"/>
                      </a:lnTo>
                      <a:lnTo>
                        <a:pt x="119" y="68"/>
                      </a:lnTo>
                      <a:lnTo>
                        <a:pt x="114" y="69"/>
                      </a:lnTo>
                      <a:lnTo>
                        <a:pt x="109" y="73"/>
                      </a:lnTo>
                      <a:lnTo>
                        <a:pt x="104" y="78"/>
                      </a:lnTo>
                      <a:lnTo>
                        <a:pt x="99" y="81"/>
                      </a:lnTo>
                      <a:lnTo>
                        <a:pt x="95" y="85"/>
                      </a:lnTo>
                      <a:lnTo>
                        <a:pt x="92" y="88"/>
                      </a:lnTo>
                      <a:lnTo>
                        <a:pt x="92" y="90"/>
                      </a:lnTo>
                      <a:lnTo>
                        <a:pt x="83" y="90"/>
                      </a:lnTo>
                      <a:lnTo>
                        <a:pt x="73" y="90"/>
                      </a:lnTo>
                      <a:lnTo>
                        <a:pt x="73" y="91"/>
                      </a:lnTo>
                      <a:lnTo>
                        <a:pt x="70" y="91"/>
                      </a:lnTo>
                      <a:lnTo>
                        <a:pt x="66" y="91"/>
                      </a:lnTo>
                      <a:lnTo>
                        <a:pt x="65" y="93"/>
                      </a:lnTo>
                      <a:lnTo>
                        <a:pt x="60" y="93"/>
                      </a:lnTo>
                      <a:lnTo>
                        <a:pt x="56" y="95"/>
                      </a:lnTo>
                      <a:lnTo>
                        <a:pt x="55" y="96"/>
                      </a:lnTo>
                      <a:lnTo>
                        <a:pt x="53" y="96"/>
                      </a:lnTo>
                      <a:lnTo>
                        <a:pt x="46" y="105"/>
                      </a:lnTo>
                      <a:lnTo>
                        <a:pt x="38" y="112"/>
                      </a:lnTo>
                      <a:lnTo>
                        <a:pt x="29" y="117"/>
                      </a:lnTo>
                      <a:lnTo>
                        <a:pt x="21" y="120"/>
                      </a:lnTo>
                      <a:lnTo>
                        <a:pt x="12" y="124"/>
                      </a:lnTo>
                      <a:lnTo>
                        <a:pt x="7" y="127"/>
                      </a:lnTo>
                      <a:lnTo>
                        <a:pt x="2" y="127"/>
                      </a:lnTo>
                      <a:lnTo>
                        <a:pt x="0" y="129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89" name="Freeform 128"/>
                <p:cNvSpPr>
                  <a:spLocks/>
                </p:cNvSpPr>
                <p:nvPr/>
              </p:nvSpPr>
              <p:spPr bwMode="auto">
                <a:xfrm>
                  <a:off x="3490" y="1273"/>
                  <a:ext cx="366" cy="503"/>
                </a:xfrm>
                <a:custGeom>
                  <a:avLst/>
                  <a:gdLst>
                    <a:gd name="T0" fmla="*/ 211 w 377"/>
                    <a:gd name="T1" fmla="*/ 296 h 519"/>
                    <a:gd name="T2" fmla="*/ 216 w 377"/>
                    <a:gd name="T3" fmla="*/ 272 h 519"/>
                    <a:gd name="T4" fmla="*/ 230 w 377"/>
                    <a:gd name="T5" fmla="*/ 256 h 519"/>
                    <a:gd name="T6" fmla="*/ 236 w 377"/>
                    <a:gd name="T7" fmla="*/ 241 h 519"/>
                    <a:gd name="T8" fmla="*/ 237 w 377"/>
                    <a:gd name="T9" fmla="*/ 233 h 519"/>
                    <a:gd name="T10" fmla="*/ 244 w 377"/>
                    <a:gd name="T11" fmla="*/ 236 h 519"/>
                    <a:gd name="T12" fmla="*/ 248 w 377"/>
                    <a:gd name="T13" fmla="*/ 233 h 519"/>
                    <a:gd name="T14" fmla="*/ 250 w 377"/>
                    <a:gd name="T15" fmla="*/ 204 h 519"/>
                    <a:gd name="T16" fmla="*/ 229 w 377"/>
                    <a:gd name="T17" fmla="*/ 139 h 519"/>
                    <a:gd name="T18" fmla="*/ 214 w 377"/>
                    <a:gd name="T19" fmla="*/ 122 h 519"/>
                    <a:gd name="T20" fmla="*/ 204 w 377"/>
                    <a:gd name="T21" fmla="*/ 128 h 519"/>
                    <a:gd name="T22" fmla="*/ 192 w 377"/>
                    <a:gd name="T23" fmla="*/ 133 h 519"/>
                    <a:gd name="T24" fmla="*/ 186 w 377"/>
                    <a:gd name="T25" fmla="*/ 148 h 519"/>
                    <a:gd name="T26" fmla="*/ 176 w 377"/>
                    <a:gd name="T27" fmla="*/ 162 h 519"/>
                    <a:gd name="T28" fmla="*/ 172 w 377"/>
                    <a:gd name="T29" fmla="*/ 168 h 519"/>
                    <a:gd name="T30" fmla="*/ 166 w 377"/>
                    <a:gd name="T31" fmla="*/ 166 h 519"/>
                    <a:gd name="T32" fmla="*/ 153 w 377"/>
                    <a:gd name="T33" fmla="*/ 155 h 519"/>
                    <a:gd name="T34" fmla="*/ 156 w 377"/>
                    <a:gd name="T35" fmla="*/ 139 h 519"/>
                    <a:gd name="T36" fmla="*/ 164 w 377"/>
                    <a:gd name="T37" fmla="*/ 135 h 519"/>
                    <a:gd name="T38" fmla="*/ 182 w 377"/>
                    <a:gd name="T39" fmla="*/ 98 h 519"/>
                    <a:gd name="T40" fmla="*/ 182 w 377"/>
                    <a:gd name="T41" fmla="*/ 76 h 519"/>
                    <a:gd name="T42" fmla="*/ 173 w 377"/>
                    <a:gd name="T43" fmla="*/ 59 h 519"/>
                    <a:gd name="T44" fmla="*/ 169 w 377"/>
                    <a:gd name="T45" fmla="*/ 47 h 519"/>
                    <a:gd name="T46" fmla="*/ 178 w 377"/>
                    <a:gd name="T47" fmla="*/ 48 h 519"/>
                    <a:gd name="T48" fmla="*/ 164 w 377"/>
                    <a:gd name="T49" fmla="*/ 26 h 519"/>
                    <a:gd name="T50" fmla="*/ 140 w 377"/>
                    <a:gd name="T51" fmla="*/ 16 h 519"/>
                    <a:gd name="T52" fmla="*/ 91 w 377"/>
                    <a:gd name="T53" fmla="*/ 0 h 519"/>
                    <a:gd name="T54" fmla="*/ 77 w 377"/>
                    <a:gd name="T55" fmla="*/ 10 h 519"/>
                    <a:gd name="T56" fmla="*/ 71 w 377"/>
                    <a:gd name="T57" fmla="*/ 23 h 519"/>
                    <a:gd name="T58" fmla="*/ 79 w 377"/>
                    <a:gd name="T59" fmla="*/ 33 h 519"/>
                    <a:gd name="T60" fmla="*/ 72 w 377"/>
                    <a:gd name="T61" fmla="*/ 37 h 519"/>
                    <a:gd name="T62" fmla="*/ 57 w 377"/>
                    <a:gd name="T63" fmla="*/ 46 h 519"/>
                    <a:gd name="T64" fmla="*/ 59 w 377"/>
                    <a:gd name="T65" fmla="*/ 66 h 519"/>
                    <a:gd name="T66" fmla="*/ 55 w 377"/>
                    <a:gd name="T67" fmla="*/ 81 h 519"/>
                    <a:gd name="T68" fmla="*/ 47 w 377"/>
                    <a:gd name="T69" fmla="*/ 85 h 519"/>
                    <a:gd name="T70" fmla="*/ 47 w 377"/>
                    <a:gd name="T71" fmla="*/ 69 h 519"/>
                    <a:gd name="T72" fmla="*/ 44 w 377"/>
                    <a:gd name="T73" fmla="*/ 53 h 519"/>
                    <a:gd name="T74" fmla="*/ 42 w 377"/>
                    <a:gd name="T75" fmla="*/ 59 h 519"/>
                    <a:gd name="T76" fmla="*/ 36 w 377"/>
                    <a:gd name="T77" fmla="*/ 74 h 519"/>
                    <a:gd name="T78" fmla="*/ 25 w 377"/>
                    <a:gd name="T79" fmla="*/ 75 h 519"/>
                    <a:gd name="T80" fmla="*/ 18 w 377"/>
                    <a:gd name="T81" fmla="*/ 78 h 519"/>
                    <a:gd name="T82" fmla="*/ 17 w 377"/>
                    <a:gd name="T83" fmla="*/ 91 h 519"/>
                    <a:gd name="T84" fmla="*/ 17 w 377"/>
                    <a:gd name="T85" fmla="*/ 103 h 519"/>
                    <a:gd name="T86" fmla="*/ 17 w 377"/>
                    <a:gd name="T87" fmla="*/ 117 h 519"/>
                    <a:gd name="T88" fmla="*/ 10 w 377"/>
                    <a:gd name="T89" fmla="*/ 139 h 519"/>
                    <a:gd name="T90" fmla="*/ 3 w 377"/>
                    <a:gd name="T91" fmla="*/ 150 h 519"/>
                    <a:gd name="T92" fmla="*/ 10 w 377"/>
                    <a:gd name="T93" fmla="*/ 170 h 519"/>
                    <a:gd name="T94" fmla="*/ 3 w 377"/>
                    <a:gd name="T95" fmla="*/ 178 h 519"/>
                    <a:gd name="T96" fmla="*/ 17 w 377"/>
                    <a:gd name="T97" fmla="*/ 201 h 519"/>
                    <a:gd name="T98" fmla="*/ 17 w 377"/>
                    <a:gd name="T99" fmla="*/ 215 h 519"/>
                    <a:gd name="T100" fmla="*/ 30 w 377"/>
                    <a:gd name="T101" fmla="*/ 246 h 519"/>
                    <a:gd name="T102" fmla="*/ 28 w 377"/>
                    <a:gd name="T103" fmla="*/ 282 h 519"/>
                    <a:gd name="T104" fmla="*/ 17 w 377"/>
                    <a:gd name="T105" fmla="*/ 306 h 519"/>
                    <a:gd name="T106" fmla="*/ 17 w 377"/>
                    <a:gd name="T107" fmla="*/ 320 h 519"/>
                    <a:gd name="T108" fmla="*/ 3 w 377"/>
                    <a:gd name="T109" fmla="*/ 334 h 519"/>
                    <a:gd name="T110" fmla="*/ 201 w 377"/>
                    <a:gd name="T111" fmla="*/ 320 h 519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w 377"/>
                    <a:gd name="T169" fmla="*/ 0 h 519"/>
                    <a:gd name="T170" fmla="*/ 377 w 377"/>
                    <a:gd name="T171" fmla="*/ 519 h 519"/>
                  </a:gdLst>
                  <a:ahLst/>
                  <a:cxnLst>
                    <a:cxn ang="T112">
                      <a:pos x="T0" y="T1"/>
                    </a:cxn>
                    <a:cxn ang="T113">
                      <a:pos x="T2" y="T3"/>
                    </a:cxn>
                    <a:cxn ang="T114">
                      <a:pos x="T4" y="T5"/>
                    </a:cxn>
                    <a:cxn ang="T115">
                      <a:pos x="T6" y="T7"/>
                    </a:cxn>
                    <a:cxn ang="T116">
                      <a:pos x="T8" y="T9"/>
                    </a:cxn>
                    <a:cxn ang="T117">
                      <a:pos x="T10" y="T11"/>
                    </a:cxn>
                    <a:cxn ang="T118">
                      <a:pos x="T12" y="T13"/>
                    </a:cxn>
                    <a:cxn ang="T119">
                      <a:pos x="T14" y="T15"/>
                    </a:cxn>
                    <a:cxn ang="T120">
                      <a:pos x="T16" y="T17"/>
                    </a:cxn>
                    <a:cxn ang="T121">
                      <a:pos x="T18" y="T19"/>
                    </a:cxn>
                    <a:cxn ang="T122">
                      <a:pos x="T20" y="T21"/>
                    </a:cxn>
                    <a:cxn ang="T123">
                      <a:pos x="T22" y="T23"/>
                    </a:cxn>
                    <a:cxn ang="T124">
                      <a:pos x="T24" y="T25"/>
                    </a:cxn>
                    <a:cxn ang="T125">
                      <a:pos x="T26" y="T27"/>
                    </a:cxn>
                    <a:cxn ang="T126">
                      <a:pos x="T28" y="T29"/>
                    </a:cxn>
                    <a:cxn ang="T127">
                      <a:pos x="T30" y="T31"/>
                    </a:cxn>
                    <a:cxn ang="T128">
                      <a:pos x="T32" y="T33"/>
                    </a:cxn>
                    <a:cxn ang="T129">
                      <a:pos x="T34" y="T35"/>
                    </a:cxn>
                    <a:cxn ang="T130">
                      <a:pos x="T36" y="T37"/>
                    </a:cxn>
                    <a:cxn ang="T131">
                      <a:pos x="T38" y="T39"/>
                    </a:cxn>
                    <a:cxn ang="T132">
                      <a:pos x="T40" y="T41"/>
                    </a:cxn>
                    <a:cxn ang="T133">
                      <a:pos x="T42" y="T43"/>
                    </a:cxn>
                    <a:cxn ang="T134">
                      <a:pos x="T44" y="T45"/>
                    </a:cxn>
                    <a:cxn ang="T135">
                      <a:pos x="T46" y="T47"/>
                    </a:cxn>
                    <a:cxn ang="T136">
                      <a:pos x="T48" y="T49"/>
                    </a:cxn>
                    <a:cxn ang="T137">
                      <a:pos x="T50" y="T51"/>
                    </a:cxn>
                    <a:cxn ang="T138">
                      <a:pos x="T52" y="T53"/>
                    </a:cxn>
                    <a:cxn ang="T139">
                      <a:pos x="T54" y="T55"/>
                    </a:cxn>
                    <a:cxn ang="T140">
                      <a:pos x="T56" y="T57"/>
                    </a:cxn>
                    <a:cxn ang="T141">
                      <a:pos x="T58" y="T59"/>
                    </a:cxn>
                    <a:cxn ang="T142">
                      <a:pos x="T60" y="T61"/>
                    </a:cxn>
                    <a:cxn ang="T143">
                      <a:pos x="T62" y="T63"/>
                    </a:cxn>
                    <a:cxn ang="T144">
                      <a:pos x="T64" y="T65"/>
                    </a:cxn>
                    <a:cxn ang="T145">
                      <a:pos x="T66" y="T67"/>
                    </a:cxn>
                    <a:cxn ang="T146">
                      <a:pos x="T68" y="T69"/>
                    </a:cxn>
                    <a:cxn ang="T147">
                      <a:pos x="T70" y="T71"/>
                    </a:cxn>
                    <a:cxn ang="T148">
                      <a:pos x="T72" y="T73"/>
                    </a:cxn>
                    <a:cxn ang="T149">
                      <a:pos x="T74" y="T75"/>
                    </a:cxn>
                    <a:cxn ang="T150">
                      <a:pos x="T76" y="T77"/>
                    </a:cxn>
                    <a:cxn ang="T151">
                      <a:pos x="T78" y="T79"/>
                    </a:cxn>
                    <a:cxn ang="T152">
                      <a:pos x="T80" y="T81"/>
                    </a:cxn>
                    <a:cxn ang="T153">
                      <a:pos x="T82" y="T83"/>
                    </a:cxn>
                    <a:cxn ang="T154">
                      <a:pos x="T84" y="T85"/>
                    </a:cxn>
                    <a:cxn ang="T155">
                      <a:pos x="T86" y="T87"/>
                    </a:cxn>
                    <a:cxn ang="T156">
                      <a:pos x="T88" y="T89"/>
                    </a:cxn>
                    <a:cxn ang="T157">
                      <a:pos x="T90" y="T91"/>
                    </a:cxn>
                    <a:cxn ang="T158">
                      <a:pos x="T92" y="T93"/>
                    </a:cxn>
                    <a:cxn ang="T159">
                      <a:pos x="T94" y="T95"/>
                    </a:cxn>
                    <a:cxn ang="T160">
                      <a:pos x="T96" y="T97"/>
                    </a:cxn>
                    <a:cxn ang="T161">
                      <a:pos x="T98" y="T99"/>
                    </a:cxn>
                    <a:cxn ang="T162">
                      <a:pos x="T100" y="T101"/>
                    </a:cxn>
                    <a:cxn ang="T163">
                      <a:pos x="T102" y="T103"/>
                    </a:cxn>
                    <a:cxn ang="T164">
                      <a:pos x="T104" y="T105"/>
                    </a:cxn>
                    <a:cxn ang="T165">
                      <a:pos x="T106" y="T107"/>
                    </a:cxn>
                    <a:cxn ang="T166">
                      <a:pos x="T108" y="T109"/>
                    </a:cxn>
                    <a:cxn ang="T167">
                      <a:pos x="T110" y="T111"/>
                    </a:cxn>
                  </a:cxnLst>
                  <a:rect l="T168" t="T169" r="T170" b="T171"/>
                  <a:pathLst>
                    <a:path w="377" h="519">
                      <a:moveTo>
                        <a:pt x="304" y="496"/>
                      </a:moveTo>
                      <a:lnTo>
                        <a:pt x="304" y="489"/>
                      </a:lnTo>
                      <a:lnTo>
                        <a:pt x="308" y="480"/>
                      </a:lnTo>
                      <a:lnTo>
                        <a:pt x="311" y="472"/>
                      </a:lnTo>
                      <a:lnTo>
                        <a:pt x="314" y="465"/>
                      </a:lnTo>
                      <a:lnTo>
                        <a:pt x="320" y="458"/>
                      </a:lnTo>
                      <a:lnTo>
                        <a:pt x="325" y="453"/>
                      </a:lnTo>
                      <a:lnTo>
                        <a:pt x="326" y="450"/>
                      </a:lnTo>
                      <a:lnTo>
                        <a:pt x="328" y="448"/>
                      </a:lnTo>
                      <a:lnTo>
                        <a:pt x="326" y="438"/>
                      </a:lnTo>
                      <a:lnTo>
                        <a:pt x="326" y="430"/>
                      </a:lnTo>
                      <a:lnTo>
                        <a:pt x="328" y="421"/>
                      </a:lnTo>
                      <a:lnTo>
                        <a:pt x="330" y="416"/>
                      </a:lnTo>
                      <a:lnTo>
                        <a:pt x="333" y="411"/>
                      </a:lnTo>
                      <a:lnTo>
                        <a:pt x="336" y="408"/>
                      </a:lnTo>
                      <a:lnTo>
                        <a:pt x="338" y="406"/>
                      </a:lnTo>
                      <a:lnTo>
                        <a:pt x="340" y="406"/>
                      </a:lnTo>
                      <a:lnTo>
                        <a:pt x="348" y="396"/>
                      </a:lnTo>
                      <a:lnTo>
                        <a:pt x="350" y="386"/>
                      </a:lnTo>
                      <a:lnTo>
                        <a:pt x="350" y="384"/>
                      </a:lnTo>
                      <a:lnTo>
                        <a:pt x="350" y="382"/>
                      </a:lnTo>
                      <a:lnTo>
                        <a:pt x="352" y="381"/>
                      </a:lnTo>
                      <a:lnTo>
                        <a:pt x="352" y="379"/>
                      </a:lnTo>
                      <a:lnTo>
                        <a:pt x="355" y="375"/>
                      </a:lnTo>
                      <a:lnTo>
                        <a:pt x="355" y="372"/>
                      </a:lnTo>
                      <a:lnTo>
                        <a:pt x="353" y="370"/>
                      </a:lnTo>
                      <a:lnTo>
                        <a:pt x="355" y="365"/>
                      </a:lnTo>
                      <a:lnTo>
                        <a:pt x="355" y="362"/>
                      </a:lnTo>
                      <a:lnTo>
                        <a:pt x="358" y="360"/>
                      </a:lnTo>
                      <a:lnTo>
                        <a:pt x="360" y="360"/>
                      </a:lnTo>
                      <a:lnTo>
                        <a:pt x="364" y="359"/>
                      </a:lnTo>
                      <a:lnTo>
                        <a:pt x="365" y="360"/>
                      </a:lnTo>
                      <a:lnTo>
                        <a:pt x="367" y="360"/>
                      </a:lnTo>
                      <a:lnTo>
                        <a:pt x="369" y="360"/>
                      </a:lnTo>
                      <a:lnTo>
                        <a:pt x="369" y="365"/>
                      </a:lnTo>
                      <a:lnTo>
                        <a:pt x="370" y="367"/>
                      </a:lnTo>
                      <a:lnTo>
                        <a:pt x="372" y="367"/>
                      </a:lnTo>
                      <a:lnTo>
                        <a:pt x="372" y="365"/>
                      </a:lnTo>
                      <a:lnTo>
                        <a:pt x="374" y="364"/>
                      </a:lnTo>
                      <a:lnTo>
                        <a:pt x="374" y="362"/>
                      </a:lnTo>
                      <a:lnTo>
                        <a:pt x="375" y="360"/>
                      </a:lnTo>
                      <a:lnTo>
                        <a:pt x="377" y="316"/>
                      </a:lnTo>
                      <a:lnTo>
                        <a:pt x="377" y="318"/>
                      </a:lnTo>
                      <a:lnTo>
                        <a:pt x="377" y="316"/>
                      </a:lnTo>
                      <a:lnTo>
                        <a:pt x="372" y="293"/>
                      </a:lnTo>
                      <a:lnTo>
                        <a:pt x="365" y="271"/>
                      </a:lnTo>
                      <a:lnTo>
                        <a:pt x="360" y="254"/>
                      </a:lnTo>
                      <a:lnTo>
                        <a:pt x="355" y="237"/>
                      </a:lnTo>
                      <a:lnTo>
                        <a:pt x="350" y="225"/>
                      </a:lnTo>
                      <a:lnTo>
                        <a:pt x="345" y="215"/>
                      </a:lnTo>
                      <a:lnTo>
                        <a:pt x="340" y="206"/>
                      </a:lnTo>
                      <a:lnTo>
                        <a:pt x="336" y="199"/>
                      </a:lnTo>
                      <a:lnTo>
                        <a:pt x="333" y="196"/>
                      </a:lnTo>
                      <a:lnTo>
                        <a:pt x="330" y="193"/>
                      </a:lnTo>
                      <a:lnTo>
                        <a:pt x="326" y="191"/>
                      </a:lnTo>
                      <a:lnTo>
                        <a:pt x="323" y="189"/>
                      </a:lnTo>
                      <a:lnTo>
                        <a:pt x="321" y="189"/>
                      </a:lnTo>
                      <a:lnTo>
                        <a:pt x="318" y="191"/>
                      </a:lnTo>
                      <a:lnTo>
                        <a:pt x="316" y="191"/>
                      </a:lnTo>
                      <a:lnTo>
                        <a:pt x="314" y="193"/>
                      </a:lnTo>
                      <a:lnTo>
                        <a:pt x="311" y="194"/>
                      </a:lnTo>
                      <a:lnTo>
                        <a:pt x="308" y="198"/>
                      </a:lnTo>
                      <a:lnTo>
                        <a:pt x="303" y="199"/>
                      </a:lnTo>
                      <a:lnTo>
                        <a:pt x="299" y="201"/>
                      </a:lnTo>
                      <a:lnTo>
                        <a:pt x="296" y="203"/>
                      </a:lnTo>
                      <a:lnTo>
                        <a:pt x="294" y="205"/>
                      </a:lnTo>
                      <a:lnTo>
                        <a:pt x="292" y="205"/>
                      </a:lnTo>
                      <a:lnTo>
                        <a:pt x="292" y="206"/>
                      </a:lnTo>
                      <a:lnTo>
                        <a:pt x="287" y="210"/>
                      </a:lnTo>
                      <a:lnTo>
                        <a:pt x="284" y="218"/>
                      </a:lnTo>
                      <a:lnTo>
                        <a:pt x="284" y="221"/>
                      </a:lnTo>
                      <a:lnTo>
                        <a:pt x="282" y="225"/>
                      </a:lnTo>
                      <a:lnTo>
                        <a:pt x="281" y="230"/>
                      </a:lnTo>
                      <a:lnTo>
                        <a:pt x="277" y="233"/>
                      </a:lnTo>
                      <a:lnTo>
                        <a:pt x="276" y="238"/>
                      </a:lnTo>
                      <a:lnTo>
                        <a:pt x="272" y="242"/>
                      </a:lnTo>
                      <a:lnTo>
                        <a:pt x="269" y="242"/>
                      </a:lnTo>
                      <a:lnTo>
                        <a:pt x="269" y="247"/>
                      </a:lnTo>
                      <a:lnTo>
                        <a:pt x="267" y="250"/>
                      </a:lnTo>
                      <a:lnTo>
                        <a:pt x="265" y="254"/>
                      </a:lnTo>
                      <a:lnTo>
                        <a:pt x="264" y="255"/>
                      </a:lnTo>
                      <a:lnTo>
                        <a:pt x="262" y="257"/>
                      </a:lnTo>
                      <a:lnTo>
                        <a:pt x="260" y="259"/>
                      </a:lnTo>
                      <a:lnTo>
                        <a:pt x="259" y="259"/>
                      </a:lnTo>
                      <a:lnTo>
                        <a:pt x="255" y="259"/>
                      </a:lnTo>
                      <a:lnTo>
                        <a:pt x="254" y="257"/>
                      </a:lnTo>
                      <a:lnTo>
                        <a:pt x="252" y="257"/>
                      </a:lnTo>
                      <a:lnTo>
                        <a:pt x="250" y="257"/>
                      </a:lnTo>
                      <a:lnTo>
                        <a:pt x="247" y="255"/>
                      </a:lnTo>
                      <a:lnTo>
                        <a:pt x="238" y="255"/>
                      </a:lnTo>
                      <a:lnTo>
                        <a:pt x="235" y="250"/>
                      </a:lnTo>
                      <a:lnTo>
                        <a:pt x="232" y="245"/>
                      </a:lnTo>
                      <a:lnTo>
                        <a:pt x="232" y="240"/>
                      </a:lnTo>
                      <a:lnTo>
                        <a:pt x="232" y="233"/>
                      </a:lnTo>
                      <a:lnTo>
                        <a:pt x="233" y="228"/>
                      </a:lnTo>
                      <a:lnTo>
                        <a:pt x="233" y="225"/>
                      </a:lnTo>
                      <a:lnTo>
                        <a:pt x="235" y="223"/>
                      </a:lnTo>
                      <a:lnTo>
                        <a:pt x="235" y="218"/>
                      </a:lnTo>
                      <a:lnTo>
                        <a:pt x="237" y="215"/>
                      </a:lnTo>
                      <a:lnTo>
                        <a:pt x="238" y="213"/>
                      </a:lnTo>
                      <a:lnTo>
                        <a:pt x="242" y="211"/>
                      </a:lnTo>
                      <a:lnTo>
                        <a:pt x="243" y="210"/>
                      </a:lnTo>
                      <a:lnTo>
                        <a:pt x="247" y="210"/>
                      </a:lnTo>
                      <a:lnTo>
                        <a:pt x="248" y="208"/>
                      </a:lnTo>
                      <a:lnTo>
                        <a:pt x="259" y="198"/>
                      </a:lnTo>
                      <a:lnTo>
                        <a:pt x="262" y="176"/>
                      </a:lnTo>
                      <a:lnTo>
                        <a:pt x="276" y="164"/>
                      </a:lnTo>
                      <a:lnTo>
                        <a:pt x="276" y="162"/>
                      </a:lnTo>
                      <a:lnTo>
                        <a:pt x="276" y="159"/>
                      </a:lnTo>
                      <a:lnTo>
                        <a:pt x="276" y="152"/>
                      </a:lnTo>
                      <a:lnTo>
                        <a:pt x="276" y="147"/>
                      </a:lnTo>
                      <a:lnTo>
                        <a:pt x="276" y="140"/>
                      </a:lnTo>
                      <a:lnTo>
                        <a:pt x="276" y="133"/>
                      </a:lnTo>
                      <a:lnTo>
                        <a:pt x="276" y="128"/>
                      </a:lnTo>
                      <a:lnTo>
                        <a:pt x="276" y="127"/>
                      </a:lnTo>
                      <a:lnTo>
                        <a:pt x="276" y="118"/>
                      </a:lnTo>
                      <a:lnTo>
                        <a:pt x="274" y="110"/>
                      </a:lnTo>
                      <a:lnTo>
                        <a:pt x="272" y="105"/>
                      </a:lnTo>
                      <a:lnTo>
                        <a:pt x="269" y="100"/>
                      </a:lnTo>
                      <a:lnTo>
                        <a:pt x="267" y="96"/>
                      </a:lnTo>
                      <a:lnTo>
                        <a:pt x="264" y="93"/>
                      </a:lnTo>
                      <a:lnTo>
                        <a:pt x="262" y="91"/>
                      </a:lnTo>
                      <a:lnTo>
                        <a:pt x="260" y="89"/>
                      </a:lnTo>
                      <a:lnTo>
                        <a:pt x="255" y="86"/>
                      </a:lnTo>
                      <a:lnTo>
                        <a:pt x="254" y="83"/>
                      </a:lnTo>
                      <a:lnTo>
                        <a:pt x="254" y="79"/>
                      </a:lnTo>
                      <a:lnTo>
                        <a:pt x="254" y="76"/>
                      </a:lnTo>
                      <a:lnTo>
                        <a:pt x="255" y="74"/>
                      </a:lnTo>
                      <a:lnTo>
                        <a:pt x="257" y="73"/>
                      </a:lnTo>
                      <a:lnTo>
                        <a:pt x="259" y="71"/>
                      </a:lnTo>
                      <a:lnTo>
                        <a:pt x="260" y="71"/>
                      </a:lnTo>
                      <a:lnTo>
                        <a:pt x="265" y="76"/>
                      </a:lnTo>
                      <a:lnTo>
                        <a:pt x="269" y="76"/>
                      </a:lnTo>
                      <a:lnTo>
                        <a:pt x="270" y="76"/>
                      </a:lnTo>
                      <a:lnTo>
                        <a:pt x="270" y="74"/>
                      </a:lnTo>
                      <a:lnTo>
                        <a:pt x="270" y="73"/>
                      </a:lnTo>
                      <a:lnTo>
                        <a:pt x="269" y="71"/>
                      </a:lnTo>
                      <a:lnTo>
                        <a:pt x="269" y="69"/>
                      </a:lnTo>
                      <a:lnTo>
                        <a:pt x="267" y="67"/>
                      </a:lnTo>
                      <a:lnTo>
                        <a:pt x="248" y="40"/>
                      </a:lnTo>
                      <a:lnTo>
                        <a:pt x="240" y="39"/>
                      </a:lnTo>
                      <a:lnTo>
                        <a:pt x="232" y="37"/>
                      </a:lnTo>
                      <a:lnTo>
                        <a:pt x="225" y="35"/>
                      </a:lnTo>
                      <a:lnTo>
                        <a:pt x="220" y="34"/>
                      </a:lnTo>
                      <a:lnTo>
                        <a:pt x="215" y="32"/>
                      </a:lnTo>
                      <a:lnTo>
                        <a:pt x="211" y="29"/>
                      </a:lnTo>
                      <a:lnTo>
                        <a:pt x="210" y="27"/>
                      </a:lnTo>
                      <a:lnTo>
                        <a:pt x="208" y="27"/>
                      </a:lnTo>
                      <a:lnTo>
                        <a:pt x="193" y="27"/>
                      </a:lnTo>
                      <a:lnTo>
                        <a:pt x="179" y="12"/>
                      </a:lnTo>
                      <a:lnTo>
                        <a:pt x="152" y="10"/>
                      </a:lnTo>
                      <a:lnTo>
                        <a:pt x="138" y="0"/>
                      </a:lnTo>
                      <a:lnTo>
                        <a:pt x="130" y="0"/>
                      </a:lnTo>
                      <a:lnTo>
                        <a:pt x="125" y="3"/>
                      </a:lnTo>
                      <a:lnTo>
                        <a:pt x="115" y="1"/>
                      </a:lnTo>
                      <a:lnTo>
                        <a:pt x="115" y="3"/>
                      </a:lnTo>
                      <a:lnTo>
                        <a:pt x="115" y="7"/>
                      </a:lnTo>
                      <a:lnTo>
                        <a:pt x="115" y="10"/>
                      </a:lnTo>
                      <a:lnTo>
                        <a:pt x="115" y="12"/>
                      </a:lnTo>
                      <a:lnTo>
                        <a:pt x="108" y="17"/>
                      </a:lnTo>
                      <a:lnTo>
                        <a:pt x="105" y="22"/>
                      </a:lnTo>
                      <a:lnTo>
                        <a:pt x="103" y="27"/>
                      </a:lnTo>
                      <a:lnTo>
                        <a:pt x="105" y="32"/>
                      </a:lnTo>
                      <a:lnTo>
                        <a:pt x="106" y="37"/>
                      </a:lnTo>
                      <a:lnTo>
                        <a:pt x="110" y="40"/>
                      </a:lnTo>
                      <a:lnTo>
                        <a:pt x="111" y="42"/>
                      </a:lnTo>
                      <a:lnTo>
                        <a:pt x="113" y="44"/>
                      </a:lnTo>
                      <a:lnTo>
                        <a:pt x="116" y="44"/>
                      </a:lnTo>
                      <a:lnTo>
                        <a:pt x="120" y="45"/>
                      </a:lnTo>
                      <a:lnTo>
                        <a:pt x="120" y="47"/>
                      </a:lnTo>
                      <a:lnTo>
                        <a:pt x="120" y="49"/>
                      </a:lnTo>
                      <a:lnTo>
                        <a:pt x="120" y="51"/>
                      </a:lnTo>
                      <a:lnTo>
                        <a:pt x="118" y="52"/>
                      </a:lnTo>
                      <a:lnTo>
                        <a:pt x="116" y="52"/>
                      </a:lnTo>
                      <a:lnTo>
                        <a:pt x="116" y="54"/>
                      </a:lnTo>
                      <a:lnTo>
                        <a:pt x="108" y="54"/>
                      </a:lnTo>
                      <a:lnTo>
                        <a:pt x="101" y="56"/>
                      </a:lnTo>
                      <a:lnTo>
                        <a:pt x="96" y="59"/>
                      </a:lnTo>
                      <a:lnTo>
                        <a:pt x="91" y="62"/>
                      </a:lnTo>
                      <a:lnTo>
                        <a:pt x="89" y="67"/>
                      </a:lnTo>
                      <a:lnTo>
                        <a:pt x="86" y="71"/>
                      </a:lnTo>
                      <a:lnTo>
                        <a:pt x="86" y="73"/>
                      </a:lnTo>
                      <a:lnTo>
                        <a:pt x="86" y="74"/>
                      </a:lnTo>
                      <a:lnTo>
                        <a:pt x="88" y="79"/>
                      </a:lnTo>
                      <a:lnTo>
                        <a:pt x="88" y="86"/>
                      </a:lnTo>
                      <a:lnTo>
                        <a:pt x="89" y="91"/>
                      </a:lnTo>
                      <a:lnTo>
                        <a:pt x="89" y="96"/>
                      </a:lnTo>
                      <a:lnTo>
                        <a:pt x="89" y="101"/>
                      </a:lnTo>
                      <a:lnTo>
                        <a:pt x="89" y="106"/>
                      </a:lnTo>
                      <a:lnTo>
                        <a:pt x="88" y="110"/>
                      </a:lnTo>
                      <a:lnTo>
                        <a:pt x="86" y="115"/>
                      </a:lnTo>
                      <a:lnTo>
                        <a:pt x="86" y="118"/>
                      </a:lnTo>
                      <a:lnTo>
                        <a:pt x="84" y="123"/>
                      </a:lnTo>
                      <a:lnTo>
                        <a:pt x="83" y="127"/>
                      </a:lnTo>
                      <a:lnTo>
                        <a:pt x="83" y="128"/>
                      </a:lnTo>
                      <a:lnTo>
                        <a:pt x="81" y="132"/>
                      </a:lnTo>
                      <a:lnTo>
                        <a:pt x="79" y="133"/>
                      </a:lnTo>
                      <a:lnTo>
                        <a:pt x="72" y="132"/>
                      </a:lnTo>
                      <a:lnTo>
                        <a:pt x="66" y="130"/>
                      </a:lnTo>
                      <a:lnTo>
                        <a:pt x="66" y="128"/>
                      </a:lnTo>
                      <a:lnTo>
                        <a:pt x="67" y="125"/>
                      </a:lnTo>
                      <a:lnTo>
                        <a:pt x="67" y="118"/>
                      </a:lnTo>
                      <a:lnTo>
                        <a:pt x="69" y="113"/>
                      </a:lnTo>
                      <a:lnTo>
                        <a:pt x="71" y="106"/>
                      </a:lnTo>
                      <a:lnTo>
                        <a:pt x="71" y="100"/>
                      </a:lnTo>
                      <a:lnTo>
                        <a:pt x="71" y="95"/>
                      </a:lnTo>
                      <a:lnTo>
                        <a:pt x="71" y="93"/>
                      </a:lnTo>
                      <a:lnTo>
                        <a:pt x="69" y="86"/>
                      </a:lnTo>
                      <a:lnTo>
                        <a:pt x="67" y="83"/>
                      </a:lnTo>
                      <a:lnTo>
                        <a:pt x="66" y="81"/>
                      </a:lnTo>
                      <a:lnTo>
                        <a:pt x="64" y="83"/>
                      </a:lnTo>
                      <a:lnTo>
                        <a:pt x="64" y="84"/>
                      </a:lnTo>
                      <a:lnTo>
                        <a:pt x="62" y="88"/>
                      </a:lnTo>
                      <a:lnTo>
                        <a:pt x="62" y="89"/>
                      </a:lnTo>
                      <a:lnTo>
                        <a:pt x="61" y="91"/>
                      </a:lnTo>
                      <a:lnTo>
                        <a:pt x="61" y="93"/>
                      </a:lnTo>
                      <a:lnTo>
                        <a:pt x="59" y="98"/>
                      </a:lnTo>
                      <a:lnTo>
                        <a:pt x="56" y="101"/>
                      </a:lnTo>
                      <a:lnTo>
                        <a:pt x="54" y="106"/>
                      </a:lnTo>
                      <a:lnTo>
                        <a:pt x="52" y="110"/>
                      </a:lnTo>
                      <a:lnTo>
                        <a:pt x="50" y="113"/>
                      </a:lnTo>
                      <a:lnTo>
                        <a:pt x="49" y="113"/>
                      </a:lnTo>
                      <a:lnTo>
                        <a:pt x="44" y="111"/>
                      </a:lnTo>
                      <a:lnTo>
                        <a:pt x="40" y="111"/>
                      </a:lnTo>
                      <a:lnTo>
                        <a:pt x="39" y="113"/>
                      </a:lnTo>
                      <a:lnTo>
                        <a:pt x="39" y="115"/>
                      </a:lnTo>
                      <a:lnTo>
                        <a:pt x="39" y="117"/>
                      </a:lnTo>
                      <a:lnTo>
                        <a:pt x="32" y="120"/>
                      </a:lnTo>
                      <a:lnTo>
                        <a:pt x="32" y="122"/>
                      </a:lnTo>
                      <a:lnTo>
                        <a:pt x="32" y="125"/>
                      </a:lnTo>
                      <a:lnTo>
                        <a:pt x="30" y="128"/>
                      </a:lnTo>
                      <a:lnTo>
                        <a:pt x="30" y="133"/>
                      </a:lnTo>
                      <a:lnTo>
                        <a:pt x="30" y="137"/>
                      </a:lnTo>
                      <a:lnTo>
                        <a:pt x="30" y="139"/>
                      </a:lnTo>
                      <a:lnTo>
                        <a:pt x="30" y="140"/>
                      </a:lnTo>
                      <a:lnTo>
                        <a:pt x="23" y="144"/>
                      </a:lnTo>
                      <a:lnTo>
                        <a:pt x="20" y="147"/>
                      </a:lnTo>
                      <a:lnTo>
                        <a:pt x="18" y="150"/>
                      </a:lnTo>
                      <a:lnTo>
                        <a:pt x="17" y="152"/>
                      </a:lnTo>
                      <a:lnTo>
                        <a:pt x="15" y="155"/>
                      </a:lnTo>
                      <a:lnTo>
                        <a:pt x="17" y="159"/>
                      </a:lnTo>
                      <a:lnTo>
                        <a:pt x="17" y="161"/>
                      </a:lnTo>
                      <a:lnTo>
                        <a:pt x="18" y="162"/>
                      </a:lnTo>
                      <a:lnTo>
                        <a:pt x="20" y="166"/>
                      </a:lnTo>
                      <a:lnTo>
                        <a:pt x="20" y="171"/>
                      </a:lnTo>
                      <a:lnTo>
                        <a:pt x="20" y="176"/>
                      </a:lnTo>
                      <a:lnTo>
                        <a:pt x="20" y="181"/>
                      </a:lnTo>
                      <a:lnTo>
                        <a:pt x="18" y="186"/>
                      </a:lnTo>
                      <a:lnTo>
                        <a:pt x="17" y="193"/>
                      </a:lnTo>
                      <a:lnTo>
                        <a:pt x="15" y="198"/>
                      </a:lnTo>
                      <a:lnTo>
                        <a:pt x="13" y="203"/>
                      </a:lnTo>
                      <a:lnTo>
                        <a:pt x="12" y="210"/>
                      </a:lnTo>
                      <a:lnTo>
                        <a:pt x="10" y="215"/>
                      </a:lnTo>
                      <a:lnTo>
                        <a:pt x="8" y="220"/>
                      </a:lnTo>
                      <a:lnTo>
                        <a:pt x="6" y="225"/>
                      </a:lnTo>
                      <a:lnTo>
                        <a:pt x="5" y="228"/>
                      </a:lnTo>
                      <a:lnTo>
                        <a:pt x="3" y="232"/>
                      </a:lnTo>
                      <a:lnTo>
                        <a:pt x="3" y="233"/>
                      </a:lnTo>
                      <a:lnTo>
                        <a:pt x="5" y="238"/>
                      </a:lnTo>
                      <a:lnTo>
                        <a:pt x="6" y="245"/>
                      </a:lnTo>
                      <a:lnTo>
                        <a:pt x="8" y="250"/>
                      </a:lnTo>
                      <a:lnTo>
                        <a:pt x="8" y="255"/>
                      </a:lnTo>
                      <a:lnTo>
                        <a:pt x="10" y="260"/>
                      </a:lnTo>
                      <a:lnTo>
                        <a:pt x="10" y="264"/>
                      </a:lnTo>
                      <a:lnTo>
                        <a:pt x="10" y="267"/>
                      </a:lnTo>
                      <a:lnTo>
                        <a:pt x="6" y="269"/>
                      </a:lnTo>
                      <a:lnTo>
                        <a:pt x="5" y="271"/>
                      </a:lnTo>
                      <a:lnTo>
                        <a:pt x="3" y="274"/>
                      </a:lnTo>
                      <a:lnTo>
                        <a:pt x="3" y="277"/>
                      </a:lnTo>
                      <a:lnTo>
                        <a:pt x="5" y="282"/>
                      </a:lnTo>
                      <a:lnTo>
                        <a:pt x="6" y="287"/>
                      </a:lnTo>
                      <a:lnTo>
                        <a:pt x="8" y="294"/>
                      </a:lnTo>
                      <a:lnTo>
                        <a:pt x="12" y="299"/>
                      </a:lnTo>
                      <a:lnTo>
                        <a:pt x="15" y="306"/>
                      </a:lnTo>
                      <a:lnTo>
                        <a:pt x="17" y="311"/>
                      </a:lnTo>
                      <a:lnTo>
                        <a:pt x="20" y="318"/>
                      </a:lnTo>
                      <a:lnTo>
                        <a:pt x="23" y="323"/>
                      </a:lnTo>
                      <a:lnTo>
                        <a:pt x="25" y="326"/>
                      </a:lnTo>
                      <a:lnTo>
                        <a:pt x="27" y="330"/>
                      </a:lnTo>
                      <a:lnTo>
                        <a:pt x="28" y="333"/>
                      </a:lnTo>
                      <a:lnTo>
                        <a:pt x="30" y="333"/>
                      </a:lnTo>
                      <a:lnTo>
                        <a:pt x="34" y="338"/>
                      </a:lnTo>
                      <a:lnTo>
                        <a:pt x="37" y="345"/>
                      </a:lnTo>
                      <a:lnTo>
                        <a:pt x="39" y="353"/>
                      </a:lnTo>
                      <a:lnTo>
                        <a:pt x="42" y="362"/>
                      </a:lnTo>
                      <a:lnTo>
                        <a:pt x="42" y="370"/>
                      </a:lnTo>
                      <a:lnTo>
                        <a:pt x="44" y="381"/>
                      </a:lnTo>
                      <a:lnTo>
                        <a:pt x="44" y="391"/>
                      </a:lnTo>
                      <a:lnTo>
                        <a:pt x="44" y="401"/>
                      </a:lnTo>
                      <a:lnTo>
                        <a:pt x="44" y="411"/>
                      </a:lnTo>
                      <a:lnTo>
                        <a:pt x="44" y="419"/>
                      </a:lnTo>
                      <a:lnTo>
                        <a:pt x="44" y="428"/>
                      </a:lnTo>
                      <a:lnTo>
                        <a:pt x="42" y="436"/>
                      </a:lnTo>
                      <a:lnTo>
                        <a:pt x="42" y="441"/>
                      </a:lnTo>
                      <a:lnTo>
                        <a:pt x="40" y="447"/>
                      </a:lnTo>
                      <a:lnTo>
                        <a:pt x="40" y="450"/>
                      </a:lnTo>
                      <a:lnTo>
                        <a:pt x="40" y="452"/>
                      </a:lnTo>
                      <a:lnTo>
                        <a:pt x="32" y="463"/>
                      </a:lnTo>
                      <a:lnTo>
                        <a:pt x="27" y="474"/>
                      </a:lnTo>
                      <a:lnTo>
                        <a:pt x="23" y="480"/>
                      </a:lnTo>
                      <a:lnTo>
                        <a:pt x="23" y="487"/>
                      </a:lnTo>
                      <a:lnTo>
                        <a:pt x="23" y="491"/>
                      </a:lnTo>
                      <a:lnTo>
                        <a:pt x="23" y="494"/>
                      </a:lnTo>
                      <a:lnTo>
                        <a:pt x="23" y="496"/>
                      </a:lnTo>
                      <a:lnTo>
                        <a:pt x="18" y="502"/>
                      </a:lnTo>
                      <a:lnTo>
                        <a:pt x="15" y="506"/>
                      </a:lnTo>
                      <a:lnTo>
                        <a:pt x="12" y="511"/>
                      </a:lnTo>
                      <a:lnTo>
                        <a:pt x="8" y="513"/>
                      </a:lnTo>
                      <a:lnTo>
                        <a:pt x="6" y="516"/>
                      </a:lnTo>
                      <a:lnTo>
                        <a:pt x="3" y="518"/>
                      </a:lnTo>
                      <a:lnTo>
                        <a:pt x="3" y="519"/>
                      </a:lnTo>
                      <a:lnTo>
                        <a:pt x="1" y="519"/>
                      </a:lnTo>
                      <a:lnTo>
                        <a:pt x="0" y="519"/>
                      </a:lnTo>
                      <a:lnTo>
                        <a:pt x="184" y="497"/>
                      </a:lnTo>
                      <a:lnTo>
                        <a:pt x="188" y="514"/>
                      </a:lnTo>
                      <a:lnTo>
                        <a:pt x="304" y="496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425" name="Freeform 129"/>
              <p:cNvSpPr>
                <a:spLocks/>
              </p:cNvSpPr>
              <p:nvPr/>
            </p:nvSpPr>
            <p:spPr bwMode="auto">
              <a:xfrm>
                <a:off x="3986" y="2043"/>
                <a:ext cx="434" cy="427"/>
              </a:xfrm>
              <a:custGeom>
                <a:avLst/>
                <a:gdLst>
                  <a:gd name="T0" fmla="*/ 44 w 446"/>
                  <a:gd name="T1" fmla="*/ 263 h 440"/>
                  <a:gd name="T2" fmla="*/ 35 w 446"/>
                  <a:gd name="T3" fmla="*/ 261 h 440"/>
                  <a:gd name="T4" fmla="*/ 18 w 446"/>
                  <a:gd name="T5" fmla="*/ 234 h 440"/>
                  <a:gd name="T6" fmla="*/ 5 w 446"/>
                  <a:gd name="T7" fmla="*/ 218 h 440"/>
                  <a:gd name="T8" fmla="*/ 3 w 446"/>
                  <a:gd name="T9" fmla="*/ 201 h 440"/>
                  <a:gd name="T10" fmla="*/ 1 w 446"/>
                  <a:gd name="T11" fmla="*/ 196 h 440"/>
                  <a:gd name="T12" fmla="*/ 18 w 446"/>
                  <a:gd name="T13" fmla="*/ 195 h 440"/>
                  <a:gd name="T14" fmla="*/ 18 w 446"/>
                  <a:gd name="T15" fmla="*/ 167 h 440"/>
                  <a:gd name="T16" fmla="*/ 23 w 446"/>
                  <a:gd name="T17" fmla="*/ 160 h 440"/>
                  <a:gd name="T18" fmla="*/ 26 w 446"/>
                  <a:gd name="T19" fmla="*/ 148 h 440"/>
                  <a:gd name="T20" fmla="*/ 40 w 446"/>
                  <a:gd name="T21" fmla="*/ 148 h 440"/>
                  <a:gd name="T22" fmla="*/ 47 w 446"/>
                  <a:gd name="T23" fmla="*/ 148 h 440"/>
                  <a:gd name="T24" fmla="*/ 64 w 446"/>
                  <a:gd name="T25" fmla="*/ 110 h 440"/>
                  <a:gd name="T26" fmla="*/ 74 w 446"/>
                  <a:gd name="T27" fmla="*/ 110 h 440"/>
                  <a:gd name="T28" fmla="*/ 81 w 446"/>
                  <a:gd name="T29" fmla="*/ 103 h 440"/>
                  <a:gd name="T30" fmla="*/ 90 w 446"/>
                  <a:gd name="T31" fmla="*/ 90 h 440"/>
                  <a:gd name="T32" fmla="*/ 97 w 446"/>
                  <a:gd name="T33" fmla="*/ 72 h 440"/>
                  <a:gd name="T34" fmla="*/ 98 w 446"/>
                  <a:gd name="T35" fmla="*/ 59 h 440"/>
                  <a:gd name="T36" fmla="*/ 102 w 446"/>
                  <a:gd name="T37" fmla="*/ 37 h 440"/>
                  <a:gd name="T38" fmla="*/ 100 w 446"/>
                  <a:gd name="T39" fmla="*/ 10 h 440"/>
                  <a:gd name="T40" fmla="*/ 184 w 446"/>
                  <a:gd name="T41" fmla="*/ 62 h 440"/>
                  <a:gd name="T42" fmla="*/ 216 w 446"/>
                  <a:gd name="T43" fmla="*/ 80 h 440"/>
                  <a:gd name="T44" fmla="*/ 230 w 446"/>
                  <a:gd name="T45" fmla="*/ 65 h 440"/>
                  <a:gd name="T46" fmla="*/ 249 w 446"/>
                  <a:gd name="T47" fmla="*/ 66 h 440"/>
                  <a:gd name="T48" fmla="*/ 260 w 446"/>
                  <a:gd name="T49" fmla="*/ 53 h 440"/>
                  <a:gd name="T50" fmla="*/ 282 w 446"/>
                  <a:gd name="T51" fmla="*/ 55 h 440"/>
                  <a:gd name="T52" fmla="*/ 290 w 446"/>
                  <a:gd name="T53" fmla="*/ 55 h 440"/>
                  <a:gd name="T54" fmla="*/ 296 w 446"/>
                  <a:gd name="T55" fmla="*/ 62 h 440"/>
                  <a:gd name="T56" fmla="*/ 302 w 446"/>
                  <a:gd name="T57" fmla="*/ 79 h 440"/>
                  <a:gd name="T58" fmla="*/ 299 w 446"/>
                  <a:gd name="T59" fmla="*/ 86 h 440"/>
                  <a:gd name="T60" fmla="*/ 276 w 446"/>
                  <a:gd name="T61" fmla="*/ 80 h 440"/>
                  <a:gd name="T62" fmla="*/ 262 w 446"/>
                  <a:gd name="T63" fmla="*/ 74 h 440"/>
                  <a:gd name="T64" fmla="*/ 254 w 446"/>
                  <a:gd name="T65" fmla="*/ 107 h 440"/>
                  <a:gd name="T66" fmla="*/ 242 w 446"/>
                  <a:gd name="T67" fmla="*/ 119 h 440"/>
                  <a:gd name="T68" fmla="*/ 236 w 446"/>
                  <a:gd name="T69" fmla="*/ 134 h 440"/>
                  <a:gd name="T70" fmla="*/ 229 w 446"/>
                  <a:gd name="T71" fmla="*/ 129 h 440"/>
                  <a:gd name="T72" fmla="*/ 223 w 446"/>
                  <a:gd name="T73" fmla="*/ 143 h 440"/>
                  <a:gd name="T74" fmla="*/ 221 w 446"/>
                  <a:gd name="T75" fmla="*/ 149 h 440"/>
                  <a:gd name="T76" fmla="*/ 218 w 446"/>
                  <a:gd name="T77" fmla="*/ 159 h 440"/>
                  <a:gd name="T78" fmla="*/ 199 w 446"/>
                  <a:gd name="T79" fmla="*/ 160 h 440"/>
                  <a:gd name="T80" fmla="*/ 188 w 446"/>
                  <a:gd name="T81" fmla="*/ 160 h 440"/>
                  <a:gd name="T82" fmla="*/ 188 w 446"/>
                  <a:gd name="T83" fmla="*/ 176 h 440"/>
                  <a:gd name="T84" fmla="*/ 183 w 446"/>
                  <a:gd name="T85" fmla="*/ 189 h 440"/>
                  <a:gd name="T86" fmla="*/ 179 w 446"/>
                  <a:gd name="T87" fmla="*/ 195 h 440"/>
                  <a:gd name="T88" fmla="*/ 174 w 446"/>
                  <a:gd name="T89" fmla="*/ 212 h 440"/>
                  <a:gd name="T90" fmla="*/ 163 w 446"/>
                  <a:gd name="T91" fmla="*/ 232 h 440"/>
                  <a:gd name="T92" fmla="*/ 163 w 446"/>
                  <a:gd name="T93" fmla="*/ 239 h 440"/>
                  <a:gd name="T94" fmla="*/ 164 w 446"/>
                  <a:gd name="T95" fmla="*/ 253 h 440"/>
                  <a:gd name="T96" fmla="*/ 148 w 446"/>
                  <a:gd name="T97" fmla="*/ 259 h 440"/>
                  <a:gd name="T98" fmla="*/ 136 w 446"/>
                  <a:gd name="T99" fmla="*/ 267 h 440"/>
                  <a:gd name="T100" fmla="*/ 125 w 446"/>
                  <a:gd name="T101" fmla="*/ 268 h 440"/>
                  <a:gd name="T102" fmla="*/ 122 w 446"/>
                  <a:gd name="T103" fmla="*/ 276 h 440"/>
                  <a:gd name="T104" fmla="*/ 118 w 446"/>
                  <a:gd name="T105" fmla="*/ 279 h 440"/>
                  <a:gd name="T106" fmla="*/ 97 w 446"/>
                  <a:gd name="T107" fmla="*/ 280 h 440"/>
                  <a:gd name="T108" fmla="*/ 90 w 446"/>
                  <a:gd name="T109" fmla="*/ 285 h 440"/>
                  <a:gd name="T110" fmla="*/ 74 w 446"/>
                  <a:gd name="T111" fmla="*/ 288 h 440"/>
                  <a:gd name="T112" fmla="*/ 55 w 446"/>
                  <a:gd name="T113" fmla="*/ 279 h 440"/>
                  <a:gd name="T114" fmla="*/ 51 w 446"/>
                  <a:gd name="T115" fmla="*/ 265 h 440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446"/>
                  <a:gd name="T175" fmla="*/ 0 h 440"/>
                  <a:gd name="T176" fmla="*/ 446 w 446"/>
                  <a:gd name="T177" fmla="*/ 440 h 440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446" h="440">
                    <a:moveTo>
                      <a:pt x="76" y="404"/>
                    </a:moveTo>
                    <a:lnTo>
                      <a:pt x="64" y="404"/>
                    </a:lnTo>
                    <a:lnTo>
                      <a:pt x="64" y="402"/>
                    </a:lnTo>
                    <a:lnTo>
                      <a:pt x="62" y="401"/>
                    </a:lnTo>
                    <a:lnTo>
                      <a:pt x="62" y="399"/>
                    </a:lnTo>
                    <a:lnTo>
                      <a:pt x="61" y="397"/>
                    </a:lnTo>
                    <a:lnTo>
                      <a:pt x="57" y="397"/>
                    </a:lnTo>
                    <a:lnTo>
                      <a:pt x="54" y="396"/>
                    </a:lnTo>
                    <a:lnTo>
                      <a:pt x="49" y="396"/>
                    </a:lnTo>
                    <a:lnTo>
                      <a:pt x="49" y="394"/>
                    </a:lnTo>
                    <a:lnTo>
                      <a:pt x="45" y="389"/>
                    </a:lnTo>
                    <a:lnTo>
                      <a:pt x="40" y="384"/>
                    </a:lnTo>
                    <a:lnTo>
                      <a:pt x="35" y="375"/>
                    </a:lnTo>
                    <a:lnTo>
                      <a:pt x="28" y="367"/>
                    </a:lnTo>
                    <a:lnTo>
                      <a:pt x="22" y="357"/>
                    </a:lnTo>
                    <a:lnTo>
                      <a:pt x="13" y="348"/>
                    </a:lnTo>
                    <a:lnTo>
                      <a:pt x="5" y="338"/>
                    </a:lnTo>
                    <a:lnTo>
                      <a:pt x="5" y="335"/>
                    </a:lnTo>
                    <a:lnTo>
                      <a:pt x="5" y="331"/>
                    </a:lnTo>
                    <a:lnTo>
                      <a:pt x="6" y="326"/>
                    </a:lnTo>
                    <a:lnTo>
                      <a:pt x="6" y="323"/>
                    </a:lnTo>
                    <a:lnTo>
                      <a:pt x="6" y="318"/>
                    </a:lnTo>
                    <a:lnTo>
                      <a:pt x="5" y="311"/>
                    </a:lnTo>
                    <a:lnTo>
                      <a:pt x="3" y="306"/>
                    </a:lnTo>
                    <a:lnTo>
                      <a:pt x="0" y="303"/>
                    </a:lnTo>
                    <a:lnTo>
                      <a:pt x="0" y="299"/>
                    </a:lnTo>
                    <a:lnTo>
                      <a:pt x="0" y="297"/>
                    </a:lnTo>
                    <a:lnTo>
                      <a:pt x="1" y="297"/>
                    </a:lnTo>
                    <a:lnTo>
                      <a:pt x="1" y="299"/>
                    </a:lnTo>
                    <a:lnTo>
                      <a:pt x="3" y="299"/>
                    </a:lnTo>
                    <a:lnTo>
                      <a:pt x="6" y="303"/>
                    </a:lnTo>
                    <a:lnTo>
                      <a:pt x="13" y="301"/>
                    </a:lnTo>
                    <a:lnTo>
                      <a:pt x="18" y="297"/>
                    </a:lnTo>
                    <a:lnTo>
                      <a:pt x="23" y="292"/>
                    </a:lnTo>
                    <a:lnTo>
                      <a:pt x="28" y="287"/>
                    </a:lnTo>
                    <a:lnTo>
                      <a:pt x="32" y="281"/>
                    </a:lnTo>
                    <a:lnTo>
                      <a:pt x="34" y="277"/>
                    </a:lnTo>
                    <a:lnTo>
                      <a:pt x="35" y="275"/>
                    </a:lnTo>
                    <a:lnTo>
                      <a:pt x="32" y="253"/>
                    </a:lnTo>
                    <a:lnTo>
                      <a:pt x="34" y="252"/>
                    </a:lnTo>
                    <a:lnTo>
                      <a:pt x="34" y="250"/>
                    </a:lnTo>
                    <a:lnTo>
                      <a:pt x="35" y="247"/>
                    </a:lnTo>
                    <a:lnTo>
                      <a:pt x="37" y="243"/>
                    </a:lnTo>
                    <a:lnTo>
                      <a:pt x="39" y="242"/>
                    </a:lnTo>
                    <a:lnTo>
                      <a:pt x="39" y="238"/>
                    </a:lnTo>
                    <a:lnTo>
                      <a:pt x="40" y="230"/>
                    </a:lnTo>
                    <a:lnTo>
                      <a:pt x="40" y="225"/>
                    </a:lnTo>
                    <a:lnTo>
                      <a:pt x="44" y="221"/>
                    </a:lnTo>
                    <a:lnTo>
                      <a:pt x="45" y="221"/>
                    </a:lnTo>
                    <a:lnTo>
                      <a:pt x="49" y="221"/>
                    </a:lnTo>
                    <a:lnTo>
                      <a:pt x="50" y="221"/>
                    </a:lnTo>
                    <a:lnTo>
                      <a:pt x="52" y="223"/>
                    </a:lnTo>
                    <a:lnTo>
                      <a:pt x="54" y="225"/>
                    </a:lnTo>
                    <a:lnTo>
                      <a:pt x="57" y="233"/>
                    </a:lnTo>
                    <a:lnTo>
                      <a:pt x="61" y="235"/>
                    </a:lnTo>
                    <a:lnTo>
                      <a:pt x="62" y="233"/>
                    </a:lnTo>
                    <a:lnTo>
                      <a:pt x="66" y="230"/>
                    </a:lnTo>
                    <a:lnTo>
                      <a:pt x="67" y="225"/>
                    </a:lnTo>
                    <a:lnTo>
                      <a:pt x="67" y="221"/>
                    </a:lnTo>
                    <a:lnTo>
                      <a:pt x="67" y="216"/>
                    </a:lnTo>
                    <a:lnTo>
                      <a:pt x="69" y="216"/>
                    </a:lnTo>
                    <a:lnTo>
                      <a:pt x="71" y="189"/>
                    </a:lnTo>
                    <a:lnTo>
                      <a:pt x="93" y="167"/>
                    </a:lnTo>
                    <a:lnTo>
                      <a:pt x="93" y="169"/>
                    </a:lnTo>
                    <a:lnTo>
                      <a:pt x="94" y="171"/>
                    </a:lnTo>
                    <a:lnTo>
                      <a:pt x="98" y="171"/>
                    </a:lnTo>
                    <a:lnTo>
                      <a:pt x="101" y="169"/>
                    </a:lnTo>
                    <a:lnTo>
                      <a:pt x="105" y="169"/>
                    </a:lnTo>
                    <a:lnTo>
                      <a:pt x="108" y="167"/>
                    </a:lnTo>
                    <a:lnTo>
                      <a:pt x="110" y="165"/>
                    </a:lnTo>
                    <a:lnTo>
                      <a:pt x="110" y="164"/>
                    </a:lnTo>
                    <a:lnTo>
                      <a:pt x="111" y="164"/>
                    </a:lnTo>
                    <a:lnTo>
                      <a:pt x="113" y="160"/>
                    </a:lnTo>
                    <a:lnTo>
                      <a:pt x="118" y="155"/>
                    </a:lnTo>
                    <a:lnTo>
                      <a:pt x="122" y="150"/>
                    </a:lnTo>
                    <a:lnTo>
                      <a:pt x="125" y="147"/>
                    </a:lnTo>
                    <a:lnTo>
                      <a:pt x="130" y="142"/>
                    </a:lnTo>
                    <a:lnTo>
                      <a:pt x="132" y="138"/>
                    </a:lnTo>
                    <a:lnTo>
                      <a:pt x="133" y="137"/>
                    </a:lnTo>
                    <a:lnTo>
                      <a:pt x="138" y="130"/>
                    </a:lnTo>
                    <a:lnTo>
                      <a:pt x="142" y="125"/>
                    </a:lnTo>
                    <a:lnTo>
                      <a:pt x="144" y="120"/>
                    </a:lnTo>
                    <a:lnTo>
                      <a:pt x="144" y="115"/>
                    </a:lnTo>
                    <a:lnTo>
                      <a:pt x="144" y="111"/>
                    </a:lnTo>
                    <a:lnTo>
                      <a:pt x="142" y="108"/>
                    </a:lnTo>
                    <a:lnTo>
                      <a:pt x="142" y="106"/>
                    </a:lnTo>
                    <a:lnTo>
                      <a:pt x="142" y="105"/>
                    </a:lnTo>
                    <a:lnTo>
                      <a:pt x="142" y="103"/>
                    </a:lnTo>
                    <a:lnTo>
                      <a:pt x="142" y="96"/>
                    </a:lnTo>
                    <a:lnTo>
                      <a:pt x="144" y="89"/>
                    </a:lnTo>
                    <a:lnTo>
                      <a:pt x="144" y="79"/>
                    </a:lnTo>
                    <a:lnTo>
                      <a:pt x="145" y="69"/>
                    </a:lnTo>
                    <a:lnTo>
                      <a:pt x="147" y="61"/>
                    </a:lnTo>
                    <a:lnTo>
                      <a:pt x="147" y="55"/>
                    </a:lnTo>
                    <a:lnTo>
                      <a:pt x="149" y="52"/>
                    </a:lnTo>
                    <a:lnTo>
                      <a:pt x="152" y="47"/>
                    </a:lnTo>
                    <a:lnTo>
                      <a:pt x="152" y="40"/>
                    </a:lnTo>
                    <a:lnTo>
                      <a:pt x="152" y="32"/>
                    </a:lnTo>
                    <a:lnTo>
                      <a:pt x="150" y="23"/>
                    </a:lnTo>
                    <a:lnTo>
                      <a:pt x="149" y="15"/>
                    </a:lnTo>
                    <a:lnTo>
                      <a:pt x="147" y="10"/>
                    </a:lnTo>
                    <a:lnTo>
                      <a:pt x="145" y="5"/>
                    </a:lnTo>
                    <a:lnTo>
                      <a:pt x="144" y="3"/>
                    </a:lnTo>
                    <a:lnTo>
                      <a:pt x="155" y="0"/>
                    </a:lnTo>
                    <a:lnTo>
                      <a:pt x="174" y="111"/>
                    </a:lnTo>
                    <a:lnTo>
                      <a:pt x="269" y="93"/>
                    </a:lnTo>
                    <a:lnTo>
                      <a:pt x="279" y="154"/>
                    </a:lnTo>
                    <a:lnTo>
                      <a:pt x="314" y="121"/>
                    </a:lnTo>
                    <a:lnTo>
                      <a:pt x="314" y="123"/>
                    </a:lnTo>
                    <a:lnTo>
                      <a:pt x="316" y="123"/>
                    </a:lnTo>
                    <a:lnTo>
                      <a:pt x="318" y="123"/>
                    </a:lnTo>
                    <a:lnTo>
                      <a:pt x="321" y="121"/>
                    </a:lnTo>
                    <a:lnTo>
                      <a:pt x="326" y="116"/>
                    </a:lnTo>
                    <a:lnTo>
                      <a:pt x="331" y="110"/>
                    </a:lnTo>
                    <a:lnTo>
                      <a:pt x="338" y="98"/>
                    </a:lnTo>
                    <a:lnTo>
                      <a:pt x="340" y="98"/>
                    </a:lnTo>
                    <a:lnTo>
                      <a:pt x="343" y="99"/>
                    </a:lnTo>
                    <a:lnTo>
                      <a:pt x="348" y="101"/>
                    </a:lnTo>
                    <a:lnTo>
                      <a:pt x="353" y="101"/>
                    </a:lnTo>
                    <a:lnTo>
                      <a:pt x="358" y="101"/>
                    </a:lnTo>
                    <a:lnTo>
                      <a:pt x="365" y="99"/>
                    </a:lnTo>
                    <a:lnTo>
                      <a:pt x="370" y="94"/>
                    </a:lnTo>
                    <a:lnTo>
                      <a:pt x="375" y="88"/>
                    </a:lnTo>
                    <a:lnTo>
                      <a:pt x="377" y="86"/>
                    </a:lnTo>
                    <a:lnTo>
                      <a:pt x="377" y="84"/>
                    </a:lnTo>
                    <a:lnTo>
                      <a:pt x="380" y="81"/>
                    </a:lnTo>
                    <a:lnTo>
                      <a:pt x="384" y="79"/>
                    </a:lnTo>
                    <a:lnTo>
                      <a:pt x="389" y="77"/>
                    </a:lnTo>
                    <a:lnTo>
                      <a:pt x="394" y="77"/>
                    </a:lnTo>
                    <a:lnTo>
                      <a:pt x="402" y="79"/>
                    </a:lnTo>
                    <a:lnTo>
                      <a:pt x="413" y="83"/>
                    </a:lnTo>
                    <a:lnTo>
                      <a:pt x="414" y="83"/>
                    </a:lnTo>
                    <a:lnTo>
                      <a:pt x="416" y="83"/>
                    </a:lnTo>
                    <a:lnTo>
                      <a:pt x="418" y="83"/>
                    </a:lnTo>
                    <a:lnTo>
                      <a:pt x="419" y="83"/>
                    </a:lnTo>
                    <a:lnTo>
                      <a:pt x="423" y="83"/>
                    </a:lnTo>
                    <a:lnTo>
                      <a:pt x="424" y="83"/>
                    </a:lnTo>
                    <a:lnTo>
                      <a:pt x="426" y="83"/>
                    </a:lnTo>
                    <a:lnTo>
                      <a:pt x="428" y="89"/>
                    </a:lnTo>
                    <a:lnTo>
                      <a:pt x="430" y="91"/>
                    </a:lnTo>
                    <a:lnTo>
                      <a:pt x="433" y="93"/>
                    </a:lnTo>
                    <a:lnTo>
                      <a:pt x="436" y="96"/>
                    </a:lnTo>
                    <a:lnTo>
                      <a:pt x="441" y="99"/>
                    </a:lnTo>
                    <a:lnTo>
                      <a:pt x="445" y="105"/>
                    </a:lnTo>
                    <a:lnTo>
                      <a:pt x="446" y="110"/>
                    </a:lnTo>
                    <a:lnTo>
                      <a:pt x="446" y="115"/>
                    </a:lnTo>
                    <a:lnTo>
                      <a:pt x="443" y="120"/>
                    </a:lnTo>
                    <a:lnTo>
                      <a:pt x="443" y="121"/>
                    </a:lnTo>
                    <a:lnTo>
                      <a:pt x="443" y="125"/>
                    </a:lnTo>
                    <a:lnTo>
                      <a:pt x="443" y="128"/>
                    </a:lnTo>
                    <a:lnTo>
                      <a:pt x="441" y="130"/>
                    </a:lnTo>
                    <a:lnTo>
                      <a:pt x="438" y="132"/>
                    </a:lnTo>
                    <a:lnTo>
                      <a:pt x="433" y="133"/>
                    </a:lnTo>
                    <a:lnTo>
                      <a:pt x="424" y="130"/>
                    </a:lnTo>
                    <a:lnTo>
                      <a:pt x="411" y="125"/>
                    </a:lnTo>
                    <a:lnTo>
                      <a:pt x="409" y="123"/>
                    </a:lnTo>
                    <a:lnTo>
                      <a:pt x="406" y="121"/>
                    </a:lnTo>
                    <a:lnTo>
                      <a:pt x="401" y="120"/>
                    </a:lnTo>
                    <a:lnTo>
                      <a:pt x="396" y="118"/>
                    </a:lnTo>
                    <a:lnTo>
                      <a:pt x="392" y="115"/>
                    </a:lnTo>
                    <a:lnTo>
                      <a:pt x="387" y="113"/>
                    </a:lnTo>
                    <a:lnTo>
                      <a:pt x="384" y="111"/>
                    </a:lnTo>
                    <a:lnTo>
                      <a:pt x="380" y="145"/>
                    </a:lnTo>
                    <a:lnTo>
                      <a:pt x="375" y="150"/>
                    </a:lnTo>
                    <a:lnTo>
                      <a:pt x="375" y="152"/>
                    </a:lnTo>
                    <a:lnTo>
                      <a:pt x="374" y="157"/>
                    </a:lnTo>
                    <a:lnTo>
                      <a:pt x="372" y="162"/>
                    </a:lnTo>
                    <a:lnTo>
                      <a:pt x="369" y="169"/>
                    </a:lnTo>
                    <a:lnTo>
                      <a:pt x="365" y="176"/>
                    </a:lnTo>
                    <a:lnTo>
                      <a:pt x="362" y="179"/>
                    </a:lnTo>
                    <a:lnTo>
                      <a:pt x="358" y="182"/>
                    </a:lnTo>
                    <a:lnTo>
                      <a:pt x="355" y="181"/>
                    </a:lnTo>
                    <a:lnTo>
                      <a:pt x="355" y="182"/>
                    </a:lnTo>
                    <a:lnTo>
                      <a:pt x="355" y="186"/>
                    </a:lnTo>
                    <a:lnTo>
                      <a:pt x="353" y="189"/>
                    </a:lnTo>
                    <a:lnTo>
                      <a:pt x="352" y="194"/>
                    </a:lnTo>
                    <a:lnTo>
                      <a:pt x="350" y="199"/>
                    </a:lnTo>
                    <a:lnTo>
                      <a:pt x="347" y="203"/>
                    </a:lnTo>
                    <a:lnTo>
                      <a:pt x="345" y="203"/>
                    </a:lnTo>
                    <a:lnTo>
                      <a:pt x="342" y="199"/>
                    </a:lnTo>
                    <a:lnTo>
                      <a:pt x="340" y="199"/>
                    </a:lnTo>
                    <a:lnTo>
                      <a:pt x="338" y="198"/>
                    </a:lnTo>
                    <a:lnTo>
                      <a:pt x="336" y="196"/>
                    </a:lnTo>
                    <a:lnTo>
                      <a:pt x="333" y="196"/>
                    </a:lnTo>
                    <a:lnTo>
                      <a:pt x="331" y="198"/>
                    </a:lnTo>
                    <a:lnTo>
                      <a:pt x="328" y="199"/>
                    </a:lnTo>
                    <a:lnTo>
                      <a:pt x="326" y="206"/>
                    </a:lnTo>
                    <a:lnTo>
                      <a:pt x="326" y="216"/>
                    </a:lnTo>
                    <a:lnTo>
                      <a:pt x="326" y="218"/>
                    </a:lnTo>
                    <a:lnTo>
                      <a:pt x="326" y="220"/>
                    </a:lnTo>
                    <a:lnTo>
                      <a:pt x="325" y="223"/>
                    </a:lnTo>
                    <a:lnTo>
                      <a:pt x="325" y="225"/>
                    </a:lnTo>
                    <a:lnTo>
                      <a:pt x="323" y="226"/>
                    </a:lnTo>
                    <a:lnTo>
                      <a:pt x="323" y="228"/>
                    </a:lnTo>
                    <a:lnTo>
                      <a:pt x="323" y="230"/>
                    </a:lnTo>
                    <a:lnTo>
                      <a:pt x="323" y="231"/>
                    </a:lnTo>
                    <a:lnTo>
                      <a:pt x="321" y="235"/>
                    </a:lnTo>
                    <a:lnTo>
                      <a:pt x="320" y="242"/>
                    </a:lnTo>
                    <a:lnTo>
                      <a:pt x="318" y="247"/>
                    </a:lnTo>
                    <a:lnTo>
                      <a:pt x="313" y="250"/>
                    </a:lnTo>
                    <a:lnTo>
                      <a:pt x="308" y="252"/>
                    </a:lnTo>
                    <a:lnTo>
                      <a:pt x="301" y="250"/>
                    </a:lnTo>
                    <a:lnTo>
                      <a:pt x="291" y="243"/>
                    </a:lnTo>
                    <a:lnTo>
                      <a:pt x="289" y="242"/>
                    </a:lnTo>
                    <a:lnTo>
                      <a:pt x="286" y="240"/>
                    </a:lnTo>
                    <a:lnTo>
                      <a:pt x="282" y="238"/>
                    </a:lnTo>
                    <a:lnTo>
                      <a:pt x="279" y="238"/>
                    </a:lnTo>
                    <a:lnTo>
                      <a:pt x="276" y="240"/>
                    </a:lnTo>
                    <a:lnTo>
                      <a:pt x="274" y="243"/>
                    </a:lnTo>
                    <a:lnTo>
                      <a:pt x="274" y="250"/>
                    </a:lnTo>
                    <a:lnTo>
                      <a:pt x="276" y="260"/>
                    </a:lnTo>
                    <a:lnTo>
                      <a:pt x="276" y="262"/>
                    </a:lnTo>
                    <a:lnTo>
                      <a:pt x="276" y="265"/>
                    </a:lnTo>
                    <a:lnTo>
                      <a:pt x="274" y="267"/>
                    </a:lnTo>
                    <a:lnTo>
                      <a:pt x="272" y="269"/>
                    </a:lnTo>
                    <a:lnTo>
                      <a:pt x="272" y="272"/>
                    </a:lnTo>
                    <a:lnTo>
                      <a:pt x="270" y="274"/>
                    </a:lnTo>
                    <a:lnTo>
                      <a:pt x="270" y="275"/>
                    </a:lnTo>
                    <a:lnTo>
                      <a:pt x="269" y="275"/>
                    </a:lnTo>
                    <a:lnTo>
                      <a:pt x="267" y="287"/>
                    </a:lnTo>
                    <a:lnTo>
                      <a:pt x="265" y="289"/>
                    </a:lnTo>
                    <a:lnTo>
                      <a:pt x="264" y="291"/>
                    </a:lnTo>
                    <a:lnTo>
                      <a:pt x="264" y="292"/>
                    </a:lnTo>
                    <a:lnTo>
                      <a:pt x="262" y="296"/>
                    </a:lnTo>
                    <a:lnTo>
                      <a:pt x="260" y="301"/>
                    </a:lnTo>
                    <a:lnTo>
                      <a:pt x="259" y="308"/>
                    </a:lnTo>
                    <a:lnTo>
                      <a:pt x="259" y="314"/>
                    </a:lnTo>
                    <a:lnTo>
                      <a:pt x="259" y="318"/>
                    </a:lnTo>
                    <a:lnTo>
                      <a:pt x="255" y="321"/>
                    </a:lnTo>
                    <a:lnTo>
                      <a:pt x="252" y="326"/>
                    </a:lnTo>
                    <a:lnTo>
                      <a:pt x="248" y="331"/>
                    </a:lnTo>
                    <a:lnTo>
                      <a:pt x="245" y="336"/>
                    </a:lnTo>
                    <a:lnTo>
                      <a:pt x="242" y="341"/>
                    </a:lnTo>
                    <a:lnTo>
                      <a:pt x="240" y="347"/>
                    </a:lnTo>
                    <a:lnTo>
                      <a:pt x="238" y="352"/>
                    </a:lnTo>
                    <a:lnTo>
                      <a:pt x="238" y="353"/>
                    </a:lnTo>
                    <a:lnTo>
                      <a:pt x="238" y="355"/>
                    </a:lnTo>
                    <a:lnTo>
                      <a:pt x="238" y="357"/>
                    </a:lnTo>
                    <a:lnTo>
                      <a:pt x="238" y="360"/>
                    </a:lnTo>
                    <a:lnTo>
                      <a:pt x="238" y="362"/>
                    </a:lnTo>
                    <a:lnTo>
                      <a:pt x="238" y="363"/>
                    </a:lnTo>
                    <a:lnTo>
                      <a:pt x="238" y="365"/>
                    </a:lnTo>
                    <a:lnTo>
                      <a:pt x="243" y="369"/>
                    </a:lnTo>
                    <a:lnTo>
                      <a:pt x="237" y="377"/>
                    </a:lnTo>
                    <a:lnTo>
                      <a:pt x="242" y="384"/>
                    </a:lnTo>
                    <a:lnTo>
                      <a:pt x="225" y="396"/>
                    </a:lnTo>
                    <a:lnTo>
                      <a:pt x="223" y="396"/>
                    </a:lnTo>
                    <a:lnTo>
                      <a:pt x="220" y="394"/>
                    </a:lnTo>
                    <a:lnTo>
                      <a:pt x="216" y="394"/>
                    </a:lnTo>
                    <a:lnTo>
                      <a:pt x="211" y="394"/>
                    </a:lnTo>
                    <a:lnTo>
                      <a:pt x="208" y="396"/>
                    </a:lnTo>
                    <a:lnTo>
                      <a:pt x="203" y="401"/>
                    </a:lnTo>
                    <a:lnTo>
                      <a:pt x="201" y="407"/>
                    </a:lnTo>
                    <a:lnTo>
                      <a:pt x="199" y="406"/>
                    </a:lnTo>
                    <a:lnTo>
                      <a:pt x="198" y="404"/>
                    </a:lnTo>
                    <a:lnTo>
                      <a:pt x="194" y="404"/>
                    </a:lnTo>
                    <a:lnTo>
                      <a:pt x="189" y="402"/>
                    </a:lnTo>
                    <a:lnTo>
                      <a:pt x="186" y="402"/>
                    </a:lnTo>
                    <a:lnTo>
                      <a:pt x="184" y="404"/>
                    </a:lnTo>
                    <a:lnTo>
                      <a:pt x="184" y="407"/>
                    </a:lnTo>
                    <a:lnTo>
                      <a:pt x="186" y="414"/>
                    </a:lnTo>
                    <a:lnTo>
                      <a:pt x="186" y="416"/>
                    </a:lnTo>
                    <a:lnTo>
                      <a:pt x="184" y="418"/>
                    </a:lnTo>
                    <a:lnTo>
                      <a:pt x="182" y="418"/>
                    </a:lnTo>
                    <a:lnTo>
                      <a:pt x="179" y="419"/>
                    </a:lnTo>
                    <a:lnTo>
                      <a:pt x="176" y="421"/>
                    </a:lnTo>
                    <a:lnTo>
                      <a:pt x="174" y="423"/>
                    </a:lnTo>
                    <a:lnTo>
                      <a:pt x="172" y="423"/>
                    </a:lnTo>
                    <a:lnTo>
                      <a:pt x="171" y="424"/>
                    </a:lnTo>
                    <a:lnTo>
                      <a:pt x="167" y="426"/>
                    </a:lnTo>
                    <a:lnTo>
                      <a:pt x="162" y="428"/>
                    </a:lnTo>
                    <a:lnTo>
                      <a:pt x="155" y="429"/>
                    </a:lnTo>
                    <a:lnTo>
                      <a:pt x="150" y="429"/>
                    </a:lnTo>
                    <a:lnTo>
                      <a:pt x="145" y="429"/>
                    </a:lnTo>
                    <a:lnTo>
                      <a:pt x="142" y="428"/>
                    </a:lnTo>
                    <a:lnTo>
                      <a:pt x="140" y="423"/>
                    </a:lnTo>
                    <a:lnTo>
                      <a:pt x="138" y="426"/>
                    </a:lnTo>
                    <a:lnTo>
                      <a:pt x="135" y="429"/>
                    </a:lnTo>
                    <a:lnTo>
                      <a:pt x="132" y="433"/>
                    </a:lnTo>
                    <a:lnTo>
                      <a:pt x="127" y="438"/>
                    </a:lnTo>
                    <a:lnTo>
                      <a:pt x="122" y="440"/>
                    </a:lnTo>
                    <a:lnTo>
                      <a:pt x="116" y="440"/>
                    </a:lnTo>
                    <a:lnTo>
                      <a:pt x="110" y="438"/>
                    </a:lnTo>
                    <a:lnTo>
                      <a:pt x="108" y="438"/>
                    </a:lnTo>
                    <a:lnTo>
                      <a:pt x="105" y="438"/>
                    </a:lnTo>
                    <a:lnTo>
                      <a:pt x="101" y="436"/>
                    </a:lnTo>
                    <a:lnTo>
                      <a:pt x="98" y="435"/>
                    </a:lnTo>
                    <a:lnTo>
                      <a:pt x="93" y="433"/>
                    </a:lnTo>
                    <a:lnTo>
                      <a:pt x="88" y="428"/>
                    </a:lnTo>
                    <a:lnTo>
                      <a:pt x="83" y="423"/>
                    </a:lnTo>
                    <a:lnTo>
                      <a:pt x="79" y="416"/>
                    </a:lnTo>
                    <a:lnTo>
                      <a:pt x="78" y="413"/>
                    </a:lnTo>
                    <a:lnTo>
                      <a:pt x="78" y="409"/>
                    </a:lnTo>
                    <a:lnTo>
                      <a:pt x="78" y="406"/>
                    </a:lnTo>
                    <a:lnTo>
                      <a:pt x="76" y="404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26" name="Freeform 130"/>
              <p:cNvSpPr>
                <a:spLocks/>
              </p:cNvSpPr>
              <p:nvPr/>
            </p:nvSpPr>
            <p:spPr bwMode="auto">
              <a:xfrm>
                <a:off x="4583" y="2049"/>
                <a:ext cx="102" cy="170"/>
              </a:xfrm>
              <a:custGeom>
                <a:avLst/>
                <a:gdLst>
                  <a:gd name="T0" fmla="*/ 17 w 105"/>
                  <a:gd name="T1" fmla="*/ 16 h 175"/>
                  <a:gd name="T2" fmla="*/ 17 w 105"/>
                  <a:gd name="T3" fmla="*/ 17 h 175"/>
                  <a:gd name="T4" fmla="*/ 17 w 105"/>
                  <a:gd name="T5" fmla="*/ 17 h 175"/>
                  <a:gd name="T6" fmla="*/ 17 w 105"/>
                  <a:gd name="T7" fmla="*/ 20 h 175"/>
                  <a:gd name="T8" fmla="*/ 17 w 105"/>
                  <a:gd name="T9" fmla="*/ 22 h 175"/>
                  <a:gd name="T10" fmla="*/ 17 w 105"/>
                  <a:gd name="T11" fmla="*/ 24 h 175"/>
                  <a:gd name="T12" fmla="*/ 17 w 105"/>
                  <a:gd name="T13" fmla="*/ 32 h 175"/>
                  <a:gd name="T14" fmla="*/ 17 w 105"/>
                  <a:gd name="T15" fmla="*/ 39 h 175"/>
                  <a:gd name="T16" fmla="*/ 20 w 105"/>
                  <a:gd name="T17" fmla="*/ 42 h 175"/>
                  <a:gd name="T18" fmla="*/ 23 w 105"/>
                  <a:gd name="T19" fmla="*/ 42 h 175"/>
                  <a:gd name="T20" fmla="*/ 25 w 105"/>
                  <a:gd name="T21" fmla="*/ 43 h 175"/>
                  <a:gd name="T22" fmla="*/ 30 w 105"/>
                  <a:gd name="T23" fmla="*/ 45 h 175"/>
                  <a:gd name="T24" fmla="*/ 35 w 105"/>
                  <a:gd name="T25" fmla="*/ 48 h 175"/>
                  <a:gd name="T26" fmla="*/ 35 w 105"/>
                  <a:gd name="T27" fmla="*/ 54 h 175"/>
                  <a:gd name="T28" fmla="*/ 35 w 105"/>
                  <a:gd name="T29" fmla="*/ 59 h 175"/>
                  <a:gd name="T30" fmla="*/ 35 w 105"/>
                  <a:gd name="T31" fmla="*/ 59 h 175"/>
                  <a:gd name="T32" fmla="*/ 39 w 105"/>
                  <a:gd name="T33" fmla="*/ 63 h 175"/>
                  <a:gd name="T34" fmla="*/ 41 w 105"/>
                  <a:gd name="T35" fmla="*/ 67 h 175"/>
                  <a:gd name="T36" fmla="*/ 43 w 105"/>
                  <a:gd name="T37" fmla="*/ 70 h 175"/>
                  <a:gd name="T38" fmla="*/ 43 w 105"/>
                  <a:gd name="T39" fmla="*/ 71 h 175"/>
                  <a:gd name="T40" fmla="*/ 44 w 105"/>
                  <a:gd name="T41" fmla="*/ 71 h 175"/>
                  <a:gd name="T42" fmla="*/ 45 w 105"/>
                  <a:gd name="T43" fmla="*/ 74 h 175"/>
                  <a:gd name="T44" fmla="*/ 45 w 105"/>
                  <a:gd name="T45" fmla="*/ 75 h 175"/>
                  <a:gd name="T46" fmla="*/ 49 w 105"/>
                  <a:gd name="T47" fmla="*/ 80 h 175"/>
                  <a:gd name="T48" fmla="*/ 55 w 105"/>
                  <a:gd name="T49" fmla="*/ 82 h 175"/>
                  <a:gd name="T50" fmla="*/ 59 w 105"/>
                  <a:gd name="T51" fmla="*/ 82 h 175"/>
                  <a:gd name="T52" fmla="*/ 61 w 105"/>
                  <a:gd name="T53" fmla="*/ 82 h 175"/>
                  <a:gd name="T54" fmla="*/ 63 w 105"/>
                  <a:gd name="T55" fmla="*/ 90 h 175"/>
                  <a:gd name="T56" fmla="*/ 58 w 105"/>
                  <a:gd name="T57" fmla="*/ 94 h 175"/>
                  <a:gd name="T58" fmla="*/ 58 w 105"/>
                  <a:gd name="T59" fmla="*/ 94 h 175"/>
                  <a:gd name="T60" fmla="*/ 57 w 105"/>
                  <a:gd name="T61" fmla="*/ 95 h 175"/>
                  <a:gd name="T62" fmla="*/ 57 w 105"/>
                  <a:gd name="T63" fmla="*/ 96 h 175"/>
                  <a:gd name="T64" fmla="*/ 53 w 105"/>
                  <a:gd name="T65" fmla="*/ 99 h 175"/>
                  <a:gd name="T66" fmla="*/ 57 w 105"/>
                  <a:gd name="T67" fmla="*/ 100 h 175"/>
                  <a:gd name="T68" fmla="*/ 61 w 105"/>
                  <a:gd name="T69" fmla="*/ 99 h 175"/>
                  <a:gd name="T70" fmla="*/ 63 w 105"/>
                  <a:gd name="T71" fmla="*/ 98 h 175"/>
                  <a:gd name="T72" fmla="*/ 66 w 105"/>
                  <a:gd name="T73" fmla="*/ 96 h 175"/>
                  <a:gd name="T74" fmla="*/ 69 w 105"/>
                  <a:gd name="T75" fmla="*/ 99 h 175"/>
                  <a:gd name="T76" fmla="*/ 69 w 105"/>
                  <a:gd name="T77" fmla="*/ 104 h 175"/>
                  <a:gd name="T78" fmla="*/ 69 w 105"/>
                  <a:gd name="T79" fmla="*/ 109 h 175"/>
                  <a:gd name="T80" fmla="*/ 0 w 105"/>
                  <a:gd name="T81" fmla="*/ 17 h 175"/>
                  <a:gd name="T82" fmla="*/ 0 w 105"/>
                  <a:gd name="T83" fmla="*/ 17 h 175"/>
                  <a:gd name="T84" fmla="*/ 5 w 105"/>
                  <a:gd name="T85" fmla="*/ 7 h 175"/>
                  <a:gd name="T86" fmla="*/ 15 w 105"/>
                  <a:gd name="T87" fmla="*/ 0 h 175"/>
                  <a:gd name="T88" fmla="*/ 17 w 105"/>
                  <a:gd name="T89" fmla="*/ 0 h 175"/>
                  <a:gd name="T90" fmla="*/ 18 w 105"/>
                  <a:gd name="T91" fmla="*/ 2 h 175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w 105"/>
                  <a:gd name="T139" fmla="*/ 0 h 175"/>
                  <a:gd name="T140" fmla="*/ 105 w 105"/>
                  <a:gd name="T141" fmla="*/ 175 h 175"/>
                </a:gdLst>
                <a:ahLst/>
                <a:cxnLst>
                  <a:cxn ang="T92">
                    <a:pos x="T0" y="T1"/>
                  </a:cxn>
                  <a:cxn ang="T93">
                    <a:pos x="T2" y="T3"/>
                  </a:cxn>
                  <a:cxn ang="T94">
                    <a:pos x="T4" y="T5"/>
                  </a:cxn>
                  <a:cxn ang="T95">
                    <a:pos x="T6" y="T7"/>
                  </a:cxn>
                  <a:cxn ang="T96">
                    <a:pos x="T8" y="T9"/>
                  </a:cxn>
                  <a:cxn ang="T97">
                    <a:pos x="T10" y="T11"/>
                  </a:cxn>
                  <a:cxn ang="T98">
                    <a:pos x="T12" y="T13"/>
                  </a:cxn>
                  <a:cxn ang="T99">
                    <a:pos x="T14" y="T15"/>
                  </a:cxn>
                  <a:cxn ang="T100">
                    <a:pos x="T16" y="T17"/>
                  </a:cxn>
                  <a:cxn ang="T101">
                    <a:pos x="T18" y="T19"/>
                  </a:cxn>
                  <a:cxn ang="T102">
                    <a:pos x="T20" y="T21"/>
                  </a:cxn>
                  <a:cxn ang="T103">
                    <a:pos x="T22" y="T23"/>
                  </a:cxn>
                  <a:cxn ang="T104">
                    <a:pos x="T24" y="T25"/>
                  </a:cxn>
                  <a:cxn ang="T105">
                    <a:pos x="T26" y="T27"/>
                  </a:cxn>
                  <a:cxn ang="T106">
                    <a:pos x="T28" y="T29"/>
                  </a:cxn>
                  <a:cxn ang="T107">
                    <a:pos x="T30" y="T31"/>
                  </a:cxn>
                  <a:cxn ang="T108">
                    <a:pos x="T32" y="T33"/>
                  </a:cxn>
                  <a:cxn ang="T109">
                    <a:pos x="T34" y="T35"/>
                  </a:cxn>
                  <a:cxn ang="T110">
                    <a:pos x="T36" y="T37"/>
                  </a:cxn>
                  <a:cxn ang="T111">
                    <a:pos x="T38" y="T39"/>
                  </a:cxn>
                  <a:cxn ang="T112">
                    <a:pos x="T40" y="T41"/>
                  </a:cxn>
                  <a:cxn ang="T113">
                    <a:pos x="T42" y="T43"/>
                  </a:cxn>
                  <a:cxn ang="T114">
                    <a:pos x="T44" y="T45"/>
                  </a:cxn>
                  <a:cxn ang="T115">
                    <a:pos x="T46" y="T47"/>
                  </a:cxn>
                  <a:cxn ang="T116">
                    <a:pos x="T48" y="T49"/>
                  </a:cxn>
                  <a:cxn ang="T117">
                    <a:pos x="T50" y="T51"/>
                  </a:cxn>
                  <a:cxn ang="T118">
                    <a:pos x="T52" y="T53"/>
                  </a:cxn>
                  <a:cxn ang="T119">
                    <a:pos x="T54" y="T55"/>
                  </a:cxn>
                  <a:cxn ang="T120">
                    <a:pos x="T56" y="T57"/>
                  </a:cxn>
                  <a:cxn ang="T121">
                    <a:pos x="T58" y="T59"/>
                  </a:cxn>
                  <a:cxn ang="T122">
                    <a:pos x="T60" y="T61"/>
                  </a:cxn>
                  <a:cxn ang="T123">
                    <a:pos x="T62" y="T63"/>
                  </a:cxn>
                  <a:cxn ang="T124">
                    <a:pos x="T64" y="T65"/>
                  </a:cxn>
                  <a:cxn ang="T125">
                    <a:pos x="T66" y="T67"/>
                  </a:cxn>
                  <a:cxn ang="T126">
                    <a:pos x="T68" y="T69"/>
                  </a:cxn>
                  <a:cxn ang="T127">
                    <a:pos x="T70" y="T71"/>
                  </a:cxn>
                  <a:cxn ang="T128">
                    <a:pos x="T72" y="T73"/>
                  </a:cxn>
                  <a:cxn ang="T129">
                    <a:pos x="T74" y="T75"/>
                  </a:cxn>
                  <a:cxn ang="T130">
                    <a:pos x="T76" y="T77"/>
                  </a:cxn>
                  <a:cxn ang="T131">
                    <a:pos x="T78" y="T79"/>
                  </a:cxn>
                  <a:cxn ang="T132">
                    <a:pos x="T80" y="T81"/>
                  </a:cxn>
                  <a:cxn ang="T133">
                    <a:pos x="T82" y="T83"/>
                  </a:cxn>
                  <a:cxn ang="T134">
                    <a:pos x="T84" y="T85"/>
                  </a:cxn>
                  <a:cxn ang="T135">
                    <a:pos x="T86" y="T87"/>
                  </a:cxn>
                  <a:cxn ang="T136">
                    <a:pos x="T88" y="T89"/>
                  </a:cxn>
                  <a:cxn ang="T137">
                    <a:pos x="T90" y="T91"/>
                  </a:cxn>
                </a:cxnLst>
                <a:rect l="T138" t="T139" r="T140" b="T141"/>
                <a:pathLst>
                  <a:path w="105" h="175">
                    <a:moveTo>
                      <a:pt x="27" y="7"/>
                    </a:moveTo>
                    <a:lnTo>
                      <a:pt x="24" y="16"/>
                    </a:lnTo>
                    <a:lnTo>
                      <a:pt x="20" y="22"/>
                    </a:lnTo>
                    <a:lnTo>
                      <a:pt x="20" y="26"/>
                    </a:lnTo>
                    <a:lnTo>
                      <a:pt x="20" y="29"/>
                    </a:lnTo>
                    <a:lnTo>
                      <a:pt x="20" y="31"/>
                    </a:lnTo>
                    <a:lnTo>
                      <a:pt x="22" y="34"/>
                    </a:lnTo>
                    <a:lnTo>
                      <a:pt x="22" y="36"/>
                    </a:lnTo>
                    <a:lnTo>
                      <a:pt x="24" y="36"/>
                    </a:lnTo>
                    <a:lnTo>
                      <a:pt x="24" y="38"/>
                    </a:lnTo>
                    <a:lnTo>
                      <a:pt x="25" y="46"/>
                    </a:lnTo>
                    <a:lnTo>
                      <a:pt x="27" y="49"/>
                    </a:lnTo>
                    <a:lnTo>
                      <a:pt x="29" y="55"/>
                    </a:lnTo>
                    <a:lnTo>
                      <a:pt x="30" y="56"/>
                    </a:lnTo>
                    <a:lnTo>
                      <a:pt x="34" y="60"/>
                    </a:lnTo>
                    <a:lnTo>
                      <a:pt x="36" y="61"/>
                    </a:lnTo>
                    <a:lnTo>
                      <a:pt x="37" y="61"/>
                    </a:lnTo>
                    <a:lnTo>
                      <a:pt x="39" y="63"/>
                    </a:lnTo>
                    <a:lnTo>
                      <a:pt x="44" y="66"/>
                    </a:lnTo>
                    <a:lnTo>
                      <a:pt x="47" y="70"/>
                    </a:lnTo>
                    <a:lnTo>
                      <a:pt x="49" y="73"/>
                    </a:lnTo>
                    <a:lnTo>
                      <a:pt x="49" y="78"/>
                    </a:lnTo>
                    <a:lnTo>
                      <a:pt x="49" y="82"/>
                    </a:lnTo>
                    <a:lnTo>
                      <a:pt x="49" y="85"/>
                    </a:lnTo>
                    <a:lnTo>
                      <a:pt x="49" y="88"/>
                    </a:lnTo>
                    <a:lnTo>
                      <a:pt x="51" y="92"/>
                    </a:lnTo>
                    <a:lnTo>
                      <a:pt x="54" y="93"/>
                    </a:lnTo>
                    <a:lnTo>
                      <a:pt x="56" y="97"/>
                    </a:lnTo>
                    <a:lnTo>
                      <a:pt x="59" y="99"/>
                    </a:lnTo>
                    <a:lnTo>
                      <a:pt x="61" y="102"/>
                    </a:lnTo>
                    <a:lnTo>
                      <a:pt x="63" y="104"/>
                    </a:lnTo>
                    <a:lnTo>
                      <a:pt x="63" y="105"/>
                    </a:lnTo>
                    <a:lnTo>
                      <a:pt x="64" y="105"/>
                    </a:lnTo>
                    <a:lnTo>
                      <a:pt x="64" y="109"/>
                    </a:lnTo>
                    <a:lnTo>
                      <a:pt x="66" y="110"/>
                    </a:lnTo>
                    <a:lnTo>
                      <a:pt x="66" y="112"/>
                    </a:lnTo>
                    <a:lnTo>
                      <a:pt x="71" y="115"/>
                    </a:lnTo>
                    <a:lnTo>
                      <a:pt x="74" y="119"/>
                    </a:lnTo>
                    <a:lnTo>
                      <a:pt x="80" y="121"/>
                    </a:lnTo>
                    <a:lnTo>
                      <a:pt x="83" y="122"/>
                    </a:lnTo>
                    <a:lnTo>
                      <a:pt x="86" y="122"/>
                    </a:lnTo>
                    <a:lnTo>
                      <a:pt x="88" y="122"/>
                    </a:lnTo>
                    <a:lnTo>
                      <a:pt x="90" y="122"/>
                    </a:lnTo>
                    <a:lnTo>
                      <a:pt x="93" y="126"/>
                    </a:lnTo>
                    <a:lnTo>
                      <a:pt x="93" y="136"/>
                    </a:lnTo>
                    <a:lnTo>
                      <a:pt x="86" y="136"/>
                    </a:lnTo>
                    <a:lnTo>
                      <a:pt x="86" y="141"/>
                    </a:lnTo>
                    <a:lnTo>
                      <a:pt x="86" y="143"/>
                    </a:lnTo>
                    <a:lnTo>
                      <a:pt x="85" y="143"/>
                    </a:lnTo>
                    <a:lnTo>
                      <a:pt x="85" y="144"/>
                    </a:lnTo>
                    <a:lnTo>
                      <a:pt x="83" y="146"/>
                    </a:lnTo>
                    <a:lnTo>
                      <a:pt x="81" y="148"/>
                    </a:lnTo>
                    <a:lnTo>
                      <a:pt x="83" y="149"/>
                    </a:lnTo>
                    <a:lnTo>
                      <a:pt x="85" y="149"/>
                    </a:lnTo>
                    <a:lnTo>
                      <a:pt x="88" y="149"/>
                    </a:lnTo>
                    <a:lnTo>
                      <a:pt x="90" y="148"/>
                    </a:lnTo>
                    <a:lnTo>
                      <a:pt x="91" y="148"/>
                    </a:lnTo>
                    <a:lnTo>
                      <a:pt x="93" y="146"/>
                    </a:lnTo>
                    <a:lnTo>
                      <a:pt x="98" y="144"/>
                    </a:lnTo>
                    <a:lnTo>
                      <a:pt x="100" y="144"/>
                    </a:lnTo>
                    <a:lnTo>
                      <a:pt x="102" y="148"/>
                    </a:lnTo>
                    <a:lnTo>
                      <a:pt x="102" y="149"/>
                    </a:lnTo>
                    <a:lnTo>
                      <a:pt x="102" y="154"/>
                    </a:lnTo>
                    <a:lnTo>
                      <a:pt x="105" y="158"/>
                    </a:lnTo>
                    <a:lnTo>
                      <a:pt x="103" y="163"/>
                    </a:lnTo>
                    <a:lnTo>
                      <a:pt x="41" y="175"/>
                    </a:lnTo>
                    <a:lnTo>
                      <a:pt x="0" y="21"/>
                    </a:lnTo>
                    <a:lnTo>
                      <a:pt x="0" y="22"/>
                    </a:lnTo>
                    <a:lnTo>
                      <a:pt x="2" y="12"/>
                    </a:lnTo>
                    <a:lnTo>
                      <a:pt x="5" y="7"/>
                    </a:lnTo>
                    <a:lnTo>
                      <a:pt x="10" y="4"/>
                    </a:lnTo>
                    <a:lnTo>
                      <a:pt x="15" y="0"/>
                    </a:lnTo>
                    <a:lnTo>
                      <a:pt x="22" y="0"/>
                    </a:lnTo>
                    <a:lnTo>
                      <a:pt x="27" y="0"/>
                    </a:lnTo>
                    <a:lnTo>
                      <a:pt x="30" y="0"/>
                    </a:lnTo>
                    <a:lnTo>
                      <a:pt x="32" y="2"/>
                    </a:lnTo>
                    <a:lnTo>
                      <a:pt x="27" y="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427" name="Group 131"/>
              <p:cNvGrpSpPr>
                <a:grpSpLocks/>
              </p:cNvGrpSpPr>
              <p:nvPr/>
            </p:nvGrpSpPr>
            <p:grpSpPr bwMode="auto">
              <a:xfrm>
                <a:off x="3980" y="2710"/>
                <a:ext cx="478" cy="363"/>
                <a:chOff x="3916" y="2758"/>
                <a:chExt cx="478" cy="363"/>
              </a:xfrm>
            </p:grpSpPr>
            <p:sp>
              <p:nvSpPr>
                <p:cNvPr id="481" name="Freeform 132"/>
                <p:cNvSpPr>
                  <a:spLocks/>
                </p:cNvSpPr>
                <p:nvPr/>
              </p:nvSpPr>
              <p:spPr bwMode="auto">
                <a:xfrm>
                  <a:off x="4222" y="3072"/>
                  <a:ext cx="15" cy="16"/>
                </a:xfrm>
                <a:custGeom>
                  <a:avLst/>
                  <a:gdLst>
                    <a:gd name="T0" fmla="*/ 1 w 15"/>
                    <a:gd name="T1" fmla="*/ 5 h 17"/>
                    <a:gd name="T2" fmla="*/ 5 w 15"/>
                    <a:gd name="T3" fmla="*/ 2 h 17"/>
                    <a:gd name="T4" fmla="*/ 6 w 15"/>
                    <a:gd name="T5" fmla="*/ 0 h 17"/>
                    <a:gd name="T6" fmla="*/ 10 w 15"/>
                    <a:gd name="T7" fmla="*/ 0 h 17"/>
                    <a:gd name="T8" fmla="*/ 12 w 15"/>
                    <a:gd name="T9" fmla="*/ 0 h 17"/>
                    <a:gd name="T10" fmla="*/ 13 w 15"/>
                    <a:gd name="T11" fmla="*/ 2 h 17"/>
                    <a:gd name="T12" fmla="*/ 13 w 15"/>
                    <a:gd name="T13" fmla="*/ 2 h 17"/>
                    <a:gd name="T14" fmla="*/ 15 w 15"/>
                    <a:gd name="T15" fmla="*/ 3 h 17"/>
                    <a:gd name="T16" fmla="*/ 15 w 15"/>
                    <a:gd name="T17" fmla="*/ 5 h 17"/>
                    <a:gd name="T18" fmla="*/ 15 w 15"/>
                    <a:gd name="T19" fmla="*/ 7 h 17"/>
                    <a:gd name="T20" fmla="*/ 13 w 15"/>
                    <a:gd name="T21" fmla="*/ 8 h 17"/>
                    <a:gd name="T22" fmla="*/ 13 w 15"/>
                    <a:gd name="T23" fmla="*/ 8 h 17"/>
                    <a:gd name="T24" fmla="*/ 12 w 15"/>
                    <a:gd name="T25" fmla="*/ 8 h 17"/>
                    <a:gd name="T26" fmla="*/ 10 w 15"/>
                    <a:gd name="T27" fmla="*/ 8 h 17"/>
                    <a:gd name="T28" fmla="*/ 6 w 15"/>
                    <a:gd name="T29" fmla="*/ 8 h 17"/>
                    <a:gd name="T30" fmla="*/ 3 w 15"/>
                    <a:gd name="T31" fmla="*/ 8 h 17"/>
                    <a:gd name="T32" fmla="*/ 1 w 15"/>
                    <a:gd name="T33" fmla="*/ 8 h 17"/>
                    <a:gd name="T34" fmla="*/ 1 w 15"/>
                    <a:gd name="T35" fmla="*/ 8 h 17"/>
                    <a:gd name="T36" fmla="*/ 0 w 15"/>
                    <a:gd name="T37" fmla="*/ 8 h 17"/>
                    <a:gd name="T38" fmla="*/ 0 w 15"/>
                    <a:gd name="T39" fmla="*/ 8 h 17"/>
                    <a:gd name="T40" fmla="*/ 0 w 15"/>
                    <a:gd name="T41" fmla="*/ 8 h 17"/>
                    <a:gd name="T42" fmla="*/ 0 w 15"/>
                    <a:gd name="T43" fmla="*/ 8 h 17"/>
                    <a:gd name="T44" fmla="*/ 0 w 15"/>
                    <a:gd name="T45" fmla="*/ 8 h 17"/>
                    <a:gd name="T46" fmla="*/ 1 w 15"/>
                    <a:gd name="T47" fmla="*/ 7 h 17"/>
                    <a:gd name="T48" fmla="*/ 1 w 15"/>
                    <a:gd name="T49" fmla="*/ 5 h 17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w 15"/>
                    <a:gd name="T76" fmla="*/ 0 h 17"/>
                    <a:gd name="T77" fmla="*/ 15 w 15"/>
                    <a:gd name="T78" fmla="*/ 17 h 17"/>
                  </a:gdLst>
                  <a:ahLst/>
                  <a:cxnLst>
                    <a:cxn ang="T50">
                      <a:pos x="T0" y="T1"/>
                    </a:cxn>
                    <a:cxn ang="T51">
                      <a:pos x="T2" y="T3"/>
                    </a:cxn>
                    <a:cxn ang="T52">
                      <a:pos x="T4" y="T5"/>
                    </a:cxn>
                    <a:cxn ang="T53">
                      <a:pos x="T6" y="T7"/>
                    </a:cxn>
                    <a:cxn ang="T54">
                      <a:pos x="T8" y="T9"/>
                    </a:cxn>
                    <a:cxn ang="T55">
                      <a:pos x="T10" y="T11"/>
                    </a:cxn>
                    <a:cxn ang="T56">
                      <a:pos x="T12" y="T13"/>
                    </a:cxn>
                    <a:cxn ang="T57">
                      <a:pos x="T14" y="T15"/>
                    </a:cxn>
                    <a:cxn ang="T58">
                      <a:pos x="T16" y="T17"/>
                    </a:cxn>
                    <a:cxn ang="T59">
                      <a:pos x="T18" y="T19"/>
                    </a:cxn>
                    <a:cxn ang="T60">
                      <a:pos x="T20" y="T21"/>
                    </a:cxn>
                    <a:cxn ang="T61">
                      <a:pos x="T22" y="T23"/>
                    </a:cxn>
                    <a:cxn ang="T62">
                      <a:pos x="T24" y="T25"/>
                    </a:cxn>
                    <a:cxn ang="T63">
                      <a:pos x="T26" y="T27"/>
                    </a:cxn>
                    <a:cxn ang="T64">
                      <a:pos x="T28" y="T29"/>
                    </a:cxn>
                    <a:cxn ang="T65">
                      <a:pos x="T30" y="T31"/>
                    </a:cxn>
                    <a:cxn ang="T66">
                      <a:pos x="T32" y="T33"/>
                    </a:cxn>
                    <a:cxn ang="T67">
                      <a:pos x="T34" y="T35"/>
                    </a:cxn>
                    <a:cxn ang="T68">
                      <a:pos x="T36" y="T37"/>
                    </a:cxn>
                    <a:cxn ang="T69">
                      <a:pos x="T38" y="T39"/>
                    </a:cxn>
                    <a:cxn ang="T70">
                      <a:pos x="T40" y="T41"/>
                    </a:cxn>
                    <a:cxn ang="T71">
                      <a:pos x="T42" y="T43"/>
                    </a:cxn>
                    <a:cxn ang="T72">
                      <a:pos x="T44" y="T45"/>
                    </a:cxn>
                    <a:cxn ang="T73">
                      <a:pos x="T46" y="T47"/>
                    </a:cxn>
                    <a:cxn ang="T74">
                      <a:pos x="T48" y="T49"/>
                    </a:cxn>
                  </a:cxnLst>
                  <a:rect l="T75" t="T76" r="T77" b="T78"/>
                  <a:pathLst>
                    <a:path w="15" h="17">
                      <a:moveTo>
                        <a:pt x="1" y="5"/>
                      </a:moveTo>
                      <a:lnTo>
                        <a:pt x="5" y="2"/>
                      </a:lnTo>
                      <a:lnTo>
                        <a:pt x="6" y="0"/>
                      </a:lnTo>
                      <a:lnTo>
                        <a:pt x="10" y="0"/>
                      </a:lnTo>
                      <a:lnTo>
                        <a:pt x="12" y="0"/>
                      </a:lnTo>
                      <a:lnTo>
                        <a:pt x="13" y="2"/>
                      </a:lnTo>
                      <a:lnTo>
                        <a:pt x="15" y="3"/>
                      </a:lnTo>
                      <a:lnTo>
                        <a:pt x="15" y="5"/>
                      </a:lnTo>
                      <a:lnTo>
                        <a:pt x="15" y="7"/>
                      </a:lnTo>
                      <a:lnTo>
                        <a:pt x="13" y="8"/>
                      </a:lnTo>
                      <a:lnTo>
                        <a:pt x="13" y="10"/>
                      </a:lnTo>
                      <a:lnTo>
                        <a:pt x="12" y="12"/>
                      </a:lnTo>
                      <a:lnTo>
                        <a:pt x="10" y="15"/>
                      </a:lnTo>
                      <a:lnTo>
                        <a:pt x="6" y="17"/>
                      </a:lnTo>
                      <a:lnTo>
                        <a:pt x="3" y="17"/>
                      </a:lnTo>
                      <a:lnTo>
                        <a:pt x="1" y="17"/>
                      </a:lnTo>
                      <a:lnTo>
                        <a:pt x="0" y="15"/>
                      </a:lnTo>
                      <a:lnTo>
                        <a:pt x="0" y="13"/>
                      </a:lnTo>
                      <a:lnTo>
                        <a:pt x="0" y="12"/>
                      </a:lnTo>
                      <a:lnTo>
                        <a:pt x="0" y="10"/>
                      </a:lnTo>
                      <a:lnTo>
                        <a:pt x="0" y="8"/>
                      </a:lnTo>
                      <a:lnTo>
                        <a:pt x="1" y="7"/>
                      </a:lnTo>
                      <a:lnTo>
                        <a:pt x="1" y="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82" name="Freeform 133"/>
                <p:cNvSpPr>
                  <a:spLocks/>
                </p:cNvSpPr>
                <p:nvPr/>
              </p:nvSpPr>
              <p:spPr bwMode="auto">
                <a:xfrm>
                  <a:off x="4206" y="3072"/>
                  <a:ext cx="11" cy="12"/>
                </a:xfrm>
                <a:custGeom>
                  <a:avLst/>
                  <a:gdLst>
                    <a:gd name="T0" fmla="*/ 0 w 11"/>
                    <a:gd name="T1" fmla="*/ 6 h 13"/>
                    <a:gd name="T2" fmla="*/ 0 w 11"/>
                    <a:gd name="T3" fmla="*/ 3 h 13"/>
                    <a:gd name="T4" fmla="*/ 2 w 11"/>
                    <a:gd name="T5" fmla="*/ 2 h 13"/>
                    <a:gd name="T6" fmla="*/ 4 w 11"/>
                    <a:gd name="T7" fmla="*/ 0 h 13"/>
                    <a:gd name="T8" fmla="*/ 6 w 11"/>
                    <a:gd name="T9" fmla="*/ 0 h 13"/>
                    <a:gd name="T10" fmla="*/ 7 w 11"/>
                    <a:gd name="T11" fmla="*/ 0 h 13"/>
                    <a:gd name="T12" fmla="*/ 9 w 11"/>
                    <a:gd name="T13" fmla="*/ 2 h 13"/>
                    <a:gd name="T14" fmla="*/ 11 w 11"/>
                    <a:gd name="T15" fmla="*/ 3 h 13"/>
                    <a:gd name="T16" fmla="*/ 11 w 11"/>
                    <a:gd name="T17" fmla="*/ 6 h 13"/>
                    <a:gd name="T18" fmla="*/ 11 w 11"/>
                    <a:gd name="T19" fmla="*/ 6 h 13"/>
                    <a:gd name="T20" fmla="*/ 9 w 11"/>
                    <a:gd name="T21" fmla="*/ 6 h 13"/>
                    <a:gd name="T22" fmla="*/ 7 w 11"/>
                    <a:gd name="T23" fmla="*/ 6 h 13"/>
                    <a:gd name="T24" fmla="*/ 6 w 11"/>
                    <a:gd name="T25" fmla="*/ 6 h 13"/>
                    <a:gd name="T26" fmla="*/ 4 w 11"/>
                    <a:gd name="T27" fmla="*/ 6 h 13"/>
                    <a:gd name="T28" fmla="*/ 2 w 11"/>
                    <a:gd name="T29" fmla="*/ 6 h 13"/>
                    <a:gd name="T30" fmla="*/ 0 w 11"/>
                    <a:gd name="T31" fmla="*/ 6 h 13"/>
                    <a:gd name="T32" fmla="*/ 0 w 11"/>
                    <a:gd name="T33" fmla="*/ 6 h 13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1"/>
                    <a:gd name="T52" fmla="*/ 0 h 13"/>
                    <a:gd name="T53" fmla="*/ 11 w 11"/>
                    <a:gd name="T54" fmla="*/ 13 h 13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1" h="13">
                      <a:moveTo>
                        <a:pt x="0" y="7"/>
                      </a:moveTo>
                      <a:lnTo>
                        <a:pt x="0" y="3"/>
                      </a:lnTo>
                      <a:lnTo>
                        <a:pt x="2" y="2"/>
                      </a:lnTo>
                      <a:lnTo>
                        <a:pt x="4" y="0"/>
                      </a:lnTo>
                      <a:lnTo>
                        <a:pt x="6" y="0"/>
                      </a:lnTo>
                      <a:lnTo>
                        <a:pt x="7" y="0"/>
                      </a:lnTo>
                      <a:lnTo>
                        <a:pt x="9" y="2"/>
                      </a:lnTo>
                      <a:lnTo>
                        <a:pt x="11" y="3"/>
                      </a:lnTo>
                      <a:lnTo>
                        <a:pt x="11" y="7"/>
                      </a:lnTo>
                      <a:lnTo>
                        <a:pt x="11" y="10"/>
                      </a:lnTo>
                      <a:lnTo>
                        <a:pt x="9" y="12"/>
                      </a:lnTo>
                      <a:lnTo>
                        <a:pt x="7" y="13"/>
                      </a:lnTo>
                      <a:lnTo>
                        <a:pt x="6" y="13"/>
                      </a:lnTo>
                      <a:lnTo>
                        <a:pt x="4" y="13"/>
                      </a:lnTo>
                      <a:lnTo>
                        <a:pt x="2" y="12"/>
                      </a:lnTo>
                      <a:lnTo>
                        <a:pt x="0" y="10"/>
                      </a:lnTo>
                      <a:lnTo>
                        <a:pt x="0" y="7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83" name="Freeform 134"/>
                <p:cNvSpPr>
                  <a:spLocks/>
                </p:cNvSpPr>
                <p:nvPr/>
              </p:nvSpPr>
              <p:spPr bwMode="auto">
                <a:xfrm>
                  <a:off x="4212" y="3098"/>
                  <a:ext cx="13" cy="16"/>
                </a:xfrm>
                <a:custGeom>
                  <a:avLst/>
                  <a:gdLst>
                    <a:gd name="T0" fmla="*/ 1 w 13"/>
                    <a:gd name="T1" fmla="*/ 5 h 17"/>
                    <a:gd name="T2" fmla="*/ 3 w 13"/>
                    <a:gd name="T3" fmla="*/ 2 h 17"/>
                    <a:gd name="T4" fmla="*/ 6 w 13"/>
                    <a:gd name="T5" fmla="*/ 0 h 17"/>
                    <a:gd name="T6" fmla="*/ 8 w 13"/>
                    <a:gd name="T7" fmla="*/ 0 h 17"/>
                    <a:gd name="T8" fmla="*/ 11 w 13"/>
                    <a:gd name="T9" fmla="*/ 0 h 17"/>
                    <a:gd name="T10" fmla="*/ 13 w 13"/>
                    <a:gd name="T11" fmla="*/ 0 h 17"/>
                    <a:gd name="T12" fmla="*/ 13 w 13"/>
                    <a:gd name="T13" fmla="*/ 2 h 17"/>
                    <a:gd name="T14" fmla="*/ 13 w 13"/>
                    <a:gd name="T15" fmla="*/ 3 h 17"/>
                    <a:gd name="T16" fmla="*/ 13 w 13"/>
                    <a:gd name="T17" fmla="*/ 5 h 17"/>
                    <a:gd name="T18" fmla="*/ 13 w 13"/>
                    <a:gd name="T19" fmla="*/ 5 h 17"/>
                    <a:gd name="T20" fmla="*/ 13 w 13"/>
                    <a:gd name="T21" fmla="*/ 8 h 17"/>
                    <a:gd name="T22" fmla="*/ 13 w 13"/>
                    <a:gd name="T23" fmla="*/ 8 h 17"/>
                    <a:gd name="T24" fmla="*/ 11 w 13"/>
                    <a:gd name="T25" fmla="*/ 8 h 17"/>
                    <a:gd name="T26" fmla="*/ 10 w 13"/>
                    <a:gd name="T27" fmla="*/ 8 h 17"/>
                    <a:gd name="T28" fmla="*/ 6 w 13"/>
                    <a:gd name="T29" fmla="*/ 8 h 17"/>
                    <a:gd name="T30" fmla="*/ 5 w 13"/>
                    <a:gd name="T31" fmla="*/ 8 h 17"/>
                    <a:gd name="T32" fmla="*/ 1 w 13"/>
                    <a:gd name="T33" fmla="*/ 8 h 17"/>
                    <a:gd name="T34" fmla="*/ 1 w 13"/>
                    <a:gd name="T35" fmla="*/ 8 h 17"/>
                    <a:gd name="T36" fmla="*/ 0 w 13"/>
                    <a:gd name="T37" fmla="*/ 8 h 17"/>
                    <a:gd name="T38" fmla="*/ 0 w 13"/>
                    <a:gd name="T39" fmla="*/ 8 h 17"/>
                    <a:gd name="T40" fmla="*/ 0 w 13"/>
                    <a:gd name="T41" fmla="*/ 8 h 17"/>
                    <a:gd name="T42" fmla="*/ 0 w 13"/>
                    <a:gd name="T43" fmla="*/ 8 h 17"/>
                    <a:gd name="T44" fmla="*/ 0 w 13"/>
                    <a:gd name="T45" fmla="*/ 8 h 17"/>
                    <a:gd name="T46" fmla="*/ 0 w 13"/>
                    <a:gd name="T47" fmla="*/ 7 h 17"/>
                    <a:gd name="T48" fmla="*/ 1 w 13"/>
                    <a:gd name="T49" fmla="*/ 5 h 17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w 13"/>
                    <a:gd name="T76" fmla="*/ 0 h 17"/>
                    <a:gd name="T77" fmla="*/ 13 w 13"/>
                    <a:gd name="T78" fmla="*/ 17 h 17"/>
                  </a:gdLst>
                  <a:ahLst/>
                  <a:cxnLst>
                    <a:cxn ang="T50">
                      <a:pos x="T0" y="T1"/>
                    </a:cxn>
                    <a:cxn ang="T51">
                      <a:pos x="T2" y="T3"/>
                    </a:cxn>
                    <a:cxn ang="T52">
                      <a:pos x="T4" y="T5"/>
                    </a:cxn>
                    <a:cxn ang="T53">
                      <a:pos x="T6" y="T7"/>
                    </a:cxn>
                    <a:cxn ang="T54">
                      <a:pos x="T8" y="T9"/>
                    </a:cxn>
                    <a:cxn ang="T55">
                      <a:pos x="T10" y="T11"/>
                    </a:cxn>
                    <a:cxn ang="T56">
                      <a:pos x="T12" y="T13"/>
                    </a:cxn>
                    <a:cxn ang="T57">
                      <a:pos x="T14" y="T15"/>
                    </a:cxn>
                    <a:cxn ang="T58">
                      <a:pos x="T16" y="T17"/>
                    </a:cxn>
                    <a:cxn ang="T59">
                      <a:pos x="T18" y="T19"/>
                    </a:cxn>
                    <a:cxn ang="T60">
                      <a:pos x="T20" y="T21"/>
                    </a:cxn>
                    <a:cxn ang="T61">
                      <a:pos x="T22" y="T23"/>
                    </a:cxn>
                    <a:cxn ang="T62">
                      <a:pos x="T24" y="T25"/>
                    </a:cxn>
                    <a:cxn ang="T63">
                      <a:pos x="T26" y="T27"/>
                    </a:cxn>
                    <a:cxn ang="T64">
                      <a:pos x="T28" y="T29"/>
                    </a:cxn>
                    <a:cxn ang="T65">
                      <a:pos x="T30" y="T31"/>
                    </a:cxn>
                    <a:cxn ang="T66">
                      <a:pos x="T32" y="T33"/>
                    </a:cxn>
                    <a:cxn ang="T67">
                      <a:pos x="T34" y="T35"/>
                    </a:cxn>
                    <a:cxn ang="T68">
                      <a:pos x="T36" y="T37"/>
                    </a:cxn>
                    <a:cxn ang="T69">
                      <a:pos x="T38" y="T39"/>
                    </a:cxn>
                    <a:cxn ang="T70">
                      <a:pos x="T40" y="T41"/>
                    </a:cxn>
                    <a:cxn ang="T71">
                      <a:pos x="T42" y="T43"/>
                    </a:cxn>
                    <a:cxn ang="T72">
                      <a:pos x="T44" y="T45"/>
                    </a:cxn>
                    <a:cxn ang="T73">
                      <a:pos x="T46" y="T47"/>
                    </a:cxn>
                    <a:cxn ang="T74">
                      <a:pos x="T48" y="T49"/>
                    </a:cxn>
                  </a:cxnLst>
                  <a:rect l="T75" t="T76" r="T77" b="T78"/>
                  <a:pathLst>
                    <a:path w="13" h="17">
                      <a:moveTo>
                        <a:pt x="1" y="5"/>
                      </a:moveTo>
                      <a:lnTo>
                        <a:pt x="3" y="2"/>
                      </a:lnTo>
                      <a:lnTo>
                        <a:pt x="6" y="0"/>
                      </a:lnTo>
                      <a:lnTo>
                        <a:pt x="8" y="0"/>
                      </a:lnTo>
                      <a:lnTo>
                        <a:pt x="11" y="0"/>
                      </a:lnTo>
                      <a:lnTo>
                        <a:pt x="13" y="0"/>
                      </a:lnTo>
                      <a:lnTo>
                        <a:pt x="13" y="2"/>
                      </a:lnTo>
                      <a:lnTo>
                        <a:pt x="13" y="3"/>
                      </a:lnTo>
                      <a:lnTo>
                        <a:pt x="13" y="5"/>
                      </a:lnTo>
                      <a:lnTo>
                        <a:pt x="13" y="8"/>
                      </a:lnTo>
                      <a:lnTo>
                        <a:pt x="11" y="10"/>
                      </a:lnTo>
                      <a:lnTo>
                        <a:pt x="10" y="14"/>
                      </a:lnTo>
                      <a:lnTo>
                        <a:pt x="6" y="15"/>
                      </a:lnTo>
                      <a:lnTo>
                        <a:pt x="5" y="17"/>
                      </a:lnTo>
                      <a:lnTo>
                        <a:pt x="1" y="17"/>
                      </a:lnTo>
                      <a:lnTo>
                        <a:pt x="1" y="15"/>
                      </a:lnTo>
                      <a:lnTo>
                        <a:pt x="0" y="14"/>
                      </a:lnTo>
                      <a:lnTo>
                        <a:pt x="0" y="12"/>
                      </a:lnTo>
                      <a:lnTo>
                        <a:pt x="0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1" y="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84" name="Freeform 135"/>
                <p:cNvSpPr>
                  <a:spLocks/>
                </p:cNvSpPr>
                <p:nvPr/>
              </p:nvSpPr>
              <p:spPr bwMode="auto">
                <a:xfrm>
                  <a:off x="3916" y="2758"/>
                  <a:ext cx="478" cy="363"/>
                </a:xfrm>
                <a:custGeom>
                  <a:avLst/>
                  <a:gdLst>
                    <a:gd name="T0" fmla="*/ 178 w 492"/>
                    <a:gd name="T1" fmla="*/ 243 h 374"/>
                    <a:gd name="T2" fmla="*/ 178 w 492"/>
                    <a:gd name="T3" fmla="*/ 240 h 374"/>
                    <a:gd name="T4" fmla="*/ 178 w 492"/>
                    <a:gd name="T5" fmla="*/ 229 h 374"/>
                    <a:gd name="T6" fmla="*/ 162 w 492"/>
                    <a:gd name="T7" fmla="*/ 208 h 374"/>
                    <a:gd name="T8" fmla="*/ 154 w 492"/>
                    <a:gd name="T9" fmla="*/ 202 h 374"/>
                    <a:gd name="T10" fmla="*/ 142 w 492"/>
                    <a:gd name="T11" fmla="*/ 177 h 374"/>
                    <a:gd name="T12" fmla="*/ 130 w 492"/>
                    <a:gd name="T13" fmla="*/ 173 h 374"/>
                    <a:gd name="T14" fmla="*/ 122 w 492"/>
                    <a:gd name="T15" fmla="*/ 168 h 374"/>
                    <a:gd name="T16" fmla="*/ 112 w 492"/>
                    <a:gd name="T17" fmla="*/ 156 h 374"/>
                    <a:gd name="T18" fmla="*/ 106 w 492"/>
                    <a:gd name="T19" fmla="*/ 144 h 374"/>
                    <a:gd name="T20" fmla="*/ 95 w 492"/>
                    <a:gd name="T21" fmla="*/ 139 h 374"/>
                    <a:gd name="T22" fmla="*/ 91 w 492"/>
                    <a:gd name="T23" fmla="*/ 137 h 374"/>
                    <a:gd name="T24" fmla="*/ 86 w 492"/>
                    <a:gd name="T25" fmla="*/ 132 h 374"/>
                    <a:gd name="T26" fmla="*/ 79 w 492"/>
                    <a:gd name="T27" fmla="*/ 120 h 374"/>
                    <a:gd name="T28" fmla="*/ 73 w 492"/>
                    <a:gd name="T29" fmla="*/ 120 h 374"/>
                    <a:gd name="T30" fmla="*/ 63 w 492"/>
                    <a:gd name="T31" fmla="*/ 114 h 374"/>
                    <a:gd name="T32" fmla="*/ 55 w 492"/>
                    <a:gd name="T33" fmla="*/ 104 h 374"/>
                    <a:gd name="T34" fmla="*/ 47 w 492"/>
                    <a:gd name="T35" fmla="*/ 96 h 374"/>
                    <a:gd name="T36" fmla="*/ 40 w 492"/>
                    <a:gd name="T37" fmla="*/ 79 h 374"/>
                    <a:gd name="T38" fmla="*/ 38 w 492"/>
                    <a:gd name="T39" fmla="*/ 74 h 374"/>
                    <a:gd name="T40" fmla="*/ 32 w 492"/>
                    <a:gd name="T41" fmla="*/ 73 h 374"/>
                    <a:gd name="T42" fmla="*/ 17 w 492"/>
                    <a:gd name="T43" fmla="*/ 70 h 374"/>
                    <a:gd name="T44" fmla="*/ 17 w 492"/>
                    <a:gd name="T45" fmla="*/ 67 h 374"/>
                    <a:gd name="T46" fmla="*/ 0 w 492"/>
                    <a:gd name="T47" fmla="*/ 56 h 374"/>
                    <a:gd name="T48" fmla="*/ 17 w 492"/>
                    <a:gd name="T49" fmla="*/ 37 h 374"/>
                    <a:gd name="T50" fmla="*/ 17 w 492"/>
                    <a:gd name="T51" fmla="*/ 37 h 374"/>
                    <a:gd name="T52" fmla="*/ 17 w 492"/>
                    <a:gd name="T53" fmla="*/ 28 h 374"/>
                    <a:gd name="T54" fmla="*/ 38 w 492"/>
                    <a:gd name="T55" fmla="*/ 17 h 374"/>
                    <a:gd name="T56" fmla="*/ 57 w 492"/>
                    <a:gd name="T57" fmla="*/ 15 h 374"/>
                    <a:gd name="T58" fmla="*/ 138 w 492"/>
                    <a:gd name="T59" fmla="*/ 1 h 374"/>
                    <a:gd name="T60" fmla="*/ 144 w 492"/>
                    <a:gd name="T61" fmla="*/ 0 h 374"/>
                    <a:gd name="T62" fmla="*/ 162 w 492"/>
                    <a:gd name="T63" fmla="*/ 12 h 374"/>
                    <a:gd name="T64" fmla="*/ 329 w 492"/>
                    <a:gd name="T65" fmla="*/ 77 h 374"/>
                    <a:gd name="T66" fmla="*/ 326 w 492"/>
                    <a:gd name="T67" fmla="*/ 79 h 374"/>
                    <a:gd name="T68" fmla="*/ 317 w 492"/>
                    <a:gd name="T69" fmla="*/ 85 h 374"/>
                    <a:gd name="T70" fmla="*/ 306 w 492"/>
                    <a:gd name="T71" fmla="*/ 100 h 374"/>
                    <a:gd name="T72" fmla="*/ 295 w 492"/>
                    <a:gd name="T73" fmla="*/ 120 h 374"/>
                    <a:gd name="T74" fmla="*/ 292 w 492"/>
                    <a:gd name="T75" fmla="*/ 125 h 374"/>
                    <a:gd name="T76" fmla="*/ 289 w 492"/>
                    <a:gd name="T77" fmla="*/ 123 h 374"/>
                    <a:gd name="T78" fmla="*/ 288 w 492"/>
                    <a:gd name="T79" fmla="*/ 131 h 374"/>
                    <a:gd name="T80" fmla="*/ 293 w 492"/>
                    <a:gd name="T81" fmla="*/ 134 h 374"/>
                    <a:gd name="T82" fmla="*/ 295 w 492"/>
                    <a:gd name="T83" fmla="*/ 139 h 374"/>
                    <a:gd name="T84" fmla="*/ 288 w 492"/>
                    <a:gd name="T85" fmla="*/ 148 h 374"/>
                    <a:gd name="T86" fmla="*/ 282 w 492"/>
                    <a:gd name="T87" fmla="*/ 149 h 374"/>
                    <a:gd name="T88" fmla="*/ 269 w 492"/>
                    <a:gd name="T89" fmla="*/ 164 h 374"/>
                    <a:gd name="T90" fmla="*/ 265 w 492"/>
                    <a:gd name="T91" fmla="*/ 172 h 374"/>
                    <a:gd name="T92" fmla="*/ 259 w 492"/>
                    <a:gd name="T93" fmla="*/ 177 h 374"/>
                    <a:gd name="T94" fmla="*/ 251 w 492"/>
                    <a:gd name="T95" fmla="*/ 182 h 374"/>
                    <a:gd name="T96" fmla="*/ 233 w 492"/>
                    <a:gd name="T97" fmla="*/ 196 h 374"/>
                    <a:gd name="T98" fmla="*/ 214 w 492"/>
                    <a:gd name="T99" fmla="*/ 207 h 374"/>
                    <a:gd name="T100" fmla="*/ 203 w 492"/>
                    <a:gd name="T101" fmla="*/ 229 h 374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w 492"/>
                    <a:gd name="T154" fmla="*/ 0 h 374"/>
                    <a:gd name="T155" fmla="*/ 492 w 492"/>
                    <a:gd name="T156" fmla="*/ 374 h 374"/>
                  </a:gdLst>
                  <a:ahLst/>
                  <a:cxnLst>
                    <a:cxn ang="T102">
                      <a:pos x="T0" y="T1"/>
                    </a:cxn>
                    <a:cxn ang="T103">
                      <a:pos x="T2" y="T3"/>
                    </a:cxn>
                    <a:cxn ang="T104">
                      <a:pos x="T4" y="T5"/>
                    </a:cxn>
                    <a:cxn ang="T105">
                      <a:pos x="T6" y="T7"/>
                    </a:cxn>
                    <a:cxn ang="T106">
                      <a:pos x="T8" y="T9"/>
                    </a:cxn>
                    <a:cxn ang="T107">
                      <a:pos x="T10" y="T11"/>
                    </a:cxn>
                    <a:cxn ang="T108">
                      <a:pos x="T12" y="T13"/>
                    </a:cxn>
                    <a:cxn ang="T109">
                      <a:pos x="T14" y="T15"/>
                    </a:cxn>
                    <a:cxn ang="T110">
                      <a:pos x="T16" y="T17"/>
                    </a:cxn>
                    <a:cxn ang="T111">
                      <a:pos x="T18" y="T19"/>
                    </a:cxn>
                    <a:cxn ang="T112">
                      <a:pos x="T20" y="T21"/>
                    </a:cxn>
                    <a:cxn ang="T113">
                      <a:pos x="T22" y="T23"/>
                    </a:cxn>
                    <a:cxn ang="T114">
                      <a:pos x="T24" y="T25"/>
                    </a:cxn>
                    <a:cxn ang="T115">
                      <a:pos x="T26" y="T27"/>
                    </a:cxn>
                    <a:cxn ang="T116">
                      <a:pos x="T28" y="T29"/>
                    </a:cxn>
                    <a:cxn ang="T117">
                      <a:pos x="T30" y="T31"/>
                    </a:cxn>
                    <a:cxn ang="T118">
                      <a:pos x="T32" y="T33"/>
                    </a:cxn>
                    <a:cxn ang="T119">
                      <a:pos x="T34" y="T35"/>
                    </a:cxn>
                    <a:cxn ang="T120">
                      <a:pos x="T36" y="T37"/>
                    </a:cxn>
                    <a:cxn ang="T121">
                      <a:pos x="T38" y="T39"/>
                    </a:cxn>
                    <a:cxn ang="T122">
                      <a:pos x="T40" y="T41"/>
                    </a:cxn>
                    <a:cxn ang="T123">
                      <a:pos x="T42" y="T43"/>
                    </a:cxn>
                    <a:cxn ang="T124">
                      <a:pos x="T44" y="T45"/>
                    </a:cxn>
                    <a:cxn ang="T125">
                      <a:pos x="T46" y="T47"/>
                    </a:cxn>
                    <a:cxn ang="T126">
                      <a:pos x="T48" y="T49"/>
                    </a:cxn>
                    <a:cxn ang="T127">
                      <a:pos x="T50" y="T51"/>
                    </a:cxn>
                    <a:cxn ang="T128">
                      <a:pos x="T52" y="T53"/>
                    </a:cxn>
                    <a:cxn ang="T129">
                      <a:pos x="T54" y="T55"/>
                    </a:cxn>
                    <a:cxn ang="T130">
                      <a:pos x="T56" y="T57"/>
                    </a:cxn>
                    <a:cxn ang="T131">
                      <a:pos x="T58" y="T59"/>
                    </a:cxn>
                    <a:cxn ang="T132">
                      <a:pos x="T60" y="T61"/>
                    </a:cxn>
                    <a:cxn ang="T133">
                      <a:pos x="T62" y="T63"/>
                    </a:cxn>
                    <a:cxn ang="T134">
                      <a:pos x="T64" y="T65"/>
                    </a:cxn>
                    <a:cxn ang="T135">
                      <a:pos x="T66" y="T67"/>
                    </a:cxn>
                    <a:cxn ang="T136">
                      <a:pos x="T68" y="T69"/>
                    </a:cxn>
                    <a:cxn ang="T137">
                      <a:pos x="T70" y="T71"/>
                    </a:cxn>
                    <a:cxn ang="T138">
                      <a:pos x="T72" y="T73"/>
                    </a:cxn>
                    <a:cxn ang="T139">
                      <a:pos x="T74" y="T75"/>
                    </a:cxn>
                    <a:cxn ang="T140">
                      <a:pos x="T76" y="T77"/>
                    </a:cxn>
                    <a:cxn ang="T141">
                      <a:pos x="T78" y="T79"/>
                    </a:cxn>
                    <a:cxn ang="T142">
                      <a:pos x="T80" y="T81"/>
                    </a:cxn>
                    <a:cxn ang="T143">
                      <a:pos x="T82" y="T83"/>
                    </a:cxn>
                    <a:cxn ang="T144">
                      <a:pos x="T84" y="T85"/>
                    </a:cxn>
                    <a:cxn ang="T145">
                      <a:pos x="T86" y="T87"/>
                    </a:cxn>
                    <a:cxn ang="T146">
                      <a:pos x="T88" y="T89"/>
                    </a:cxn>
                    <a:cxn ang="T147">
                      <a:pos x="T90" y="T91"/>
                    </a:cxn>
                    <a:cxn ang="T148">
                      <a:pos x="T92" y="T93"/>
                    </a:cxn>
                    <a:cxn ang="T149">
                      <a:pos x="T94" y="T95"/>
                    </a:cxn>
                    <a:cxn ang="T150">
                      <a:pos x="T96" y="T97"/>
                    </a:cxn>
                    <a:cxn ang="T151">
                      <a:pos x="T98" y="T99"/>
                    </a:cxn>
                    <a:cxn ang="T152">
                      <a:pos x="T100" y="T101"/>
                    </a:cxn>
                  </a:cxnLst>
                  <a:rect l="T153" t="T154" r="T155" b="T156"/>
                  <a:pathLst>
                    <a:path w="492" h="374">
                      <a:moveTo>
                        <a:pt x="269" y="374"/>
                      </a:moveTo>
                      <a:lnTo>
                        <a:pt x="269" y="374"/>
                      </a:lnTo>
                      <a:lnTo>
                        <a:pt x="269" y="372"/>
                      </a:lnTo>
                      <a:lnTo>
                        <a:pt x="267" y="370"/>
                      </a:lnTo>
                      <a:lnTo>
                        <a:pt x="267" y="369"/>
                      </a:lnTo>
                      <a:lnTo>
                        <a:pt x="267" y="367"/>
                      </a:lnTo>
                      <a:lnTo>
                        <a:pt x="267" y="365"/>
                      </a:lnTo>
                      <a:lnTo>
                        <a:pt x="267" y="364"/>
                      </a:lnTo>
                      <a:lnTo>
                        <a:pt x="267" y="362"/>
                      </a:lnTo>
                      <a:lnTo>
                        <a:pt x="266" y="348"/>
                      </a:lnTo>
                      <a:lnTo>
                        <a:pt x="261" y="338"/>
                      </a:lnTo>
                      <a:lnTo>
                        <a:pt x="255" y="330"/>
                      </a:lnTo>
                      <a:lnTo>
                        <a:pt x="249" y="321"/>
                      </a:lnTo>
                      <a:lnTo>
                        <a:pt x="242" y="316"/>
                      </a:lnTo>
                      <a:lnTo>
                        <a:pt x="235" y="313"/>
                      </a:lnTo>
                      <a:lnTo>
                        <a:pt x="232" y="309"/>
                      </a:lnTo>
                      <a:lnTo>
                        <a:pt x="230" y="308"/>
                      </a:lnTo>
                      <a:lnTo>
                        <a:pt x="228" y="292"/>
                      </a:lnTo>
                      <a:lnTo>
                        <a:pt x="225" y="282"/>
                      </a:lnTo>
                      <a:lnTo>
                        <a:pt x="218" y="274"/>
                      </a:lnTo>
                      <a:lnTo>
                        <a:pt x="211" y="269"/>
                      </a:lnTo>
                      <a:lnTo>
                        <a:pt x="205" y="265"/>
                      </a:lnTo>
                      <a:lnTo>
                        <a:pt x="200" y="264"/>
                      </a:lnTo>
                      <a:lnTo>
                        <a:pt x="195" y="262"/>
                      </a:lnTo>
                      <a:lnTo>
                        <a:pt x="193" y="262"/>
                      </a:lnTo>
                      <a:lnTo>
                        <a:pt x="193" y="260"/>
                      </a:lnTo>
                      <a:lnTo>
                        <a:pt x="189" y="259"/>
                      </a:lnTo>
                      <a:lnTo>
                        <a:pt x="184" y="254"/>
                      </a:lnTo>
                      <a:lnTo>
                        <a:pt x="179" y="250"/>
                      </a:lnTo>
                      <a:lnTo>
                        <a:pt x="174" y="245"/>
                      </a:lnTo>
                      <a:lnTo>
                        <a:pt x="171" y="240"/>
                      </a:lnTo>
                      <a:lnTo>
                        <a:pt x="167" y="237"/>
                      </a:lnTo>
                      <a:lnTo>
                        <a:pt x="166" y="233"/>
                      </a:lnTo>
                      <a:lnTo>
                        <a:pt x="162" y="225"/>
                      </a:lnTo>
                      <a:lnTo>
                        <a:pt x="157" y="218"/>
                      </a:lnTo>
                      <a:lnTo>
                        <a:pt x="154" y="213"/>
                      </a:lnTo>
                      <a:lnTo>
                        <a:pt x="149" y="211"/>
                      </a:lnTo>
                      <a:lnTo>
                        <a:pt x="145" y="210"/>
                      </a:lnTo>
                      <a:lnTo>
                        <a:pt x="142" y="210"/>
                      </a:lnTo>
                      <a:lnTo>
                        <a:pt x="139" y="210"/>
                      </a:lnTo>
                      <a:lnTo>
                        <a:pt x="137" y="208"/>
                      </a:lnTo>
                      <a:lnTo>
                        <a:pt x="135" y="204"/>
                      </a:lnTo>
                      <a:lnTo>
                        <a:pt x="132" y="203"/>
                      </a:lnTo>
                      <a:lnTo>
                        <a:pt x="130" y="199"/>
                      </a:lnTo>
                      <a:lnTo>
                        <a:pt x="127" y="193"/>
                      </a:lnTo>
                      <a:lnTo>
                        <a:pt x="123" y="188"/>
                      </a:lnTo>
                      <a:lnTo>
                        <a:pt x="120" y="184"/>
                      </a:lnTo>
                      <a:lnTo>
                        <a:pt x="117" y="182"/>
                      </a:lnTo>
                      <a:lnTo>
                        <a:pt x="113" y="181"/>
                      </a:lnTo>
                      <a:lnTo>
                        <a:pt x="112" y="182"/>
                      </a:lnTo>
                      <a:lnTo>
                        <a:pt x="108" y="182"/>
                      </a:lnTo>
                      <a:lnTo>
                        <a:pt x="101" y="181"/>
                      </a:lnTo>
                      <a:lnTo>
                        <a:pt x="96" y="179"/>
                      </a:lnTo>
                      <a:lnTo>
                        <a:pt x="93" y="174"/>
                      </a:lnTo>
                      <a:lnTo>
                        <a:pt x="90" y="169"/>
                      </a:lnTo>
                      <a:lnTo>
                        <a:pt x="86" y="164"/>
                      </a:lnTo>
                      <a:lnTo>
                        <a:pt x="85" y="160"/>
                      </a:lnTo>
                      <a:lnTo>
                        <a:pt x="83" y="157"/>
                      </a:lnTo>
                      <a:lnTo>
                        <a:pt x="83" y="155"/>
                      </a:lnTo>
                      <a:lnTo>
                        <a:pt x="78" y="152"/>
                      </a:lnTo>
                      <a:lnTo>
                        <a:pt x="71" y="145"/>
                      </a:lnTo>
                      <a:lnTo>
                        <a:pt x="66" y="138"/>
                      </a:lnTo>
                      <a:lnTo>
                        <a:pt x="61" y="132"/>
                      </a:lnTo>
                      <a:lnTo>
                        <a:pt x="57" y="125"/>
                      </a:lnTo>
                      <a:lnTo>
                        <a:pt x="56" y="118"/>
                      </a:lnTo>
                      <a:lnTo>
                        <a:pt x="52" y="115"/>
                      </a:lnTo>
                      <a:lnTo>
                        <a:pt x="52" y="113"/>
                      </a:lnTo>
                      <a:lnTo>
                        <a:pt x="52" y="111"/>
                      </a:lnTo>
                      <a:lnTo>
                        <a:pt x="49" y="111"/>
                      </a:lnTo>
                      <a:lnTo>
                        <a:pt x="47" y="111"/>
                      </a:lnTo>
                      <a:lnTo>
                        <a:pt x="46" y="110"/>
                      </a:lnTo>
                      <a:lnTo>
                        <a:pt x="39" y="110"/>
                      </a:lnTo>
                      <a:lnTo>
                        <a:pt x="32" y="108"/>
                      </a:lnTo>
                      <a:lnTo>
                        <a:pt x="27" y="106"/>
                      </a:lnTo>
                      <a:lnTo>
                        <a:pt x="24" y="105"/>
                      </a:lnTo>
                      <a:lnTo>
                        <a:pt x="20" y="103"/>
                      </a:lnTo>
                      <a:lnTo>
                        <a:pt x="19" y="101"/>
                      </a:lnTo>
                      <a:lnTo>
                        <a:pt x="17" y="100"/>
                      </a:lnTo>
                      <a:lnTo>
                        <a:pt x="5" y="98"/>
                      </a:lnTo>
                      <a:lnTo>
                        <a:pt x="0" y="93"/>
                      </a:lnTo>
                      <a:lnTo>
                        <a:pt x="0" y="84"/>
                      </a:lnTo>
                      <a:lnTo>
                        <a:pt x="2" y="74"/>
                      </a:lnTo>
                      <a:lnTo>
                        <a:pt x="7" y="66"/>
                      </a:lnTo>
                      <a:lnTo>
                        <a:pt x="13" y="57"/>
                      </a:lnTo>
                      <a:lnTo>
                        <a:pt x="17" y="52"/>
                      </a:lnTo>
                      <a:lnTo>
                        <a:pt x="19" y="50"/>
                      </a:lnTo>
                      <a:lnTo>
                        <a:pt x="20" y="52"/>
                      </a:lnTo>
                      <a:lnTo>
                        <a:pt x="22" y="50"/>
                      </a:lnTo>
                      <a:lnTo>
                        <a:pt x="24" y="49"/>
                      </a:lnTo>
                      <a:lnTo>
                        <a:pt x="27" y="45"/>
                      </a:lnTo>
                      <a:lnTo>
                        <a:pt x="30" y="42"/>
                      </a:lnTo>
                      <a:lnTo>
                        <a:pt x="35" y="39"/>
                      </a:lnTo>
                      <a:lnTo>
                        <a:pt x="41" y="35"/>
                      </a:lnTo>
                      <a:lnTo>
                        <a:pt x="47" y="32"/>
                      </a:lnTo>
                      <a:lnTo>
                        <a:pt x="52" y="28"/>
                      </a:lnTo>
                      <a:lnTo>
                        <a:pt x="61" y="23"/>
                      </a:lnTo>
                      <a:lnTo>
                        <a:pt x="68" y="20"/>
                      </a:lnTo>
                      <a:lnTo>
                        <a:pt x="76" y="17"/>
                      </a:lnTo>
                      <a:lnTo>
                        <a:pt x="85" y="15"/>
                      </a:lnTo>
                      <a:lnTo>
                        <a:pt x="95" y="13"/>
                      </a:lnTo>
                      <a:lnTo>
                        <a:pt x="105" y="10"/>
                      </a:lnTo>
                      <a:lnTo>
                        <a:pt x="113" y="10"/>
                      </a:lnTo>
                      <a:lnTo>
                        <a:pt x="206" y="1"/>
                      </a:lnTo>
                      <a:lnTo>
                        <a:pt x="208" y="1"/>
                      </a:lnTo>
                      <a:lnTo>
                        <a:pt x="210" y="0"/>
                      </a:lnTo>
                      <a:lnTo>
                        <a:pt x="215" y="0"/>
                      </a:lnTo>
                      <a:lnTo>
                        <a:pt x="222" y="0"/>
                      </a:lnTo>
                      <a:lnTo>
                        <a:pt x="228" y="1"/>
                      </a:lnTo>
                      <a:lnTo>
                        <a:pt x="235" y="5"/>
                      </a:lnTo>
                      <a:lnTo>
                        <a:pt x="242" y="12"/>
                      </a:lnTo>
                      <a:lnTo>
                        <a:pt x="250" y="23"/>
                      </a:lnTo>
                      <a:lnTo>
                        <a:pt x="254" y="37"/>
                      </a:lnTo>
                      <a:lnTo>
                        <a:pt x="362" y="20"/>
                      </a:lnTo>
                      <a:lnTo>
                        <a:pt x="492" y="115"/>
                      </a:lnTo>
                      <a:lnTo>
                        <a:pt x="491" y="115"/>
                      </a:lnTo>
                      <a:lnTo>
                        <a:pt x="489" y="118"/>
                      </a:lnTo>
                      <a:lnTo>
                        <a:pt x="486" y="120"/>
                      </a:lnTo>
                      <a:lnTo>
                        <a:pt x="484" y="122"/>
                      </a:lnTo>
                      <a:lnTo>
                        <a:pt x="481" y="125"/>
                      </a:lnTo>
                      <a:lnTo>
                        <a:pt x="475" y="130"/>
                      </a:lnTo>
                      <a:lnTo>
                        <a:pt x="472" y="133"/>
                      </a:lnTo>
                      <a:lnTo>
                        <a:pt x="467" y="140"/>
                      </a:lnTo>
                      <a:lnTo>
                        <a:pt x="464" y="145"/>
                      </a:lnTo>
                      <a:lnTo>
                        <a:pt x="459" y="150"/>
                      </a:lnTo>
                      <a:lnTo>
                        <a:pt x="455" y="159"/>
                      </a:lnTo>
                      <a:lnTo>
                        <a:pt x="450" y="166"/>
                      </a:lnTo>
                      <a:lnTo>
                        <a:pt x="447" y="174"/>
                      </a:lnTo>
                      <a:lnTo>
                        <a:pt x="443" y="182"/>
                      </a:lnTo>
                      <a:lnTo>
                        <a:pt x="440" y="191"/>
                      </a:lnTo>
                      <a:lnTo>
                        <a:pt x="437" y="189"/>
                      </a:lnTo>
                      <a:lnTo>
                        <a:pt x="435" y="188"/>
                      </a:lnTo>
                      <a:lnTo>
                        <a:pt x="435" y="186"/>
                      </a:lnTo>
                      <a:lnTo>
                        <a:pt x="433" y="186"/>
                      </a:lnTo>
                      <a:lnTo>
                        <a:pt x="433" y="188"/>
                      </a:lnTo>
                      <a:lnTo>
                        <a:pt x="431" y="191"/>
                      </a:lnTo>
                      <a:lnTo>
                        <a:pt x="431" y="194"/>
                      </a:lnTo>
                      <a:lnTo>
                        <a:pt x="431" y="198"/>
                      </a:lnTo>
                      <a:lnTo>
                        <a:pt x="433" y="199"/>
                      </a:lnTo>
                      <a:lnTo>
                        <a:pt x="435" y="201"/>
                      </a:lnTo>
                      <a:lnTo>
                        <a:pt x="440" y="203"/>
                      </a:lnTo>
                      <a:lnTo>
                        <a:pt x="442" y="203"/>
                      </a:lnTo>
                      <a:lnTo>
                        <a:pt x="442" y="204"/>
                      </a:lnTo>
                      <a:lnTo>
                        <a:pt x="443" y="206"/>
                      </a:lnTo>
                      <a:lnTo>
                        <a:pt x="443" y="210"/>
                      </a:lnTo>
                      <a:lnTo>
                        <a:pt x="443" y="213"/>
                      </a:lnTo>
                      <a:lnTo>
                        <a:pt x="440" y="216"/>
                      </a:lnTo>
                      <a:lnTo>
                        <a:pt x="437" y="221"/>
                      </a:lnTo>
                      <a:lnTo>
                        <a:pt x="431" y="225"/>
                      </a:lnTo>
                      <a:lnTo>
                        <a:pt x="430" y="225"/>
                      </a:lnTo>
                      <a:lnTo>
                        <a:pt x="428" y="225"/>
                      </a:lnTo>
                      <a:lnTo>
                        <a:pt x="423" y="228"/>
                      </a:lnTo>
                      <a:lnTo>
                        <a:pt x="418" y="230"/>
                      </a:lnTo>
                      <a:lnTo>
                        <a:pt x="413" y="235"/>
                      </a:lnTo>
                      <a:lnTo>
                        <a:pt x="408" y="240"/>
                      </a:lnTo>
                      <a:lnTo>
                        <a:pt x="403" y="248"/>
                      </a:lnTo>
                      <a:lnTo>
                        <a:pt x="398" y="259"/>
                      </a:lnTo>
                      <a:lnTo>
                        <a:pt x="396" y="260"/>
                      </a:lnTo>
                      <a:lnTo>
                        <a:pt x="394" y="262"/>
                      </a:lnTo>
                      <a:lnTo>
                        <a:pt x="393" y="265"/>
                      </a:lnTo>
                      <a:lnTo>
                        <a:pt x="391" y="267"/>
                      </a:lnTo>
                      <a:lnTo>
                        <a:pt x="389" y="269"/>
                      </a:lnTo>
                      <a:lnTo>
                        <a:pt x="387" y="270"/>
                      </a:lnTo>
                      <a:lnTo>
                        <a:pt x="376" y="272"/>
                      </a:lnTo>
                      <a:lnTo>
                        <a:pt x="376" y="277"/>
                      </a:lnTo>
                      <a:lnTo>
                        <a:pt x="384" y="279"/>
                      </a:lnTo>
                      <a:lnTo>
                        <a:pt x="359" y="299"/>
                      </a:lnTo>
                      <a:lnTo>
                        <a:pt x="354" y="291"/>
                      </a:lnTo>
                      <a:lnTo>
                        <a:pt x="349" y="299"/>
                      </a:lnTo>
                      <a:lnTo>
                        <a:pt x="354" y="304"/>
                      </a:lnTo>
                      <a:lnTo>
                        <a:pt x="343" y="316"/>
                      </a:lnTo>
                      <a:lnTo>
                        <a:pt x="335" y="314"/>
                      </a:lnTo>
                      <a:lnTo>
                        <a:pt x="320" y="314"/>
                      </a:lnTo>
                      <a:lnTo>
                        <a:pt x="305" y="316"/>
                      </a:lnTo>
                      <a:lnTo>
                        <a:pt x="296" y="320"/>
                      </a:lnTo>
                      <a:lnTo>
                        <a:pt x="291" y="336"/>
                      </a:lnTo>
                      <a:lnTo>
                        <a:pt x="303" y="348"/>
                      </a:lnTo>
                      <a:lnTo>
                        <a:pt x="289" y="374"/>
                      </a:lnTo>
                      <a:lnTo>
                        <a:pt x="281" y="372"/>
                      </a:lnTo>
                      <a:lnTo>
                        <a:pt x="269" y="374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85" name="Freeform 136"/>
                <p:cNvSpPr>
                  <a:spLocks/>
                </p:cNvSpPr>
                <p:nvPr/>
              </p:nvSpPr>
              <p:spPr bwMode="auto">
                <a:xfrm>
                  <a:off x="4222" y="3072"/>
                  <a:ext cx="15" cy="16"/>
                </a:xfrm>
                <a:custGeom>
                  <a:avLst/>
                  <a:gdLst>
                    <a:gd name="T0" fmla="*/ 1 w 15"/>
                    <a:gd name="T1" fmla="*/ 5 h 17"/>
                    <a:gd name="T2" fmla="*/ 1 w 15"/>
                    <a:gd name="T3" fmla="*/ 5 h 17"/>
                    <a:gd name="T4" fmla="*/ 5 w 15"/>
                    <a:gd name="T5" fmla="*/ 2 h 17"/>
                    <a:gd name="T6" fmla="*/ 6 w 15"/>
                    <a:gd name="T7" fmla="*/ 0 h 17"/>
                    <a:gd name="T8" fmla="*/ 10 w 15"/>
                    <a:gd name="T9" fmla="*/ 0 h 17"/>
                    <a:gd name="T10" fmla="*/ 12 w 15"/>
                    <a:gd name="T11" fmla="*/ 0 h 17"/>
                    <a:gd name="T12" fmla="*/ 12 w 15"/>
                    <a:gd name="T13" fmla="*/ 0 h 17"/>
                    <a:gd name="T14" fmla="*/ 13 w 15"/>
                    <a:gd name="T15" fmla="*/ 2 h 17"/>
                    <a:gd name="T16" fmla="*/ 13 w 15"/>
                    <a:gd name="T17" fmla="*/ 2 h 17"/>
                    <a:gd name="T18" fmla="*/ 15 w 15"/>
                    <a:gd name="T19" fmla="*/ 3 h 17"/>
                    <a:gd name="T20" fmla="*/ 15 w 15"/>
                    <a:gd name="T21" fmla="*/ 5 h 17"/>
                    <a:gd name="T22" fmla="*/ 15 w 15"/>
                    <a:gd name="T23" fmla="*/ 7 h 17"/>
                    <a:gd name="T24" fmla="*/ 13 w 15"/>
                    <a:gd name="T25" fmla="*/ 8 h 17"/>
                    <a:gd name="T26" fmla="*/ 13 w 15"/>
                    <a:gd name="T27" fmla="*/ 8 h 17"/>
                    <a:gd name="T28" fmla="*/ 12 w 15"/>
                    <a:gd name="T29" fmla="*/ 8 h 17"/>
                    <a:gd name="T30" fmla="*/ 12 w 15"/>
                    <a:gd name="T31" fmla="*/ 8 h 17"/>
                    <a:gd name="T32" fmla="*/ 10 w 15"/>
                    <a:gd name="T33" fmla="*/ 8 h 17"/>
                    <a:gd name="T34" fmla="*/ 6 w 15"/>
                    <a:gd name="T35" fmla="*/ 8 h 17"/>
                    <a:gd name="T36" fmla="*/ 3 w 15"/>
                    <a:gd name="T37" fmla="*/ 8 h 17"/>
                    <a:gd name="T38" fmla="*/ 1 w 15"/>
                    <a:gd name="T39" fmla="*/ 8 h 17"/>
                    <a:gd name="T40" fmla="*/ 1 w 15"/>
                    <a:gd name="T41" fmla="*/ 8 h 17"/>
                    <a:gd name="T42" fmla="*/ 1 w 15"/>
                    <a:gd name="T43" fmla="*/ 8 h 17"/>
                    <a:gd name="T44" fmla="*/ 0 w 15"/>
                    <a:gd name="T45" fmla="*/ 8 h 17"/>
                    <a:gd name="T46" fmla="*/ 0 w 15"/>
                    <a:gd name="T47" fmla="*/ 8 h 17"/>
                    <a:gd name="T48" fmla="*/ 0 w 15"/>
                    <a:gd name="T49" fmla="*/ 8 h 17"/>
                    <a:gd name="T50" fmla="*/ 0 w 15"/>
                    <a:gd name="T51" fmla="*/ 8 h 17"/>
                    <a:gd name="T52" fmla="*/ 0 w 15"/>
                    <a:gd name="T53" fmla="*/ 8 h 17"/>
                    <a:gd name="T54" fmla="*/ 1 w 15"/>
                    <a:gd name="T55" fmla="*/ 7 h 17"/>
                    <a:gd name="T56" fmla="*/ 1 w 15"/>
                    <a:gd name="T57" fmla="*/ 5 h 17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w 15"/>
                    <a:gd name="T88" fmla="*/ 0 h 17"/>
                    <a:gd name="T89" fmla="*/ 15 w 15"/>
                    <a:gd name="T90" fmla="*/ 17 h 17"/>
                  </a:gdLst>
                  <a:ahLst/>
                  <a:cxnLst>
                    <a:cxn ang="T58">
                      <a:pos x="T0" y="T1"/>
                    </a:cxn>
                    <a:cxn ang="T59">
                      <a:pos x="T2" y="T3"/>
                    </a:cxn>
                    <a:cxn ang="T60">
                      <a:pos x="T4" y="T5"/>
                    </a:cxn>
                    <a:cxn ang="T61">
                      <a:pos x="T6" y="T7"/>
                    </a:cxn>
                    <a:cxn ang="T62">
                      <a:pos x="T8" y="T9"/>
                    </a:cxn>
                    <a:cxn ang="T63">
                      <a:pos x="T10" y="T11"/>
                    </a:cxn>
                    <a:cxn ang="T64">
                      <a:pos x="T12" y="T13"/>
                    </a:cxn>
                    <a:cxn ang="T65">
                      <a:pos x="T14" y="T15"/>
                    </a:cxn>
                    <a:cxn ang="T66">
                      <a:pos x="T16" y="T17"/>
                    </a:cxn>
                    <a:cxn ang="T67">
                      <a:pos x="T18" y="T19"/>
                    </a:cxn>
                    <a:cxn ang="T68">
                      <a:pos x="T20" y="T21"/>
                    </a:cxn>
                    <a:cxn ang="T69">
                      <a:pos x="T22" y="T23"/>
                    </a:cxn>
                    <a:cxn ang="T70">
                      <a:pos x="T24" y="T25"/>
                    </a:cxn>
                    <a:cxn ang="T71">
                      <a:pos x="T26" y="T27"/>
                    </a:cxn>
                    <a:cxn ang="T72">
                      <a:pos x="T28" y="T29"/>
                    </a:cxn>
                    <a:cxn ang="T73">
                      <a:pos x="T30" y="T31"/>
                    </a:cxn>
                    <a:cxn ang="T74">
                      <a:pos x="T32" y="T33"/>
                    </a:cxn>
                    <a:cxn ang="T75">
                      <a:pos x="T34" y="T35"/>
                    </a:cxn>
                    <a:cxn ang="T76">
                      <a:pos x="T36" y="T37"/>
                    </a:cxn>
                    <a:cxn ang="T77">
                      <a:pos x="T38" y="T39"/>
                    </a:cxn>
                    <a:cxn ang="T78">
                      <a:pos x="T40" y="T41"/>
                    </a:cxn>
                    <a:cxn ang="T79">
                      <a:pos x="T42" y="T43"/>
                    </a:cxn>
                    <a:cxn ang="T80">
                      <a:pos x="T44" y="T45"/>
                    </a:cxn>
                    <a:cxn ang="T81">
                      <a:pos x="T46" y="T47"/>
                    </a:cxn>
                    <a:cxn ang="T82">
                      <a:pos x="T48" y="T49"/>
                    </a:cxn>
                    <a:cxn ang="T83">
                      <a:pos x="T50" y="T51"/>
                    </a:cxn>
                    <a:cxn ang="T84">
                      <a:pos x="T52" y="T53"/>
                    </a:cxn>
                    <a:cxn ang="T85">
                      <a:pos x="T54" y="T55"/>
                    </a:cxn>
                    <a:cxn ang="T86">
                      <a:pos x="T56" y="T57"/>
                    </a:cxn>
                  </a:cxnLst>
                  <a:rect l="T87" t="T88" r="T89" b="T90"/>
                  <a:pathLst>
                    <a:path w="15" h="17">
                      <a:moveTo>
                        <a:pt x="1" y="5"/>
                      </a:moveTo>
                      <a:lnTo>
                        <a:pt x="1" y="5"/>
                      </a:lnTo>
                      <a:lnTo>
                        <a:pt x="5" y="2"/>
                      </a:lnTo>
                      <a:lnTo>
                        <a:pt x="6" y="0"/>
                      </a:lnTo>
                      <a:lnTo>
                        <a:pt x="10" y="0"/>
                      </a:lnTo>
                      <a:lnTo>
                        <a:pt x="12" y="0"/>
                      </a:lnTo>
                      <a:lnTo>
                        <a:pt x="13" y="2"/>
                      </a:lnTo>
                      <a:lnTo>
                        <a:pt x="15" y="3"/>
                      </a:lnTo>
                      <a:lnTo>
                        <a:pt x="15" y="5"/>
                      </a:lnTo>
                      <a:lnTo>
                        <a:pt x="15" y="7"/>
                      </a:lnTo>
                      <a:lnTo>
                        <a:pt x="13" y="8"/>
                      </a:lnTo>
                      <a:lnTo>
                        <a:pt x="13" y="10"/>
                      </a:lnTo>
                      <a:lnTo>
                        <a:pt x="12" y="12"/>
                      </a:lnTo>
                      <a:lnTo>
                        <a:pt x="10" y="15"/>
                      </a:lnTo>
                      <a:lnTo>
                        <a:pt x="6" y="17"/>
                      </a:lnTo>
                      <a:lnTo>
                        <a:pt x="3" y="17"/>
                      </a:lnTo>
                      <a:lnTo>
                        <a:pt x="1" y="17"/>
                      </a:lnTo>
                      <a:lnTo>
                        <a:pt x="0" y="15"/>
                      </a:lnTo>
                      <a:lnTo>
                        <a:pt x="0" y="13"/>
                      </a:lnTo>
                      <a:lnTo>
                        <a:pt x="0" y="12"/>
                      </a:lnTo>
                      <a:lnTo>
                        <a:pt x="0" y="10"/>
                      </a:lnTo>
                      <a:lnTo>
                        <a:pt x="0" y="8"/>
                      </a:lnTo>
                      <a:lnTo>
                        <a:pt x="1" y="7"/>
                      </a:lnTo>
                      <a:lnTo>
                        <a:pt x="1" y="5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86" name="Freeform 137"/>
                <p:cNvSpPr>
                  <a:spLocks/>
                </p:cNvSpPr>
                <p:nvPr/>
              </p:nvSpPr>
              <p:spPr bwMode="auto">
                <a:xfrm>
                  <a:off x="4206" y="3072"/>
                  <a:ext cx="11" cy="12"/>
                </a:xfrm>
                <a:custGeom>
                  <a:avLst/>
                  <a:gdLst>
                    <a:gd name="T0" fmla="*/ 0 w 11"/>
                    <a:gd name="T1" fmla="*/ 6 h 13"/>
                    <a:gd name="T2" fmla="*/ 0 w 11"/>
                    <a:gd name="T3" fmla="*/ 6 h 13"/>
                    <a:gd name="T4" fmla="*/ 0 w 11"/>
                    <a:gd name="T5" fmla="*/ 3 h 13"/>
                    <a:gd name="T6" fmla="*/ 2 w 11"/>
                    <a:gd name="T7" fmla="*/ 2 h 13"/>
                    <a:gd name="T8" fmla="*/ 4 w 11"/>
                    <a:gd name="T9" fmla="*/ 0 h 13"/>
                    <a:gd name="T10" fmla="*/ 6 w 11"/>
                    <a:gd name="T11" fmla="*/ 0 h 13"/>
                    <a:gd name="T12" fmla="*/ 6 w 11"/>
                    <a:gd name="T13" fmla="*/ 0 h 13"/>
                    <a:gd name="T14" fmla="*/ 7 w 11"/>
                    <a:gd name="T15" fmla="*/ 0 h 13"/>
                    <a:gd name="T16" fmla="*/ 9 w 11"/>
                    <a:gd name="T17" fmla="*/ 2 h 13"/>
                    <a:gd name="T18" fmla="*/ 11 w 11"/>
                    <a:gd name="T19" fmla="*/ 3 h 13"/>
                    <a:gd name="T20" fmla="*/ 11 w 11"/>
                    <a:gd name="T21" fmla="*/ 6 h 13"/>
                    <a:gd name="T22" fmla="*/ 11 w 11"/>
                    <a:gd name="T23" fmla="*/ 6 h 13"/>
                    <a:gd name="T24" fmla="*/ 11 w 11"/>
                    <a:gd name="T25" fmla="*/ 6 h 13"/>
                    <a:gd name="T26" fmla="*/ 9 w 11"/>
                    <a:gd name="T27" fmla="*/ 6 h 13"/>
                    <a:gd name="T28" fmla="*/ 7 w 11"/>
                    <a:gd name="T29" fmla="*/ 6 h 13"/>
                    <a:gd name="T30" fmla="*/ 6 w 11"/>
                    <a:gd name="T31" fmla="*/ 6 h 13"/>
                    <a:gd name="T32" fmla="*/ 6 w 11"/>
                    <a:gd name="T33" fmla="*/ 6 h 13"/>
                    <a:gd name="T34" fmla="*/ 4 w 11"/>
                    <a:gd name="T35" fmla="*/ 6 h 13"/>
                    <a:gd name="T36" fmla="*/ 2 w 11"/>
                    <a:gd name="T37" fmla="*/ 6 h 13"/>
                    <a:gd name="T38" fmla="*/ 0 w 11"/>
                    <a:gd name="T39" fmla="*/ 6 h 13"/>
                    <a:gd name="T40" fmla="*/ 0 w 11"/>
                    <a:gd name="T41" fmla="*/ 6 h 13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1"/>
                    <a:gd name="T64" fmla="*/ 0 h 13"/>
                    <a:gd name="T65" fmla="*/ 11 w 11"/>
                    <a:gd name="T66" fmla="*/ 13 h 13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1" h="13">
                      <a:moveTo>
                        <a:pt x="0" y="7"/>
                      </a:moveTo>
                      <a:lnTo>
                        <a:pt x="0" y="7"/>
                      </a:lnTo>
                      <a:lnTo>
                        <a:pt x="0" y="3"/>
                      </a:lnTo>
                      <a:lnTo>
                        <a:pt x="2" y="2"/>
                      </a:lnTo>
                      <a:lnTo>
                        <a:pt x="4" y="0"/>
                      </a:lnTo>
                      <a:lnTo>
                        <a:pt x="6" y="0"/>
                      </a:lnTo>
                      <a:lnTo>
                        <a:pt x="7" y="0"/>
                      </a:lnTo>
                      <a:lnTo>
                        <a:pt x="9" y="2"/>
                      </a:lnTo>
                      <a:lnTo>
                        <a:pt x="11" y="3"/>
                      </a:lnTo>
                      <a:lnTo>
                        <a:pt x="11" y="7"/>
                      </a:lnTo>
                      <a:lnTo>
                        <a:pt x="11" y="10"/>
                      </a:lnTo>
                      <a:lnTo>
                        <a:pt x="9" y="12"/>
                      </a:lnTo>
                      <a:lnTo>
                        <a:pt x="7" y="13"/>
                      </a:lnTo>
                      <a:lnTo>
                        <a:pt x="6" y="13"/>
                      </a:lnTo>
                      <a:lnTo>
                        <a:pt x="4" y="13"/>
                      </a:lnTo>
                      <a:lnTo>
                        <a:pt x="2" y="12"/>
                      </a:lnTo>
                      <a:lnTo>
                        <a:pt x="0" y="10"/>
                      </a:lnTo>
                      <a:lnTo>
                        <a:pt x="0" y="7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87" name="Freeform 138"/>
                <p:cNvSpPr>
                  <a:spLocks/>
                </p:cNvSpPr>
                <p:nvPr/>
              </p:nvSpPr>
              <p:spPr bwMode="auto">
                <a:xfrm>
                  <a:off x="4212" y="3098"/>
                  <a:ext cx="13" cy="16"/>
                </a:xfrm>
                <a:custGeom>
                  <a:avLst/>
                  <a:gdLst>
                    <a:gd name="T0" fmla="*/ 1 w 13"/>
                    <a:gd name="T1" fmla="*/ 5 h 17"/>
                    <a:gd name="T2" fmla="*/ 1 w 13"/>
                    <a:gd name="T3" fmla="*/ 5 h 17"/>
                    <a:gd name="T4" fmla="*/ 3 w 13"/>
                    <a:gd name="T5" fmla="*/ 2 h 17"/>
                    <a:gd name="T6" fmla="*/ 6 w 13"/>
                    <a:gd name="T7" fmla="*/ 0 h 17"/>
                    <a:gd name="T8" fmla="*/ 8 w 13"/>
                    <a:gd name="T9" fmla="*/ 0 h 17"/>
                    <a:gd name="T10" fmla="*/ 11 w 13"/>
                    <a:gd name="T11" fmla="*/ 0 h 17"/>
                    <a:gd name="T12" fmla="*/ 11 w 13"/>
                    <a:gd name="T13" fmla="*/ 0 h 17"/>
                    <a:gd name="T14" fmla="*/ 13 w 13"/>
                    <a:gd name="T15" fmla="*/ 0 h 17"/>
                    <a:gd name="T16" fmla="*/ 13 w 13"/>
                    <a:gd name="T17" fmla="*/ 2 h 17"/>
                    <a:gd name="T18" fmla="*/ 13 w 13"/>
                    <a:gd name="T19" fmla="*/ 3 h 17"/>
                    <a:gd name="T20" fmla="*/ 13 w 13"/>
                    <a:gd name="T21" fmla="*/ 5 h 17"/>
                    <a:gd name="T22" fmla="*/ 13 w 13"/>
                    <a:gd name="T23" fmla="*/ 5 h 17"/>
                    <a:gd name="T24" fmla="*/ 13 w 13"/>
                    <a:gd name="T25" fmla="*/ 8 h 17"/>
                    <a:gd name="T26" fmla="*/ 13 w 13"/>
                    <a:gd name="T27" fmla="*/ 8 h 17"/>
                    <a:gd name="T28" fmla="*/ 11 w 13"/>
                    <a:gd name="T29" fmla="*/ 8 h 17"/>
                    <a:gd name="T30" fmla="*/ 11 w 13"/>
                    <a:gd name="T31" fmla="*/ 8 h 17"/>
                    <a:gd name="T32" fmla="*/ 10 w 13"/>
                    <a:gd name="T33" fmla="*/ 8 h 17"/>
                    <a:gd name="T34" fmla="*/ 6 w 13"/>
                    <a:gd name="T35" fmla="*/ 8 h 17"/>
                    <a:gd name="T36" fmla="*/ 5 w 13"/>
                    <a:gd name="T37" fmla="*/ 8 h 17"/>
                    <a:gd name="T38" fmla="*/ 1 w 13"/>
                    <a:gd name="T39" fmla="*/ 8 h 17"/>
                    <a:gd name="T40" fmla="*/ 1 w 13"/>
                    <a:gd name="T41" fmla="*/ 8 h 17"/>
                    <a:gd name="T42" fmla="*/ 1 w 13"/>
                    <a:gd name="T43" fmla="*/ 8 h 17"/>
                    <a:gd name="T44" fmla="*/ 0 w 13"/>
                    <a:gd name="T45" fmla="*/ 8 h 17"/>
                    <a:gd name="T46" fmla="*/ 0 w 13"/>
                    <a:gd name="T47" fmla="*/ 8 h 17"/>
                    <a:gd name="T48" fmla="*/ 0 w 13"/>
                    <a:gd name="T49" fmla="*/ 8 h 17"/>
                    <a:gd name="T50" fmla="*/ 0 w 13"/>
                    <a:gd name="T51" fmla="*/ 8 h 17"/>
                    <a:gd name="T52" fmla="*/ 0 w 13"/>
                    <a:gd name="T53" fmla="*/ 8 h 17"/>
                    <a:gd name="T54" fmla="*/ 0 w 13"/>
                    <a:gd name="T55" fmla="*/ 7 h 17"/>
                    <a:gd name="T56" fmla="*/ 1 w 13"/>
                    <a:gd name="T57" fmla="*/ 5 h 17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w 13"/>
                    <a:gd name="T88" fmla="*/ 0 h 17"/>
                    <a:gd name="T89" fmla="*/ 13 w 13"/>
                    <a:gd name="T90" fmla="*/ 17 h 17"/>
                  </a:gdLst>
                  <a:ahLst/>
                  <a:cxnLst>
                    <a:cxn ang="T58">
                      <a:pos x="T0" y="T1"/>
                    </a:cxn>
                    <a:cxn ang="T59">
                      <a:pos x="T2" y="T3"/>
                    </a:cxn>
                    <a:cxn ang="T60">
                      <a:pos x="T4" y="T5"/>
                    </a:cxn>
                    <a:cxn ang="T61">
                      <a:pos x="T6" y="T7"/>
                    </a:cxn>
                    <a:cxn ang="T62">
                      <a:pos x="T8" y="T9"/>
                    </a:cxn>
                    <a:cxn ang="T63">
                      <a:pos x="T10" y="T11"/>
                    </a:cxn>
                    <a:cxn ang="T64">
                      <a:pos x="T12" y="T13"/>
                    </a:cxn>
                    <a:cxn ang="T65">
                      <a:pos x="T14" y="T15"/>
                    </a:cxn>
                    <a:cxn ang="T66">
                      <a:pos x="T16" y="T17"/>
                    </a:cxn>
                    <a:cxn ang="T67">
                      <a:pos x="T18" y="T19"/>
                    </a:cxn>
                    <a:cxn ang="T68">
                      <a:pos x="T20" y="T21"/>
                    </a:cxn>
                    <a:cxn ang="T69">
                      <a:pos x="T22" y="T23"/>
                    </a:cxn>
                    <a:cxn ang="T70">
                      <a:pos x="T24" y="T25"/>
                    </a:cxn>
                    <a:cxn ang="T71">
                      <a:pos x="T26" y="T27"/>
                    </a:cxn>
                    <a:cxn ang="T72">
                      <a:pos x="T28" y="T29"/>
                    </a:cxn>
                    <a:cxn ang="T73">
                      <a:pos x="T30" y="T31"/>
                    </a:cxn>
                    <a:cxn ang="T74">
                      <a:pos x="T32" y="T33"/>
                    </a:cxn>
                    <a:cxn ang="T75">
                      <a:pos x="T34" y="T35"/>
                    </a:cxn>
                    <a:cxn ang="T76">
                      <a:pos x="T36" y="T37"/>
                    </a:cxn>
                    <a:cxn ang="T77">
                      <a:pos x="T38" y="T39"/>
                    </a:cxn>
                    <a:cxn ang="T78">
                      <a:pos x="T40" y="T41"/>
                    </a:cxn>
                    <a:cxn ang="T79">
                      <a:pos x="T42" y="T43"/>
                    </a:cxn>
                    <a:cxn ang="T80">
                      <a:pos x="T44" y="T45"/>
                    </a:cxn>
                    <a:cxn ang="T81">
                      <a:pos x="T46" y="T47"/>
                    </a:cxn>
                    <a:cxn ang="T82">
                      <a:pos x="T48" y="T49"/>
                    </a:cxn>
                    <a:cxn ang="T83">
                      <a:pos x="T50" y="T51"/>
                    </a:cxn>
                    <a:cxn ang="T84">
                      <a:pos x="T52" y="T53"/>
                    </a:cxn>
                    <a:cxn ang="T85">
                      <a:pos x="T54" y="T55"/>
                    </a:cxn>
                    <a:cxn ang="T86">
                      <a:pos x="T56" y="T57"/>
                    </a:cxn>
                  </a:cxnLst>
                  <a:rect l="T87" t="T88" r="T89" b="T90"/>
                  <a:pathLst>
                    <a:path w="13" h="17">
                      <a:moveTo>
                        <a:pt x="1" y="5"/>
                      </a:moveTo>
                      <a:lnTo>
                        <a:pt x="1" y="5"/>
                      </a:lnTo>
                      <a:lnTo>
                        <a:pt x="3" y="2"/>
                      </a:lnTo>
                      <a:lnTo>
                        <a:pt x="6" y="0"/>
                      </a:lnTo>
                      <a:lnTo>
                        <a:pt x="8" y="0"/>
                      </a:lnTo>
                      <a:lnTo>
                        <a:pt x="11" y="0"/>
                      </a:lnTo>
                      <a:lnTo>
                        <a:pt x="13" y="0"/>
                      </a:lnTo>
                      <a:lnTo>
                        <a:pt x="13" y="2"/>
                      </a:lnTo>
                      <a:lnTo>
                        <a:pt x="13" y="3"/>
                      </a:lnTo>
                      <a:lnTo>
                        <a:pt x="13" y="5"/>
                      </a:lnTo>
                      <a:lnTo>
                        <a:pt x="13" y="8"/>
                      </a:lnTo>
                      <a:lnTo>
                        <a:pt x="11" y="10"/>
                      </a:lnTo>
                      <a:lnTo>
                        <a:pt x="10" y="14"/>
                      </a:lnTo>
                      <a:lnTo>
                        <a:pt x="6" y="15"/>
                      </a:lnTo>
                      <a:lnTo>
                        <a:pt x="5" y="17"/>
                      </a:lnTo>
                      <a:lnTo>
                        <a:pt x="1" y="17"/>
                      </a:lnTo>
                      <a:lnTo>
                        <a:pt x="1" y="15"/>
                      </a:lnTo>
                      <a:lnTo>
                        <a:pt x="0" y="14"/>
                      </a:lnTo>
                      <a:lnTo>
                        <a:pt x="0" y="12"/>
                      </a:lnTo>
                      <a:lnTo>
                        <a:pt x="0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1" y="5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428" name="Group 139"/>
              <p:cNvGrpSpPr>
                <a:grpSpLocks/>
              </p:cNvGrpSpPr>
              <p:nvPr/>
            </p:nvGrpSpPr>
            <p:grpSpPr bwMode="auto">
              <a:xfrm>
                <a:off x="1186" y="3709"/>
                <a:ext cx="274" cy="176"/>
                <a:chOff x="1338" y="3375"/>
                <a:chExt cx="282" cy="181"/>
              </a:xfrm>
            </p:grpSpPr>
            <p:sp>
              <p:nvSpPr>
                <p:cNvPr id="465" name="Freeform 140"/>
                <p:cNvSpPr>
                  <a:spLocks/>
                </p:cNvSpPr>
                <p:nvPr/>
              </p:nvSpPr>
              <p:spPr bwMode="auto">
                <a:xfrm>
                  <a:off x="1361" y="3375"/>
                  <a:ext cx="26" cy="18"/>
                </a:xfrm>
                <a:custGeom>
                  <a:avLst/>
                  <a:gdLst>
                    <a:gd name="T0" fmla="*/ 0 w 26"/>
                    <a:gd name="T1" fmla="*/ 8 h 18"/>
                    <a:gd name="T2" fmla="*/ 0 w 26"/>
                    <a:gd name="T3" fmla="*/ 8 h 18"/>
                    <a:gd name="T4" fmla="*/ 2 w 26"/>
                    <a:gd name="T5" fmla="*/ 6 h 18"/>
                    <a:gd name="T6" fmla="*/ 2 w 26"/>
                    <a:gd name="T7" fmla="*/ 6 h 18"/>
                    <a:gd name="T8" fmla="*/ 5 w 26"/>
                    <a:gd name="T9" fmla="*/ 3 h 18"/>
                    <a:gd name="T10" fmla="*/ 9 w 26"/>
                    <a:gd name="T11" fmla="*/ 3 h 18"/>
                    <a:gd name="T12" fmla="*/ 12 w 26"/>
                    <a:gd name="T13" fmla="*/ 1 h 18"/>
                    <a:gd name="T14" fmla="*/ 17 w 26"/>
                    <a:gd name="T15" fmla="*/ 0 h 18"/>
                    <a:gd name="T16" fmla="*/ 22 w 26"/>
                    <a:gd name="T17" fmla="*/ 0 h 18"/>
                    <a:gd name="T18" fmla="*/ 24 w 26"/>
                    <a:gd name="T19" fmla="*/ 0 h 18"/>
                    <a:gd name="T20" fmla="*/ 24 w 26"/>
                    <a:gd name="T21" fmla="*/ 3 h 18"/>
                    <a:gd name="T22" fmla="*/ 24 w 26"/>
                    <a:gd name="T23" fmla="*/ 6 h 18"/>
                    <a:gd name="T24" fmla="*/ 26 w 26"/>
                    <a:gd name="T25" fmla="*/ 6 h 18"/>
                    <a:gd name="T26" fmla="*/ 21 w 26"/>
                    <a:gd name="T27" fmla="*/ 18 h 18"/>
                    <a:gd name="T28" fmla="*/ 4 w 26"/>
                    <a:gd name="T29" fmla="*/ 13 h 18"/>
                    <a:gd name="T30" fmla="*/ 0 w 26"/>
                    <a:gd name="T31" fmla="*/ 8 h 18"/>
                    <a:gd name="T32" fmla="*/ 0 60000 65536"/>
                    <a:gd name="T33" fmla="*/ 0 60000 65536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w 26"/>
                    <a:gd name="T49" fmla="*/ 0 h 18"/>
                    <a:gd name="T50" fmla="*/ 26 w 26"/>
                    <a:gd name="T51" fmla="*/ 18 h 18"/>
                  </a:gdLst>
                  <a:ahLst/>
                  <a:cxnLst>
                    <a:cxn ang="T32">
                      <a:pos x="T0" y="T1"/>
                    </a:cxn>
                    <a:cxn ang="T33">
                      <a:pos x="T2" y="T3"/>
                    </a:cxn>
                    <a:cxn ang="T34">
                      <a:pos x="T4" y="T5"/>
                    </a:cxn>
                    <a:cxn ang="T35">
                      <a:pos x="T6" y="T7"/>
                    </a:cxn>
                    <a:cxn ang="T36">
                      <a:pos x="T8" y="T9"/>
                    </a:cxn>
                    <a:cxn ang="T37">
                      <a:pos x="T10" y="T11"/>
                    </a:cxn>
                    <a:cxn ang="T38">
                      <a:pos x="T12" y="T13"/>
                    </a:cxn>
                    <a:cxn ang="T39">
                      <a:pos x="T14" y="T15"/>
                    </a:cxn>
                    <a:cxn ang="T40">
                      <a:pos x="T16" y="T17"/>
                    </a:cxn>
                    <a:cxn ang="T41">
                      <a:pos x="T18" y="T19"/>
                    </a:cxn>
                    <a:cxn ang="T42">
                      <a:pos x="T20" y="T21"/>
                    </a:cxn>
                    <a:cxn ang="T43">
                      <a:pos x="T22" y="T23"/>
                    </a:cxn>
                    <a:cxn ang="T44">
                      <a:pos x="T24" y="T25"/>
                    </a:cxn>
                    <a:cxn ang="T45">
                      <a:pos x="T26" y="T27"/>
                    </a:cxn>
                    <a:cxn ang="T46">
                      <a:pos x="T28" y="T29"/>
                    </a:cxn>
                    <a:cxn ang="T47">
                      <a:pos x="T30" y="T31"/>
                    </a:cxn>
                  </a:cxnLst>
                  <a:rect l="T48" t="T49" r="T50" b="T51"/>
                  <a:pathLst>
                    <a:path w="26" h="18">
                      <a:moveTo>
                        <a:pt x="0" y="8"/>
                      </a:moveTo>
                      <a:lnTo>
                        <a:pt x="0" y="8"/>
                      </a:lnTo>
                      <a:lnTo>
                        <a:pt x="2" y="6"/>
                      </a:lnTo>
                      <a:lnTo>
                        <a:pt x="5" y="3"/>
                      </a:lnTo>
                      <a:lnTo>
                        <a:pt x="9" y="3"/>
                      </a:lnTo>
                      <a:lnTo>
                        <a:pt x="12" y="1"/>
                      </a:lnTo>
                      <a:lnTo>
                        <a:pt x="17" y="0"/>
                      </a:lnTo>
                      <a:lnTo>
                        <a:pt x="22" y="0"/>
                      </a:lnTo>
                      <a:lnTo>
                        <a:pt x="24" y="0"/>
                      </a:lnTo>
                      <a:lnTo>
                        <a:pt x="24" y="3"/>
                      </a:lnTo>
                      <a:lnTo>
                        <a:pt x="24" y="6"/>
                      </a:lnTo>
                      <a:lnTo>
                        <a:pt x="26" y="6"/>
                      </a:lnTo>
                      <a:lnTo>
                        <a:pt x="21" y="18"/>
                      </a:lnTo>
                      <a:lnTo>
                        <a:pt x="4" y="13"/>
                      </a:lnTo>
                      <a:lnTo>
                        <a:pt x="0" y="8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66" name="Freeform 141"/>
                <p:cNvSpPr>
                  <a:spLocks/>
                </p:cNvSpPr>
                <p:nvPr/>
              </p:nvSpPr>
              <p:spPr bwMode="auto">
                <a:xfrm>
                  <a:off x="1361" y="3375"/>
                  <a:ext cx="26" cy="18"/>
                </a:xfrm>
                <a:custGeom>
                  <a:avLst/>
                  <a:gdLst>
                    <a:gd name="T0" fmla="*/ 0 w 26"/>
                    <a:gd name="T1" fmla="*/ 8 h 18"/>
                    <a:gd name="T2" fmla="*/ 0 w 26"/>
                    <a:gd name="T3" fmla="*/ 8 h 18"/>
                    <a:gd name="T4" fmla="*/ 0 w 26"/>
                    <a:gd name="T5" fmla="*/ 8 h 18"/>
                    <a:gd name="T6" fmla="*/ 2 w 26"/>
                    <a:gd name="T7" fmla="*/ 6 h 18"/>
                    <a:gd name="T8" fmla="*/ 2 w 26"/>
                    <a:gd name="T9" fmla="*/ 6 h 18"/>
                    <a:gd name="T10" fmla="*/ 5 w 26"/>
                    <a:gd name="T11" fmla="*/ 3 h 18"/>
                    <a:gd name="T12" fmla="*/ 9 w 26"/>
                    <a:gd name="T13" fmla="*/ 3 h 18"/>
                    <a:gd name="T14" fmla="*/ 12 w 26"/>
                    <a:gd name="T15" fmla="*/ 1 h 18"/>
                    <a:gd name="T16" fmla="*/ 17 w 26"/>
                    <a:gd name="T17" fmla="*/ 0 h 18"/>
                    <a:gd name="T18" fmla="*/ 22 w 26"/>
                    <a:gd name="T19" fmla="*/ 0 h 18"/>
                    <a:gd name="T20" fmla="*/ 22 w 26"/>
                    <a:gd name="T21" fmla="*/ 0 h 18"/>
                    <a:gd name="T22" fmla="*/ 24 w 26"/>
                    <a:gd name="T23" fmla="*/ 0 h 18"/>
                    <a:gd name="T24" fmla="*/ 24 w 26"/>
                    <a:gd name="T25" fmla="*/ 3 h 18"/>
                    <a:gd name="T26" fmla="*/ 24 w 26"/>
                    <a:gd name="T27" fmla="*/ 6 h 18"/>
                    <a:gd name="T28" fmla="*/ 26 w 26"/>
                    <a:gd name="T29" fmla="*/ 6 h 18"/>
                    <a:gd name="T30" fmla="*/ 21 w 26"/>
                    <a:gd name="T31" fmla="*/ 18 h 18"/>
                    <a:gd name="T32" fmla="*/ 4 w 26"/>
                    <a:gd name="T33" fmla="*/ 13 h 18"/>
                    <a:gd name="T34" fmla="*/ 0 w 26"/>
                    <a:gd name="T35" fmla="*/ 8 h 18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w 26"/>
                    <a:gd name="T55" fmla="*/ 0 h 18"/>
                    <a:gd name="T56" fmla="*/ 26 w 26"/>
                    <a:gd name="T57" fmla="*/ 18 h 18"/>
                  </a:gdLst>
                  <a:ahLst/>
                  <a:cxnLst>
                    <a:cxn ang="T36">
                      <a:pos x="T0" y="T1"/>
                    </a:cxn>
                    <a:cxn ang="T37">
                      <a:pos x="T2" y="T3"/>
                    </a:cxn>
                    <a:cxn ang="T38">
                      <a:pos x="T4" y="T5"/>
                    </a:cxn>
                    <a:cxn ang="T39">
                      <a:pos x="T6" y="T7"/>
                    </a:cxn>
                    <a:cxn ang="T40">
                      <a:pos x="T8" y="T9"/>
                    </a:cxn>
                    <a:cxn ang="T41">
                      <a:pos x="T10" y="T11"/>
                    </a:cxn>
                    <a:cxn ang="T42">
                      <a:pos x="T12" y="T13"/>
                    </a:cxn>
                    <a:cxn ang="T43">
                      <a:pos x="T14" y="T15"/>
                    </a:cxn>
                    <a:cxn ang="T44">
                      <a:pos x="T16" y="T17"/>
                    </a:cxn>
                    <a:cxn ang="T45">
                      <a:pos x="T18" y="T19"/>
                    </a:cxn>
                    <a:cxn ang="T46">
                      <a:pos x="T20" y="T21"/>
                    </a:cxn>
                    <a:cxn ang="T47">
                      <a:pos x="T22" y="T23"/>
                    </a:cxn>
                    <a:cxn ang="T48">
                      <a:pos x="T24" y="T25"/>
                    </a:cxn>
                    <a:cxn ang="T49">
                      <a:pos x="T26" y="T27"/>
                    </a:cxn>
                    <a:cxn ang="T50">
                      <a:pos x="T28" y="T29"/>
                    </a:cxn>
                    <a:cxn ang="T51">
                      <a:pos x="T30" y="T31"/>
                    </a:cxn>
                    <a:cxn ang="T52">
                      <a:pos x="T32" y="T33"/>
                    </a:cxn>
                    <a:cxn ang="T53">
                      <a:pos x="T34" y="T35"/>
                    </a:cxn>
                  </a:cxnLst>
                  <a:rect l="T54" t="T55" r="T56" b="T57"/>
                  <a:pathLst>
                    <a:path w="26" h="18">
                      <a:moveTo>
                        <a:pt x="0" y="8"/>
                      </a:moveTo>
                      <a:lnTo>
                        <a:pt x="0" y="8"/>
                      </a:lnTo>
                      <a:lnTo>
                        <a:pt x="2" y="6"/>
                      </a:lnTo>
                      <a:lnTo>
                        <a:pt x="5" y="3"/>
                      </a:lnTo>
                      <a:lnTo>
                        <a:pt x="9" y="3"/>
                      </a:lnTo>
                      <a:lnTo>
                        <a:pt x="12" y="1"/>
                      </a:lnTo>
                      <a:lnTo>
                        <a:pt x="17" y="0"/>
                      </a:lnTo>
                      <a:lnTo>
                        <a:pt x="22" y="0"/>
                      </a:lnTo>
                      <a:lnTo>
                        <a:pt x="24" y="0"/>
                      </a:lnTo>
                      <a:lnTo>
                        <a:pt x="24" y="3"/>
                      </a:lnTo>
                      <a:lnTo>
                        <a:pt x="24" y="6"/>
                      </a:lnTo>
                      <a:lnTo>
                        <a:pt x="26" y="6"/>
                      </a:lnTo>
                      <a:lnTo>
                        <a:pt x="21" y="18"/>
                      </a:lnTo>
                      <a:lnTo>
                        <a:pt x="4" y="13"/>
                      </a:lnTo>
                      <a:lnTo>
                        <a:pt x="0" y="8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67" name="Freeform 142"/>
                <p:cNvSpPr>
                  <a:spLocks/>
                </p:cNvSpPr>
                <p:nvPr/>
              </p:nvSpPr>
              <p:spPr bwMode="auto">
                <a:xfrm>
                  <a:off x="1441" y="3403"/>
                  <a:ext cx="30" cy="24"/>
                </a:xfrm>
                <a:custGeom>
                  <a:avLst/>
                  <a:gdLst>
                    <a:gd name="T0" fmla="*/ 0 w 30"/>
                    <a:gd name="T1" fmla="*/ 5 h 24"/>
                    <a:gd name="T2" fmla="*/ 8 w 30"/>
                    <a:gd name="T3" fmla="*/ 5 h 24"/>
                    <a:gd name="T4" fmla="*/ 8 w 30"/>
                    <a:gd name="T5" fmla="*/ 5 h 24"/>
                    <a:gd name="T6" fmla="*/ 8 w 30"/>
                    <a:gd name="T7" fmla="*/ 4 h 24"/>
                    <a:gd name="T8" fmla="*/ 8 w 30"/>
                    <a:gd name="T9" fmla="*/ 2 h 24"/>
                    <a:gd name="T10" fmla="*/ 10 w 30"/>
                    <a:gd name="T11" fmla="*/ 0 h 24"/>
                    <a:gd name="T12" fmla="*/ 10 w 30"/>
                    <a:gd name="T13" fmla="*/ 0 h 24"/>
                    <a:gd name="T14" fmla="*/ 12 w 30"/>
                    <a:gd name="T15" fmla="*/ 0 h 24"/>
                    <a:gd name="T16" fmla="*/ 13 w 30"/>
                    <a:gd name="T17" fmla="*/ 2 h 24"/>
                    <a:gd name="T18" fmla="*/ 17 w 30"/>
                    <a:gd name="T19" fmla="*/ 5 h 24"/>
                    <a:gd name="T20" fmla="*/ 17 w 30"/>
                    <a:gd name="T21" fmla="*/ 7 h 24"/>
                    <a:gd name="T22" fmla="*/ 18 w 30"/>
                    <a:gd name="T23" fmla="*/ 9 h 24"/>
                    <a:gd name="T24" fmla="*/ 22 w 30"/>
                    <a:gd name="T25" fmla="*/ 12 h 24"/>
                    <a:gd name="T26" fmla="*/ 27 w 30"/>
                    <a:gd name="T27" fmla="*/ 16 h 24"/>
                    <a:gd name="T28" fmla="*/ 27 w 30"/>
                    <a:gd name="T29" fmla="*/ 17 h 24"/>
                    <a:gd name="T30" fmla="*/ 29 w 30"/>
                    <a:gd name="T31" fmla="*/ 19 h 24"/>
                    <a:gd name="T32" fmla="*/ 30 w 30"/>
                    <a:gd name="T33" fmla="*/ 21 h 24"/>
                    <a:gd name="T34" fmla="*/ 30 w 30"/>
                    <a:gd name="T35" fmla="*/ 22 h 24"/>
                    <a:gd name="T36" fmla="*/ 30 w 30"/>
                    <a:gd name="T37" fmla="*/ 24 h 24"/>
                    <a:gd name="T38" fmla="*/ 27 w 30"/>
                    <a:gd name="T39" fmla="*/ 24 h 24"/>
                    <a:gd name="T40" fmla="*/ 22 w 30"/>
                    <a:gd name="T41" fmla="*/ 24 h 24"/>
                    <a:gd name="T42" fmla="*/ 15 w 30"/>
                    <a:gd name="T43" fmla="*/ 21 h 24"/>
                    <a:gd name="T44" fmla="*/ 13 w 30"/>
                    <a:gd name="T45" fmla="*/ 21 h 24"/>
                    <a:gd name="T46" fmla="*/ 10 w 30"/>
                    <a:gd name="T47" fmla="*/ 21 h 24"/>
                    <a:gd name="T48" fmla="*/ 8 w 30"/>
                    <a:gd name="T49" fmla="*/ 22 h 24"/>
                    <a:gd name="T50" fmla="*/ 8 w 30"/>
                    <a:gd name="T51" fmla="*/ 22 h 24"/>
                    <a:gd name="T52" fmla="*/ 1 w 30"/>
                    <a:gd name="T53" fmla="*/ 14 h 24"/>
                    <a:gd name="T54" fmla="*/ 0 w 30"/>
                    <a:gd name="T55" fmla="*/ 5 h 24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w 30"/>
                    <a:gd name="T85" fmla="*/ 0 h 24"/>
                    <a:gd name="T86" fmla="*/ 30 w 30"/>
                    <a:gd name="T87" fmla="*/ 24 h 24"/>
                  </a:gdLst>
                  <a:ahLst/>
                  <a:cxnLst>
                    <a:cxn ang="T56">
                      <a:pos x="T0" y="T1"/>
                    </a:cxn>
                    <a:cxn ang="T57">
                      <a:pos x="T2" y="T3"/>
                    </a:cxn>
                    <a:cxn ang="T58">
                      <a:pos x="T4" y="T5"/>
                    </a:cxn>
                    <a:cxn ang="T59">
                      <a:pos x="T6" y="T7"/>
                    </a:cxn>
                    <a:cxn ang="T60">
                      <a:pos x="T8" y="T9"/>
                    </a:cxn>
                    <a:cxn ang="T61">
                      <a:pos x="T10" y="T11"/>
                    </a:cxn>
                    <a:cxn ang="T62">
                      <a:pos x="T12" y="T13"/>
                    </a:cxn>
                    <a:cxn ang="T63">
                      <a:pos x="T14" y="T15"/>
                    </a:cxn>
                    <a:cxn ang="T64">
                      <a:pos x="T16" y="T17"/>
                    </a:cxn>
                    <a:cxn ang="T65">
                      <a:pos x="T18" y="T19"/>
                    </a:cxn>
                    <a:cxn ang="T66">
                      <a:pos x="T20" y="T21"/>
                    </a:cxn>
                    <a:cxn ang="T67">
                      <a:pos x="T22" y="T23"/>
                    </a:cxn>
                    <a:cxn ang="T68">
                      <a:pos x="T24" y="T25"/>
                    </a:cxn>
                    <a:cxn ang="T69">
                      <a:pos x="T26" y="T27"/>
                    </a:cxn>
                    <a:cxn ang="T70">
                      <a:pos x="T28" y="T29"/>
                    </a:cxn>
                    <a:cxn ang="T71">
                      <a:pos x="T30" y="T31"/>
                    </a:cxn>
                    <a:cxn ang="T72">
                      <a:pos x="T32" y="T33"/>
                    </a:cxn>
                    <a:cxn ang="T73">
                      <a:pos x="T34" y="T35"/>
                    </a:cxn>
                    <a:cxn ang="T74">
                      <a:pos x="T36" y="T37"/>
                    </a:cxn>
                    <a:cxn ang="T75">
                      <a:pos x="T38" y="T39"/>
                    </a:cxn>
                    <a:cxn ang="T76">
                      <a:pos x="T40" y="T41"/>
                    </a:cxn>
                    <a:cxn ang="T77">
                      <a:pos x="T42" y="T43"/>
                    </a:cxn>
                    <a:cxn ang="T78">
                      <a:pos x="T44" y="T45"/>
                    </a:cxn>
                    <a:cxn ang="T79">
                      <a:pos x="T46" y="T47"/>
                    </a:cxn>
                    <a:cxn ang="T80">
                      <a:pos x="T48" y="T49"/>
                    </a:cxn>
                    <a:cxn ang="T81">
                      <a:pos x="T50" y="T51"/>
                    </a:cxn>
                    <a:cxn ang="T82">
                      <a:pos x="T52" y="T53"/>
                    </a:cxn>
                    <a:cxn ang="T83">
                      <a:pos x="T54" y="T55"/>
                    </a:cxn>
                  </a:cxnLst>
                  <a:rect l="T84" t="T85" r="T86" b="T87"/>
                  <a:pathLst>
                    <a:path w="30" h="24">
                      <a:moveTo>
                        <a:pt x="0" y="5"/>
                      </a:moveTo>
                      <a:lnTo>
                        <a:pt x="8" y="5"/>
                      </a:lnTo>
                      <a:lnTo>
                        <a:pt x="8" y="4"/>
                      </a:lnTo>
                      <a:lnTo>
                        <a:pt x="8" y="2"/>
                      </a:lnTo>
                      <a:lnTo>
                        <a:pt x="10" y="0"/>
                      </a:lnTo>
                      <a:lnTo>
                        <a:pt x="12" y="0"/>
                      </a:lnTo>
                      <a:lnTo>
                        <a:pt x="13" y="2"/>
                      </a:lnTo>
                      <a:lnTo>
                        <a:pt x="17" y="5"/>
                      </a:lnTo>
                      <a:lnTo>
                        <a:pt x="17" y="7"/>
                      </a:lnTo>
                      <a:lnTo>
                        <a:pt x="18" y="9"/>
                      </a:lnTo>
                      <a:lnTo>
                        <a:pt x="22" y="12"/>
                      </a:lnTo>
                      <a:lnTo>
                        <a:pt x="27" y="16"/>
                      </a:lnTo>
                      <a:lnTo>
                        <a:pt x="27" y="17"/>
                      </a:lnTo>
                      <a:lnTo>
                        <a:pt x="29" y="19"/>
                      </a:lnTo>
                      <a:lnTo>
                        <a:pt x="30" y="21"/>
                      </a:lnTo>
                      <a:lnTo>
                        <a:pt x="30" y="22"/>
                      </a:lnTo>
                      <a:lnTo>
                        <a:pt x="30" y="24"/>
                      </a:lnTo>
                      <a:lnTo>
                        <a:pt x="27" y="24"/>
                      </a:lnTo>
                      <a:lnTo>
                        <a:pt x="22" y="24"/>
                      </a:lnTo>
                      <a:lnTo>
                        <a:pt x="15" y="21"/>
                      </a:lnTo>
                      <a:lnTo>
                        <a:pt x="13" y="21"/>
                      </a:lnTo>
                      <a:lnTo>
                        <a:pt x="10" y="21"/>
                      </a:lnTo>
                      <a:lnTo>
                        <a:pt x="8" y="22"/>
                      </a:lnTo>
                      <a:lnTo>
                        <a:pt x="1" y="14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68" name="Freeform 143"/>
                <p:cNvSpPr>
                  <a:spLocks/>
                </p:cNvSpPr>
                <p:nvPr/>
              </p:nvSpPr>
              <p:spPr bwMode="auto">
                <a:xfrm>
                  <a:off x="1441" y="3403"/>
                  <a:ext cx="30" cy="24"/>
                </a:xfrm>
                <a:custGeom>
                  <a:avLst/>
                  <a:gdLst>
                    <a:gd name="T0" fmla="*/ 0 w 30"/>
                    <a:gd name="T1" fmla="*/ 5 h 24"/>
                    <a:gd name="T2" fmla="*/ 8 w 30"/>
                    <a:gd name="T3" fmla="*/ 5 h 24"/>
                    <a:gd name="T4" fmla="*/ 8 w 30"/>
                    <a:gd name="T5" fmla="*/ 5 h 24"/>
                    <a:gd name="T6" fmla="*/ 8 w 30"/>
                    <a:gd name="T7" fmla="*/ 5 h 24"/>
                    <a:gd name="T8" fmla="*/ 8 w 30"/>
                    <a:gd name="T9" fmla="*/ 4 h 24"/>
                    <a:gd name="T10" fmla="*/ 8 w 30"/>
                    <a:gd name="T11" fmla="*/ 2 h 24"/>
                    <a:gd name="T12" fmla="*/ 10 w 30"/>
                    <a:gd name="T13" fmla="*/ 0 h 24"/>
                    <a:gd name="T14" fmla="*/ 10 w 30"/>
                    <a:gd name="T15" fmla="*/ 0 h 24"/>
                    <a:gd name="T16" fmla="*/ 12 w 30"/>
                    <a:gd name="T17" fmla="*/ 0 h 24"/>
                    <a:gd name="T18" fmla="*/ 13 w 30"/>
                    <a:gd name="T19" fmla="*/ 2 h 24"/>
                    <a:gd name="T20" fmla="*/ 17 w 30"/>
                    <a:gd name="T21" fmla="*/ 5 h 24"/>
                    <a:gd name="T22" fmla="*/ 17 w 30"/>
                    <a:gd name="T23" fmla="*/ 5 h 24"/>
                    <a:gd name="T24" fmla="*/ 17 w 30"/>
                    <a:gd name="T25" fmla="*/ 7 h 24"/>
                    <a:gd name="T26" fmla="*/ 18 w 30"/>
                    <a:gd name="T27" fmla="*/ 9 h 24"/>
                    <a:gd name="T28" fmla="*/ 22 w 30"/>
                    <a:gd name="T29" fmla="*/ 12 h 24"/>
                    <a:gd name="T30" fmla="*/ 27 w 30"/>
                    <a:gd name="T31" fmla="*/ 16 h 24"/>
                    <a:gd name="T32" fmla="*/ 27 w 30"/>
                    <a:gd name="T33" fmla="*/ 16 h 24"/>
                    <a:gd name="T34" fmla="*/ 27 w 30"/>
                    <a:gd name="T35" fmla="*/ 17 h 24"/>
                    <a:gd name="T36" fmla="*/ 29 w 30"/>
                    <a:gd name="T37" fmla="*/ 19 h 24"/>
                    <a:gd name="T38" fmla="*/ 30 w 30"/>
                    <a:gd name="T39" fmla="*/ 21 h 24"/>
                    <a:gd name="T40" fmla="*/ 30 w 30"/>
                    <a:gd name="T41" fmla="*/ 22 h 24"/>
                    <a:gd name="T42" fmla="*/ 30 w 30"/>
                    <a:gd name="T43" fmla="*/ 24 h 24"/>
                    <a:gd name="T44" fmla="*/ 27 w 30"/>
                    <a:gd name="T45" fmla="*/ 24 h 24"/>
                    <a:gd name="T46" fmla="*/ 22 w 30"/>
                    <a:gd name="T47" fmla="*/ 24 h 24"/>
                    <a:gd name="T48" fmla="*/ 15 w 30"/>
                    <a:gd name="T49" fmla="*/ 21 h 24"/>
                    <a:gd name="T50" fmla="*/ 15 w 30"/>
                    <a:gd name="T51" fmla="*/ 21 h 24"/>
                    <a:gd name="T52" fmla="*/ 13 w 30"/>
                    <a:gd name="T53" fmla="*/ 21 h 24"/>
                    <a:gd name="T54" fmla="*/ 10 w 30"/>
                    <a:gd name="T55" fmla="*/ 21 h 24"/>
                    <a:gd name="T56" fmla="*/ 8 w 30"/>
                    <a:gd name="T57" fmla="*/ 22 h 24"/>
                    <a:gd name="T58" fmla="*/ 8 w 30"/>
                    <a:gd name="T59" fmla="*/ 22 h 24"/>
                    <a:gd name="T60" fmla="*/ 1 w 30"/>
                    <a:gd name="T61" fmla="*/ 14 h 24"/>
                    <a:gd name="T62" fmla="*/ 0 w 30"/>
                    <a:gd name="T63" fmla="*/ 5 h 24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w 30"/>
                    <a:gd name="T97" fmla="*/ 0 h 24"/>
                    <a:gd name="T98" fmla="*/ 30 w 30"/>
                    <a:gd name="T99" fmla="*/ 24 h 24"/>
                  </a:gdLst>
                  <a:ahLst/>
                  <a:cxnLst>
                    <a:cxn ang="T64">
                      <a:pos x="T0" y="T1"/>
                    </a:cxn>
                    <a:cxn ang="T65">
                      <a:pos x="T2" y="T3"/>
                    </a:cxn>
                    <a:cxn ang="T66">
                      <a:pos x="T4" y="T5"/>
                    </a:cxn>
                    <a:cxn ang="T67">
                      <a:pos x="T6" y="T7"/>
                    </a:cxn>
                    <a:cxn ang="T68">
                      <a:pos x="T8" y="T9"/>
                    </a:cxn>
                    <a:cxn ang="T69">
                      <a:pos x="T10" y="T11"/>
                    </a:cxn>
                    <a:cxn ang="T70">
                      <a:pos x="T12" y="T13"/>
                    </a:cxn>
                    <a:cxn ang="T71">
                      <a:pos x="T14" y="T15"/>
                    </a:cxn>
                    <a:cxn ang="T72">
                      <a:pos x="T16" y="T17"/>
                    </a:cxn>
                    <a:cxn ang="T73">
                      <a:pos x="T18" y="T19"/>
                    </a:cxn>
                    <a:cxn ang="T74">
                      <a:pos x="T20" y="T21"/>
                    </a:cxn>
                    <a:cxn ang="T75">
                      <a:pos x="T22" y="T23"/>
                    </a:cxn>
                    <a:cxn ang="T76">
                      <a:pos x="T24" y="T25"/>
                    </a:cxn>
                    <a:cxn ang="T77">
                      <a:pos x="T26" y="T27"/>
                    </a:cxn>
                    <a:cxn ang="T78">
                      <a:pos x="T28" y="T29"/>
                    </a:cxn>
                    <a:cxn ang="T79">
                      <a:pos x="T30" y="T31"/>
                    </a:cxn>
                    <a:cxn ang="T80">
                      <a:pos x="T32" y="T33"/>
                    </a:cxn>
                    <a:cxn ang="T81">
                      <a:pos x="T34" y="T35"/>
                    </a:cxn>
                    <a:cxn ang="T82">
                      <a:pos x="T36" y="T37"/>
                    </a:cxn>
                    <a:cxn ang="T83">
                      <a:pos x="T38" y="T39"/>
                    </a:cxn>
                    <a:cxn ang="T84">
                      <a:pos x="T40" y="T41"/>
                    </a:cxn>
                    <a:cxn ang="T85">
                      <a:pos x="T42" y="T43"/>
                    </a:cxn>
                    <a:cxn ang="T86">
                      <a:pos x="T44" y="T45"/>
                    </a:cxn>
                    <a:cxn ang="T87">
                      <a:pos x="T46" y="T47"/>
                    </a:cxn>
                    <a:cxn ang="T88">
                      <a:pos x="T48" y="T49"/>
                    </a:cxn>
                    <a:cxn ang="T89">
                      <a:pos x="T50" y="T51"/>
                    </a:cxn>
                    <a:cxn ang="T90">
                      <a:pos x="T52" y="T53"/>
                    </a:cxn>
                    <a:cxn ang="T91">
                      <a:pos x="T54" y="T55"/>
                    </a:cxn>
                    <a:cxn ang="T92">
                      <a:pos x="T56" y="T57"/>
                    </a:cxn>
                    <a:cxn ang="T93">
                      <a:pos x="T58" y="T59"/>
                    </a:cxn>
                    <a:cxn ang="T94">
                      <a:pos x="T60" y="T61"/>
                    </a:cxn>
                    <a:cxn ang="T95">
                      <a:pos x="T62" y="T63"/>
                    </a:cxn>
                  </a:cxnLst>
                  <a:rect l="T96" t="T97" r="T98" b="T99"/>
                  <a:pathLst>
                    <a:path w="30" h="24">
                      <a:moveTo>
                        <a:pt x="0" y="5"/>
                      </a:moveTo>
                      <a:lnTo>
                        <a:pt x="8" y="5"/>
                      </a:lnTo>
                      <a:lnTo>
                        <a:pt x="8" y="4"/>
                      </a:lnTo>
                      <a:lnTo>
                        <a:pt x="8" y="2"/>
                      </a:lnTo>
                      <a:lnTo>
                        <a:pt x="10" y="0"/>
                      </a:lnTo>
                      <a:lnTo>
                        <a:pt x="12" y="0"/>
                      </a:lnTo>
                      <a:lnTo>
                        <a:pt x="13" y="2"/>
                      </a:lnTo>
                      <a:lnTo>
                        <a:pt x="17" y="5"/>
                      </a:lnTo>
                      <a:lnTo>
                        <a:pt x="17" y="7"/>
                      </a:lnTo>
                      <a:lnTo>
                        <a:pt x="18" y="9"/>
                      </a:lnTo>
                      <a:lnTo>
                        <a:pt x="22" y="12"/>
                      </a:lnTo>
                      <a:lnTo>
                        <a:pt x="27" y="16"/>
                      </a:lnTo>
                      <a:lnTo>
                        <a:pt x="27" y="17"/>
                      </a:lnTo>
                      <a:lnTo>
                        <a:pt x="29" y="19"/>
                      </a:lnTo>
                      <a:lnTo>
                        <a:pt x="30" y="21"/>
                      </a:lnTo>
                      <a:lnTo>
                        <a:pt x="30" y="22"/>
                      </a:lnTo>
                      <a:lnTo>
                        <a:pt x="30" y="24"/>
                      </a:lnTo>
                      <a:lnTo>
                        <a:pt x="27" y="24"/>
                      </a:lnTo>
                      <a:lnTo>
                        <a:pt x="22" y="24"/>
                      </a:lnTo>
                      <a:lnTo>
                        <a:pt x="15" y="21"/>
                      </a:lnTo>
                      <a:lnTo>
                        <a:pt x="13" y="21"/>
                      </a:lnTo>
                      <a:lnTo>
                        <a:pt x="10" y="21"/>
                      </a:lnTo>
                      <a:lnTo>
                        <a:pt x="8" y="22"/>
                      </a:lnTo>
                      <a:lnTo>
                        <a:pt x="1" y="14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69" name="Freeform 144"/>
                <p:cNvSpPr>
                  <a:spLocks/>
                </p:cNvSpPr>
                <p:nvPr/>
              </p:nvSpPr>
              <p:spPr bwMode="auto">
                <a:xfrm>
                  <a:off x="1492" y="3427"/>
                  <a:ext cx="27" cy="12"/>
                </a:xfrm>
                <a:custGeom>
                  <a:avLst/>
                  <a:gdLst>
                    <a:gd name="T0" fmla="*/ 1 w 27"/>
                    <a:gd name="T1" fmla="*/ 0 h 12"/>
                    <a:gd name="T2" fmla="*/ 0 w 27"/>
                    <a:gd name="T3" fmla="*/ 9 h 12"/>
                    <a:gd name="T4" fmla="*/ 18 w 27"/>
                    <a:gd name="T5" fmla="*/ 12 h 12"/>
                    <a:gd name="T6" fmla="*/ 18 w 27"/>
                    <a:gd name="T7" fmla="*/ 12 h 12"/>
                    <a:gd name="T8" fmla="*/ 20 w 27"/>
                    <a:gd name="T9" fmla="*/ 10 h 12"/>
                    <a:gd name="T10" fmla="*/ 23 w 27"/>
                    <a:gd name="T11" fmla="*/ 9 h 12"/>
                    <a:gd name="T12" fmla="*/ 27 w 27"/>
                    <a:gd name="T13" fmla="*/ 7 h 12"/>
                    <a:gd name="T14" fmla="*/ 27 w 27"/>
                    <a:gd name="T15" fmla="*/ 5 h 12"/>
                    <a:gd name="T16" fmla="*/ 27 w 27"/>
                    <a:gd name="T17" fmla="*/ 3 h 12"/>
                    <a:gd name="T18" fmla="*/ 23 w 27"/>
                    <a:gd name="T19" fmla="*/ 3 h 12"/>
                    <a:gd name="T20" fmla="*/ 18 w 27"/>
                    <a:gd name="T21" fmla="*/ 3 h 12"/>
                    <a:gd name="T22" fmla="*/ 16 w 27"/>
                    <a:gd name="T23" fmla="*/ 3 h 12"/>
                    <a:gd name="T24" fmla="*/ 13 w 27"/>
                    <a:gd name="T25" fmla="*/ 2 h 12"/>
                    <a:gd name="T26" fmla="*/ 11 w 27"/>
                    <a:gd name="T27" fmla="*/ 2 h 12"/>
                    <a:gd name="T28" fmla="*/ 8 w 27"/>
                    <a:gd name="T29" fmla="*/ 2 h 12"/>
                    <a:gd name="T30" fmla="*/ 6 w 27"/>
                    <a:gd name="T31" fmla="*/ 2 h 12"/>
                    <a:gd name="T32" fmla="*/ 3 w 27"/>
                    <a:gd name="T33" fmla="*/ 0 h 12"/>
                    <a:gd name="T34" fmla="*/ 3 w 27"/>
                    <a:gd name="T35" fmla="*/ 0 h 12"/>
                    <a:gd name="T36" fmla="*/ 1 w 27"/>
                    <a:gd name="T37" fmla="*/ 0 h 12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w 27"/>
                    <a:gd name="T58" fmla="*/ 0 h 12"/>
                    <a:gd name="T59" fmla="*/ 27 w 27"/>
                    <a:gd name="T60" fmla="*/ 12 h 12"/>
                  </a:gdLst>
                  <a:ahLst/>
                  <a:cxnLst>
                    <a:cxn ang="T38">
                      <a:pos x="T0" y="T1"/>
                    </a:cxn>
                    <a:cxn ang="T39">
                      <a:pos x="T2" y="T3"/>
                    </a:cxn>
                    <a:cxn ang="T40">
                      <a:pos x="T4" y="T5"/>
                    </a:cxn>
                    <a:cxn ang="T41">
                      <a:pos x="T6" y="T7"/>
                    </a:cxn>
                    <a:cxn ang="T42">
                      <a:pos x="T8" y="T9"/>
                    </a:cxn>
                    <a:cxn ang="T43">
                      <a:pos x="T10" y="T11"/>
                    </a:cxn>
                    <a:cxn ang="T44">
                      <a:pos x="T12" y="T13"/>
                    </a:cxn>
                    <a:cxn ang="T45">
                      <a:pos x="T14" y="T15"/>
                    </a:cxn>
                    <a:cxn ang="T46">
                      <a:pos x="T16" y="T17"/>
                    </a:cxn>
                    <a:cxn ang="T47">
                      <a:pos x="T18" y="T19"/>
                    </a:cxn>
                    <a:cxn ang="T48">
                      <a:pos x="T20" y="T21"/>
                    </a:cxn>
                    <a:cxn ang="T49">
                      <a:pos x="T22" y="T23"/>
                    </a:cxn>
                    <a:cxn ang="T50">
                      <a:pos x="T24" y="T25"/>
                    </a:cxn>
                    <a:cxn ang="T51">
                      <a:pos x="T26" y="T27"/>
                    </a:cxn>
                    <a:cxn ang="T52">
                      <a:pos x="T28" y="T29"/>
                    </a:cxn>
                    <a:cxn ang="T53">
                      <a:pos x="T30" y="T31"/>
                    </a:cxn>
                    <a:cxn ang="T54">
                      <a:pos x="T32" y="T33"/>
                    </a:cxn>
                    <a:cxn ang="T55">
                      <a:pos x="T34" y="T35"/>
                    </a:cxn>
                    <a:cxn ang="T56">
                      <a:pos x="T36" y="T37"/>
                    </a:cxn>
                  </a:cxnLst>
                  <a:rect l="T57" t="T58" r="T59" b="T60"/>
                  <a:pathLst>
                    <a:path w="27" h="12">
                      <a:moveTo>
                        <a:pt x="1" y="0"/>
                      </a:moveTo>
                      <a:lnTo>
                        <a:pt x="0" y="9"/>
                      </a:lnTo>
                      <a:lnTo>
                        <a:pt x="18" y="12"/>
                      </a:lnTo>
                      <a:lnTo>
                        <a:pt x="20" y="10"/>
                      </a:lnTo>
                      <a:lnTo>
                        <a:pt x="23" y="9"/>
                      </a:lnTo>
                      <a:lnTo>
                        <a:pt x="27" y="7"/>
                      </a:lnTo>
                      <a:lnTo>
                        <a:pt x="27" y="5"/>
                      </a:lnTo>
                      <a:lnTo>
                        <a:pt x="27" y="3"/>
                      </a:lnTo>
                      <a:lnTo>
                        <a:pt x="23" y="3"/>
                      </a:lnTo>
                      <a:lnTo>
                        <a:pt x="18" y="3"/>
                      </a:lnTo>
                      <a:lnTo>
                        <a:pt x="16" y="3"/>
                      </a:lnTo>
                      <a:lnTo>
                        <a:pt x="13" y="2"/>
                      </a:lnTo>
                      <a:lnTo>
                        <a:pt x="11" y="2"/>
                      </a:lnTo>
                      <a:lnTo>
                        <a:pt x="8" y="2"/>
                      </a:lnTo>
                      <a:lnTo>
                        <a:pt x="6" y="2"/>
                      </a:lnTo>
                      <a:lnTo>
                        <a:pt x="3" y="0"/>
                      </a:lnTo>
                      <a:lnTo>
                        <a:pt x="1" y="0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70" name="Freeform 145"/>
                <p:cNvSpPr>
                  <a:spLocks/>
                </p:cNvSpPr>
                <p:nvPr/>
              </p:nvSpPr>
              <p:spPr bwMode="auto">
                <a:xfrm>
                  <a:off x="1492" y="3427"/>
                  <a:ext cx="27" cy="12"/>
                </a:xfrm>
                <a:custGeom>
                  <a:avLst/>
                  <a:gdLst>
                    <a:gd name="T0" fmla="*/ 1 w 27"/>
                    <a:gd name="T1" fmla="*/ 0 h 12"/>
                    <a:gd name="T2" fmla="*/ 0 w 27"/>
                    <a:gd name="T3" fmla="*/ 9 h 12"/>
                    <a:gd name="T4" fmla="*/ 18 w 27"/>
                    <a:gd name="T5" fmla="*/ 12 h 12"/>
                    <a:gd name="T6" fmla="*/ 18 w 27"/>
                    <a:gd name="T7" fmla="*/ 12 h 12"/>
                    <a:gd name="T8" fmla="*/ 18 w 27"/>
                    <a:gd name="T9" fmla="*/ 12 h 12"/>
                    <a:gd name="T10" fmla="*/ 20 w 27"/>
                    <a:gd name="T11" fmla="*/ 10 h 12"/>
                    <a:gd name="T12" fmla="*/ 23 w 27"/>
                    <a:gd name="T13" fmla="*/ 9 h 12"/>
                    <a:gd name="T14" fmla="*/ 27 w 27"/>
                    <a:gd name="T15" fmla="*/ 7 h 12"/>
                    <a:gd name="T16" fmla="*/ 27 w 27"/>
                    <a:gd name="T17" fmla="*/ 5 h 12"/>
                    <a:gd name="T18" fmla="*/ 27 w 27"/>
                    <a:gd name="T19" fmla="*/ 3 h 12"/>
                    <a:gd name="T20" fmla="*/ 23 w 27"/>
                    <a:gd name="T21" fmla="*/ 3 h 12"/>
                    <a:gd name="T22" fmla="*/ 18 w 27"/>
                    <a:gd name="T23" fmla="*/ 3 h 12"/>
                    <a:gd name="T24" fmla="*/ 18 w 27"/>
                    <a:gd name="T25" fmla="*/ 3 h 12"/>
                    <a:gd name="T26" fmla="*/ 16 w 27"/>
                    <a:gd name="T27" fmla="*/ 3 h 12"/>
                    <a:gd name="T28" fmla="*/ 13 w 27"/>
                    <a:gd name="T29" fmla="*/ 2 h 12"/>
                    <a:gd name="T30" fmla="*/ 11 w 27"/>
                    <a:gd name="T31" fmla="*/ 2 h 12"/>
                    <a:gd name="T32" fmla="*/ 8 w 27"/>
                    <a:gd name="T33" fmla="*/ 2 h 12"/>
                    <a:gd name="T34" fmla="*/ 6 w 27"/>
                    <a:gd name="T35" fmla="*/ 2 h 12"/>
                    <a:gd name="T36" fmla="*/ 3 w 27"/>
                    <a:gd name="T37" fmla="*/ 0 h 12"/>
                    <a:gd name="T38" fmla="*/ 3 w 27"/>
                    <a:gd name="T39" fmla="*/ 0 h 12"/>
                    <a:gd name="T40" fmla="*/ 1 w 27"/>
                    <a:gd name="T41" fmla="*/ 0 h 12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27"/>
                    <a:gd name="T64" fmla="*/ 0 h 12"/>
                    <a:gd name="T65" fmla="*/ 27 w 27"/>
                    <a:gd name="T66" fmla="*/ 12 h 12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27" h="12">
                      <a:moveTo>
                        <a:pt x="1" y="0"/>
                      </a:moveTo>
                      <a:lnTo>
                        <a:pt x="0" y="9"/>
                      </a:lnTo>
                      <a:lnTo>
                        <a:pt x="18" y="12"/>
                      </a:lnTo>
                      <a:lnTo>
                        <a:pt x="20" y="10"/>
                      </a:lnTo>
                      <a:lnTo>
                        <a:pt x="23" y="9"/>
                      </a:lnTo>
                      <a:lnTo>
                        <a:pt x="27" y="7"/>
                      </a:lnTo>
                      <a:lnTo>
                        <a:pt x="27" y="5"/>
                      </a:lnTo>
                      <a:lnTo>
                        <a:pt x="27" y="3"/>
                      </a:lnTo>
                      <a:lnTo>
                        <a:pt x="23" y="3"/>
                      </a:lnTo>
                      <a:lnTo>
                        <a:pt x="18" y="3"/>
                      </a:lnTo>
                      <a:lnTo>
                        <a:pt x="16" y="3"/>
                      </a:lnTo>
                      <a:lnTo>
                        <a:pt x="13" y="2"/>
                      </a:lnTo>
                      <a:lnTo>
                        <a:pt x="11" y="2"/>
                      </a:lnTo>
                      <a:lnTo>
                        <a:pt x="8" y="2"/>
                      </a:lnTo>
                      <a:lnTo>
                        <a:pt x="6" y="2"/>
                      </a:lnTo>
                      <a:lnTo>
                        <a:pt x="3" y="0"/>
                      </a:lnTo>
                      <a:lnTo>
                        <a:pt x="1" y="0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71" name="Freeform 146"/>
                <p:cNvSpPr>
                  <a:spLocks/>
                </p:cNvSpPr>
                <p:nvPr/>
              </p:nvSpPr>
              <p:spPr bwMode="auto">
                <a:xfrm>
                  <a:off x="1524" y="3441"/>
                  <a:ext cx="35" cy="25"/>
                </a:xfrm>
                <a:custGeom>
                  <a:avLst/>
                  <a:gdLst>
                    <a:gd name="T0" fmla="*/ 1 w 35"/>
                    <a:gd name="T1" fmla="*/ 8 h 25"/>
                    <a:gd name="T2" fmla="*/ 1 w 35"/>
                    <a:gd name="T3" fmla="*/ 8 h 25"/>
                    <a:gd name="T4" fmla="*/ 0 w 35"/>
                    <a:gd name="T5" fmla="*/ 6 h 25"/>
                    <a:gd name="T6" fmla="*/ 0 w 35"/>
                    <a:gd name="T7" fmla="*/ 5 h 25"/>
                    <a:gd name="T8" fmla="*/ 0 w 35"/>
                    <a:gd name="T9" fmla="*/ 3 h 25"/>
                    <a:gd name="T10" fmla="*/ 0 w 35"/>
                    <a:gd name="T11" fmla="*/ 1 h 25"/>
                    <a:gd name="T12" fmla="*/ 1 w 35"/>
                    <a:gd name="T13" fmla="*/ 0 h 25"/>
                    <a:gd name="T14" fmla="*/ 5 w 35"/>
                    <a:gd name="T15" fmla="*/ 1 h 25"/>
                    <a:gd name="T16" fmla="*/ 8 w 35"/>
                    <a:gd name="T17" fmla="*/ 3 h 25"/>
                    <a:gd name="T18" fmla="*/ 10 w 35"/>
                    <a:gd name="T19" fmla="*/ 3 h 25"/>
                    <a:gd name="T20" fmla="*/ 13 w 35"/>
                    <a:gd name="T21" fmla="*/ 3 h 25"/>
                    <a:gd name="T22" fmla="*/ 13 w 35"/>
                    <a:gd name="T23" fmla="*/ 5 h 25"/>
                    <a:gd name="T24" fmla="*/ 15 w 35"/>
                    <a:gd name="T25" fmla="*/ 5 h 25"/>
                    <a:gd name="T26" fmla="*/ 22 w 35"/>
                    <a:gd name="T27" fmla="*/ 5 h 25"/>
                    <a:gd name="T28" fmla="*/ 30 w 35"/>
                    <a:gd name="T29" fmla="*/ 10 h 25"/>
                    <a:gd name="T30" fmla="*/ 30 w 35"/>
                    <a:gd name="T31" fmla="*/ 10 h 25"/>
                    <a:gd name="T32" fmla="*/ 32 w 35"/>
                    <a:gd name="T33" fmla="*/ 11 h 25"/>
                    <a:gd name="T34" fmla="*/ 34 w 35"/>
                    <a:gd name="T35" fmla="*/ 13 h 25"/>
                    <a:gd name="T36" fmla="*/ 35 w 35"/>
                    <a:gd name="T37" fmla="*/ 15 h 25"/>
                    <a:gd name="T38" fmla="*/ 35 w 35"/>
                    <a:gd name="T39" fmla="*/ 17 h 25"/>
                    <a:gd name="T40" fmla="*/ 34 w 35"/>
                    <a:gd name="T41" fmla="*/ 20 h 25"/>
                    <a:gd name="T42" fmla="*/ 30 w 35"/>
                    <a:gd name="T43" fmla="*/ 20 h 25"/>
                    <a:gd name="T44" fmla="*/ 25 w 35"/>
                    <a:gd name="T45" fmla="*/ 22 h 25"/>
                    <a:gd name="T46" fmla="*/ 23 w 35"/>
                    <a:gd name="T47" fmla="*/ 22 h 25"/>
                    <a:gd name="T48" fmla="*/ 23 w 35"/>
                    <a:gd name="T49" fmla="*/ 23 h 25"/>
                    <a:gd name="T50" fmla="*/ 22 w 35"/>
                    <a:gd name="T51" fmla="*/ 23 h 25"/>
                    <a:gd name="T52" fmla="*/ 20 w 35"/>
                    <a:gd name="T53" fmla="*/ 25 h 25"/>
                    <a:gd name="T54" fmla="*/ 18 w 35"/>
                    <a:gd name="T55" fmla="*/ 25 h 25"/>
                    <a:gd name="T56" fmla="*/ 15 w 35"/>
                    <a:gd name="T57" fmla="*/ 23 h 25"/>
                    <a:gd name="T58" fmla="*/ 13 w 35"/>
                    <a:gd name="T59" fmla="*/ 20 h 25"/>
                    <a:gd name="T60" fmla="*/ 12 w 35"/>
                    <a:gd name="T61" fmla="*/ 17 h 25"/>
                    <a:gd name="T62" fmla="*/ 10 w 35"/>
                    <a:gd name="T63" fmla="*/ 15 h 25"/>
                    <a:gd name="T64" fmla="*/ 6 w 35"/>
                    <a:gd name="T65" fmla="*/ 11 h 25"/>
                    <a:gd name="T66" fmla="*/ 3 w 35"/>
                    <a:gd name="T67" fmla="*/ 10 h 25"/>
                    <a:gd name="T68" fmla="*/ 1 w 35"/>
                    <a:gd name="T69" fmla="*/ 8 h 25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w 35"/>
                    <a:gd name="T106" fmla="*/ 0 h 25"/>
                    <a:gd name="T107" fmla="*/ 35 w 35"/>
                    <a:gd name="T108" fmla="*/ 25 h 25"/>
                  </a:gdLst>
                  <a:ahLst/>
                  <a:cxnLst>
                    <a:cxn ang="T70">
                      <a:pos x="T0" y="T1"/>
                    </a:cxn>
                    <a:cxn ang="T71">
                      <a:pos x="T2" y="T3"/>
                    </a:cxn>
                    <a:cxn ang="T72">
                      <a:pos x="T4" y="T5"/>
                    </a:cxn>
                    <a:cxn ang="T73">
                      <a:pos x="T6" y="T7"/>
                    </a:cxn>
                    <a:cxn ang="T74">
                      <a:pos x="T8" y="T9"/>
                    </a:cxn>
                    <a:cxn ang="T75">
                      <a:pos x="T10" y="T11"/>
                    </a:cxn>
                    <a:cxn ang="T76">
                      <a:pos x="T12" y="T13"/>
                    </a:cxn>
                    <a:cxn ang="T77">
                      <a:pos x="T14" y="T15"/>
                    </a:cxn>
                    <a:cxn ang="T78">
                      <a:pos x="T16" y="T17"/>
                    </a:cxn>
                    <a:cxn ang="T79">
                      <a:pos x="T18" y="T19"/>
                    </a:cxn>
                    <a:cxn ang="T80">
                      <a:pos x="T20" y="T21"/>
                    </a:cxn>
                    <a:cxn ang="T81">
                      <a:pos x="T22" y="T23"/>
                    </a:cxn>
                    <a:cxn ang="T82">
                      <a:pos x="T24" y="T25"/>
                    </a:cxn>
                    <a:cxn ang="T83">
                      <a:pos x="T26" y="T27"/>
                    </a:cxn>
                    <a:cxn ang="T84">
                      <a:pos x="T28" y="T29"/>
                    </a:cxn>
                    <a:cxn ang="T85">
                      <a:pos x="T30" y="T31"/>
                    </a:cxn>
                    <a:cxn ang="T86">
                      <a:pos x="T32" y="T33"/>
                    </a:cxn>
                    <a:cxn ang="T87">
                      <a:pos x="T34" y="T35"/>
                    </a:cxn>
                    <a:cxn ang="T88">
                      <a:pos x="T36" y="T37"/>
                    </a:cxn>
                    <a:cxn ang="T89">
                      <a:pos x="T38" y="T39"/>
                    </a:cxn>
                    <a:cxn ang="T90">
                      <a:pos x="T40" y="T41"/>
                    </a:cxn>
                    <a:cxn ang="T91">
                      <a:pos x="T42" y="T43"/>
                    </a:cxn>
                    <a:cxn ang="T92">
                      <a:pos x="T44" y="T45"/>
                    </a:cxn>
                    <a:cxn ang="T93">
                      <a:pos x="T46" y="T47"/>
                    </a:cxn>
                    <a:cxn ang="T94">
                      <a:pos x="T48" y="T49"/>
                    </a:cxn>
                    <a:cxn ang="T95">
                      <a:pos x="T50" y="T51"/>
                    </a:cxn>
                    <a:cxn ang="T96">
                      <a:pos x="T52" y="T53"/>
                    </a:cxn>
                    <a:cxn ang="T97">
                      <a:pos x="T54" y="T55"/>
                    </a:cxn>
                    <a:cxn ang="T98">
                      <a:pos x="T56" y="T57"/>
                    </a:cxn>
                    <a:cxn ang="T99">
                      <a:pos x="T58" y="T59"/>
                    </a:cxn>
                    <a:cxn ang="T100">
                      <a:pos x="T60" y="T61"/>
                    </a:cxn>
                    <a:cxn ang="T101">
                      <a:pos x="T62" y="T63"/>
                    </a:cxn>
                    <a:cxn ang="T102">
                      <a:pos x="T64" y="T65"/>
                    </a:cxn>
                    <a:cxn ang="T103">
                      <a:pos x="T66" y="T67"/>
                    </a:cxn>
                    <a:cxn ang="T104">
                      <a:pos x="T68" y="T69"/>
                    </a:cxn>
                  </a:cxnLst>
                  <a:rect l="T105" t="T106" r="T107" b="T108"/>
                  <a:pathLst>
                    <a:path w="35" h="25">
                      <a:moveTo>
                        <a:pt x="1" y="8"/>
                      </a:moveTo>
                      <a:lnTo>
                        <a:pt x="1" y="8"/>
                      </a:lnTo>
                      <a:lnTo>
                        <a:pt x="0" y="6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1" y="0"/>
                      </a:lnTo>
                      <a:lnTo>
                        <a:pt x="5" y="1"/>
                      </a:lnTo>
                      <a:lnTo>
                        <a:pt x="8" y="3"/>
                      </a:lnTo>
                      <a:lnTo>
                        <a:pt x="10" y="3"/>
                      </a:lnTo>
                      <a:lnTo>
                        <a:pt x="13" y="3"/>
                      </a:lnTo>
                      <a:lnTo>
                        <a:pt x="13" y="5"/>
                      </a:lnTo>
                      <a:lnTo>
                        <a:pt x="15" y="5"/>
                      </a:lnTo>
                      <a:lnTo>
                        <a:pt x="22" y="5"/>
                      </a:lnTo>
                      <a:lnTo>
                        <a:pt x="30" y="10"/>
                      </a:lnTo>
                      <a:lnTo>
                        <a:pt x="32" y="11"/>
                      </a:lnTo>
                      <a:lnTo>
                        <a:pt x="34" y="13"/>
                      </a:lnTo>
                      <a:lnTo>
                        <a:pt x="35" y="15"/>
                      </a:lnTo>
                      <a:lnTo>
                        <a:pt x="35" y="17"/>
                      </a:lnTo>
                      <a:lnTo>
                        <a:pt x="34" y="20"/>
                      </a:lnTo>
                      <a:lnTo>
                        <a:pt x="30" y="20"/>
                      </a:lnTo>
                      <a:lnTo>
                        <a:pt x="25" y="22"/>
                      </a:lnTo>
                      <a:lnTo>
                        <a:pt x="23" y="22"/>
                      </a:lnTo>
                      <a:lnTo>
                        <a:pt x="23" y="23"/>
                      </a:lnTo>
                      <a:lnTo>
                        <a:pt x="22" y="23"/>
                      </a:lnTo>
                      <a:lnTo>
                        <a:pt x="20" y="25"/>
                      </a:lnTo>
                      <a:lnTo>
                        <a:pt x="18" y="25"/>
                      </a:lnTo>
                      <a:lnTo>
                        <a:pt x="15" y="23"/>
                      </a:lnTo>
                      <a:lnTo>
                        <a:pt x="13" y="20"/>
                      </a:lnTo>
                      <a:lnTo>
                        <a:pt x="12" y="17"/>
                      </a:lnTo>
                      <a:lnTo>
                        <a:pt x="10" y="15"/>
                      </a:lnTo>
                      <a:lnTo>
                        <a:pt x="6" y="11"/>
                      </a:lnTo>
                      <a:lnTo>
                        <a:pt x="3" y="10"/>
                      </a:lnTo>
                      <a:lnTo>
                        <a:pt x="1" y="8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72" name="Freeform 147"/>
                <p:cNvSpPr>
                  <a:spLocks/>
                </p:cNvSpPr>
                <p:nvPr/>
              </p:nvSpPr>
              <p:spPr bwMode="auto">
                <a:xfrm>
                  <a:off x="1524" y="3441"/>
                  <a:ext cx="35" cy="25"/>
                </a:xfrm>
                <a:custGeom>
                  <a:avLst/>
                  <a:gdLst>
                    <a:gd name="T0" fmla="*/ 1 w 35"/>
                    <a:gd name="T1" fmla="*/ 8 h 25"/>
                    <a:gd name="T2" fmla="*/ 1 w 35"/>
                    <a:gd name="T3" fmla="*/ 8 h 25"/>
                    <a:gd name="T4" fmla="*/ 1 w 35"/>
                    <a:gd name="T5" fmla="*/ 8 h 25"/>
                    <a:gd name="T6" fmla="*/ 0 w 35"/>
                    <a:gd name="T7" fmla="*/ 6 h 25"/>
                    <a:gd name="T8" fmla="*/ 0 w 35"/>
                    <a:gd name="T9" fmla="*/ 5 h 25"/>
                    <a:gd name="T10" fmla="*/ 0 w 35"/>
                    <a:gd name="T11" fmla="*/ 3 h 25"/>
                    <a:gd name="T12" fmla="*/ 0 w 35"/>
                    <a:gd name="T13" fmla="*/ 1 h 25"/>
                    <a:gd name="T14" fmla="*/ 1 w 35"/>
                    <a:gd name="T15" fmla="*/ 0 h 25"/>
                    <a:gd name="T16" fmla="*/ 5 w 35"/>
                    <a:gd name="T17" fmla="*/ 1 h 25"/>
                    <a:gd name="T18" fmla="*/ 8 w 35"/>
                    <a:gd name="T19" fmla="*/ 3 h 25"/>
                    <a:gd name="T20" fmla="*/ 8 w 35"/>
                    <a:gd name="T21" fmla="*/ 3 h 25"/>
                    <a:gd name="T22" fmla="*/ 10 w 35"/>
                    <a:gd name="T23" fmla="*/ 3 h 25"/>
                    <a:gd name="T24" fmla="*/ 13 w 35"/>
                    <a:gd name="T25" fmla="*/ 3 h 25"/>
                    <a:gd name="T26" fmla="*/ 13 w 35"/>
                    <a:gd name="T27" fmla="*/ 5 h 25"/>
                    <a:gd name="T28" fmla="*/ 15 w 35"/>
                    <a:gd name="T29" fmla="*/ 5 h 25"/>
                    <a:gd name="T30" fmla="*/ 22 w 35"/>
                    <a:gd name="T31" fmla="*/ 5 h 25"/>
                    <a:gd name="T32" fmla="*/ 30 w 35"/>
                    <a:gd name="T33" fmla="*/ 10 h 25"/>
                    <a:gd name="T34" fmla="*/ 30 w 35"/>
                    <a:gd name="T35" fmla="*/ 10 h 25"/>
                    <a:gd name="T36" fmla="*/ 30 w 35"/>
                    <a:gd name="T37" fmla="*/ 10 h 25"/>
                    <a:gd name="T38" fmla="*/ 32 w 35"/>
                    <a:gd name="T39" fmla="*/ 11 h 25"/>
                    <a:gd name="T40" fmla="*/ 34 w 35"/>
                    <a:gd name="T41" fmla="*/ 13 h 25"/>
                    <a:gd name="T42" fmla="*/ 35 w 35"/>
                    <a:gd name="T43" fmla="*/ 15 h 25"/>
                    <a:gd name="T44" fmla="*/ 35 w 35"/>
                    <a:gd name="T45" fmla="*/ 17 h 25"/>
                    <a:gd name="T46" fmla="*/ 34 w 35"/>
                    <a:gd name="T47" fmla="*/ 20 h 25"/>
                    <a:gd name="T48" fmla="*/ 30 w 35"/>
                    <a:gd name="T49" fmla="*/ 20 h 25"/>
                    <a:gd name="T50" fmla="*/ 25 w 35"/>
                    <a:gd name="T51" fmla="*/ 22 h 25"/>
                    <a:gd name="T52" fmla="*/ 25 w 35"/>
                    <a:gd name="T53" fmla="*/ 22 h 25"/>
                    <a:gd name="T54" fmla="*/ 23 w 35"/>
                    <a:gd name="T55" fmla="*/ 22 h 25"/>
                    <a:gd name="T56" fmla="*/ 23 w 35"/>
                    <a:gd name="T57" fmla="*/ 23 h 25"/>
                    <a:gd name="T58" fmla="*/ 22 w 35"/>
                    <a:gd name="T59" fmla="*/ 23 h 25"/>
                    <a:gd name="T60" fmla="*/ 20 w 35"/>
                    <a:gd name="T61" fmla="*/ 25 h 25"/>
                    <a:gd name="T62" fmla="*/ 18 w 35"/>
                    <a:gd name="T63" fmla="*/ 25 h 25"/>
                    <a:gd name="T64" fmla="*/ 15 w 35"/>
                    <a:gd name="T65" fmla="*/ 23 h 25"/>
                    <a:gd name="T66" fmla="*/ 13 w 35"/>
                    <a:gd name="T67" fmla="*/ 20 h 25"/>
                    <a:gd name="T68" fmla="*/ 12 w 35"/>
                    <a:gd name="T69" fmla="*/ 17 h 25"/>
                    <a:gd name="T70" fmla="*/ 12 w 35"/>
                    <a:gd name="T71" fmla="*/ 17 h 25"/>
                    <a:gd name="T72" fmla="*/ 10 w 35"/>
                    <a:gd name="T73" fmla="*/ 15 h 25"/>
                    <a:gd name="T74" fmla="*/ 6 w 35"/>
                    <a:gd name="T75" fmla="*/ 11 h 25"/>
                    <a:gd name="T76" fmla="*/ 3 w 35"/>
                    <a:gd name="T77" fmla="*/ 10 h 25"/>
                    <a:gd name="T78" fmla="*/ 1 w 35"/>
                    <a:gd name="T79" fmla="*/ 8 h 25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w 35"/>
                    <a:gd name="T121" fmla="*/ 0 h 25"/>
                    <a:gd name="T122" fmla="*/ 35 w 35"/>
                    <a:gd name="T123" fmla="*/ 25 h 25"/>
                  </a:gdLst>
                  <a:ahLst/>
                  <a:cxnLst>
                    <a:cxn ang="T80">
                      <a:pos x="T0" y="T1"/>
                    </a:cxn>
                    <a:cxn ang="T81">
                      <a:pos x="T2" y="T3"/>
                    </a:cxn>
                    <a:cxn ang="T82">
                      <a:pos x="T4" y="T5"/>
                    </a:cxn>
                    <a:cxn ang="T83">
                      <a:pos x="T6" y="T7"/>
                    </a:cxn>
                    <a:cxn ang="T84">
                      <a:pos x="T8" y="T9"/>
                    </a:cxn>
                    <a:cxn ang="T85">
                      <a:pos x="T10" y="T11"/>
                    </a:cxn>
                    <a:cxn ang="T86">
                      <a:pos x="T12" y="T13"/>
                    </a:cxn>
                    <a:cxn ang="T87">
                      <a:pos x="T14" y="T15"/>
                    </a:cxn>
                    <a:cxn ang="T88">
                      <a:pos x="T16" y="T17"/>
                    </a:cxn>
                    <a:cxn ang="T89">
                      <a:pos x="T18" y="T19"/>
                    </a:cxn>
                    <a:cxn ang="T90">
                      <a:pos x="T20" y="T21"/>
                    </a:cxn>
                    <a:cxn ang="T91">
                      <a:pos x="T22" y="T23"/>
                    </a:cxn>
                    <a:cxn ang="T92">
                      <a:pos x="T24" y="T25"/>
                    </a:cxn>
                    <a:cxn ang="T93">
                      <a:pos x="T26" y="T27"/>
                    </a:cxn>
                    <a:cxn ang="T94">
                      <a:pos x="T28" y="T29"/>
                    </a:cxn>
                    <a:cxn ang="T95">
                      <a:pos x="T30" y="T31"/>
                    </a:cxn>
                    <a:cxn ang="T96">
                      <a:pos x="T32" y="T33"/>
                    </a:cxn>
                    <a:cxn ang="T97">
                      <a:pos x="T34" y="T35"/>
                    </a:cxn>
                    <a:cxn ang="T98">
                      <a:pos x="T36" y="T37"/>
                    </a:cxn>
                    <a:cxn ang="T99">
                      <a:pos x="T38" y="T39"/>
                    </a:cxn>
                    <a:cxn ang="T100">
                      <a:pos x="T40" y="T41"/>
                    </a:cxn>
                    <a:cxn ang="T101">
                      <a:pos x="T42" y="T43"/>
                    </a:cxn>
                    <a:cxn ang="T102">
                      <a:pos x="T44" y="T45"/>
                    </a:cxn>
                    <a:cxn ang="T103">
                      <a:pos x="T46" y="T47"/>
                    </a:cxn>
                    <a:cxn ang="T104">
                      <a:pos x="T48" y="T49"/>
                    </a:cxn>
                    <a:cxn ang="T105">
                      <a:pos x="T50" y="T51"/>
                    </a:cxn>
                    <a:cxn ang="T106">
                      <a:pos x="T52" y="T53"/>
                    </a:cxn>
                    <a:cxn ang="T107">
                      <a:pos x="T54" y="T55"/>
                    </a:cxn>
                    <a:cxn ang="T108">
                      <a:pos x="T56" y="T57"/>
                    </a:cxn>
                    <a:cxn ang="T109">
                      <a:pos x="T58" y="T59"/>
                    </a:cxn>
                    <a:cxn ang="T110">
                      <a:pos x="T60" y="T61"/>
                    </a:cxn>
                    <a:cxn ang="T111">
                      <a:pos x="T62" y="T63"/>
                    </a:cxn>
                    <a:cxn ang="T112">
                      <a:pos x="T64" y="T65"/>
                    </a:cxn>
                    <a:cxn ang="T113">
                      <a:pos x="T66" y="T67"/>
                    </a:cxn>
                    <a:cxn ang="T114">
                      <a:pos x="T68" y="T69"/>
                    </a:cxn>
                    <a:cxn ang="T115">
                      <a:pos x="T70" y="T71"/>
                    </a:cxn>
                    <a:cxn ang="T116">
                      <a:pos x="T72" y="T73"/>
                    </a:cxn>
                    <a:cxn ang="T117">
                      <a:pos x="T74" y="T75"/>
                    </a:cxn>
                    <a:cxn ang="T118">
                      <a:pos x="T76" y="T77"/>
                    </a:cxn>
                    <a:cxn ang="T119">
                      <a:pos x="T78" y="T79"/>
                    </a:cxn>
                  </a:cxnLst>
                  <a:rect l="T120" t="T121" r="T122" b="T123"/>
                  <a:pathLst>
                    <a:path w="35" h="25">
                      <a:moveTo>
                        <a:pt x="1" y="8"/>
                      </a:moveTo>
                      <a:lnTo>
                        <a:pt x="1" y="8"/>
                      </a:lnTo>
                      <a:lnTo>
                        <a:pt x="0" y="6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1" y="0"/>
                      </a:lnTo>
                      <a:lnTo>
                        <a:pt x="5" y="1"/>
                      </a:lnTo>
                      <a:lnTo>
                        <a:pt x="8" y="3"/>
                      </a:lnTo>
                      <a:lnTo>
                        <a:pt x="10" y="3"/>
                      </a:lnTo>
                      <a:lnTo>
                        <a:pt x="13" y="3"/>
                      </a:lnTo>
                      <a:lnTo>
                        <a:pt x="13" y="5"/>
                      </a:lnTo>
                      <a:lnTo>
                        <a:pt x="15" y="5"/>
                      </a:lnTo>
                      <a:lnTo>
                        <a:pt x="22" y="5"/>
                      </a:lnTo>
                      <a:lnTo>
                        <a:pt x="30" y="10"/>
                      </a:lnTo>
                      <a:lnTo>
                        <a:pt x="32" y="11"/>
                      </a:lnTo>
                      <a:lnTo>
                        <a:pt x="34" y="13"/>
                      </a:lnTo>
                      <a:lnTo>
                        <a:pt x="35" y="15"/>
                      </a:lnTo>
                      <a:lnTo>
                        <a:pt x="35" y="17"/>
                      </a:lnTo>
                      <a:lnTo>
                        <a:pt x="34" y="20"/>
                      </a:lnTo>
                      <a:lnTo>
                        <a:pt x="30" y="20"/>
                      </a:lnTo>
                      <a:lnTo>
                        <a:pt x="25" y="22"/>
                      </a:lnTo>
                      <a:lnTo>
                        <a:pt x="23" y="22"/>
                      </a:lnTo>
                      <a:lnTo>
                        <a:pt x="23" y="23"/>
                      </a:lnTo>
                      <a:lnTo>
                        <a:pt x="22" y="23"/>
                      </a:lnTo>
                      <a:lnTo>
                        <a:pt x="20" y="25"/>
                      </a:lnTo>
                      <a:lnTo>
                        <a:pt x="18" y="25"/>
                      </a:lnTo>
                      <a:lnTo>
                        <a:pt x="15" y="23"/>
                      </a:lnTo>
                      <a:lnTo>
                        <a:pt x="13" y="20"/>
                      </a:lnTo>
                      <a:lnTo>
                        <a:pt x="12" y="17"/>
                      </a:lnTo>
                      <a:lnTo>
                        <a:pt x="10" y="15"/>
                      </a:lnTo>
                      <a:lnTo>
                        <a:pt x="6" y="11"/>
                      </a:lnTo>
                      <a:lnTo>
                        <a:pt x="3" y="10"/>
                      </a:lnTo>
                      <a:lnTo>
                        <a:pt x="1" y="8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73" name="Freeform 148"/>
                <p:cNvSpPr>
                  <a:spLocks/>
                </p:cNvSpPr>
                <p:nvPr/>
              </p:nvSpPr>
              <p:spPr bwMode="auto">
                <a:xfrm>
                  <a:off x="1554" y="3480"/>
                  <a:ext cx="66" cy="76"/>
                </a:xfrm>
                <a:custGeom>
                  <a:avLst/>
                  <a:gdLst>
                    <a:gd name="T0" fmla="*/ 10 w 66"/>
                    <a:gd name="T1" fmla="*/ 5 h 76"/>
                    <a:gd name="T2" fmla="*/ 14 w 66"/>
                    <a:gd name="T3" fmla="*/ 0 h 76"/>
                    <a:gd name="T4" fmla="*/ 22 w 66"/>
                    <a:gd name="T5" fmla="*/ 6 h 76"/>
                    <a:gd name="T6" fmla="*/ 46 w 66"/>
                    <a:gd name="T7" fmla="*/ 18 h 76"/>
                    <a:gd name="T8" fmla="*/ 54 w 66"/>
                    <a:gd name="T9" fmla="*/ 22 h 76"/>
                    <a:gd name="T10" fmla="*/ 54 w 66"/>
                    <a:gd name="T11" fmla="*/ 28 h 76"/>
                    <a:gd name="T12" fmla="*/ 61 w 66"/>
                    <a:gd name="T13" fmla="*/ 38 h 76"/>
                    <a:gd name="T14" fmla="*/ 61 w 66"/>
                    <a:gd name="T15" fmla="*/ 38 h 76"/>
                    <a:gd name="T16" fmla="*/ 63 w 66"/>
                    <a:gd name="T17" fmla="*/ 38 h 76"/>
                    <a:gd name="T18" fmla="*/ 64 w 66"/>
                    <a:gd name="T19" fmla="*/ 40 h 76"/>
                    <a:gd name="T20" fmla="*/ 66 w 66"/>
                    <a:gd name="T21" fmla="*/ 42 h 76"/>
                    <a:gd name="T22" fmla="*/ 66 w 66"/>
                    <a:gd name="T23" fmla="*/ 44 h 76"/>
                    <a:gd name="T24" fmla="*/ 66 w 66"/>
                    <a:gd name="T25" fmla="*/ 45 h 76"/>
                    <a:gd name="T26" fmla="*/ 63 w 66"/>
                    <a:gd name="T27" fmla="*/ 49 h 76"/>
                    <a:gd name="T28" fmla="*/ 58 w 66"/>
                    <a:gd name="T29" fmla="*/ 52 h 76"/>
                    <a:gd name="T30" fmla="*/ 56 w 66"/>
                    <a:gd name="T31" fmla="*/ 52 h 76"/>
                    <a:gd name="T32" fmla="*/ 54 w 66"/>
                    <a:gd name="T33" fmla="*/ 52 h 76"/>
                    <a:gd name="T34" fmla="*/ 49 w 66"/>
                    <a:gd name="T35" fmla="*/ 54 h 76"/>
                    <a:gd name="T36" fmla="*/ 44 w 66"/>
                    <a:gd name="T37" fmla="*/ 55 h 76"/>
                    <a:gd name="T38" fmla="*/ 37 w 66"/>
                    <a:gd name="T39" fmla="*/ 59 h 76"/>
                    <a:gd name="T40" fmla="*/ 32 w 66"/>
                    <a:gd name="T41" fmla="*/ 62 h 76"/>
                    <a:gd name="T42" fmla="*/ 27 w 66"/>
                    <a:gd name="T43" fmla="*/ 67 h 76"/>
                    <a:gd name="T44" fmla="*/ 24 w 66"/>
                    <a:gd name="T45" fmla="*/ 76 h 76"/>
                    <a:gd name="T46" fmla="*/ 22 w 66"/>
                    <a:gd name="T47" fmla="*/ 76 h 76"/>
                    <a:gd name="T48" fmla="*/ 22 w 66"/>
                    <a:gd name="T49" fmla="*/ 74 h 76"/>
                    <a:gd name="T50" fmla="*/ 19 w 66"/>
                    <a:gd name="T51" fmla="*/ 74 h 76"/>
                    <a:gd name="T52" fmla="*/ 15 w 66"/>
                    <a:gd name="T53" fmla="*/ 71 h 76"/>
                    <a:gd name="T54" fmla="*/ 14 w 66"/>
                    <a:gd name="T55" fmla="*/ 69 h 76"/>
                    <a:gd name="T56" fmla="*/ 10 w 66"/>
                    <a:gd name="T57" fmla="*/ 66 h 76"/>
                    <a:gd name="T58" fmla="*/ 10 w 66"/>
                    <a:gd name="T59" fmla="*/ 60 h 76"/>
                    <a:gd name="T60" fmla="*/ 9 w 66"/>
                    <a:gd name="T61" fmla="*/ 54 h 76"/>
                    <a:gd name="T62" fmla="*/ 9 w 66"/>
                    <a:gd name="T63" fmla="*/ 54 h 76"/>
                    <a:gd name="T64" fmla="*/ 9 w 66"/>
                    <a:gd name="T65" fmla="*/ 52 h 76"/>
                    <a:gd name="T66" fmla="*/ 10 w 66"/>
                    <a:gd name="T67" fmla="*/ 50 h 76"/>
                    <a:gd name="T68" fmla="*/ 10 w 66"/>
                    <a:gd name="T69" fmla="*/ 49 h 76"/>
                    <a:gd name="T70" fmla="*/ 9 w 66"/>
                    <a:gd name="T71" fmla="*/ 47 h 76"/>
                    <a:gd name="T72" fmla="*/ 9 w 66"/>
                    <a:gd name="T73" fmla="*/ 44 h 76"/>
                    <a:gd name="T74" fmla="*/ 7 w 66"/>
                    <a:gd name="T75" fmla="*/ 40 h 76"/>
                    <a:gd name="T76" fmla="*/ 4 w 66"/>
                    <a:gd name="T77" fmla="*/ 37 h 76"/>
                    <a:gd name="T78" fmla="*/ 4 w 66"/>
                    <a:gd name="T79" fmla="*/ 35 h 76"/>
                    <a:gd name="T80" fmla="*/ 2 w 66"/>
                    <a:gd name="T81" fmla="*/ 33 h 76"/>
                    <a:gd name="T82" fmla="*/ 2 w 66"/>
                    <a:gd name="T83" fmla="*/ 32 h 76"/>
                    <a:gd name="T84" fmla="*/ 0 w 66"/>
                    <a:gd name="T85" fmla="*/ 30 h 76"/>
                    <a:gd name="T86" fmla="*/ 0 w 66"/>
                    <a:gd name="T87" fmla="*/ 28 h 76"/>
                    <a:gd name="T88" fmla="*/ 2 w 66"/>
                    <a:gd name="T89" fmla="*/ 25 h 76"/>
                    <a:gd name="T90" fmla="*/ 4 w 66"/>
                    <a:gd name="T91" fmla="*/ 25 h 76"/>
                    <a:gd name="T92" fmla="*/ 7 w 66"/>
                    <a:gd name="T93" fmla="*/ 23 h 76"/>
                    <a:gd name="T94" fmla="*/ 9 w 66"/>
                    <a:gd name="T95" fmla="*/ 25 h 76"/>
                    <a:gd name="T96" fmla="*/ 9 w 66"/>
                    <a:gd name="T97" fmla="*/ 25 h 76"/>
                    <a:gd name="T98" fmla="*/ 10 w 66"/>
                    <a:gd name="T99" fmla="*/ 25 h 76"/>
                    <a:gd name="T100" fmla="*/ 10 w 66"/>
                    <a:gd name="T101" fmla="*/ 25 h 76"/>
                    <a:gd name="T102" fmla="*/ 10 w 66"/>
                    <a:gd name="T103" fmla="*/ 23 h 76"/>
                    <a:gd name="T104" fmla="*/ 12 w 66"/>
                    <a:gd name="T105" fmla="*/ 22 h 76"/>
                    <a:gd name="T106" fmla="*/ 12 w 66"/>
                    <a:gd name="T107" fmla="*/ 16 h 76"/>
                    <a:gd name="T108" fmla="*/ 12 w 66"/>
                    <a:gd name="T109" fmla="*/ 10 h 76"/>
                    <a:gd name="T110" fmla="*/ 12 w 66"/>
                    <a:gd name="T111" fmla="*/ 8 h 76"/>
                    <a:gd name="T112" fmla="*/ 10 w 66"/>
                    <a:gd name="T113" fmla="*/ 6 h 76"/>
                    <a:gd name="T114" fmla="*/ 10 w 66"/>
                    <a:gd name="T115" fmla="*/ 6 h 76"/>
                    <a:gd name="T116" fmla="*/ 10 w 66"/>
                    <a:gd name="T117" fmla="*/ 5 h 7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w 66"/>
                    <a:gd name="T178" fmla="*/ 0 h 76"/>
                    <a:gd name="T179" fmla="*/ 66 w 66"/>
                    <a:gd name="T180" fmla="*/ 76 h 76"/>
                  </a:gdLst>
                  <a:ahLst/>
                  <a:cxnLst>
                    <a:cxn ang="T118">
                      <a:pos x="T0" y="T1"/>
                    </a:cxn>
                    <a:cxn ang="T119">
                      <a:pos x="T2" y="T3"/>
                    </a:cxn>
                    <a:cxn ang="T120">
                      <a:pos x="T4" y="T5"/>
                    </a:cxn>
                    <a:cxn ang="T121">
                      <a:pos x="T6" y="T7"/>
                    </a:cxn>
                    <a:cxn ang="T122">
                      <a:pos x="T8" y="T9"/>
                    </a:cxn>
                    <a:cxn ang="T123">
                      <a:pos x="T10" y="T11"/>
                    </a:cxn>
                    <a:cxn ang="T124">
                      <a:pos x="T12" y="T13"/>
                    </a:cxn>
                    <a:cxn ang="T125">
                      <a:pos x="T14" y="T15"/>
                    </a:cxn>
                    <a:cxn ang="T126">
                      <a:pos x="T16" y="T17"/>
                    </a:cxn>
                    <a:cxn ang="T127">
                      <a:pos x="T18" y="T19"/>
                    </a:cxn>
                    <a:cxn ang="T128">
                      <a:pos x="T20" y="T21"/>
                    </a:cxn>
                    <a:cxn ang="T129">
                      <a:pos x="T22" y="T23"/>
                    </a:cxn>
                    <a:cxn ang="T130">
                      <a:pos x="T24" y="T25"/>
                    </a:cxn>
                    <a:cxn ang="T131">
                      <a:pos x="T26" y="T27"/>
                    </a:cxn>
                    <a:cxn ang="T132">
                      <a:pos x="T28" y="T29"/>
                    </a:cxn>
                    <a:cxn ang="T133">
                      <a:pos x="T30" y="T31"/>
                    </a:cxn>
                    <a:cxn ang="T134">
                      <a:pos x="T32" y="T33"/>
                    </a:cxn>
                    <a:cxn ang="T135">
                      <a:pos x="T34" y="T35"/>
                    </a:cxn>
                    <a:cxn ang="T136">
                      <a:pos x="T36" y="T37"/>
                    </a:cxn>
                    <a:cxn ang="T137">
                      <a:pos x="T38" y="T39"/>
                    </a:cxn>
                    <a:cxn ang="T138">
                      <a:pos x="T40" y="T41"/>
                    </a:cxn>
                    <a:cxn ang="T139">
                      <a:pos x="T42" y="T43"/>
                    </a:cxn>
                    <a:cxn ang="T140">
                      <a:pos x="T44" y="T45"/>
                    </a:cxn>
                    <a:cxn ang="T141">
                      <a:pos x="T46" y="T47"/>
                    </a:cxn>
                    <a:cxn ang="T142">
                      <a:pos x="T48" y="T49"/>
                    </a:cxn>
                    <a:cxn ang="T143">
                      <a:pos x="T50" y="T51"/>
                    </a:cxn>
                    <a:cxn ang="T144">
                      <a:pos x="T52" y="T53"/>
                    </a:cxn>
                    <a:cxn ang="T145">
                      <a:pos x="T54" y="T55"/>
                    </a:cxn>
                    <a:cxn ang="T146">
                      <a:pos x="T56" y="T57"/>
                    </a:cxn>
                    <a:cxn ang="T147">
                      <a:pos x="T58" y="T59"/>
                    </a:cxn>
                    <a:cxn ang="T148">
                      <a:pos x="T60" y="T61"/>
                    </a:cxn>
                    <a:cxn ang="T149">
                      <a:pos x="T62" y="T63"/>
                    </a:cxn>
                    <a:cxn ang="T150">
                      <a:pos x="T64" y="T65"/>
                    </a:cxn>
                    <a:cxn ang="T151">
                      <a:pos x="T66" y="T67"/>
                    </a:cxn>
                    <a:cxn ang="T152">
                      <a:pos x="T68" y="T69"/>
                    </a:cxn>
                    <a:cxn ang="T153">
                      <a:pos x="T70" y="T71"/>
                    </a:cxn>
                    <a:cxn ang="T154">
                      <a:pos x="T72" y="T73"/>
                    </a:cxn>
                    <a:cxn ang="T155">
                      <a:pos x="T74" y="T75"/>
                    </a:cxn>
                    <a:cxn ang="T156">
                      <a:pos x="T76" y="T77"/>
                    </a:cxn>
                    <a:cxn ang="T157">
                      <a:pos x="T78" y="T79"/>
                    </a:cxn>
                    <a:cxn ang="T158">
                      <a:pos x="T80" y="T81"/>
                    </a:cxn>
                    <a:cxn ang="T159">
                      <a:pos x="T82" y="T83"/>
                    </a:cxn>
                    <a:cxn ang="T160">
                      <a:pos x="T84" y="T85"/>
                    </a:cxn>
                    <a:cxn ang="T161">
                      <a:pos x="T86" y="T87"/>
                    </a:cxn>
                    <a:cxn ang="T162">
                      <a:pos x="T88" y="T89"/>
                    </a:cxn>
                    <a:cxn ang="T163">
                      <a:pos x="T90" y="T91"/>
                    </a:cxn>
                    <a:cxn ang="T164">
                      <a:pos x="T92" y="T93"/>
                    </a:cxn>
                    <a:cxn ang="T165">
                      <a:pos x="T94" y="T95"/>
                    </a:cxn>
                    <a:cxn ang="T166">
                      <a:pos x="T96" y="T97"/>
                    </a:cxn>
                    <a:cxn ang="T167">
                      <a:pos x="T98" y="T99"/>
                    </a:cxn>
                    <a:cxn ang="T168">
                      <a:pos x="T100" y="T101"/>
                    </a:cxn>
                    <a:cxn ang="T169">
                      <a:pos x="T102" y="T103"/>
                    </a:cxn>
                    <a:cxn ang="T170">
                      <a:pos x="T104" y="T105"/>
                    </a:cxn>
                    <a:cxn ang="T171">
                      <a:pos x="T106" y="T107"/>
                    </a:cxn>
                    <a:cxn ang="T172">
                      <a:pos x="T108" y="T109"/>
                    </a:cxn>
                    <a:cxn ang="T173">
                      <a:pos x="T110" y="T111"/>
                    </a:cxn>
                    <a:cxn ang="T174">
                      <a:pos x="T112" y="T113"/>
                    </a:cxn>
                    <a:cxn ang="T175">
                      <a:pos x="T114" y="T115"/>
                    </a:cxn>
                    <a:cxn ang="T176">
                      <a:pos x="T116" y="T117"/>
                    </a:cxn>
                  </a:cxnLst>
                  <a:rect l="T177" t="T178" r="T179" b="T180"/>
                  <a:pathLst>
                    <a:path w="66" h="76">
                      <a:moveTo>
                        <a:pt x="10" y="5"/>
                      </a:moveTo>
                      <a:lnTo>
                        <a:pt x="14" y="0"/>
                      </a:lnTo>
                      <a:lnTo>
                        <a:pt x="22" y="6"/>
                      </a:lnTo>
                      <a:lnTo>
                        <a:pt x="46" y="18"/>
                      </a:lnTo>
                      <a:lnTo>
                        <a:pt x="54" y="22"/>
                      </a:lnTo>
                      <a:lnTo>
                        <a:pt x="54" y="28"/>
                      </a:lnTo>
                      <a:lnTo>
                        <a:pt x="61" y="38"/>
                      </a:lnTo>
                      <a:lnTo>
                        <a:pt x="63" y="38"/>
                      </a:lnTo>
                      <a:lnTo>
                        <a:pt x="64" y="40"/>
                      </a:lnTo>
                      <a:lnTo>
                        <a:pt x="66" y="42"/>
                      </a:lnTo>
                      <a:lnTo>
                        <a:pt x="66" y="44"/>
                      </a:lnTo>
                      <a:lnTo>
                        <a:pt x="66" y="45"/>
                      </a:lnTo>
                      <a:lnTo>
                        <a:pt x="63" y="49"/>
                      </a:lnTo>
                      <a:lnTo>
                        <a:pt x="58" y="52"/>
                      </a:lnTo>
                      <a:lnTo>
                        <a:pt x="56" y="52"/>
                      </a:lnTo>
                      <a:lnTo>
                        <a:pt x="54" y="52"/>
                      </a:lnTo>
                      <a:lnTo>
                        <a:pt x="49" y="54"/>
                      </a:lnTo>
                      <a:lnTo>
                        <a:pt x="44" y="55"/>
                      </a:lnTo>
                      <a:lnTo>
                        <a:pt x="37" y="59"/>
                      </a:lnTo>
                      <a:lnTo>
                        <a:pt x="32" y="62"/>
                      </a:lnTo>
                      <a:lnTo>
                        <a:pt x="27" y="67"/>
                      </a:lnTo>
                      <a:lnTo>
                        <a:pt x="24" y="76"/>
                      </a:lnTo>
                      <a:lnTo>
                        <a:pt x="22" y="76"/>
                      </a:lnTo>
                      <a:lnTo>
                        <a:pt x="22" y="74"/>
                      </a:lnTo>
                      <a:lnTo>
                        <a:pt x="19" y="74"/>
                      </a:lnTo>
                      <a:lnTo>
                        <a:pt x="15" y="71"/>
                      </a:lnTo>
                      <a:lnTo>
                        <a:pt x="14" y="69"/>
                      </a:lnTo>
                      <a:lnTo>
                        <a:pt x="10" y="66"/>
                      </a:lnTo>
                      <a:lnTo>
                        <a:pt x="10" y="60"/>
                      </a:lnTo>
                      <a:lnTo>
                        <a:pt x="9" y="54"/>
                      </a:lnTo>
                      <a:lnTo>
                        <a:pt x="9" y="52"/>
                      </a:lnTo>
                      <a:lnTo>
                        <a:pt x="10" y="50"/>
                      </a:lnTo>
                      <a:lnTo>
                        <a:pt x="10" y="49"/>
                      </a:lnTo>
                      <a:lnTo>
                        <a:pt x="9" y="47"/>
                      </a:lnTo>
                      <a:lnTo>
                        <a:pt x="9" y="44"/>
                      </a:lnTo>
                      <a:lnTo>
                        <a:pt x="7" y="40"/>
                      </a:lnTo>
                      <a:lnTo>
                        <a:pt x="4" y="37"/>
                      </a:lnTo>
                      <a:lnTo>
                        <a:pt x="4" y="35"/>
                      </a:lnTo>
                      <a:lnTo>
                        <a:pt x="2" y="33"/>
                      </a:lnTo>
                      <a:lnTo>
                        <a:pt x="2" y="32"/>
                      </a:lnTo>
                      <a:lnTo>
                        <a:pt x="0" y="30"/>
                      </a:lnTo>
                      <a:lnTo>
                        <a:pt x="0" y="28"/>
                      </a:lnTo>
                      <a:lnTo>
                        <a:pt x="2" y="25"/>
                      </a:lnTo>
                      <a:lnTo>
                        <a:pt x="4" y="25"/>
                      </a:lnTo>
                      <a:lnTo>
                        <a:pt x="7" y="23"/>
                      </a:lnTo>
                      <a:lnTo>
                        <a:pt x="9" y="25"/>
                      </a:lnTo>
                      <a:lnTo>
                        <a:pt x="10" y="25"/>
                      </a:lnTo>
                      <a:lnTo>
                        <a:pt x="10" y="23"/>
                      </a:lnTo>
                      <a:lnTo>
                        <a:pt x="12" y="22"/>
                      </a:lnTo>
                      <a:lnTo>
                        <a:pt x="12" y="16"/>
                      </a:lnTo>
                      <a:lnTo>
                        <a:pt x="12" y="10"/>
                      </a:lnTo>
                      <a:lnTo>
                        <a:pt x="12" y="8"/>
                      </a:lnTo>
                      <a:lnTo>
                        <a:pt x="10" y="6"/>
                      </a:lnTo>
                      <a:lnTo>
                        <a:pt x="10" y="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74" name="Freeform 149"/>
                <p:cNvSpPr>
                  <a:spLocks/>
                </p:cNvSpPr>
                <p:nvPr/>
              </p:nvSpPr>
              <p:spPr bwMode="auto">
                <a:xfrm>
                  <a:off x="1554" y="3480"/>
                  <a:ext cx="66" cy="76"/>
                </a:xfrm>
                <a:custGeom>
                  <a:avLst/>
                  <a:gdLst>
                    <a:gd name="T0" fmla="*/ 14 w 66"/>
                    <a:gd name="T1" fmla="*/ 0 h 76"/>
                    <a:gd name="T2" fmla="*/ 46 w 66"/>
                    <a:gd name="T3" fmla="*/ 18 h 76"/>
                    <a:gd name="T4" fmla="*/ 54 w 66"/>
                    <a:gd name="T5" fmla="*/ 28 h 76"/>
                    <a:gd name="T6" fmla="*/ 61 w 66"/>
                    <a:gd name="T7" fmla="*/ 38 h 76"/>
                    <a:gd name="T8" fmla="*/ 63 w 66"/>
                    <a:gd name="T9" fmla="*/ 38 h 76"/>
                    <a:gd name="T10" fmla="*/ 66 w 66"/>
                    <a:gd name="T11" fmla="*/ 42 h 76"/>
                    <a:gd name="T12" fmla="*/ 66 w 66"/>
                    <a:gd name="T13" fmla="*/ 45 h 76"/>
                    <a:gd name="T14" fmla="*/ 58 w 66"/>
                    <a:gd name="T15" fmla="*/ 52 h 76"/>
                    <a:gd name="T16" fmla="*/ 56 w 66"/>
                    <a:gd name="T17" fmla="*/ 52 h 76"/>
                    <a:gd name="T18" fmla="*/ 49 w 66"/>
                    <a:gd name="T19" fmla="*/ 54 h 76"/>
                    <a:gd name="T20" fmla="*/ 37 w 66"/>
                    <a:gd name="T21" fmla="*/ 59 h 76"/>
                    <a:gd name="T22" fmla="*/ 27 w 66"/>
                    <a:gd name="T23" fmla="*/ 67 h 76"/>
                    <a:gd name="T24" fmla="*/ 24 w 66"/>
                    <a:gd name="T25" fmla="*/ 76 h 76"/>
                    <a:gd name="T26" fmla="*/ 22 w 66"/>
                    <a:gd name="T27" fmla="*/ 74 h 76"/>
                    <a:gd name="T28" fmla="*/ 15 w 66"/>
                    <a:gd name="T29" fmla="*/ 71 h 76"/>
                    <a:gd name="T30" fmla="*/ 10 w 66"/>
                    <a:gd name="T31" fmla="*/ 66 h 76"/>
                    <a:gd name="T32" fmla="*/ 9 w 66"/>
                    <a:gd name="T33" fmla="*/ 54 h 76"/>
                    <a:gd name="T34" fmla="*/ 9 w 66"/>
                    <a:gd name="T35" fmla="*/ 54 h 76"/>
                    <a:gd name="T36" fmla="*/ 10 w 66"/>
                    <a:gd name="T37" fmla="*/ 50 h 76"/>
                    <a:gd name="T38" fmla="*/ 9 w 66"/>
                    <a:gd name="T39" fmla="*/ 47 h 76"/>
                    <a:gd name="T40" fmla="*/ 7 w 66"/>
                    <a:gd name="T41" fmla="*/ 40 h 76"/>
                    <a:gd name="T42" fmla="*/ 4 w 66"/>
                    <a:gd name="T43" fmla="*/ 37 h 76"/>
                    <a:gd name="T44" fmla="*/ 2 w 66"/>
                    <a:gd name="T45" fmla="*/ 33 h 76"/>
                    <a:gd name="T46" fmla="*/ 0 w 66"/>
                    <a:gd name="T47" fmla="*/ 30 h 76"/>
                    <a:gd name="T48" fmla="*/ 2 w 66"/>
                    <a:gd name="T49" fmla="*/ 25 h 76"/>
                    <a:gd name="T50" fmla="*/ 7 w 66"/>
                    <a:gd name="T51" fmla="*/ 23 h 76"/>
                    <a:gd name="T52" fmla="*/ 9 w 66"/>
                    <a:gd name="T53" fmla="*/ 25 h 76"/>
                    <a:gd name="T54" fmla="*/ 10 w 66"/>
                    <a:gd name="T55" fmla="*/ 25 h 76"/>
                    <a:gd name="T56" fmla="*/ 10 w 66"/>
                    <a:gd name="T57" fmla="*/ 23 h 76"/>
                    <a:gd name="T58" fmla="*/ 12 w 66"/>
                    <a:gd name="T59" fmla="*/ 16 h 76"/>
                    <a:gd name="T60" fmla="*/ 12 w 66"/>
                    <a:gd name="T61" fmla="*/ 10 h 76"/>
                    <a:gd name="T62" fmla="*/ 10 w 66"/>
                    <a:gd name="T63" fmla="*/ 6 h 76"/>
                    <a:gd name="T64" fmla="*/ 10 w 66"/>
                    <a:gd name="T65" fmla="*/ 5 h 7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w 66"/>
                    <a:gd name="T100" fmla="*/ 0 h 76"/>
                    <a:gd name="T101" fmla="*/ 66 w 66"/>
                    <a:gd name="T102" fmla="*/ 76 h 76"/>
                  </a:gdLst>
                  <a:ahLst/>
                  <a:cxnLst>
                    <a:cxn ang="T66">
                      <a:pos x="T0" y="T1"/>
                    </a:cxn>
                    <a:cxn ang="T67">
                      <a:pos x="T2" y="T3"/>
                    </a:cxn>
                    <a:cxn ang="T68">
                      <a:pos x="T4" y="T5"/>
                    </a:cxn>
                    <a:cxn ang="T69">
                      <a:pos x="T6" y="T7"/>
                    </a:cxn>
                    <a:cxn ang="T70">
                      <a:pos x="T8" y="T9"/>
                    </a:cxn>
                    <a:cxn ang="T71">
                      <a:pos x="T10" y="T11"/>
                    </a:cxn>
                    <a:cxn ang="T72">
                      <a:pos x="T12" y="T13"/>
                    </a:cxn>
                    <a:cxn ang="T73">
                      <a:pos x="T14" y="T15"/>
                    </a:cxn>
                    <a:cxn ang="T74">
                      <a:pos x="T16" y="T17"/>
                    </a:cxn>
                    <a:cxn ang="T75">
                      <a:pos x="T18" y="T19"/>
                    </a:cxn>
                    <a:cxn ang="T76">
                      <a:pos x="T20" y="T21"/>
                    </a:cxn>
                    <a:cxn ang="T77">
                      <a:pos x="T22" y="T23"/>
                    </a:cxn>
                    <a:cxn ang="T78">
                      <a:pos x="T24" y="T25"/>
                    </a:cxn>
                    <a:cxn ang="T79">
                      <a:pos x="T26" y="T27"/>
                    </a:cxn>
                    <a:cxn ang="T80">
                      <a:pos x="T28" y="T29"/>
                    </a:cxn>
                    <a:cxn ang="T81">
                      <a:pos x="T30" y="T31"/>
                    </a:cxn>
                    <a:cxn ang="T82">
                      <a:pos x="T32" y="T33"/>
                    </a:cxn>
                    <a:cxn ang="T83">
                      <a:pos x="T34" y="T35"/>
                    </a:cxn>
                    <a:cxn ang="T84">
                      <a:pos x="T36" y="T37"/>
                    </a:cxn>
                    <a:cxn ang="T85">
                      <a:pos x="T38" y="T39"/>
                    </a:cxn>
                    <a:cxn ang="T86">
                      <a:pos x="T40" y="T41"/>
                    </a:cxn>
                    <a:cxn ang="T87">
                      <a:pos x="T42" y="T43"/>
                    </a:cxn>
                    <a:cxn ang="T88">
                      <a:pos x="T44" y="T45"/>
                    </a:cxn>
                    <a:cxn ang="T89">
                      <a:pos x="T46" y="T47"/>
                    </a:cxn>
                    <a:cxn ang="T90">
                      <a:pos x="T48" y="T49"/>
                    </a:cxn>
                    <a:cxn ang="T91">
                      <a:pos x="T50" y="T51"/>
                    </a:cxn>
                    <a:cxn ang="T92">
                      <a:pos x="T52" y="T53"/>
                    </a:cxn>
                    <a:cxn ang="T93">
                      <a:pos x="T54" y="T55"/>
                    </a:cxn>
                    <a:cxn ang="T94">
                      <a:pos x="T56" y="T57"/>
                    </a:cxn>
                    <a:cxn ang="T95">
                      <a:pos x="T58" y="T59"/>
                    </a:cxn>
                    <a:cxn ang="T96">
                      <a:pos x="T60" y="T61"/>
                    </a:cxn>
                    <a:cxn ang="T97">
                      <a:pos x="T62" y="T63"/>
                    </a:cxn>
                    <a:cxn ang="T98">
                      <a:pos x="T64" y="T65"/>
                    </a:cxn>
                  </a:cxnLst>
                  <a:rect l="T99" t="T100" r="T101" b="T102"/>
                  <a:pathLst>
                    <a:path w="66" h="76">
                      <a:moveTo>
                        <a:pt x="10" y="5"/>
                      </a:moveTo>
                      <a:lnTo>
                        <a:pt x="14" y="0"/>
                      </a:lnTo>
                      <a:lnTo>
                        <a:pt x="22" y="6"/>
                      </a:lnTo>
                      <a:lnTo>
                        <a:pt x="46" y="18"/>
                      </a:lnTo>
                      <a:lnTo>
                        <a:pt x="54" y="22"/>
                      </a:lnTo>
                      <a:lnTo>
                        <a:pt x="54" y="28"/>
                      </a:lnTo>
                      <a:lnTo>
                        <a:pt x="61" y="38"/>
                      </a:lnTo>
                      <a:lnTo>
                        <a:pt x="63" y="38"/>
                      </a:lnTo>
                      <a:lnTo>
                        <a:pt x="64" y="40"/>
                      </a:lnTo>
                      <a:lnTo>
                        <a:pt x="66" y="42"/>
                      </a:lnTo>
                      <a:lnTo>
                        <a:pt x="66" y="44"/>
                      </a:lnTo>
                      <a:lnTo>
                        <a:pt x="66" y="45"/>
                      </a:lnTo>
                      <a:lnTo>
                        <a:pt x="63" y="49"/>
                      </a:lnTo>
                      <a:lnTo>
                        <a:pt x="58" y="52"/>
                      </a:lnTo>
                      <a:lnTo>
                        <a:pt x="56" y="52"/>
                      </a:lnTo>
                      <a:lnTo>
                        <a:pt x="54" y="52"/>
                      </a:lnTo>
                      <a:lnTo>
                        <a:pt x="49" y="54"/>
                      </a:lnTo>
                      <a:lnTo>
                        <a:pt x="44" y="55"/>
                      </a:lnTo>
                      <a:lnTo>
                        <a:pt x="37" y="59"/>
                      </a:lnTo>
                      <a:lnTo>
                        <a:pt x="32" y="62"/>
                      </a:lnTo>
                      <a:lnTo>
                        <a:pt x="27" y="67"/>
                      </a:lnTo>
                      <a:lnTo>
                        <a:pt x="24" y="76"/>
                      </a:lnTo>
                      <a:lnTo>
                        <a:pt x="22" y="76"/>
                      </a:lnTo>
                      <a:lnTo>
                        <a:pt x="22" y="74"/>
                      </a:lnTo>
                      <a:lnTo>
                        <a:pt x="19" y="74"/>
                      </a:lnTo>
                      <a:lnTo>
                        <a:pt x="15" y="71"/>
                      </a:lnTo>
                      <a:lnTo>
                        <a:pt x="14" y="69"/>
                      </a:lnTo>
                      <a:lnTo>
                        <a:pt x="10" y="66"/>
                      </a:lnTo>
                      <a:lnTo>
                        <a:pt x="10" y="60"/>
                      </a:lnTo>
                      <a:lnTo>
                        <a:pt x="9" y="54"/>
                      </a:lnTo>
                      <a:lnTo>
                        <a:pt x="9" y="52"/>
                      </a:lnTo>
                      <a:lnTo>
                        <a:pt x="10" y="50"/>
                      </a:lnTo>
                      <a:lnTo>
                        <a:pt x="10" y="49"/>
                      </a:lnTo>
                      <a:lnTo>
                        <a:pt x="9" y="47"/>
                      </a:lnTo>
                      <a:lnTo>
                        <a:pt x="9" y="44"/>
                      </a:lnTo>
                      <a:lnTo>
                        <a:pt x="7" y="40"/>
                      </a:lnTo>
                      <a:lnTo>
                        <a:pt x="4" y="37"/>
                      </a:lnTo>
                      <a:lnTo>
                        <a:pt x="4" y="35"/>
                      </a:lnTo>
                      <a:lnTo>
                        <a:pt x="2" y="33"/>
                      </a:lnTo>
                      <a:lnTo>
                        <a:pt x="2" y="32"/>
                      </a:lnTo>
                      <a:lnTo>
                        <a:pt x="0" y="30"/>
                      </a:lnTo>
                      <a:lnTo>
                        <a:pt x="0" y="28"/>
                      </a:lnTo>
                      <a:lnTo>
                        <a:pt x="2" y="25"/>
                      </a:lnTo>
                      <a:lnTo>
                        <a:pt x="4" y="25"/>
                      </a:lnTo>
                      <a:lnTo>
                        <a:pt x="7" y="23"/>
                      </a:lnTo>
                      <a:lnTo>
                        <a:pt x="9" y="25"/>
                      </a:lnTo>
                      <a:lnTo>
                        <a:pt x="10" y="25"/>
                      </a:lnTo>
                      <a:lnTo>
                        <a:pt x="10" y="23"/>
                      </a:lnTo>
                      <a:lnTo>
                        <a:pt x="12" y="22"/>
                      </a:lnTo>
                      <a:lnTo>
                        <a:pt x="12" y="16"/>
                      </a:lnTo>
                      <a:lnTo>
                        <a:pt x="12" y="10"/>
                      </a:lnTo>
                      <a:lnTo>
                        <a:pt x="12" y="8"/>
                      </a:lnTo>
                      <a:lnTo>
                        <a:pt x="10" y="6"/>
                      </a:lnTo>
                      <a:lnTo>
                        <a:pt x="10" y="5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75" name="Freeform 150"/>
                <p:cNvSpPr>
                  <a:spLocks/>
                </p:cNvSpPr>
                <p:nvPr/>
              </p:nvSpPr>
              <p:spPr bwMode="auto">
                <a:xfrm>
                  <a:off x="1505" y="3446"/>
                  <a:ext cx="10" cy="10"/>
                </a:xfrm>
                <a:custGeom>
                  <a:avLst/>
                  <a:gdLst>
                    <a:gd name="T0" fmla="*/ 0 w 10"/>
                    <a:gd name="T1" fmla="*/ 0 h 10"/>
                    <a:gd name="T2" fmla="*/ 7 w 10"/>
                    <a:gd name="T3" fmla="*/ 0 h 10"/>
                    <a:gd name="T4" fmla="*/ 10 w 10"/>
                    <a:gd name="T5" fmla="*/ 6 h 10"/>
                    <a:gd name="T6" fmla="*/ 5 w 10"/>
                    <a:gd name="T7" fmla="*/ 10 h 10"/>
                    <a:gd name="T8" fmla="*/ 2 w 10"/>
                    <a:gd name="T9" fmla="*/ 8 h 10"/>
                    <a:gd name="T10" fmla="*/ 0 w 10"/>
                    <a:gd name="T11" fmla="*/ 0 h 10"/>
                    <a:gd name="T12" fmla="*/ 0 60000 65536"/>
                    <a:gd name="T13" fmla="*/ 0 60000 65536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w 10"/>
                    <a:gd name="T19" fmla="*/ 0 h 10"/>
                    <a:gd name="T20" fmla="*/ 10 w 10"/>
                    <a:gd name="T21" fmla="*/ 10 h 10"/>
                  </a:gdLst>
                  <a:ahLst/>
                  <a:cxnLst>
                    <a:cxn ang="T12">
                      <a:pos x="T0" y="T1"/>
                    </a:cxn>
                    <a:cxn ang="T13">
                      <a:pos x="T2" y="T3"/>
                    </a:cxn>
                    <a:cxn ang="T14">
                      <a:pos x="T4" y="T5"/>
                    </a:cxn>
                    <a:cxn ang="T15">
                      <a:pos x="T6" y="T7"/>
                    </a:cxn>
                    <a:cxn ang="T16">
                      <a:pos x="T8" y="T9"/>
                    </a:cxn>
                    <a:cxn ang="T17">
                      <a:pos x="T10" y="T11"/>
                    </a:cxn>
                  </a:cxnLst>
                  <a:rect l="T18" t="T19" r="T20" b="T21"/>
                  <a:pathLst>
                    <a:path w="10" h="10">
                      <a:moveTo>
                        <a:pt x="0" y="0"/>
                      </a:moveTo>
                      <a:lnTo>
                        <a:pt x="7" y="0"/>
                      </a:lnTo>
                      <a:lnTo>
                        <a:pt x="10" y="6"/>
                      </a:lnTo>
                      <a:lnTo>
                        <a:pt x="5" y="10"/>
                      </a:lnTo>
                      <a:lnTo>
                        <a:pt x="2" y="8"/>
                      </a:lnTo>
                      <a:lnTo>
                        <a:pt x="0" y="0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76" name="Freeform 151"/>
                <p:cNvSpPr>
                  <a:spLocks/>
                </p:cNvSpPr>
                <p:nvPr/>
              </p:nvSpPr>
              <p:spPr bwMode="auto">
                <a:xfrm>
                  <a:off x="1505" y="3446"/>
                  <a:ext cx="10" cy="10"/>
                </a:xfrm>
                <a:custGeom>
                  <a:avLst/>
                  <a:gdLst>
                    <a:gd name="T0" fmla="*/ 0 w 10"/>
                    <a:gd name="T1" fmla="*/ 0 h 10"/>
                    <a:gd name="T2" fmla="*/ 7 w 10"/>
                    <a:gd name="T3" fmla="*/ 0 h 10"/>
                    <a:gd name="T4" fmla="*/ 10 w 10"/>
                    <a:gd name="T5" fmla="*/ 6 h 10"/>
                    <a:gd name="T6" fmla="*/ 5 w 10"/>
                    <a:gd name="T7" fmla="*/ 10 h 10"/>
                    <a:gd name="T8" fmla="*/ 2 w 10"/>
                    <a:gd name="T9" fmla="*/ 8 h 10"/>
                    <a:gd name="T10" fmla="*/ 0 w 10"/>
                    <a:gd name="T11" fmla="*/ 0 h 10"/>
                    <a:gd name="T12" fmla="*/ 0 60000 65536"/>
                    <a:gd name="T13" fmla="*/ 0 60000 65536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w 10"/>
                    <a:gd name="T19" fmla="*/ 0 h 10"/>
                    <a:gd name="T20" fmla="*/ 10 w 10"/>
                    <a:gd name="T21" fmla="*/ 10 h 10"/>
                  </a:gdLst>
                  <a:ahLst/>
                  <a:cxnLst>
                    <a:cxn ang="T12">
                      <a:pos x="T0" y="T1"/>
                    </a:cxn>
                    <a:cxn ang="T13">
                      <a:pos x="T2" y="T3"/>
                    </a:cxn>
                    <a:cxn ang="T14">
                      <a:pos x="T4" y="T5"/>
                    </a:cxn>
                    <a:cxn ang="T15">
                      <a:pos x="T6" y="T7"/>
                    </a:cxn>
                    <a:cxn ang="T16">
                      <a:pos x="T8" y="T9"/>
                    </a:cxn>
                    <a:cxn ang="T17">
                      <a:pos x="T10" y="T11"/>
                    </a:cxn>
                  </a:cxnLst>
                  <a:rect l="T18" t="T19" r="T20" b="T21"/>
                  <a:pathLst>
                    <a:path w="10" h="10">
                      <a:moveTo>
                        <a:pt x="0" y="0"/>
                      </a:moveTo>
                      <a:lnTo>
                        <a:pt x="7" y="0"/>
                      </a:lnTo>
                      <a:lnTo>
                        <a:pt x="10" y="6"/>
                      </a:lnTo>
                      <a:lnTo>
                        <a:pt x="5" y="10"/>
                      </a:lnTo>
                      <a:lnTo>
                        <a:pt x="2" y="8"/>
                      </a:lnTo>
                      <a:lnTo>
                        <a:pt x="0" y="0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77" name="Freeform 152"/>
                <p:cNvSpPr>
                  <a:spLocks/>
                </p:cNvSpPr>
                <p:nvPr/>
              </p:nvSpPr>
              <p:spPr bwMode="auto">
                <a:xfrm>
                  <a:off x="1524" y="3463"/>
                  <a:ext cx="6" cy="8"/>
                </a:xfrm>
                <a:custGeom>
                  <a:avLst/>
                  <a:gdLst>
                    <a:gd name="T0" fmla="*/ 0 w 6"/>
                    <a:gd name="T1" fmla="*/ 5 h 8"/>
                    <a:gd name="T2" fmla="*/ 0 w 6"/>
                    <a:gd name="T3" fmla="*/ 3 h 8"/>
                    <a:gd name="T4" fmla="*/ 0 w 6"/>
                    <a:gd name="T5" fmla="*/ 1 h 8"/>
                    <a:gd name="T6" fmla="*/ 1 w 6"/>
                    <a:gd name="T7" fmla="*/ 1 h 8"/>
                    <a:gd name="T8" fmla="*/ 3 w 6"/>
                    <a:gd name="T9" fmla="*/ 0 h 8"/>
                    <a:gd name="T10" fmla="*/ 5 w 6"/>
                    <a:gd name="T11" fmla="*/ 1 h 8"/>
                    <a:gd name="T12" fmla="*/ 6 w 6"/>
                    <a:gd name="T13" fmla="*/ 1 h 8"/>
                    <a:gd name="T14" fmla="*/ 6 w 6"/>
                    <a:gd name="T15" fmla="*/ 3 h 8"/>
                    <a:gd name="T16" fmla="*/ 6 w 6"/>
                    <a:gd name="T17" fmla="*/ 5 h 8"/>
                    <a:gd name="T18" fmla="*/ 6 w 6"/>
                    <a:gd name="T19" fmla="*/ 6 h 8"/>
                    <a:gd name="T20" fmla="*/ 6 w 6"/>
                    <a:gd name="T21" fmla="*/ 8 h 8"/>
                    <a:gd name="T22" fmla="*/ 5 w 6"/>
                    <a:gd name="T23" fmla="*/ 8 h 8"/>
                    <a:gd name="T24" fmla="*/ 3 w 6"/>
                    <a:gd name="T25" fmla="*/ 8 h 8"/>
                    <a:gd name="T26" fmla="*/ 1 w 6"/>
                    <a:gd name="T27" fmla="*/ 8 h 8"/>
                    <a:gd name="T28" fmla="*/ 0 w 6"/>
                    <a:gd name="T29" fmla="*/ 8 h 8"/>
                    <a:gd name="T30" fmla="*/ 0 w 6"/>
                    <a:gd name="T31" fmla="*/ 6 h 8"/>
                    <a:gd name="T32" fmla="*/ 0 w 6"/>
                    <a:gd name="T33" fmla="*/ 5 h 8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6"/>
                    <a:gd name="T52" fmla="*/ 0 h 8"/>
                    <a:gd name="T53" fmla="*/ 6 w 6"/>
                    <a:gd name="T54" fmla="*/ 8 h 8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6" h="8">
                      <a:moveTo>
                        <a:pt x="0" y="5"/>
                      </a:move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1" y="1"/>
                      </a:lnTo>
                      <a:lnTo>
                        <a:pt x="3" y="0"/>
                      </a:lnTo>
                      <a:lnTo>
                        <a:pt x="5" y="1"/>
                      </a:lnTo>
                      <a:lnTo>
                        <a:pt x="6" y="1"/>
                      </a:lnTo>
                      <a:lnTo>
                        <a:pt x="6" y="3"/>
                      </a:lnTo>
                      <a:lnTo>
                        <a:pt x="6" y="5"/>
                      </a:lnTo>
                      <a:lnTo>
                        <a:pt x="6" y="6"/>
                      </a:lnTo>
                      <a:lnTo>
                        <a:pt x="6" y="8"/>
                      </a:lnTo>
                      <a:lnTo>
                        <a:pt x="5" y="8"/>
                      </a:lnTo>
                      <a:lnTo>
                        <a:pt x="3" y="8"/>
                      </a:lnTo>
                      <a:lnTo>
                        <a:pt x="1" y="8"/>
                      </a:lnTo>
                      <a:lnTo>
                        <a:pt x="0" y="8"/>
                      </a:lnTo>
                      <a:lnTo>
                        <a:pt x="0" y="6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78" name="Freeform 153"/>
                <p:cNvSpPr>
                  <a:spLocks/>
                </p:cNvSpPr>
                <p:nvPr/>
              </p:nvSpPr>
              <p:spPr bwMode="auto">
                <a:xfrm>
                  <a:off x="1524" y="3463"/>
                  <a:ext cx="6" cy="8"/>
                </a:xfrm>
                <a:custGeom>
                  <a:avLst/>
                  <a:gdLst>
                    <a:gd name="T0" fmla="*/ 0 w 6"/>
                    <a:gd name="T1" fmla="*/ 5 h 8"/>
                    <a:gd name="T2" fmla="*/ 0 w 6"/>
                    <a:gd name="T3" fmla="*/ 5 h 8"/>
                    <a:gd name="T4" fmla="*/ 0 w 6"/>
                    <a:gd name="T5" fmla="*/ 3 h 8"/>
                    <a:gd name="T6" fmla="*/ 0 w 6"/>
                    <a:gd name="T7" fmla="*/ 1 h 8"/>
                    <a:gd name="T8" fmla="*/ 1 w 6"/>
                    <a:gd name="T9" fmla="*/ 1 h 8"/>
                    <a:gd name="T10" fmla="*/ 3 w 6"/>
                    <a:gd name="T11" fmla="*/ 0 h 8"/>
                    <a:gd name="T12" fmla="*/ 3 w 6"/>
                    <a:gd name="T13" fmla="*/ 0 h 8"/>
                    <a:gd name="T14" fmla="*/ 5 w 6"/>
                    <a:gd name="T15" fmla="*/ 1 h 8"/>
                    <a:gd name="T16" fmla="*/ 6 w 6"/>
                    <a:gd name="T17" fmla="*/ 1 h 8"/>
                    <a:gd name="T18" fmla="*/ 6 w 6"/>
                    <a:gd name="T19" fmla="*/ 3 h 8"/>
                    <a:gd name="T20" fmla="*/ 6 w 6"/>
                    <a:gd name="T21" fmla="*/ 5 h 8"/>
                    <a:gd name="T22" fmla="*/ 6 w 6"/>
                    <a:gd name="T23" fmla="*/ 5 h 8"/>
                    <a:gd name="T24" fmla="*/ 6 w 6"/>
                    <a:gd name="T25" fmla="*/ 6 h 8"/>
                    <a:gd name="T26" fmla="*/ 6 w 6"/>
                    <a:gd name="T27" fmla="*/ 8 h 8"/>
                    <a:gd name="T28" fmla="*/ 5 w 6"/>
                    <a:gd name="T29" fmla="*/ 8 h 8"/>
                    <a:gd name="T30" fmla="*/ 3 w 6"/>
                    <a:gd name="T31" fmla="*/ 8 h 8"/>
                    <a:gd name="T32" fmla="*/ 3 w 6"/>
                    <a:gd name="T33" fmla="*/ 8 h 8"/>
                    <a:gd name="T34" fmla="*/ 1 w 6"/>
                    <a:gd name="T35" fmla="*/ 8 h 8"/>
                    <a:gd name="T36" fmla="*/ 0 w 6"/>
                    <a:gd name="T37" fmla="*/ 8 h 8"/>
                    <a:gd name="T38" fmla="*/ 0 w 6"/>
                    <a:gd name="T39" fmla="*/ 6 h 8"/>
                    <a:gd name="T40" fmla="*/ 0 w 6"/>
                    <a:gd name="T41" fmla="*/ 5 h 8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6"/>
                    <a:gd name="T64" fmla="*/ 0 h 8"/>
                    <a:gd name="T65" fmla="*/ 6 w 6"/>
                    <a:gd name="T66" fmla="*/ 8 h 8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6" h="8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1" y="1"/>
                      </a:lnTo>
                      <a:lnTo>
                        <a:pt x="3" y="0"/>
                      </a:lnTo>
                      <a:lnTo>
                        <a:pt x="5" y="1"/>
                      </a:lnTo>
                      <a:lnTo>
                        <a:pt x="6" y="1"/>
                      </a:lnTo>
                      <a:lnTo>
                        <a:pt x="6" y="3"/>
                      </a:lnTo>
                      <a:lnTo>
                        <a:pt x="6" y="5"/>
                      </a:lnTo>
                      <a:lnTo>
                        <a:pt x="6" y="6"/>
                      </a:lnTo>
                      <a:lnTo>
                        <a:pt x="6" y="8"/>
                      </a:lnTo>
                      <a:lnTo>
                        <a:pt x="5" y="8"/>
                      </a:lnTo>
                      <a:lnTo>
                        <a:pt x="3" y="8"/>
                      </a:lnTo>
                      <a:lnTo>
                        <a:pt x="1" y="8"/>
                      </a:lnTo>
                      <a:lnTo>
                        <a:pt x="0" y="8"/>
                      </a:lnTo>
                      <a:lnTo>
                        <a:pt x="0" y="6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79" name="Freeform 154"/>
                <p:cNvSpPr>
                  <a:spLocks/>
                </p:cNvSpPr>
                <p:nvPr/>
              </p:nvSpPr>
              <p:spPr bwMode="auto">
                <a:xfrm>
                  <a:off x="1338" y="3388"/>
                  <a:ext cx="11" cy="9"/>
                </a:xfrm>
                <a:custGeom>
                  <a:avLst/>
                  <a:gdLst>
                    <a:gd name="T0" fmla="*/ 0 w 11"/>
                    <a:gd name="T1" fmla="*/ 4 h 9"/>
                    <a:gd name="T2" fmla="*/ 0 w 11"/>
                    <a:gd name="T3" fmla="*/ 2 h 9"/>
                    <a:gd name="T4" fmla="*/ 1 w 11"/>
                    <a:gd name="T5" fmla="*/ 2 h 9"/>
                    <a:gd name="T6" fmla="*/ 3 w 11"/>
                    <a:gd name="T7" fmla="*/ 0 h 9"/>
                    <a:gd name="T8" fmla="*/ 6 w 11"/>
                    <a:gd name="T9" fmla="*/ 0 h 9"/>
                    <a:gd name="T10" fmla="*/ 8 w 11"/>
                    <a:gd name="T11" fmla="*/ 0 h 9"/>
                    <a:gd name="T12" fmla="*/ 10 w 11"/>
                    <a:gd name="T13" fmla="*/ 2 h 9"/>
                    <a:gd name="T14" fmla="*/ 11 w 11"/>
                    <a:gd name="T15" fmla="*/ 2 h 9"/>
                    <a:gd name="T16" fmla="*/ 11 w 11"/>
                    <a:gd name="T17" fmla="*/ 4 h 9"/>
                    <a:gd name="T18" fmla="*/ 11 w 11"/>
                    <a:gd name="T19" fmla="*/ 5 h 9"/>
                    <a:gd name="T20" fmla="*/ 10 w 11"/>
                    <a:gd name="T21" fmla="*/ 7 h 9"/>
                    <a:gd name="T22" fmla="*/ 8 w 11"/>
                    <a:gd name="T23" fmla="*/ 9 h 9"/>
                    <a:gd name="T24" fmla="*/ 6 w 11"/>
                    <a:gd name="T25" fmla="*/ 9 h 9"/>
                    <a:gd name="T26" fmla="*/ 3 w 11"/>
                    <a:gd name="T27" fmla="*/ 9 h 9"/>
                    <a:gd name="T28" fmla="*/ 1 w 11"/>
                    <a:gd name="T29" fmla="*/ 7 h 9"/>
                    <a:gd name="T30" fmla="*/ 0 w 11"/>
                    <a:gd name="T31" fmla="*/ 5 h 9"/>
                    <a:gd name="T32" fmla="*/ 0 w 11"/>
                    <a:gd name="T33" fmla="*/ 4 h 9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1"/>
                    <a:gd name="T52" fmla="*/ 0 h 9"/>
                    <a:gd name="T53" fmla="*/ 11 w 11"/>
                    <a:gd name="T54" fmla="*/ 9 h 9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1" h="9">
                      <a:moveTo>
                        <a:pt x="0" y="4"/>
                      </a:move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3" y="0"/>
                      </a:lnTo>
                      <a:lnTo>
                        <a:pt x="6" y="0"/>
                      </a:lnTo>
                      <a:lnTo>
                        <a:pt x="8" y="0"/>
                      </a:lnTo>
                      <a:lnTo>
                        <a:pt x="10" y="2"/>
                      </a:lnTo>
                      <a:lnTo>
                        <a:pt x="11" y="2"/>
                      </a:lnTo>
                      <a:lnTo>
                        <a:pt x="11" y="4"/>
                      </a:lnTo>
                      <a:lnTo>
                        <a:pt x="11" y="5"/>
                      </a:lnTo>
                      <a:lnTo>
                        <a:pt x="10" y="7"/>
                      </a:lnTo>
                      <a:lnTo>
                        <a:pt x="8" y="9"/>
                      </a:lnTo>
                      <a:lnTo>
                        <a:pt x="6" y="9"/>
                      </a:lnTo>
                      <a:lnTo>
                        <a:pt x="3" y="9"/>
                      </a:lnTo>
                      <a:lnTo>
                        <a:pt x="1" y="7"/>
                      </a:lnTo>
                      <a:lnTo>
                        <a:pt x="0" y="5"/>
                      </a:lnTo>
                      <a:lnTo>
                        <a:pt x="0" y="4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80" name="Freeform 155"/>
                <p:cNvSpPr>
                  <a:spLocks/>
                </p:cNvSpPr>
                <p:nvPr/>
              </p:nvSpPr>
              <p:spPr bwMode="auto">
                <a:xfrm>
                  <a:off x="1338" y="3388"/>
                  <a:ext cx="11" cy="9"/>
                </a:xfrm>
                <a:custGeom>
                  <a:avLst/>
                  <a:gdLst>
                    <a:gd name="T0" fmla="*/ 0 w 11"/>
                    <a:gd name="T1" fmla="*/ 4 h 9"/>
                    <a:gd name="T2" fmla="*/ 0 w 11"/>
                    <a:gd name="T3" fmla="*/ 4 h 9"/>
                    <a:gd name="T4" fmla="*/ 0 w 11"/>
                    <a:gd name="T5" fmla="*/ 2 h 9"/>
                    <a:gd name="T6" fmla="*/ 1 w 11"/>
                    <a:gd name="T7" fmla="*/ 2 h 9"/>
                    <a:gd name="T8" fmla="*/ 3 w 11"/>
                    <a:gd name="T9" fmla="*/ 0 h 9"/>
                    <a:gd name="T10" fmla="*/ 6 w 11"/>
                    <a:gd name="T11" fmla="*/ 0 h 9"/>
                    <a:gd name="T12" fmla="*/ 6 w 11"/>
                    <a:gd name="T13" fmla="*/ 0 h 9"/>
                    <a:gd name="T14" fmla="*/ 8 w 11"/>
                    <a:gd name="T15" fmla="*/ 0 h 9"/>
                    <a:gd name="T16" fmla="*/ 10 w 11"/>
                    <a:gd name="T17" fmla="*/ 2 h 9"/>
                    <a:gd name="T18" fmla="*/ 11 w 11"/>
                    <a:gd name="T19" fmla="*/ 2 h 9"/>
                    <a:gd name="T20" fmla="*/ 11 w 11"/>
                    <a:gd name="T21" fmla="*/ 4 h 9"/>
                    <a:gd name="T22" fmla="*/ 11 w 11"/>
                    <a:gd name="T23" fmla="*/ 4 h 9"/>
                    <a:gd name="T24" fmla="*/ 11 w 11"/>
                    <a:gd name="T25" fmla="*/ 5 h 9"/>
                    <a:gd name="T26" fmla="*/ 10 w 11"/>
                    <a:gd name="T27" fmla="*/ 7 h 9"/>
                    <a:gd name="T28" fmla="*/ 8 w 11"/>
                    <a:gd name="T29" fmla="*/ 9 h 9"/>
                    <a:gd name="T30" fmla="*/ 6 w 11"/>
                    <a:gd name="T31" fmla="*/ 9 h 9"/>
                    <a:gd name="T32" fmla="*/ 6 w 11"/>
                    <a:gd name="T33" fmla="*/ 9 h 9"/>
                    <a:gd name="T34" fmla="*/ 3 w 11"/>
                    <a:gd name="T35" fmla="*/ 9 h 9"/>
                    <a:gd name="T36" fmla="*/ 1 w 11"/>
                    <a:gd name="T37" fmla="*/ 7 h 9"/>
                    <a:gd name="T38" fmla="*/ 0 w 11"/>
                    <a:gd name="T39" fmla="*/ 5 h 9"/>
                    <a:gd name="T40" fmla="*/ 0 w 11"/>
                    <a:gd name="T41" fmla="*/ 4 h 9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1"/>
                    <a:gd name="T64" fmla="*/ 0 h 9"/>
                    <a:gd name="T65" fmla="*/ 11 w 11"/>
                    <a:gd name="T66" fmla="*/ 9 h 9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1" h="9">
                      <a:moveTo>
                        <a:pt x="0" y="4"/>
                      </a:moveTo>
                      <a:lnTo>
                        <a:pt x="0" y="4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3" y="0"/>
                      </a:lnTo>
                      <a:lnTo>
                        <a:pt x="6" y="0"/>
                      </a:lnTo>
                      <a:lnTo>
                        <a:pt x="8" y="0"/>
                      </a:lnTo>
                      <a:lnTo>
                        <a:pt x="10" y="2"/>
                      </a:lnTo>
                      <a:lnTo>
                        <a:pt x="11" y="2"/>
                      </a:lnTo>
                      <a:lnTo>
                        <a:pt x="11" y="4"/>
                      </a:lnTo>
                      <a:lnTo>
                        <a:pt x="11" y="5"/>
                      </a:lnTo>
                      <a:lnTo>
                        <a:pt x="10" y="7"/>
                      </a:lnTo>
                      <a:lnTo>
                        <a:pt x="8" y="9"/>
                      </a:lnTo>
                      <a:lnTo>
                        <a:pt x="6" y="9"/>
                      </a:lnTo>
                      <a:lnTo>
                        <a:pt x="3" y="9"/>
                      </a:lnTo>
                      <a:lnTo>
                        <a:pt x="1" y="7"/>
                      </a:lnTo>
                      <a:lnTo>
                        <a:pt x="0" y="5"/>
                      </a:lnTo>
                      <a:lnTo>
                        <a:pt x="0" y="4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429" name="Freeform 156"/>
              <p:cNvSpPr>
                <a:spLocks/>
              </p:cNvSpPr>
              <p:nvPr/>
            </p:nvSpPr>
            <p:spPr bwMode="auto">
              <a:xfrm>
                <a:off x="1022" y="1847"/>
                <a:ext cx="537" cy="677"/>
              </a:xfrm>
              <a:custGeom>
                <a:avLst/>
                <a:gdLst>
                  <a:gd name="T0" fmla="*/ 331 w 552"/>
                  <a:gd name="T1" fmla="*/ 464 h 697"/>
                  <a:gd name="T2" fmla="*/ 376 w 552"/>
                  <a:gd name="T3" fmla="*/ 130 h 697"/>
                  <a:gd name="T4" fmla="*/ 253 w 552"/>
                  <a:gd name="T5" fmla="*/ 111 h 697"/>
                  <a:gd name="T6" fmla="*/ 265 w 552"/>
                  <a:gd name="T7" fmla="*/ 35 h 697"/>
                  <a:gd name="T8" fmla="*/ 81 w 552"/>
                  <a:gd name="T9" fmla="*/ 0 h 697"/>
                  <a:gd name="T10" fmla="*/ 81 w 552"/>
                  <a:gd name="T11" fmla="*/ 0 h 697"/>
                  <a:gd name="T12" fmla="*/ 0 w 552"/>
                  <a:gd name="T13" fmla="*/ 410 h 697"/>
                  <a:gd name="T14" fmla="*/ 331 w 552"/>
                  <a:gd name="T15" fmla="*/ 464 h 697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552"/>
                  <a:gd name="T25" fmla="*/ 0 h 697"/>
                  <a:gd name="T26" fmla="*/ 552 w 552"/>
                  <a:gd name="T27" fmla="*/ 697 h 697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552" h="697">
                    <a:moveTo>
                      <a:pt x="486" y="697"/>
                    </a:moveTo>
                    <a:lnTo>
                      <a:pt x="552" y="195"/>
                    </a:lnTo>
                    <a:lnTo>
                      <a:pt x="372" y="166"/>
                    </a:lnTo>
                    <a:lnTo>
                      <a:pt x="389" y="49"/>
                    </a:lnTo>
                    <a:lnTo>
                      <a:pt x="118" y="0"/>
                    </a:lnTo>
                    <a:lnTo>
                      <a:pt x="0" y="616"/>
                    </a:lnTo>
                    <a:lnTo>
                      <a:pt x="486" y="69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30" name="Freeform 157"/>
              <p:cNvSpPr>
                <a:spLocks/>
              </p:cNvSpPr>
              <p:nvPr/>
            </p:nvSpPr>
            <p:spPr bwMode="auto">
              <a:xfrm>
                <a:off x="2159" y="2220"/>
                <a:ext cx="708" cy="381"/>
              </a:xfrm>
              <a:custGeom>
                <a:avLst/>
                <a:gdLst>
                  <a:gd name="T0" fmla="*/ 18 w 728"/>
                  <a:gd name="T1" fmla="*/ 0 h 393"/>
                  <a:gd name="T2" fmla="*/ 35 w 728"/>
                  <a:gd name="T3" fmla="*/ 4 h 393"/>
                  <a:gd name="T4" fmla="*/ 53 w 728"/>
                  <a:gd name="T5" fmla="*/ 5 h 393"/>
                  <a:gd name="T6" fmla="*/ 81 w 728"/>
                  <a:gd name="T7" fmla="*/ 9 h 393"/>
                  <a:gd name="T8" fmla="*/ 112 w 728"/>
                  <a:gd name="T9" fmla="*/ 11 h 393"/>
                  <a:gd name="T10" fmla="*/ 144 w 728"/>
                  <a:gd name="T11" fmla="*/ 12 h 393"/>
                  <a:gd name="T12" fmla="*/ 180 w 728"/>
                  <a:gd name="T13" fmla="*/ 12 h 393"/>
                  <a:gd name="T14" fmla="*/ 216 w 728"/>
                  <a:gd name="T15" fmla="*/ 14 h 393"/>
                  <a:gd name="T16" fmla="*/ 253 w 728"/>
                  <a:gd name="T17" fmla="*/ 14 h 393"/>
                  <a:gd name="T18" fmla="*/ 290 w 728"/>
                  <a:gd name="T19" fmla="*/ 16 h 393"/>
                  <a:gd name="T20" fmla="*/ 324 w 728"/>
                  <a:gd name="T21" fmla="*/ 16 h 393"/>
                  <a:gd name="T22" fmla="*/ 355 w 728"/>
                  <a:gd name="T23" fmla="*/ 16 h 393"/>
                  <a:gd name="T24" fmla="*/ 383 w 728"/>
                  <a:gd name="T25" fmla="*/ 16 h 393"/>
                  <a:gd name="T26" fmla="*/ 407 w 728"/>
                  <a:gd name="T27" fmla="*/ 16 h 393"/>
                  <a:gd name="T28" fmla="*/ 426 w 728"/>
                  <a:gd name="T29" fmla="*/ 16 h 393"/>
                  <a:gd name="T30" fmla="*/ 437 w 728"/>
                  <a:gd name="T31" fmla="*/ 16 h 393"/>
                  <a:gd name="T32" fmla="*/ 442 w 728"/>
                  <a:gd name="T33" fmla="*/ 16 h 393"/>
                  <a:gd name="T34" fmla="*/ 448 w 728"/>
                  <a:gd name="T35" fmla="*/ 16 h 393"/>
                  <a:gd name="T36" fmla="*/ 464 w 728"/>
                  <a:gd name="T37" fmla="*/ 17 h 393"/>
                  <a:gd name="T38" fmla="*/ 465 w 728"/>
                  <a:gd name="T39" fmla="*/ 19 h 393"/>
                  <a:gd name="T40" fmla="*/ 469 w 728"/>
                  <a:gd name="T41" fmla="*/ 22 h 393"/>
                  <a:gd name="T42" fmla="*/ 472 w 728"/>
                  <a:gd name="T43" fmla="*/ 27 h 393"/>
                  <a:gd name="T44" fmla="*/ 469 w 728"/>
                  <a:gd name="T45" fmla="*/ 36 h 393"/>
                  <a:gd name="T46" fmla="*/ 459 w 728"/>
                  <a:gd name="T47" fmla="*/ 50 h 393"/>
                  <a:gd name="T48" fmla="*/ 471 w 728"/>
                  <a:gd name="T49" fmla="*/ 62 h 393"/>
                  <a:gd name="T50" fmla="*/ 480 w 728"/>
                  <a:gd name="T51" fmla="*/ 78 h 393"/>
                  <a:gd name="T52" fmla="*/ 494 w 728"/>
                  <a:gd name="T53" fmla="*/ 254 h 393"/>
                  <a:gd name="T54" fmla="*/ 488 w 728"/>
                  <a:gd name="T55" fmla="*/ 254 h 393"/>
                  <a:gd name="T56" fmla="*/ 477 w 728"/>
                  <a:gd name="T57" fmla="*/ 254 h 393"/>
                  <a:gd name="T58" fmla="*/ 455 w 728"/>
                  <a:gd name="T59" fmla="*/ 254 h 393"/>
                  <a:gd name="T60" fmla="*/ 430 w 728"/>
                  <a:gd name="T61" fmla="*/ 254 h 393"/>
                  <a:gd name="T62" fmla="*/ 398 w 728"/>
                  <a:gd name="T63" fmla="*/ 254 h 393"/>
                  <a:gd name="T64" fmla="*/ 362 w 728"/>
                  <a:gd name="T65" fmla="*/ 254 h 393"/>
                  <a:gd name="T66" fmla="*/ 324 w 728"/>
                  <a:gd name="T67" fmla="*/ 253 h 393"/>
                  <a:gd name="T68" fmla="*/ 284 w 728"/>
                  <a:gd name="T69" fmla="*/ 253 h 393"/>
                  <a:gd name="T70" fmla="*/ 241 w 728"/>
                  <a:gd name="T71" fmla="*/ 252 h 393"/>
                  <a:gd name="T72" fmla="*/ 200 w 728"/>
                  <a:gd name="T73" fmla="*/ 252 h 393"/>
                  <a:gd name="T74" fmla="*/ 159 w 728"/>
                  <a:gd name="T75" fmla="*/ 252 h 393"/>
                  <a:gd name="T76" fmla="*/ 118 w 728"/>
                  <a:gd name="T77" fmla="*/ 251 h 393"/>
                  <a:gd name="T78" fmla="*/ 82 w 728"/>
                  <a:gd name="T79" fmla="*/ 250 h 393"/>
                  <a:gd name="T80" fmla="*/ 49 w 728"/>
                  <a:gd name="T81" fmla="*/ 248 h 393"/>
                  <a:gd name="T82" fmla="*/ 18 w 728"/>
                  <a:gd name="T83" fmla="*/ 246 h 393"/>
                  <a:gd name="T84" fmla="*/ 0 w 728"/>
                  <a:gd name="T85" fmla="*/ 245 h 393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w 728"/>
                  <a:gd name="T130" fmla="*/ 0 h 393"/>
                  <a:gd name="T131" fmla="*/ 728 w 728"/>
                  <a:gd name="T132" fmla="*/ 393 h 393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T129" t="T130" r="T131" b="T132"/>
                <a:pathLst>
                  <a:path w="728" h="393">
                    <a:moveTo>
                      <a:pt x="0" y="379"/>
                    </a:moveTo>
                    <a:lnTo>
                      <a:pt x="27" y="0"/>
                    </a:lnTo>
                    <a:lnTo>
                      <a:pt x="38" y="2"/>
                    </a:lnTo>
                    <a:lnTo>
                      <a:pt x="49" y="4"/>
                    </a:lnTo>
                    <a:lnTo>
                      <a:pt x="65" y="5"/>
                    </a:lnTo>
                    <a:lnTo>
                      <a:pt x="80" y="5"/>
                    </a:lnTo>
                    <a:lnTo>
                      <a:pt x="98" y="7"/>
                    </a:lnTo>
                    <a:lnTo>
                      <a:pt x="119" y="9"/>
                    </a:lnTo>
                    <a:lnTo>
                      <a:pt x="139" y="9"/>
                    </a:lnTo>
                    <a:lnTo>
                      <a:pt x="163" y="11"/>
                    </a:lnTo>
                    <a:lnTo>
                      <a:pt x="186" y="11"/>
                    </a:lnTo>
                    <a:lnTo>
                      <a:pt x="212" y="12"/>
                    </a:lnTo>
                    <a:lnTo>
                      <a:pt x="237" y="12"/>
                    </a:lnTo>
                    <a:lnTo>
                      <a:pt x="264" y="12"/>
                    </a:lnTo>
                    <a:lnTo>
                      <a:pt x="291" y="14"/>
                    </a:lnTo>
                    <a:lnTo>
                      <a:pt x="318" y="14"/>
                    </a:lnTo>
                    <a:lnTo>
                      <a:pt x="346" y="14"/>
                    </a:lnTo>
                    <a:lnTo>
                      <a:pt x="373" y="14"/>
                    </a:lnTo>
                    <a:lnTo>
                      <a:pt x="400" y="16"/>
                    </a:lnTo>
                    <a:lnTo>
                      <a:pt x="427" y="16"/>
                    </a:lnTo>
                    <a:lnTo>
                      <a:pt x="452" y="16"/>
                    </a:lnTo>
                    <a:lnTo>
                      <a:pt x="478" y="16"/>
                    </a:lnTo>
                    <a:lnTo>
                      <a:pt x="501" y="16"/>
                    </a:lnTo>
                    <a:lnTo>
                      <a:pt x="525" y="16"/>
                    </a:lnTo>
                    <a:lnTo>
                      <a:pt x="545" y="17"/>
                    </a:lnTo>
                    <a:lnTo>
                      <a:pt x="566" y="17"/>
                    </a:lnTo>
                    <a:lnTo>
                      <a:pt x="584" y="17"/>
                    </a:lnTo>
                    <a:lnTo>
                      <a:pt x="601" y="17"/>
                    </a:lnTo>
                    <a:lnTo>
                      <a:pt x="616" y="17"/>
                    </a:lnTo>
                    <a:lnTo>
                      <a:pt x="628" y="17"/>
                    </a:lnTo>
                    <a:lnTo>
                      <a:pt x="638" y="17"/>
                    </a:lnTo>
                    <a:lnTo>
                      <a:pt x="645" y="17"/>
                    </a:lnTo>
                    <a:lnTo>
                      <a:pt x="650" y="17"/>
                    </a:lnTo>
                    <a:lnTo>
                      <a:pt x="652" y="17"/>
                    </a:lnTo>
                    <a:lnTo>
                      <a:pt x="650" y="16"/>
                    </a:lnTo>
                    <a:lnTo>
                      <a:pt x="662" y="22"/>
                    </a:lnTo>
                    <a:lnTo>
                      <a:pt x="674" y="33"/>
                    </a:lnTo>
                    <a:lnTo>
                      <a:pt x="684" y="31"/>
                    </a:lnTo>
                    <a:lnTo>
                      <a:pt x="686" y="33"/>
                    </a:lnTo>
                    <a:lnTo>
                      <a:pt x="687" y="33"/>
                    </a:lnTo>
                    <a:lnTo>
                      <a:pt x="691" y="34"/>
                    </a:lnTo>
                    <a:lnTo>
                      <a:pt x="694" y="36"/>
                    </a:lnTo>
                    <a:lnTo>
                      <a:pt x="696" y="38"/>
                    </a:lnTo>
                    <a:lnTo>
                      <a:pt x="698" y="41"/>
                    </a:lnTo>
                    <a:lnTo>
                      <a:pt x="696" y="46"/>
                    </a:lnTo>
                    <a:lnTo>
                      <a:pt x="692" y="51"/>
                    </a:lnTo>
                    <a:lnTo>
                      <a:pt x="679" y="70"/>
                    </a:lnTo>
                    <a:lnTo>
                      <a:pt x="679" y="78"/>
                    </a:lnTo>
                    <a:lnTo>
                      <a:pt x="692" y="88"/>
                    </a:lnTo>
                    <a:lnTo>
                      <a:pt x="696" y="95"/>
                    </a:lnTo>
                    <a:lnTo>
                      <a:pt x="698" y="107"/>
                    </a:lnTo>
                    <a:lnTo>
                      <a:pt x="709" y="121"/>
                    </a:lnTo>
                    <a:lnTo>
                      <a:pt x="726" y="121"/>
                    </a:lnTo>
                    <a:lnTo>
                      <a:pt x="728" y="393"/>
                    </a:lnTo>
                    <a:lnTo>
                      <a:pt x="726" y="393"/>
                    </a:lnTo>
                    <a:lnTo>
                      <a:pt x="721" y="393"/>
                    </a:lnTo>
                    <a:lnTo>
                      <a:pt x="713" y="393"/>
                    </a:lnTo>
                    <a:lnTo>
                      <a:pt x="703" y="393"/>
                    </a:lnTo>
                    <a:lnTo>
                      <a:pt x="689" y="393"/>
                    </a:lnTo>
                    <a:lnTo>
                      <a:pt x="672" y="393"/>
                    </a:lnTo>
                    <a:lnTo>
                      <a:pt x="654" y="393"/>
                    </a:lnTo>
                    <a:lnTo>
                      <a:pt x="635" y="393"/>
                    </a:lnTo>
                    <a:lnTo>
                      <a:pt x="611" y="393"/>
                    </a:lnTo>
                    <a:lnTo>
                      <a:pt x="588" y="393"/>
                    </a:lnTo>
                    <a:lnTo>
                      <a:pt x="562" y="393"/>
                    </a:lnTo>
                    <a:lnTo>
                      <a:pt x="535" y="393"/>
                    </a:lnTo>
                    <a:lnTo>
                      <a:pt x="508" y="393"/>
                    </a:lnTo>
                    <a:lnTo>
                      <a:pt x="478" y="391"/>
                    </a:lnTo>
                    <a:lnTo>
                      <a:pt x="449" y="391"/>
                    </a:lnTo>
                    <a:lnTo>
                      <a:pt x="418" y="391"/>
                    </a:lnTo>
                    <a:lnTo>
                      <a:pt x="388" y="391"/>
                    </a:lnTo>
                    <a:lnTo>
                      <a:pt x="356" y="390"/>
                    </a:lnTo>
                    <a:lnTo>
                      <a:pt x="325" y="390"/>
                    </a:lnTo>
                    <a:lnTo>
                      <a:pt x="295" y="390"/>
                    </a:lnTo>
                    <a:lnTo>
                      <a:pt x="263" y="388"/>
                    </a:lnTo>
                    <a:lnTo>
                      <a:pt x="234" y="388"/>
                    </a:lnTo>
                    <a:lnTo>
                      <a:pt x="203" y="388"/>
                    </a:lnTo>
                    <a:lnTo>
                      <a:pt x="175" y="386"/>
                    </a:lnTo>
                    <a:lnTo>
                      <a:pt x="148" y="386"/>
                    </a:lnTo>
                    <a:lnTo>
                      <a:pt x="120" y="385"/>
                    </a:lnTo>
                    <a:lnTo>
                      <a:pt x="97" y="385"/>
                    </a:lnTo>
                    <a:lnTo>
                      <a:pt x="73" y="383"/>
                    </a:lnTo>
                    <a:lnTo>
                      <a:pt x="51" y="383"/>
                    </a:lnTo>
                    <a:lnTo>
                      <a:pt x="32" y="381"/>
                    </a:lnTo>
                    <a:lnTo>
                      <a:pt x="16" y="379"/>
                    </a:lnTo>
                    <a:lnTo>
                      <a:pt x="0" y="37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31" name="Freeform 158"/>
              <p:cNvSpPr>
                <a:spLocks/>
              </p:cNvSpPr>
              <p:nvPr/>
            </p:nvSpPr>
            <p:spPr bwMode="auto">
              <a:xfrm>
                <a:off x="2637" y="1100"/>
                <a:ext cx="623" cy="709"/>
              </a:xfrm>
              <a:custGeom>
                <a:avLst/>
                <a:gdLst>
                  <a:gd name="T0" fmla="*/ 349 w 641"/>
                  <a:gd name="T1" fmla="*/ 443 h 731"/>
                  <a:gd name="T2" fmla="*/ 322 w 641"/>
                  <a:gd name="T3" fmla="*/ 421 h 731"/>
                  <a:gd name="T4" fmla="*/ 286 w 641"/>
                  <a:gd name="T5" fmla="*/ 391 h 731"/>
                  <a:gd name="T6" fmla="*/ 283 w 641"/>
                  <a:gd name="T7" fmla="*/ 385 h 731"/>
                  <a:gd name="T8" fmla="*/ 267 w 641"/>
                  <a:gd name="T9" fmla="*/ 382 h 731"/>
                  <a:gd name="T10" fmla="*/ 259 w 641"/>
                  <a:gd name="T11" fmla="*/ 362 h 731"/>
                  <a:gd name="T12" fmla="*/ 257 w 641"/>
                  <a:gd name="T13" fmla="*/ 346 h 731"/>
                  <a:gd name="T14" fmla="*/ 258 w 641"/>
                  <a:gd name="T15" fmla="*/ 321 h 731"/>
                  <a:gd name="T16" fmla="*/ 247 w 641"/>
                  <a:gd name="T17" fmla="*/ 291 h 731"/>
                  <a:gd name="T18" fmla="*/ 251 w 641"/>
                  <a:gd name="T19" fmla="*/ 288 h 731"/>
                  <a:gd name="T20" fmla="*/ 267 w 641"/>
                  <a:gd name="T21" fmla="*/ 271 h 731"/>
                  <a:gd name="T22" fmla="*/ 279 w 641"/>
                  <a:gd name="T23" fmla="*/ 216 h 731"/>
                  <a:gd name="T24" fmla="*/ 284 w 641"/>
                  <a:gd name="T25" fmla="*/ 209 h 731"/>
                  <a:gd name="T26" fmla="*/ 307 w 641"/>
                  <a:gd name="T27" fmla="*/ 191 h 731"/>
                  <a:gd name="T28" fmla="*/ 333 w 641"/>
                  <a:gd name="T29" fmla="*/ 167 h 731"/>
                  <a:gd name="T30" fmla="*/ 347 w 641"/>
                  <a:gd name="T31" fmla="*/ 149 h 731"/>
                  <a:gd name="T32" fmla="*/ 361 w 641"/>
                  <a:gd name="T33" fmla="*/ 135 h 731"/>
                  <a:gd name="T34" fmla="*/ 379 w 641"/>
                  <a:gd name="T35" fmla="*/ 124 h 731"/>
                  <a:gd name="T36" fmla="*/ 398 w 641"/>
                  <a:gd name="T37" fmla="*/ 118 h 731"/>
                  <a:gd name="T38" fmla="*/ 418 w 641"/>
                  <a:gd name="T39" fmla="*/ 107 h 731"/>
                  <a:gd name="T40" fmla="*/ 430 w 641"/>
                  <a:gd name="T41" fmla="*/ 99 h 731"/>
                  <a:gd name="T42" fmla="*/ 429 w 641"/>
                  <a:gd name="T43" fmla="*/ 98 h 731"/>
                  <a:gd name="T44" fmla="*/ 406 w 641"/>
                  <a:gd name="T45" fmla="*/ 101 h 731"/>
                  <a:gd name="T46" fmla="*/ 355 w 641"/>
                  <a:gd name="T47" fmla="*/ 95 h 731"/>
                  <a:gd name="T48" fmla="*/ 352 w 641"/>
                  <a:gd name="T49" fmla="*/ 85 h 731"/>
                  <a:gd name="T50" fmla="*/ 332 w 641"/>
                  <a:gd name="T51" fmla="*/ 98 h 731"/>
                  <a:gd name="T52" fmla="*/ 310 w 641"/>
                  <a:gd name="T53" fmla="*/ 98 h 731"/>
                  <a:gd name="T54" fmla="*/ 302 w 641"/>
                  <a:gd name="T55" fmla="*/ 89 h 731"/>
                  <a:gd name="T56" fmla="*/ 294 w 641"/>
                  <a:gd name="T57" fmla="*/ 87 h 731"/>
                  <a:gd name="T58" fmla="*/ 287 w 641"/>
                  <a:gd name="T59" fmla="*/ 79 h 731"/>
                  <a:gd name="T60" fmla="*/ 272 w 641"/>
                  <a:gd name="T61" fmla="*/ 86 h 731"/>
                  <a:gd name="T62" fmla="*/ 263 w 641"/>
                  <a:gd name="T63" fmla="*/ 76 h 731"/>
                  <a:gd name="T64" fmla="*/ 253 w 641"/>
                  <a:gd name="T65" fmla="*/ 66 h 731"/>
                  <a:gd name="T66" fmla="*/ 255 w 641"/>
                  <a:gd name="T67" fmla="*/ 65 h 731"/>
                  <a:gd name="T68" fmla="*/ 233 w 641"/>
                  <a:gd name="T69" fmla="*/ 61 h 731"/>
                  <a:gd name="T70" fmla="*/ 212 w 641"/>
                  <a:gd name="T71" fmla="*/ 59 h 731"/>
                  <a:gd name="T72" fmla="*/ 191 w 641"/>
                  <a:gd name="T73" fmla="*/ 69 h 731"/>
                  <a:gd name="T74" fmla="*/ 160 w 641"/>
                  <a:gd name="T75" fmla="*/ 55 h 731"/>
                  <a:gd name="T76" fmla="*/ 140 w 641"/>
                  <a:gd name="T77" fmla="*/ 47 h 731"/>
                  <a:gd name="T78" fmla="*/ 114 w 641"/>
                  <a:gd name="T79" fmla="*/ 23 h 731"/>
                  <a:gd name="T80" fmla="*/ 7 w 641"/>
                  <a:gd name="T81" fmla="*/ 58 h 731"/>
                  <a:gd name="T82" fmla="*/ 5 w 641"/>
                  <a:gd name="T83" fmla="*/ 86 h 731"/>
                  <a:gd name="T84" fmla="*/ 14 w 641"/>
                  <a:gd name="T85" fmla="*/ 121 h 731"/>
                  <a:gd name="T86" fmla="*/ 17 w 641"/>
                  <a:gd name="T87" fmla="*/ 141 h 731"/>
                  <a:gd name="T88" fmla="*/ 17 w 641"/>
                  <a:gd name="T89" fmla="*/ 172 h 731"/>
                  <a:gd name="T90" fmla="*/ 17 w 641"/>
                  <a:gd name="T91" fmla="*/ 193 h 731"/>
                  <a:gd name="T92" fmla="*/ 39 w 641"/>
                  <a:gd name="T93" fmla="*/ 279 h 731"/>
                  <a:gd name="T94" fmla="*/ 17 w 641"/>
                  <a:gd name="T95" fmla="*/ 304 h 731"/>
                  <a:gd name="T96" fmla="*/ 25 w 641"/>
                  <a:gd name="T97" fmla="*/ 316 h 731"/>
                  <a:gd name="T98" fmla="*/ 44 w 641"/>
                  <a:gd name="T99" fmla="*/ 328 h 731"/>
                  <a:gd name="T100" fmla="*/ 44 w 641"/>
                  <a:gd name="T101" fmla="*/ 376 h 731"/>
                  <a:gd name="T102" fmla="*/ 43 w 641"/>
                  <a:gd name="T103" fmla="*/ 454 h 731"/>
                  <a:gd name="T104" fmla="*/ 45 w 641"/>
                  <a:gd name="T105" fmla="*/ 476 h 731"/>
                  <a:gd name="T106" fmla="*/ 85 w 641"/>
                  <a:gd name="T107" fmla="*/ 476 h 731"/>
                  <a:gd name="T108" fmla="*/ 157 w 641"/>
                  <a:gd name="T109" fmla="*/ 474 h 731"/>
                  <a:gd name="T110" fmla="*/ 240 w 641"/>
                  <a:gd name="T111" fmla="*/ 472 h 731"/>
                  <a:gd name="T112" fmla="*/ 312 w 641"/>
                  <a:gd name="T113" fmla="*/ 471 h 731"/>
                  <a:gd name="T114" fmla="*/ 353 w 641"/>
                  <a:gd name="T115" fmla="*/ 468 h 731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641"/>
                  <a:gd name="T175" fmla="*/ 0 h 731"/>
                  <a:gd name="T176" fmla="*/ 641 w 641"/>
                  <a:gd name="T177" fmla="*/ 731 h 731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641" h="731">
                    <a:moveTo>
                      <a:pt x="526" y="718"/>
                    </a:moveTo>
                    <a:lnTo>
                      <a:pt x="528" y="716"/>
                    </a:lnTo>
                    <a:lnTo>
                      <a:pt x="528" y="709"/>
                    </a:lnTo>
                    <a:lnTo>
                      <a:pt x="525" y="701"/>
                    </a:lnTo>
                    <a:lnTo>
                      <a:pt x="523" y="691"/>
                    </a:lnTo>
                    <a:lnTo>
                      <a:pt x="520" y="682"/>
                    </a:lnTo>
                    <a:lnTo>
                      <a:pt x="518" y="674"/>
                    </a:lnTo>
                    <a:lnTo>
                      <a:pt x="515" y="667"/>
                    </a:lnTo>
                    <a:lnTo>
                      <a:pt x="513" y="665"/>
                    </a:lnTo>
                    <a:lnTo>
                      <a:pt x="499" y="660"/>
                    </a:lnTo>
                    <a:lnTo>
                      <a:pt x="487" y="653"/>
                    </a:lnTo>
                    <a:lnTo>
                      <a:pt x="479" y="645"/>
                    </a:lnTo>
                    <a:lnTo>
                      <a:pt x="471" y="637"/>
                    </a:lnTo>
                    <a:lnTo>
                      <a:pt x="465" y="628"/>
                    </a:lnTo>
                    <a:lnTo>
                      <a:pt x="460" y="620"/>
                    </a:lnTo>
                    <a:lnTo>
                      <a:pt x="457" y="616"/>
                    </a:lnTo>
                    <a:lnTo>
                      <a:pt x="457" y="613"/>
                    </a:lnTo>
                    <a:lnTo>
                      <a:pt x="427" y="601"/>
                    </a:lnTo>
                    <a:lnTo>
                      <a:pt x="425" y="593"/>
                    </a:lnTo>
                    <a:lnTo>
                      <a:pt x="423" y="593"/>
                    </a:lnTo>
                    <a:lnTo>
                      <a:pt x="423" y="591"/>
                    </a:lnTo>
                    <a:lnTo>
                      <a:pt x="421" y="591"/>
                    </a:lnTo>
                    <a:lnTo>
                      <a:pt x="418" y="591"/>
                    </a:lnTo>
                    <a:lnTo>
                      <a:pt x="416" y="591"/>
                    </a:lnTo>
                    <a:lnTo>
                      <a:pt x="413" y="593"/>
                    </a:lnTo>
                    <a:lnTo>
                      <a:pt x="410" y="591"/>
                    </a:lnTo>
                    <a:lnTo>
                      <a:pt x="405" y="589"/>
                    </a:lnTo>
                    <a:lnTo>
                      <a:pt x="398" y="587"/>
                    </a:lnTo>
                    <a:lnTo>
                      <a:pt x="393" y="582"/>
                    </a:lnTo>
                    <a:lnTo>
                      <a:pt x="388" y="577"/>
                    </a:lnTo>
                    <a:lnTo>
                      <a:pt x="384" y="574"/>
                    </a:lnTo>
                    <a:lnTo>
                      <a:pt x="383" y="569"/>
                    </a:lnTo>
                    <a:lnTo>
                      <a:pt x="383" y="564"/>
                    </a:lnTo>
                    <a:lnTo>
                      <a:pt x="386" y="555"/>
                    </a:lnTo>
                    <a:lnTo>
                      <a:pt x="388" y="550"/>
                    </a:lnTo>
                    <a:lnTo>
                      <a:pt x="388" y="545"/>
                    </a:lnTo>
                    <a:lnTo>
                      <a:pt x="388" y="542"/>
                    </a:lnTo>
                    <a:lnTo>
                      <a:pt x="386" y="538"/>
                    </a:lnTo>
                    <a:lnTo>
                      <a:pt x="384" y="535"/>
                    </a:lnTo>
                    <a:lnTo>
                      <a:pt x="383" y="532"/>
                    </a:lnTo>
                    <a:lnTo>
                      <a:pt x="379" y="528"/>
                    </a:lnTo>
                    <a:lnTo>
                      <a:pt x="379" y="523"/>
                    </a:lnTo>
                    <a:lnTo>
                      <a:pt x="379" y="515"/>
                    </a:lnTo>
                    <a:lnTo>
                      <a:pt x="379" y="508"/>
                    </a:lnTo>
                    <a:lnTo>
                      <a:pt x="383" y="499"/>
                    </a:lnTo>
                    <a:lnTo>
                      <a:pt x="384" y="493"/>
                    </a:lnTo>
                    <a:lnTo>
                      <a:pt x="388" y="486"/>
                    </a:lnTo>
                    <a:lnTo>
                      <a:pt x="388" y="481"/>
                    </a:lnTo>
                    <a:lnTo>
                      <a:pt x="389" y="481"/>
                    </a:lnTo>
                    <a:lnTo>
                      <a:pt x="381" y="467"/>
                    </a:lnTo>
                    <a:lnTo>
                      <a:pt x="367" y="467"/>
                    </a:lnTo>
                    <a:lnTo>
                      <a:pt x="367" y="447"/>
                    </a:lnTo>
                    <a:lnTo>
                      <a:pt x="369" y="447"/>
                    </a:lnTo>
                    <a:lnTo>
                      <a:pt x="371" y="445"/>
                    </a:lnTo>
                    <a:lnTo>
                      <a:pt x="372" y="445"/>
                    </a:lnTo>
                    <a:lnTo>
                      <a:pt x="374" y="442"/>
                    </a:lnTo>
                    <a:lnTo>
                      <a:pt x="374" y="440"/>
                    </a:lnTo>
                    <a:lnTo>
                      <a:pt x="376" y="437"/>
                    </a:lnTo>
                    <a:lnTo>
                      <a:pt x="377" y="432"/>
                    </a:lnTo>
                    <a:lnTo>
                      <a:pt x="384" y="427"/>
                    </a:lnTo>
                    <a:lnTo>
                      <a:pt x="389" y="422"/>
                    </a:lnTo>
                    <a:lnTo>
                      <a:pt x="398" y="415"/>
                    </a:lnTo>
                    <a:lnTo>
                      <a:pt x="405" y="410"/>
                    </a:lnTo>
                    <a:lnTo>
                      <a:pt x="411" y="406"/>
                    </a:lnTo>
                    <a:lnTo>
                      <a:pt x="415" y="403"/>
                    </a:lnTo>
                    <a:lnTo>
                      <a:pt x="418" y="403"/>
                    </a:lnTo>
                    <a:lnTo>
                      <a:pt x="416" y="332"/>
                    </a:lnTo>
                    <a:lnTo>
                      <a:pt x="415" y="332"/>
                    </a:lnTo>
                    <a:lnTo>
                      <a:pt x="415" y="330"/>
                    </a:lnTo>
                    <a:lnTo>
                      <a:pt x="416" y="329"/>
                    </a:lnTo>
                    <a:lnTo>
                      <a:pt x="418" y="325"/>
                    </a:lnTo>
                    <a:lnTo>
                      <a:pt x="423" y="322"/>
                    </a:lnTo>
                    <a:lnTo>
                      <a:pt x="430" y="317"/>
                    </a:lnTo>
                    <a:lnTo>
                      <a:pt x="435" y="313"/>
                    </a:lnTo>
                    <a:lnTo>
                      <a:pt x="440" y="308"/>
                    </a:lnTo>
                    <a:lnTo>
                      <a:pt x="445" y="303"/>
                    </a:lnTo>
                    <a:lnTo>
                      <a:pt x="450" y="298"/>
                    </a:lnTo>
                    <a:lnTo>
                      <a:pt x="457" y="293"/>
                    </a:lnTo>
                    <a:lnTo>
                      <a:pt x="464" y="286"/>
                    </a:lnTo>
                    <a:lnTo>
                      <a:pt x="471" y="279"/>
                    </a:lnTo>
                    <a:lnTo>
                      <a:pt x="477" y="274"/>
                    </a:lnTo>
                    <a:lnTo>
                      <a:pt x="484" y="268"/>
                    </a:lnTo>
                    <a:lnTo>
                      <a:pt x="491" y="261"/>
                    </a:lnTo>
                    <a:lnTo>
                      <a:pt x="496" y="256"/>
                    </a:lnTo>
                    <a:lnTo>
                      <a:pt x="503" y="249"/>
                    </a:lnTo>
                    <a:lnTo>
                      <a:pt x="506" y="244"/>
                    </a:lnTo>
                    <a:lnTo>
                      <a:pt x="511" y="239"/>
                    </a:lnTo>
                    <a:lnTo>
                      <a:pt x="515" y="235"/>
                    </a:lnTo>
                    <a:lnTo>
                      <a:pt x="516" y="232"/>
                    </a:lnTo>
                    <a:lnTo>
                      <a:pt x="518" y="229"/>
                    </a:lnTo>
                    <a:lnTo>
                      <a:pt x="520" y="224"/>
                    </a:lnTo>
                    <a:lnTo>
                      <a:pt x="523" y="220"/>
                    </a:lnTo>
                    <a:lnTo>
                      <a:pt x="525" y="217"/>
                    </a:lnTo>
                    <a:lnTo>
                      <a:pt x="528" y="213"/>
                    </a:lnTo>
                    <a:lnTo>
                      <a:pt x="533" y="210"/>
                    </a:lnTo>
                    <a:lnTo>
                      <a:pt x="537" y="207"/>
                    </a:lnTo>
                    <a:lnTo>
                      <a:pt x="542" y="203"/>
                    </a:lnTo>
                    <a:lnTo>
                      <a:pt x="547" y="200"/>
                    </a:lnTo>
                    <a:lnTo>
                      <a:pt x="550" y="198"/>
                    </a:lnTo>
                    <a:lnTo>
                      <a:pt x="555" y="195"/>
                    </a:lnTo>
                    <a:lnTo>
                      <a:pt x="560" y="193"/>
                    </a:lnTo>
                    <a:lnTo>
                      <a:pt x="565" y="190"/>
                    </a:lnTo>
                    <a:lnTo>
                      <a:pt x="570" y="188"/>
                    </a:lnTo>
                    <a:lnTo>
                      <a:pt x="574" y="188"/>
                    </a:lnTo>
                    <a:lnTo>
                      <a:pt x="579" y="186"/>
                    </a:lnTo>
                    <a:lnTo>
                      <a:pt x="582" y="185"/>
                    </a:lnTo>
                    <a:lnTo>
                      <a:pt x="587" y="183"/>
                    </a:lnTo>
                    <a:lnTo>
                      <a:pt x="592" y="181"/>
                    </a:lnTo>
                    <a:lnTo>
                      <a:pt x="597" y="180"/>
                    </a:lnTo>
                    <a:lnTo>
                      <a:pt x="603" y="176"/>
                    </a:lnTo>
                    <a:lnTo>
                      <a:pt x="608" y="173"/>
                    </a:lnTo>
                    <a:lnTo>
                      <a:pt x="613" y="169"/>
                    </a:lnTo>
                    <a:lnTo>
                      <a:pt x="618" y="166"/>
                    </a:lnTo>
                    <a:lnTo>
                      <a:pt x="623" y="164"/>
                    </a:lnTo>
                    <a:lnTo>
                      <a:pt x="628" y="161"/>
                    </a:lnTo>
                    <a:lnTo>
                      <a:pt x="631" y="158"/>
                    </a:lnTo>
                    <a:lnTo>
                      <a:pt x="635" y="156"/>
                    </a:lnTo>
                    <a:lnTo>
                      <a:pt x="638" y="154"/>
                    </a:lnTo>
                    <a:lnTo>
                      <a:pt x="640" y="153"/>
                    </a:lnTo>
                    <a:lnTo>
                      <a:pt x="641" y="151"/>
                    </a:lnTo>
                    <a:lnTo>
                      <a:pt x="641" y="149"/>
                    </a:lnTo>
                    <a:lnTo>
                      <a:pt x="640" y="149"/>
                    </a:lnTo>
                    <a:lnTo>
                      <a:pt x="638" y="149"/>
                    </a:lnTo>
                    <a:lnTo>
                      <a:pt x="633" y="149"/>
                    </a:lnTo>
                    <a:lnTo>
                      <a:pt x="625" y="153"/>
                    </a:lnTo>
                    <a:lnTo>
                      <a:pt x="618" y="153"/>
                    </a:lnTo>
                    <a:lnTo>
                      <a:pt x="611" y="153"/>
                    </a:lnTo>
                    <a:lnTo>
                      <a:pt x="606" y="153"/>
                    </a:lnTo>
                    <a:lnTo>
                      <a:pt x="603" y="149"/>
                    </a:lnTo>
                    <a:lnTo>
                      <a:pt x="599" y="147"/>
                    </a:lnTo>
                    <a:lnTo>
                      <a:pt x="597" y="146"/>
                    </a:lnTo>
                    <a:lnTo>
                      <a:pt x="596" y="144"/>
                    </a:lnTo>
                    <a:lnTo>
                      <a:pt x="530" y="144"/>
                    </a:lnTo>
                    <a:lnTo>
                      <a:pt x="530" y="131"/>
                    </a:lnTo>
                    <a:lnTo>
                      <a:pt x="528" y="131"/>
                    </a:lnTo>
                    <a:lnTo>
                      <a:pt x="526" y="131"/>
                    </a:lnTo>
                    <a:lnTo>
                      <a:pt x="525" y="131"/>
                    </a:lnTo>
                    <a:lnTo>
                      <a:pt x="523" y="131"/>
                    </a:lnTo>
                    <a:lnTo>
                      <a:pt x="521" y="131"/>
                    </a:lnTo>
                    <a:lnTo>
                      <a:pt x="520" y="131"/>
                    </a:lnTo>
                    <a:lnTo>
                      <a:pt x="518" y="131"/>
                    </a:lnTo>
                    <a:lnTo>
                      <a:pt x="509" y="139"/>
                    </a:lnTo>
                    <a:lnTo>
                      <a:pt x="501" y="146"/>
                    </a:lnTo>
                    <a:lnTo>
                      <a:pt x="494" y="149"/>
                    </a:lnTo>
                    <a:lnTo>
                      <a:pt x="487" y="153"/>
                    </a:lnTo>
                    <a:lnTo>
                      <a:pt x="481" y="154"/>
                    </a:lnTo>
                    <a:lnTo>
                      <a:pt x="476" y="154"/>
                    </a:lnTo>
                    <a:lnTo>
                      <a:pt x="471" y="153"/>
                    </a:lnTo>
                    <a:lnTo>
                      <a:pt x="465" y="153"/>
                    </a:lnTo>
                    <a:lnTo>
                      <a:pt x="462" y="149"/>
                    </a:lnTo>
                    <a:lnTo>
                      <a:pt x="459" y="147"/>
                    </a:lnTo>
                    <a:lnTo>
                      <a:pt x="455" y="144"/>
                    </a:lnTo>
                    <a:lnTo>
                      <a:pt x="454" y="142"/>
                    </a:lnTo>
                    <a:lnTo>
                      <a:pt x="452" y="141"/>
                    </a:lnTo>
                    <a:lnTo>
                      <a:pt x="450" y="139"/>
                    </a:lnTo>
                    <a:lnTo>
                      <a:pt x="450" y="137"/>
                    </a:lnTo>
                    <a:lnTo>
                      <a:pt x="450" y="136"/>
                    </a:lnTo>
                    <a:lnTo>
                      <a:pt x="449" y="136"/>
                    </a:lnTo>
                    <a:lnTo>
                      <a:pt x="447" y="136"/>
                    </a:lnTo>
                    <a:lnTo>
                      <a:pt x="443" y="136"/>
                    </a:lnTo>
                    <a:lnTo>
                      <a:pt x="440" y="136"/>
                    </a:lnTo>
                    <a:lnTo>
                      <a:pt x="437" y="134"/>
                    </a:lnTo>
                    <a:lnTo>
                      <a:pt x="435" y="132"/>
                    </a:lnTo>
                    <a:lnTo>
                      <a:pt x="433" y="131"/>
                    </a:lnTo>
                    <a:lnTo>
                      <a:pt x="432" y="127"/>
                    </a:lnTo>
                    <a:lnTo>
                      <a:pt x="432" y="125"/>
                    </a:lnTo>
                    <a:lnTo>
                      <a:pt x="430" y="124"/>
                    </a:lnTo>
                    <a:lnTo>
                      <a:pt x="428" y="120"/>
                    </a:lnTo>
                    <a:lnTo>
                      <a:pt x="427" y="117"/>
                    </a:lnTo>
                    <a:lnTo>
                      <a:pt x="423" y="117"/>
                    </a:lnTo>
                    <a:lnTo>
                      <a:pt x="420" y="117"/>
                    </a:lnTo>
                    <a:lnTo>
                      <a:pt x="415" y="119"/>
                    </a:lnTo>
                    <a:lnTo>
                      <a:pt x="411" y="122"/>
                    </a:lnTo>
                    <a:lnTo>
                      <a:pt x="405" y="132"/>
                    </a:lnTo>
                    <a:lnTo>
                      <a:pt x="399" y="136"/>
                    </a:lnTo>
                    <a:lnTo>
                      <a:pt x="396" y="134"/>
                    </a:lnTo>
                    <a:lnTo>
                      <a:pt x="396" y="131"/>
                    </a:lnTo>
                    <a:lnTo>
                      <a:pt x="394" y="125"/>
                    </a:lnTo>
                    <a:lnTo>
                      <a:pt x="393" y="120"/>
                    </a:lnTo>
                    <a:lnTo>
                      <a:pt x="393" y="115"/>
                    </a:lnTo>
                    <a:lnTo>
                      <a:pt x="389" y="112"/>
                    </a:lnTo>
                    <a:lnTo>
                      <a:pt x="381" y="109"/>
                    </a:lnTo>
                    <a:lnTo>
                      <a:pt x="377" y="105"/>
                    </a:lnTo>
                    <a:lnTo>
                      <a:pt x="376" y="103"/>
                    </a:lnTo>
                    <a:lnTo>
                      <a:pt x="376" y="102"/>
                    </a:lnTo>
                    <a:lnTo>
                      <a:pt x="376" y="100"/>
                    </a:lnTo>
                    <a:lnTo>
                      <a:pt x="377" y="100"/>
                    </a:lnTo>
                    <a:lnTo>
                      <a:pt x="379" y="98"/>
                    </a:lnTo>
                    <a:lnTo>
                      <a:pt x="377" y="98"/>
                    </a:lnTo>
                    <a:lnTo>
                      <a:pt x="374" y="97"/>
                    </a:lnTo>
                    <a:lnTo>
                      <a:pt x="371" y="97"/>
                    </a:lnTo>
                    <a:lnTo>
                      <a:pt x="364" y="97"/>
                    </a:lnTo>
                    <a:lnTo>
                      <a:pt x="355" y="95"/>
                    </a:lnTo>
                    <a:lnTo>
                      <a:pt x="347" y="93"/>
                    </a:lnTo>
                    <a:lnTo>
                      <a:pt x="339" y="92"/>
                    </a:lnTo>
                    <a:lnTo>
                      <a:pt x="332" y="90"/>
                    </a:lnTo>
                    <a:lnTo>
                      <a:pt x="327" y="88"/>
                    </a:lnTo>
                    <a:lnTo>
                      <a:pt x="322" y="88"/>
                    </a:lnTo>
                    <a:lnTo>
                      <a:pt x="318" y="88"/>
                    </a:lnTo>
                    <a:lnTo>
                      <a:pt x="315" y="90"/>
                    </a:lnTo>
                    <a:lnTo>
                      <a:pt x="311" y="92"/>
                    </a:lnTo>
                    <a:lnTo>
                      <a:pt x="306" y="98"/>
                    </a:lnTo>
                    <a:lnTo>
                      <a:pt x="301" y="102"/>
                    </a:lnTo>
                    <a:lnTo>
                      <a:pt x="296" y="105"/>
                    </a:lnTo>
                    <a:lnTo>
                      <a:pt x="289" y="105"/>
                    </a:lnTo>
                    <a:lnTo>
                      <a:pt x="286" y="105"/>
                    </a:lnTo>
                    <a:lnTo>
                      <a:pt x="283" y="105"/>
                    </a:lnTo>
                    <a:lnTo>
                      <a:pt x="279" y="105"/>
                    </a:lnTo>
                    <a:lnTo>
                      <a:pt x="278" y="105"/>
                    </a:lnTo>
                    <a:lnTo>
                      <a:pt x="276" y="92"/>
                    </a:lnTo>
                    <a:lnTo>
                      <a:pt x="242" y="92"/>
                    </a:lnTo>
                    <a:lnTo>
                      <a:pt x="240" y="83"/>
                    </a:lnTo>
                    <a:lnTo>
                      <a:pt x="229" y="85"/>
                    </a:lnTo>
                    <a:lnTo>
                      <a:pt x="222" y="85"/>
                    </a:lnTo>
                    <a:lnTo>
                      <a:pt x="215" y="83"/>
                    </a:lnTo>
                    <a:lnTo>
                      <a:pt x="212" y="80"/>
                    </a:lnTo>
                    <a:lnTo>
                      <a:pt x="208" y="76"/>
                    </a:lnTo>
                    <a:lnTo>
                      <a:pt x="207" y="73"/>
                    </a:lnTo>
                    <a:lnTo>
                      <a:pt x="205" y="71"/>
                    </a:lnTo>
                    <a:lnTo>
                      <a:pt x="205" y="70"/>
                    </a:lnTo>
                    <a:lnTo>
                      <a:pt x="205" y="26"/>
                    </a:lnTo>
                    <a:lnTo>
                      <a:pt x="181" y="2"/>
                    </a:lnTo>
                    <a:lnTo>
                      <a:pt x="168" y="0"/>
                    </a:lnTo>
                    <a:lnTo>
                      <a:pt x="169" y="37"/>
                    </a:lnTo>
                    <a:lnTo>
                      <a:pt x="159" y="46"/>
                    </a:lnTo>
                    <a:lnTo>
                      <a:pt x="0" y="48"/>
                    </a:lnTo>
                    <a:lnTo>
                      <a:pt x="7" y="85"/>
                    </a:lnTo>
                    <a:lnTo>
                      <a:pt x="7" y="87"/>
                    </a:lnTo>
                    <a:lnTo>
                      <a:pt x="7" y="88"/>
                    </a:lnTo>
                    <a:lnTo>
                      <a:pt x="7" y="93"/>
                    </a:lnTo>
                    <a:lnTo>
                      <a:pt x="5" y="100"/>
                    </a:lnTo>
                    <a:lnTo>
                      <a:pt x="5" y="107"/>
                    </a:lnTo>
                    <a:lnTo>
                      <a:pt x="5" y="114"/>
                    </a:lnTo>
                    <a:lnTo>
                      <a:pt x="5" y="124"/>
                    </a:lnTo>
                    <a:lnTo>
                      <a:pt x="5" y="132"/>
                    </a:lnTo>
                    <a:lnTo>
                      <a:pt x="5" y="142"/>
                    </a:lnTo>
                    <a:lnTo>
                      <a:pt x="7" y="153"/>
                    </a:lnTo>
                    <a:lnTo>
                      <a:pt x="7" y="161"/>
                    </a:lnTo>
                    <a:lnTo>
                      <a:pt x="9" y="169"/>
                    </a:lnTo>
                    <a:lnTo>
                      <a:pt x="10" y="178"/>
                    </a:lnTo>
                    <a:lnTo>
                      <a:pt x="14" y="186"/>
                    </a:lnTo>
                    <a:lnTo>
                      <a:pt x="17" y="193"/>
                    </a:lnTo>
                    <a:lnTo>
                      <a:pt x="22" y="198"/>
                    </a:lnTo>
                    <a:lnTo>
                      <a:pt x="22" y="200"/>
                    </a:lnTo>
                    <a:lnTo>
                      <a:pt x="22" y="203"/>
                    </a:lnTo>
                    <a:lnTo>
                      <a:pt x="24" y="208"/>
                    </a:lnTo>
                    <a:lnTo>
                      <a:pt x="25" y="217"/>
                    </a:lnTo>
                    <a:lnTo>
                      <a:pt x="27" y="225"/>
                    </a:lnTo>
                    <a:lnTo>
                      <a:pt x="29" y="235"/>
                    </a:lnTo>
                    <a:lnTo>
                      <a:pt x="29" y="246"/>
                    </a:lnTo>
                    <a:lnTo>
                      <a:pt x="31" y="256"/>
                    </a:lnTo>
                    <a:lnTo>
                      <a:pt x="31" y="259"/>
                    </a:lnTo>
                    <a:lnTo>
                      <a:pt x="31" y="264"/>
                    </a:lnTo>
                    <a:lnTo>
                      <a:pt x="31" y="271"/>
                    </a:lnTo>
                    <a:lnTo>
                      <a:pt x="31" y="278"/>
                    </a:lnTo>
                    <a:lnTo>
                      <a:pt x="31" y="285"/>
                    </a:lnTo>
                    <a:lnTo>
                      <a:pt x="31" y="290"/>
                    </a:lnTo>
                    <a:lnTo>
                      <a:pt x="31" y="295"/>
                    </a:lnTo>
                    <a:lnTo>
                      <a:pt x="31" y="296"/>
                    </a:lnTo>
                    <a:lnTo>
                      <a:pt x="39" y="310"/>
                    </a:lnTo>
                    <a:lnTo>
                      <a:pt x="36" y="332"/>
                    </a:lnTo>
                    <a:lnTo>
                      <a:pt x="39" y="362"/>
                    </a:lnTo>
                    <a:lnTo>
                      <a:pt x="49" y="376"/>
                    </a:lnTo>
                    <a:lnTo>
                      <a:pt x="54" y="389"/>
                    </a:lnTo>
                    <a:lnTo>
                      <a:pt x="53" y="427"/>
                    </a:lnTo>
                    <a:lnTo>
                      <a:pt x="53" y="437"/>
                    </a:lnTo>
                    <a:lnTo>
                      <a:pt x="37" y="455"/>
                    </a:lnTo>
                    <a:lnTo>
                      <a:pt x="36" y="457"/>
                    </a:lnTo>
                    <a:lnTo>
                      <a:pt x="34" y="459"/>
                    </a:lnTo>
                    <a:lnTo>
                      <a:pt x="32" y="462"/>
                    </a:lnTo>
                    <a:lnTo>
                      <a:pt x="31" y="466"/>
                    </a:lnTo>
                    <a:lnTo>
                      <a:pt x="29" y="469"/>
                    </a:lnTo>
                    <a:lnTo>
                      <a:pt x="29" y="474"/>
                    </a:lnTo>
                    <a:lnTo>
                      <a:pt x="31" y="477"/>
                    </a:lnTo>
                    <a:lnTo>
                      <a:pt x="34" y="481"/>
                    </a:lnTo>
                    <a:lnTo>
                      <a:pt x="36" y="481"/>
                    </a:lnTo>
                    <a:lnTo>
                      <a:pt x="39" y="484"/>
                    </a:lnTo>
                    <a:lnTo>
                      <a:pt x="44" y="488"/>
                    </a:lnTo>
                    <a:lnTo>
                      <a:pt x="49" y="491"/>
                    </a:lnTo>
                    <a:lnTo>
                      <a:pt x="54" y="496"/>
                    </a:lnTo>
                    <a:lnTo>
                      <a:pt x="59" y="499"/>
                    </a:lnTo>
                    <a:lnTo>
                      <a:pt x="61" y="501"/>
                    </a:lnTo>
                    <a:lnTo>
                      <a:pt x="63" y="503"/>
                    </a:lnTo>
                    <a:lnTo>
                      <a:pt x="63" y="505"/>
                    </a:lnTo>
                    <a:lnTo>
                      <a:pt x="63" y="511"/>
                    </a:lnTo>
                    <a:lnTo>
                      <a:pt x="63" y="523"/>
                    </a:lnTo>
                    <a:lnTo>
                      <a:pt x="63" y="538"/>
                    </a:lnTo>
                    <a:lnTo>
                      <a:pt x="63" y="555"/>
                    </a:lnTo>
                    <a:lnTo>
                      <a:pt x="63" y="576"/>
                    </a:lnTo>
                    <a:lnTo>
                      <a:pt x="63" y="596"/>
                    </a:lnTo>
                    <a:lnTo>
                      <a:pt x="63" y="618"/>
                    </a:lnTo>
                    <a:lnTo>
                      <a:pt x="63" y="638"/>
                    </a:lnTo>
                    <a:lnTo>
                      <a:pt x="61" y="660"/>
                    </a:lnTo>
                    <a:lnTo>
                      <a:pt x="61" y="679"/>
                    </a:lnTo>
                    <a:lnTo>
                      <a:pt x="61" y="696"/>
                    </a:lnTo>
                    <a:lnTo>
                      <a:pt x="61" y="711"/>
                    </a:lnTo>
                    <a:lnTo>
                      <a:pt x="61" y="721"/>
                    </a:lnTo>
                    <a:lnTo>
                      <a:pt x="63" y="728"/>
                    </a:lnTo>
                    <a:lnTo>
                      <a:pt x="63" y="731"/>
                    </a:lnTo>
                    <a:lnTo>
                      <a:pt x="63" y="730"/>
                    </a:lnTo>
                    <a:lnTo>
                      <a:pt x="66" y="730"/>
                    </a:lnTo>
                    <a:lnTo>
                      <a:pt x="73" y="730"/>
                    </a:lnTo>
                    <a:lnTo>
                      <a:pt x="80" y="730"/>
                    </a:lnTo>
                    <a:lnTo>
                      <a:pt x="90" y="730"/>
                    </a:lnTo>
                    <a:lnTo>
                      <a:pt x="100" y="730"/>
                    </a:lnTo>
                    <a:lnTo>
                      <a:pt x="113" y="730"/>
                    </a:lnTo>
                    <a:lnTo>
                      <a:pt x="127" y="730"/>
                    </a:lnTo>
                    <a:lnTo>
                      <a:pt x="144" y="730"/>
                    </a:lnTo>
                    <a:lnTo>
                      <a:pt x="159" y="730"/>
                    </a:lnTo>
                    <a:lnTo>
                      <a:pt x="178" y="730"/>
                    </a:lnTo>
                    <a:lnTo>
                      <a:pt x="196" y="730"/>
                    </a:lnTo>
                    <a:lnTo>
                      <a:pt x="215" y="730"/>
                    </a:lnTo>
                    <a:lnTo>
                      <a:pt x="235" y="728"/>
                    </a:lnTo>
                    <a:lnTo>
                      <a:pt x="254" y="728"/>
                    </a:lnTo>
                    <a:lnTo>
                      <a:pt x="274" y="728"/>
                    </a:lnTo>
                    <a:lnTo>
                      <a:pt x="296" y="728"/>
                    </a:lnTo>
                    <a:lnTo>
                      <a:pt x="317" y="728"/>
                    </a:lnTo>
                    <a:lnTo>
                      <a:pt x="337" y="728"/>
                    </a:lnTo>
                    <a:lnTo>
                      <a:pt x="357" y="726"/>
                    </a:lnTo>
                    <a:lnTo>
                      <a:pt x="376" y="726"/>
                    </a:lnTo>
                    <a:lnTo>
                      <a:pt x="396" y="726"/>
                    </a:lnTo>
                    <a:lnTo>
                      <a:pt x="415" y="726"/>
                    </a:lnTo>
                    <a:lnTo>
                      <a:pt x="432" y="725"/>
                    </a:lnTo>
                    <a:lnTo>
                      <a:pt x="449" y="725"/>
                    </a:lnTo>
                    <a:lnTo>
                      <a:pt x="465" y="725"/>
                    </a:lnTo>
                    <a:lnTo>
                      <a:pt x="479" y="723"/>
                    </a:lnTo>
                    <a:lnTo>
                      <a:pt x="493" y="723"/>
                    </a:lnTo>
                    <a:lnTo>
                      <a:pt x="503" y="721"/>
                    </a:lnTo>
                    <a:lnTo>
                      <a:pt x="513" y="721"/>
                    </a:lnTo>
                    <a:lnTo>
                      <a:pt x="521" y="719"/>
                    </a:lnTo>
                    <a:lnTo>
                      <a:pt x="526" y="71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432" name="Group 159"/>
              <p:cNvGrpSpPr>
                <a:grpSpLocks/>
              </p:cNvGrpSpPr>
              <p:nvPr/>
            </p:nvGrpSpPr>
            <p:grpSpPr bwMode="auto">
              <a:xfrm>
                <a:off x="3736" y="1882"/>
                <a:ext cx="401" cy="455"/>
                <a:chOff x="3961" y="1493"/>
                <a:chExt cx="412" cy="469"/>
              </a:xfrm>
            </p:grpSpPr>
            <p:sp>
              <p:nvSpPr>
                <p:cNvPr id="463" name="Freeform 160"/>
                <p:cNvSpPr>
                  <a:spLocks/>
                </p:cNvSpPr>
                <p:nvPr/>
              </p:nvSpPr>
              <p:spPr bwMode="auto">
                <a:xfrm>
                  <a:off x="3961" y="1493"/>
                  <a:ext cx="412" cy="469"/>
                </a:xfrm>
                <a:custGeom>
                  <a:avLst/>
                  <a:gdLst>
                    <a:gd name="T0" fmla="*/ 121 w 412"/>
                    <a:gd name="T1" fmla="*/ 76 h 469"/>
                    <a:gd name="T2" fmla="*/ 130 w 412"/>
                    <a:gd name="T3" fmla="*/ 73 h 469"/>
                    <a:gd name="T4" fmla="*/ 152 w 412"/>
                    <a:gd name="T5" fmla="*/ 78 h 469"/>
                    <a:gd name="T6" fmla="*/ 181 w 412"/>
                    <a:gd name="T7" fmla="*/ 79 h 469"/>
                    <a:gd name="T8" fmla="*/ 169 w 412"/>
                    <a:gd name="T9" fmla="*/ 100 h 469"/>
                    <a:gd name="T10" fmla="*/ 182 w 412"/>
                    <a:gd name="T11" fmla="*/ 100 h 469"/>
                    <a:gd name="T12" fmla="*/ 196 w 412"/>
                    <a:gd name="T13" fmla="*/ 93 h 469"/>
                    <a:gd name="T14" fmla="*/ 209 w 412"/>
                    <a:gd name="T15" fmla="*/ 98 h 469"/>
                    <a:gd name="T16" fmla="*/ 226 w 412"/>
                    <a:gd name="T17" fmla="*/ 91 h 469"/>
                    <a:gd name="T18" fmla="*/ 240 w 412"/>
                    <a:gd name="T19" fmla="*/ 86 h 469"/>
                    <a:gd name="T20" fmla="*/ 255 w 412"/>
                    <a:gd name="T21" fmla="*/ 78 h 469"/>
                    <a:gd name="T22" fmla="*/ 270 w 412"/>
                    <a:gd name="T23" fmla="*/ 76 h 469"/>
                    <a:gd name="T24" fmla="*/ 277 w 412"/>
                    <a:gd name="T25" fmla="*/ 76 h 469"/>
                    <a:gd name="T26" fmla="*/ 291 w 412"/>
                    <a:gd name="T27" fmla="*/ 62 h 469"/>
                    <a:gd name="T28" fmla="*/ 318 w 412"/>
                    <a:gd name="T29" fmla="*/ 37 h 469"/>
                    <a:gd name="T30" fmla="*/ 353 w 412"/>
                    <a:gd name="T31" fmla="*/ 12 h 469"/>
                    <a:gd name="T32" fmla="*/ 380 w 412"/>
                    <a:gd name="T33" fmla="*/ 0 h 469"/>
                    <a:gd name="T34" fmla="*/ 404 w 412"/>
                    <a:gd name="T35" fmla="*/ 176 h 469"/>
                    <a:gd name="T36" fmla="*/ 409 w 412"/>
                    <a:gd name="T37" fmla="*/ 206 h 469"/>
                    <a:gd name="T38" fmla="*/ 404 w 412"/>
                    <a:gd name="T39" fmla="*/ 227 h 469"/>
                    <a:gd name="T40" fmla="*/ 399 w 412"/>
                    <a:gd name="T41" fmla="*/ 262 h 469"/>
                    <a:gd name="T42" fmla="*/ 399 w 412"/>
                    <a:gd name="T43" fmla="*/ 274 h 469"/>
                    <a:gd name="T44" fmla="*/ 399 w 412"/>
                    <a:gd name="T45" fmla="*/ 291 h 469"/>
                    <a:gd name="T46" fmla="*/ 387 w 412"/>
                    <a:gd name="T47" fmla="*/ 308 h 469"/>
                    <a:gd name="T48" fmla="*/ 370 w 412"/>
                    <a:gd name="T49" fmla="*/ 326 h 469"/>
                    <a:gd name="T50" fmla="*/ 365 w 412"/>
                    <a:gd name="T51" fmla="*/ 333 h 469"/>
                    <a:gd name="T52" fmla="*/ 351 w 412"/>
                    <a:gd name="T53" fmla="*/ 337 h 469"/>
                    <a:gd name="T54" fmla="*/ 326 w 412"/>
                    <a:gd name="T55" fmla="*/ 382 h 469"/>
                    <a:gd name="T56" fmla="*/ 323 w 412"/>
                    <a:gd name="T57" fmla="*/ 396 h 469"/>
                    <a:gd name="T58" fmla="*/ 311 w 412"/>
                    <a:gd name="T59" fmla="*/ 391 h 469"/>
                    <a:gd name="T60" fmla="*/ 302 w 412"/>
                    <a:gd name="T61" fmla="*/ 387 h 469"/>
                    <a:gd name="T62" fmla="*/ 296 w 412"/>
                    <a:gd name="T63" fmla="*/ 404 h 469"/>
                    <a:gd name="T64" fmla="*/ 292 w 412"/>
                    <a:gd name="T65" fmla="*/ 413 h 469"/>
                    <a:gd name="T66" fmla="*/ 289 w 412"/>
                    <a:gd name="T67" fmla="*/ 419 h 469"/>
                    <a:gd name="T68" fmla="*/ 285 w 412"/>
                    <a:gd name="T69" fmla="*/ 453 h 469"/>
                    <a:gd name="T70" fmla="*/ 263 w 412"/>
                    <a:gd name="T71" fmla="*/ 469 h 469"/>
                    <a:gd name="T72" fmla="*/ 253 w 412"/>
                    <a:gd name="T73" fmla="*/ 458 h 469"/>
                    <a:gd name="T74" fmla="*/ 236 w 412"/>
                    <a:gd name="T75" fmla="*/ 450 h 469"/>
                    <a:gd name="T76" fmla="*/ 231 w 412"/>
                    <a:gd name="T77" fmla="*/ 443 h 469"/>
                    <a:gd name="T78" fmla="*/ 214 w 412"/>
                    <a:gd name="T79" fmla="*/ 436 h 469"/>
                    <a:gd name="T80" fmla="*/ 198 w 412"/>
                    <a:gd name="T81" fmla="*/ 452 h 469"/>
                    <a:gd name="T82" fmla="*/ 177 w 412"/>
                    <a:gd name="T83" fmla="*/ 453 h 469"/>
                    <a:gd name="T84" fmla="*/ 169 w 412"/>
                    <a:gd name="T85" fmla="*/ 448 h 469"/>
                    <a:gd name="T86" fmla="*/ 157 w 412"/>
                    <a:gd name="T87" fmla="*/ 452 h 469"/>
                    <a:gd name="T88" fmla="*/ 143 w 412"/>
                    <a:gd name="T89" fmla="*/ 455 h 469"/>
                    <a:gd name="T90" fmla="*/ 98 w 412"/>
                    <a:gd name="T91" fmla="*/ 440 h 469"/>
                    <a:gd name="T92" fmla="*/ 89 w 412"/>
                    <a:gd name="T93" fmla="*/ 423 h 469"/>
                    <a:gd name="T94" fmla="*/ 59 w 412"/>
                    <a:gd name="T95" fmla="*/ 414 h 469"/>
                    <a:gd name="T96" fmla="*/ 42 w 412"/>
                    <a:gd name="T97" fmla="*/ 414 h 469"/>
                    <a:gd name="T98" fmla="*/ 0 w 412"/>
                    <a:gd name="T99" fmla="*/ 96 h 469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w 412"/>
                    <a:gd name="T151" fmla="*/ 0 h 469"/>
                    <a:gd name="T152" fmla="*/ 412 w 412"/>
                    <a:gd name="T153" fmla="*/ 469 h 469"/>
                  </a:gdLst>
                  <a:ahLst/>
                  <a:cxnLst>
                    <a:cxn ang="T100">
                      <a:pos x="T0" y="T1"/>
                    </a:cxn>
                    <a:cxn ang="T101">
                      <a:pos x="T2" y="T3"/>
                    </a:cxn>
                    <a:cxn ang="T102">
                      <a:pos x="T4" y="T5"/>
                    </a:cxn>
                    <a:cxn ang="T103">
                      <a:pos x="T6" y="T7"/>
                    </a:cxn>
                    <a:cxn ang="T104">
                      <a:pos x="T8" y="T9"/>
                    </a:cxn>
                    <a:cxn ang="T105">
                      <a:pos x="T10" y="T11"/>
                    </a:cxn>
                    <a:cxn ang="T106">
                      <a:pos x="T12" y="T13"/>
                    </a:cxn>
                    <a:cxn ang="T107">
                      <a:pos x="T14" y="T15"/>
                    </a:cxn>
                    <a:cxn ang="T108">
                      <a:pos x="T16" y="T17"/>
                    </a:cxn>
                    <a:cxn ang="T109">
                      <a:pos x="T18" y="T19"/>
                    </a:cxn>
                    <a:cxn ang="T110">
                      <a:pos x="T20" y="T21"/>
                    </a:cxn>
                    <a:cxn ang="T111">
                      <a:pos x="T22" y="T23"/>
                    </a:cxn>
                    <a:cxn ang="T112">
                      <a:pos x="T24" y="T25"/>
                    </a:cxn>
                    <a:cxn ang="T113">
                      <a:pos x="T26" y="T27"/>
                    </a:cxn>
                    <a:cxn ang="T114">
                      <a:pos x="T28" y="T29"/>
                    </a:cxn>
                    <a:cxn ang="T115">
                      <a:pos x="T30" y="T31"/>
                    </a:cxn>
                    <a:cxn ang="T116">
                      <a:pos x="T32" y="T33"/>
                    </a:cxn>
                    <a:cxn ang="T117">
                      <a:pos x="T34" y="T35"/>
                    </a:cxn>
                    <a:cxn ang="T118">
                      <a:pos x="T36" y="T37"/>
                    </a:cxn>
                    <a:cxn ang="T119">
                      <a:pos x="T38" y="T39"/>
                    </a:cxn>
                    <a:cxn ang="T120">
                      <a:pos x="T40" y="T41"/>
                    </a:cxn>
                    <a:cxn ang="T121">
                      <a:pos x="T42" y="T43"/>
                    </a:cxn>
                    <a:cxn ang="T122">
                      <a:pos x="T44" y="T45"/>
                    </a:cxn>
                    <a:cxn ang="T123">
                      <a:pos x="T46" y="T47"/>
                    </a:cxn>
                    <a:cxn ang="T124">
                      <a:pos x="T48" y="T49"/>
                    </a:cxn>
                    <a:cxn ang="T125">
                      <a:pos x="T50" y="T51"/>
                    </a:cxn>
                    <a:cxn ang="T126">
                      <a:pos x="T52" y="T53"/>
                    </a:cxn>
                    <a:cxn ang="T127">
                      <a:pos x="T54" y="T55"/>
                    </a:cxn>
                    <a:cxn ang="T128">
                      <a:pos x="T56" y="T57"/>
                    </a:cxn>
                    <a:cxn ang="T129">
                      <a:pos x="T58" y="T59"/>
                    </a:cxn>
                    <a:cxn ang="T130">
                      <a:pos x="T60" y="T61"/>
                    </a:cxn>
                    <a:cxn ang="T131">
                      <a:pos x="T62" y="T63"/>
                    </a:cxn>
                    <a:cxn ang="T132">
                      <a:pos x="T64" y="T65"/>
                    </a:cxn>
                    <a:cxn ang="T133">
                      <a:pos x="T66" y="T67"/>
                    </a:cxn>
                    <a:cxn ang="T134">
                      <a:pos x="T68" y="T69"/>
                    </a:cxn>
                    <a:cxn ang="T135">
                      <a:pos x="T70" y="T71"/>
                    </a:cxn>
                    <a:cxn ang="T136">
                      <a:pos x="T72" y="T73"/>
                    </a:cxn>
                    <a:cxn ang="T137">
                      <a:pos x="T74" y="T75"/>
                    </a:cxn>
                    <a:cxn ang="T138">
                      <a:pos x="T76" y="T77"/>
                    </a:cxn>
                    <a:cxn ang="T139">
                      <a:pos x="T78" y="T79"/>
                    </a:cxn>
                    <a:cxn ang="T140">
                      <a:pos x="T80" y="T81"/>
                    </a:cxn>
                    <a:cxn ang="T141">
                      <a:pos x="T82" y="T83"/>
                    </a:cxn>
                    <a:cxn ang="T142">
                      <a:pos x="T84" y="T85"/>
                    </a:cxn>
                    <a:cxn ang="T143">
                      <a:pos x="T86" y="T87"/>
                    </a:cxn>
                    <a:cxn ang="T144">
                      <a:pos x="T88" y="T89"/>
                    </a:cxn>
                    <a:cxn ang="T145">
                      <a:pos x="T90" y="T91"/>
                    </a:cxn>
                    <a:cxn ang="T146">
                      <a:pos x="T92" y="T93"/>
                    </a:cxn>
                    <a:cxn ang="T147">
                      <a:pos x="T94" y="T95"/>
                    </a:cxn>
                    <a:cxn ang="T148">
                      <a:pos x="T96" y="T97"/>
                    </a:cxn>
                    <a:cxn ang="T149">
                      <a:pos x="T98" y="T99"/>
                    </a:cxn>
                  </a:cxnLst>
                  <a:rect l="T150" t="T151" r="T152" b="T153"/>
                  <a:pathLst>
                    <a:path w="412" h="469">
                      <a:moveTo>
                        <a:pt x="0" y="96"/>
                      </a:moveTo>
                      <a:lnTo>
                        <a:pt x="116" y="78"/>
                      </a:lnTo>
                      <a:lnTo>
                        <a:pt x="118" y="78"/>
                      </a:lnTo>
                      <a:lnTo>
                        <a:pt x="121" y="76"/>
                      </a:lnTo>
                      <a:lnTo>
                        <a:pt x="125" y="74"/>
                      </a:lnTo>
                      <a:lnTo>
                        <a:pt x="126" y="73"/>
                      </a:lnTo>
                      <a:lnTo>
                        <a:pt x="128" y="73"/>
                      </a:lnTo>
                      <a:lnTo>
                        <a:pt x="130" y="73"/>
                      </a:lnTo>
                      <a:lnTo>
                        <a:pt x="135" y="73"/>
                      </a:lnTo>
                      <a:lnTo>
                        <a:pt x="140" y="73"/>
                      </a:lnTo>
                      <a:lnTo>
                        <a:pt x="145" y="74"/>
                      </a:lnTo>
                      <a:lnTo>
                        <a:pt x="152" y="78"/>
                      </a:lnTo>
                      <a:lnTo>
                        <a:pt x="159" y="81"/>
                      </a:lnTo>
                      <a:lnTo>
                        <a:pt x="164" y="86"/>
                      </a:lnTo>
                      <a:lnTo>
                        <a:pt x="174" y="86"/>
                      </a:lnTo>
                      <a:lnTo>
                        <a:pt x="181" y="79"/>
                      </a:lnTo>
                      <a:lnTo>
                        <a:pt x="191" y="84"/>
                      </a:lnTo>
                      <a:lnTo>
                        <a:pt x="177" y="91"/>
                      </a:lnTo>
                      <a:lnTo>
                        <a:pt x="169" y="100"/>
                      </a:lnTo>
                      <a:lnTo>
                        <a:pt x="170" y="100"/>
                      </a:lnTo>
                      <a:lnTo>
                        <a:pt x="174" y="100"/>
                      </a:lnTo>
                      <a:lnTo>
                        <a:pt x="177" y="100"/>
                      </a:lnTo>
                      <a:lnTo>
                        <a:pt x="182" y="100"/>
                      </a:lnTo>
                      <a:lnTo>
                        <a:pt x="186" y="98"/>
                      </a:lnTo>
                      <a:lnTo>
                        <a:pt x="191" y="95"/>
                      </a:lnTo>
                      <a:lnTo>
                        <a:pt x="196" y="91"/>
                      </a:lnTo>
                      <a:lnTo>
                        <a:pt x="196" y="93"/>
                      </a:lnTo>
                      <a:lnTo>
                        <a:pt x="198" y="93"/>
                      </a:lnTo>
                      <a:lnTo>
                        <a:pt x="201" y="95"/>
                      </a:lnTo>
                      <a:lnTo>
                        <a:pt x="206" y="96"/>
                      </a:lnTo>
                      <a:lnTo>
                        <a:pt x="209" y="98"/>
                      </a:lnTo>
                      <a:lnTo>
                        <a:pt x="214" y="98"/>
                      </a:lnTo>
                      <a:lnTo>
                        <a:pt x="219" y="96"/>
                      </a:lnTo>
                      <a:lnTo>
                        <a:pt x="226" y="91"/>
                      </a:lnTo>
                      <a:lnTo>
                        <a:pt x="230" y="91"/>
                      </a:lnTo>
                      <a:lnTo>
                        <a:pt x="231" y="89"/>
                      </a:lnTo>
                      <a:lnTo>
                        <a:pt x="236" y="88"/>
                      </a:lnTo>
                      <a:lnTo>
                        <a:pt x="240" y="86"/>
                      </a:lnTo>
                      <a:lnTo>
                        <a:pt x="245" y="84"/>
                      </a:lnTo>
                      <a:lnTo>
                        <a:pt x="250" y="81"/>
                      </a:lnTo>
                      <a:lnTo>
                        <a:pt x="253" y="78"/>
                      </a:lnTo>
                      <a:lnTo>
                        <a:pt x="255" y="78"/>
                      </a:lnTo>
                      <a:lnTo>
                        <a:pt x="258" y="78"/>
                      </a:lnTo>
                      <a:lnTo>
                        <a:pt x="262" y="78"/>
                      </a:lnTo>
                      <a:lnTo>
                        <a:pt x="265" y="76"/>
                      </a:lnTo>
                      <a:lnTo>
                        <a:pt x="270" y="76"/>
                      </a:lnTo>
                      <a:lnTo>
                        <a:pt x="274" y="76"/>
                      </a:lnTo>
                      <a:lnTo>
                        <a:pt x="275" y="76"/>
                      </a:lnTo>
                      <a:lnTo>
                        <a:pt x="277" y="76"/>
                      </a:lnTo>
                      <a:lnTo>
                        <a:pt x="279" y="74"/>
                      </a:lnTo>
                      <a:lnTo>
                        <a:pt x="282" y="71"/>
                      </a:lnTo>
                      <a:lnTo>
                        <a:pt x="285" y="67"/>
                      </a:lnTo>
                      <a:lnTo>
                        <a:pt x="291" y="62"/>
                      </a:lnTo>
                      <a:lnTo>
                        <a:pt x="297" y="56"/>
                      </a:lnTo>
                      <a:lnTo>
                        <a:pt x="302" y="51"/>
                      </a:lnTo>
                      <a:lnTo>
                        <a:pt x="311" y="44"/>
                      </a:lnTo>
                      <a:lnTo>
                        <a:pt x="318" y="37"/>
                      </a:lnTo>
                      <a:lnTo>
                        <a:pt x="326" y="32"/>
                      </a:lnTo>
                      <a:lnTo>
                        <a:pt x="335" y="25"/>
                      </a:lnTo>
                      <a:lnTo>
                        <a:pt x="345" y="18"/>
                      </a:lnTo>
                      <a:lnTo>
                        <a:pt x="353" y="12"/>
                      </a:lnTo>
                      <a:lnTo>
                        <a:pt x="363" y="7"/>
                      </a:lnTo>
                      <a:lnTo>
                        <a:pt x="372" y="3"/>
                      </a:lnTo>
                      <a:lnTo>
                        <a:pt x="382" y="0"/>
                      </a:lnTo>
                      <a:lnTo>
                        <a:pt x="380" y="0"/>
                      </a:lnTo>
                      <a:lnTo>
                        <a:pt x="412" y="166"/>
                      </a:lnTo>
                      <a:lnTo>
                        <a:pt x="401" y="169"/>
                      </a:lnTo>
                      <a:lnTo>
                        <a:pt x="402" y="171"/>
                      </a:lnTo>
                      <a:lnTo>
                        <a:pt x="404" y="176"/>
                      </a:lnTo>
                      <a:lnTo>
                        <a:pt x="406" y="181"/>
                      </a:lnTo>
                      <a:lnTo>
                        <a:pt x="407" y="189"/>
                      </a:lnTo>
                      <a:lnTo>
                        <a:pt x="409" y="198"/>
                      </a:lnTo>
                      <a:lnTo>
                        <a:pt x="409" y="206"/>
                      </a:lnTo>
                      <a:lnTo>
                        <a:pt x="409" y="213"/>
                      </a:lnTo>
                      <a:lnTo>
                        <a:pt x="406" y="218"/>
                      </a:lnTo>
                      <a:lnTo>
                        <a:pt x="404" y="221"/>
                      </a:lnTo>
                      <a:lnTo>
                        <a:pt x="404" y="227"/>
                      </a:lnTo>
                      <a:lnTo>
                        <a:pt x="402" y="235"/>
                      </a:lnTo>
                      <a:lnTo>
                        <a:pt x="401" y="245"/>
                      </a:lnTo>
                      <a:lnTo>
                        <a:pt x="401" y="255"/>
                      </a:lnTo>
                      <a:lnTo>
                        <a:pt x="399" y="262"/>
                      </a:lnTo>
                      <a:lnTo>
                        <a:pt x="399" y="269"/>
                      </a:lnTo>
                      <a:lnTo>
                        <a:pt x="399" y="271"/>
                      </a:lnTo>
                      <a:lnTo>
                        <a:pt x="399" y="272"/>
                      </a:lnTo>
                      <a:lnTo>
                        <a:pt x="399" y="274"/>
                      </a:lnTo>
                      <a:lnTo>
                        <a:pt x="401" y="277"/>
                      </a:lnTo>
                      <a:lnTo>
                        <a:pt x="401" y="281"/>
                      </a:lnTo>
                      <a:lnTo>
                        <a:pt x="401" y="286"/>
                      </a:lnTo>
                      <a:lnTo>
                        <a:pt x="399" y="291"/>
                      </a:lnTo>
                      <a:lnTo>
                        <a:pt x="395" y="296"/>
                      </a:lnTo>
                      <a:lnTo>
                        <a:pt x="390" y="303"/>
                      </a:lnTo>
                      <a:lnTo>
                        <a:pt x="389" y="304"/>
                      </a:lnTo>
                      <a:lnTo>
                        <a:pt x="387" y="308"/>
                      </a:lnTo>
                      <a:lnTo>
                        <a:pt x="382" y="313"/>
                      </a:lnTo>
                      <a:lnTo>
                        <a:pt x="379" y="316"/>
                      </a:lnTo>
                      <a:lnTo>
                        <a:pt x="375" y="321"/>
                      </a:lnTo>
                      <a:lnTo>
                        <a:pt x="370" y="326"/>
                      </a:lnTo>
                      <a:lnTo>
                        <a:pt x="368" y="330"/>
                      </a:lnTo>
                      <a:lnTo>
                        <a:pt x="367" y="330"/>
                      </a:lnTo>
                      <a:lnTo>
                        <a:pt x="367" y="331"/>
                      </a:lnTo>
                      <a:lnTo>
                        <a:pt x="365" y="333"/>
                      </a:lnTo>
                      <a:lnTo>
                        <a:pt x="362" y="335"/>
                      </a:lnTo>
                      <a:lnTo>
                        <a:pt x="358" y="335"/>
                      </a:lnTo>
                      <a:lnTo>
                        <a:pt x="355" y="337"/>
                      </a:lnTo>
                      <a:lnTo>
                        <a:pt x="351" y="337"/>
                      </a:lnTo>
                      <a:lnTo>
                        <a:pt x="350" y="335"/>
                      </a:lnTo>
                      <a:lnTo>
                        <a:pt x="350" y="333"/>
                      </a:lnTo>
                      <a:lnTo>
                        <a:pt x="328" y="355"/>
                      </a:lnTo>
                      <a:lnTo>
                        <a:pt x="326" y="382"/>
                      </a:lnTo>
                      <a:lnTo>
                        <a:pt x="324" y="382"/>
                      </a:lnTo>
                      <a:lnTo>
                        <a:pt x="324" y="387"/>
                      </a:lnTo>
                      <a:lnTo>
                        <a:pt x="324" y="391"/>
                      </a:lnTo>
                      <a:lnTo>
                        <a:pt x="323" y="396"/>
                      </a:lnTo>
                      <a:lnTo>
                        <a:pt x="319" y="399"/>
                      </a:lnTo>
                      <a:lnTo>
                        <a:pt x="318" y="401"/>
                      </a:lnTo>
                      <a:lnTo>
                        <a:pt x="314" y="399"/>
                      </a:lnTo>
                      <a:lnTo>
                        <a:pt x="311" y="391"/>
                      </a:lnTo>
                      <a:lnTo>
                        <a:pt x="309" y="389"/>
                      </a:lnTo>
                      <a:lnTo>
                        <a:pt x="307" y="387"/>
                      </a:lnTo>
                      <a:lnTo>
                        <a:pt x="306" y="387"/>
                      </a:lnTo>
                      <a:lnTo>
                        <a:pt x="302" y="387"/>
                      </a:lnTo>
                      <a:lnTo>
                        <a:pt x="301" y="387"/>
                      </a:lnTo>
                      <a:lnTo>
                        <a:pt x="297" y="391"/>
                      </a:lnTo>
                      <a:lnTo>
                        <a:pt x="297" y="396"/>
                      </a:lnTo>
                      <a:lnTo>
                        <a:pt x="296" y="404"/>
                      </a:lnTo>
                      <a:lnTo>
                        <a:pt x="296" y="408"/>
                      </a:lnTo>
                      <a:lnTo>
                        <a:pt x="294" y="409"/>
                      </a:lnTo>
                      <a:lnTo>
                        <a:pt x="292" y="413"/>
                      </a:lnTo>
                      <a:lnTo>
                        <a:pt x="291" y="416"/>
                      </a:lnTo>
                      <a:lnTo>
                        <a:pt x="291" y="418"/>
                      </a:lnTo>
                      <a:lnTo>
                        <a:pt x="289" y="419"/>
                      </a:lnTo>
                      <a:lnTo>
                        <a:pt x="292" y="441"/>
                      </a:lnTo>
                      <a:lnTo>
                        <a:pt x="291" y="443"/>
                      </a:lnTo>
                      <a:lnTo>
                        <a:pt x="289" y="447"/>
                      </a:lnTo>
                      <a:lnTo>
                        <a:pt x="285" y="453"/>
                      </a:lnTo>
                      <a:lnTo>
                        <a:pt x="280" y="458"/>
                      </a:lnTo>
                      <a:lnTo>
                        <a:pt x="275" y="463"/>
                      </a:lnTo>
                      <a:lnTo>
                        <a:pt x="270" y="467"/>
                      </a:lnTo>
                      <a:lnTo>
                        <a:pt x="263" y="469"/>
                      </a:lnTo>
                      <a:lnTo>
                        <a:pt x="260" y="465"/>
                      </a:lnTo>
                      <a:lnTo>
                        <a:pt x="258" y="463"/>
                      </a:lnTo>
                      <a:lnTo>
                        <a:pt x="257" y="462"/>
                      </a:lnTo>
                      <a:lnTo>
                        <a:pt x="253" y="458"/>
                      </a:lnTo>
                      <a:lnTo>
                        <a:pt x="250" y="455"/>
                      </a:lnTo>
                      <a:lnTo>
                        <a:pt x="245" y="452"/>
                      </a:lnTo>
                      <a:lnTo>
                        <a:pt x="241" y="450"/>
                      </a:lnTo>
                      <a:lnTo>
                        <a:pt x="236" y="450"/>
                      </a:lnTo>
                      <a:lnTo>
                        <a:pt x="233" y="453"/>
                      </a:lnTo>
                      <a:lnTo>
                        <a:pt x="231" y="452"/>
                      </a:lnTo>
                      <a:lnTo>
                        <a:pt x="231" y="448"/>
                      </a:lnTo>
                      <a:lnTo>
                        <a:pt x="231" y="443"/>
                      </a:lnTo>
                      <a:lnTo>
                        <a:pt x="230" y="438"/>
                      </a:lnTo>
                      <a:lnTo>
                        <a:pt x="226" y="435"/>
                      </a:lnTo>
                      <a:lnTo>
                        <a:pt x="221" y="433"/>
                      </a:lnTo>
                      <a:lnTo>
                        <a:pt x="214" y="436"/>
                      </a:lnTo>
                      <a:lnTo>
                        <a:pt x="204" y="445"/>
                      </a:lnTo>
                      <a:lnTo>
                        <a:pt x="203" y="447"/>
                      </a:lnTo>
                      <a:lnTo>
                        <a:pt x="201" y="448"/>
                      </a:lnTo>
                      <a:lnTo>
                        <a:pt x="198" y="452"/>
                      </a:lnTo>
                      <a:lnTo>
                        <a:pt x="194" y="453"/>
                      </a:lnTo>
                      <a:lnTo>
                        <a:pt x="189" y="455"/>
                      </a:lnTo>
                      <a:lnTo>
                        <a:pt x="184" y="457"/>
                      </a:lnTo>
                      <a:lnTo>
                        <a:pt x="177" y="453"/>
                      </a:lnTo>
                      <a:lnTo>
                        <a:pt x="172" y="450"/>
                      </a:lnTo>
                      <a:lnTo>
                        <a:pt x="170" y="448"/>
                      </a:lnTo>
                      <a:lnTo>
                        <a:pt x="169" y="448"/>
                      </a:lnTo>
                      <a:lnTo>
                        <a:pt x="167" y="447"/>
                      </a:lnTo>
                      <a:lnTo>
                        <a:pt x="164" y="448"/>
                      </a:lnTo>
                      <a:lnTo>
                        <a:pt x="160" y="448"/>
                      </a:lnTo>
                      <a:lnTo>
                        <a:pt x="157" y="452"/>
                      </a:lnTo>
                      <a:lnTo>
                        <a:pt x="152" y="457"/>
                      </a:lnTo>
                      <a:lnTo>
                        <a:pt x="150" y="457"/>
                      </a:lnTo>
                      <a:lnTo>
                        <a:pt x="147" y="455"/>
                      </a:lnTo>
                      <a:lnTo>
                        <a:pt x="143" y="455"/>
                      </a:lnTo>
                      <a:lnTo>
                        <a:pt x="142" y="455"/>
                      </a:lnTo>
                      <a:lnTo>
                        <a:pt x="128" y="443"/>
                      </a:lnTo>
                      <a:lnTo>
                        <a:pt x="98" y="441"/>
                      </a:lnTo>
                      <a:lnTo>
                        <a:pt x="98" y="440"/>
                      </a:lnTo>
                      <a:lnTo>
                        <a:pt x="98" y="436"/>
                      </a:lnTo>
                      <a:lnTo>
                        <a:pt x="96" y="433"/>
                      </a:lnTo>
                      <a:lnTo>
                        <a:pt x="94" y="428"/>
                      </a:lnTo>
                      <a:lnTo>
                        <a:pt x="89" y="423"/>
                      </a:lnTo>
                      <a:lnTo>
                        <a:pt x="82" y="418"/>
                      </a:lnTo>
                      <a:lnTo>
                        <a:pt x="72" y="416"/>
                      </a:lnTo>
                      <a:lnTo>
                        <a:pt x="60" y="414"/>
                      </a:lnTo>
                      <a:lnTo>
                        <a:pt x="59" y="414"/>
                      </a:lnTo>
                      <a:lnTo>
                        <a:pt x="55" y="414"/>
                      </a:lnTo>
                      <a:lnTo>
                        <a:pt x="52" y="414"/>
                      </a:lnTo>
                      <a:lnTo>
                        <a:pt x="47" y="414"/>
                      </a:lnTo>
                      <a:lnTo>
                        <a:pt x="42" y="414"/>
                      </a:lnTo>
                      <a:lnTo>
                        <a:pt x="38" y="414"/>
                      </a:lnTo>
                      <a:lnTo>
                        <a:pt x="37" y="414"/>
                      </a:lnTo>
                      <a:lnTo>
                        <a:pt x="35" y="414"/>
                      </a:lnTo>
                      <a:lnTo>
                        <a:pt x="0" y="96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64" name="Freeform 161"/>
                <p:cNvSpPr>
                  <a:spLocks/>
                </p:cNvSpPr>
                <p:nvPr/>
              </p:nvSpPr>
              <p:spPr bwMode="auto">
                <a:xfrm>
                  <a:off x="3961" y="1493"/>
                  <a:ext cx="412" cy="469"/>
                </a:xfrm>
                <a:custGeom>
                  <a:avLst/>
                  <a:gdLst>
                    <a:gd name="T0" fmla="*/ 118 w 412"/>
                    <a:gd name="T1" fmla="*/ 78 h 469"/>
                    <a:gd name="T2" fmla="*/ 126 w 412"/>
                    <a:gd name="T3" fmla="*/ 73 h 469"/>
                    <a:gd name="T4" fmla="*/ 140 w 412"/>
                    <a:gd name="T5" fmla="*/ 73 h 469"/>
                    <a:gd name="T6" fmla="*/ 164 w 412"/>
                    <a:gd name="T7" fmla="*/ 86 h 469"/>
                    <a:gd name="T8" fmla="*/ 177 w 412"/>
                    <a:gd name="T9" fmla="*/ 91 h 469"/>
                    <a:gd name="T10" fmla="*/ 170 w 412"/>
                    <a:gd name="T11" fmla="*/ 100 h 469"/>
                    <a:gd name="T12" fmla="*/ 186 w 412"/>
                    <a:gd name="T13" fmla="*/ 98 h 469"/>
                    <a:gd name="T14" fmla="*/ 196 w 412"/>
                    <a:gd name="T15" fmla="*/ 93 h 469"/>
                    <a:gd name="T16" fmla="*/ 209 w 412"/>
                    <a:gd name="T17" fmla="*/ 98 h 469"/>
                    <a:gd name="T18" fmla="*/ 226 w 412"/>
                    <a:gd name="T19" fmla="*/ 91 h 469"/>
                    <a:gd name="T20" fmla="*/ 236 w 412"/>
                    <a:gd name="T21" fmla="*/ 88 h 469"/>
                    <a:gd name="T22" fmla="*/ 253 w 412"/>
                    <a:gd name="T23" fmla="*/ 78 h 469"/>
                    <a:gd name="T24" fmla="*/ 262 w 412"/>
                    <a:gd name="T25" fmla="*/ 78 h 469"/>
                    <a:gd name="T26" fmla="*/ 275 w 412"/>
                    <a:gd name="T27" fmla="*/ 76 h 469"/>
                    <a:gd name="T28" fmla="*/ 279 w 412"/>
                    <a:gd name="T29" fmla="*/ 74 h 469"/>
                    <a:gd name="T30" fmla="*/ 297 w 412"/>
                    <a:gd name="T31" fmla="*/ 56 h 469"/>
                    <a:gd name="T32" fmla="*/ 326 w 412"/>
                    <a:gd name="T33" fmla="*/ 32 h 469"/>
                    <a:gd name="T34" fmla="*/ 363 w 412"/>
                    <a:gd name="T35" fmla="*/ 7 h 469"/>
                    <a:gd name="T36" fmla="*/ 412 w 412"/>
                    <a:gd name="T37" fmla="*/ 166 h 469"/>
                    <a:gd name="T38" fmla="*/ 404 w 412"/>
                    <a:gd name="T39" fmla="*/ 176 h 469"/>
                    <a:gd name="T40" fmla="*/ 409 w 412"/>
                    <a:gd name="T41" fmla="*/ 206 h 469"/>
                    <a:gd name="T42" fmla="*/ 404 w 412"/>
                    <a:gd name="T43" fmla="*/ 221 h 469"/>
                    <a:gd name="T44" fmla="*/ 401 w 412"/>
                    <a:gd name="T45" fmla="*/ 255 h 469"/>
                    <a:gd name="T46" fmla="*/ 399 w 412"/>
                    <a:gd name="T47" fmla="*/ 271 h 469"/>
                    <a:gd name="T48" fmla="*/ 401 w 412"/>
                    <a:gd name="T49" fmla="*/ 281 h 469"/>
                    <a:gd name="T50" fmla="*/ 390 w 412"/>
                    <a:gd name="T51" fmla="*/ 303 h 469"/>
                    <a:gd name="T52" fmla="*/ 382 w 412"/>
                    <a:gd name="T53" fmla="*/ 313 h 469"/>
                    <a:gd name="T54" fmla="*/ 368 w 412"/>
                    <a:gd name="T55" fmla="*/ 330 h 469"/>
                    <a:gd name="T56" fmla="*/ 365 w 412"/>
                    <a:gd name="T57" fmla="*/ 333 h 469"/>
                    <a:gd name="T58" fmla="*/ 351 w 412"/>
                    <a:gd name="T59" fmla="*/ 337 h 469"/>
                    <a:gd name="T60" fmla="*/ 326 w 412"/>
                    <a:gd name="T61" fmla="*/ 382 h 469"/>
                    <a:gd name="T62" fmla="*/ 324 w 412"/>
                    <a:gd name="T63" fmla="*/ 391 h 469"/>
                    <a:gd name="T64" fmla="*/ 314 w 412"/>
                    <a:gd name="T65" fmla="*/ 399 h 469"/>
                    <a:gd name="T66" fmla="*/ 307 w 412"/>
                    <a:gd name="T67" fmla="*/ 387 h 469"/>
                    <a:gd name="T68" fmla="*/ 297 w 412"/>
                    <a:gd name="T69" fmla="*/ 391 h 469"/>
                    <a:gd name="T70" fmla="*/ 296 w 412"/>
                    <a:gd name="T71" fmla="*/ 404 h 469"/>
                    <a:gd name="T72" fmla="*/ 291 w 412"/>
                    <a:gd name="T73" fmla="*/ 416 h 469"/>
                    <a:gd name="T74" fmla="*/ 292 w 412"/>
                    <a:gd name="T75" fmla="*/ 441 h 469"/>
                    <a:gd name="T76" fmla="*/ 285 w 412"/>
                    <a:gd name="T77" fmla="*/ 453 h 469"/>
                    <a:gd name="T78" fmla="*/ 263 w 412"/>
                    <a:gd name="T79" fmla="*/ 469 h 469"/>
                    <a:gd name="T80" fmla="*/ 257 w 412"/>
                    <a:gd name="T81" fmla="*/ 462 h 469"/>
                    <a:gd name="T82" fmla="*/ 241 w 412"/>
                    <a:gd name="T83" fmla="*/ 450 h 469"/>
                    <a:gd name="T84" fmla="*/ 231 w 412"/>
                    <a:gd name="T85" fmla="*/ 452 h 469"/>
                    <a:gd name="T86" fmla="*/ 226 w 412"/>
                    <a:gd name="T87" fmla="*/ 435 h 469"/>
                    <a:gd name="T88" fmla="*/ 204 w 412"/>
                    <a:gd name="T89" fmla="*/ 445 h 469"/>
                    <a:gd name="T90" fmla="*/ 194 w 412"/>
                    <a:gd name="T91" fmla="*/ 453 h 469"/>
                    <a:gd name="T92" fmla="*/ 172 w 412"/>
                    <a:gd name="T93" fmla="*/ 450 h 469"/>
                    <a:gd name="T94" fmla="*/ 169 w 412"/>
                    <a:gd name="T95" fmla="*/ 448 h 469"/>
                    <a:gd name="T96" fmla="*/ 157 w 412"/>
                    <a:gd name="T97" fmla="*/ 452 h 469"/>
                    <a:gd name="T98" fmla="*/ 147 w 412"/>
                    <a:gd name="T99" fmla="*/ 455 h 469"/>
                    <a:gd name="T100" fmla="*/ 98 w 412"/>
                    <a:gd name="T101" fmla="*/ 441 h 469"/>
                    <a:gd name="T102" fmla="*/ 96 w 412"/>
                    <a:gd name="T103" fmla="*/ 433 h 469"/>
                    <a:gd name="T104" fmla="*/ 72 w 412"/>
                    <a:gd name="T105" fmla="*/ 416 h 469"/>
                    <a:gd name="T106" fmla="*/ 55 w 412"/>
                    <a:gd name="T107" fmla="*/ 414 h 469"/>
                    <a:gd name="T108" fmla="*/ 38 w 412"/>
                    <a:gd name="T109" fmla="*/ 414 h 469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w 412"/>
                    <a:gd name="T166" fmla="*/ 0 h 469"/>
                    <a:gd name="T167" fmla="*/ 412 w 412"/>
                    <a:gd name="T168" fmla="*/ 469 h 469"/>
                  </a:gdLst>
                  <a:ahLst/>
                  <a:cxnLst>
                    <a:cxn ang="T110">
                      <a:pos x="T0" y="T1"/>
                    </a:cxn>
                    <a:cxn ang="T111">
                      <a:pos x="T2" y="T3"/>
                    </a:cxn>
                    <a:cxn ang="T112">
                      <a:pos x="T4" y="T5"/>
                    </a:cxn>
                    <a:cxn ang="T113">
                      <a:pos x="T6" y="T7"/>
                    </a:cxn>
                    <a:cxn ang="T114">
                      <a:pos x="T8" y="T9"/>
                    </a:cxn>
                    <a:cxn ang="T115">
                      <a:pos x="T10" y="T11"/>
                    </a:cxn>
                    <a:cxn ang="T116">
                      <a:pos x="T12" y="T13"/>
                    </a:cxn>
                    <a:cxn ang="T117">
                      <a:pos x="T14" y="T15"/>
                    </a:cxn>
                    <a:cxn ang="T118">
                      <a:pos x="T16" y="T17"/>
                    </a:cxn>
                    <a:cxn ang="T119">
                      <a:pos x="T18" y="T19"/>
                    </a:cxn>
                    <a:cxn ang="T120">
                      <a:pos x="T20" y="T21"/>
                    </a:cxn>
                    <a:cxn ang="T121">
                      <a:pos x="T22" y="T23"/>
                    </a:cxn>
                    <a:cxn ang="T122">
                      <a:pos x="T24" y="T25"/>
                    </a:cxn>
                    <a:cxn ang="T123">
                      <a:pos x="T26" y="T27"/>
                    </a:cxn>
                    <a:cxn ang="T124">
                      <a:pos x="T28" y="T29"/>
                    </a:cxn>
                    <a:cxn ang="T125">
                      <a:pos x="T30" y="T31"/>
                    </a:cxn>
                    <a:cxn ang="T126">
                      <a:pos x="T32" y="T33"/>
                    </a:cxn>
                    <a:cxn ang="T127">
                      <a:pos x="T34" y="T35"/>
                    </a:cxn>
                    <a:cxn ang="T128">
                      <a:pos x="T36" y="T37"/>
                    </a:cxn>
                    <a:cxn ang="T129">
                      <a:pos x="T38" y="T39"/>
                    </a:cxn>
                    <a:cxn ang="T130">
                      <a:pos x="T40" y="T41"/>
                    </a:cxn>
                    <a:cxn ang="T131">
                      <a:pos x="T42" y="T43"/>
                    </a:cxn>
                    <a:cxn ang="T132">
                      <a:pos x="T44" y="T45"/>
                    </a:cxn>
                    <a:cxn ang="T133">
                      <a:pos x="T46" y="T47"/>
                    </a:cxn>
                    <a:cxn ang="T134">
                      <a:pos x="T48" y="T49"/>
                    </a:cxn>
                    <a:cxn ang="T135">
                      <a:pos x="T50" y="T51"/>
                    </a:cxn>
                    <a:cxn ang="T136">
                      <a:pos x="T52" y="T53"/>
                    </a:cxn>
                    <a:cxn ang="T137">
                      <a:pos x="T54" y="T55"/>
                    </a:cxn>
                    <a:cxn ang="T138">
                      <a:pos x="T56" y="T57"/>
                    </a:cxn>
                    <a:cxn ang="T139">
                      <a:pos x="T58" y="T59"/>
                    </a:cxn>
                    <a:cxn ang="T140">
                      <a:pos x="T60" y="T61"/>
                    </a:cxn>
                    <a:cxn ang="T141">
                      <a:pos x="T62" y="T63"/>
                    </a:cxn>
                    <a:cxn ang="T142">
                      <a:pos x="T64" y="T65"/>
                    </a:cxn>
                    <a:cxn ang="T143">
                      <a:pos x="T66" y="T67"/>
                    </a:cxn>
                    <a:cxn ang="T144">
                      <a:pos x="T68" y="T69"/>
                    </a:cxn>
                    <a:cxn ang="T145">
                      <a:pos x="T70" y="T71"/>
                    </a:cxn>
                    <a:cxn ang="T146">
                      <a:pos x="T72" y="T73"/>
                    </a:cxn>
                    <a:cxn ang="T147">
                      <a:pos x="T74" y="T75"/>
                    </a:cxn>
                    <a:cxn ang="T148">
                      <a:pos x="T76" y="T77"/>
                    </a:cxn>
                    <a:cxn ang="T149">
                      <a:pos x="T78" y="T79"/>
                    </a:cxn>
                    <a:cxn ang="T150">
                      <a:pos x="T80" y="T81"/>
                    </a:cxn>
                    <a:cxn ang="T151">
                      <a:pos x="T82" y="T83"/>
                    </a:cxn>
                    <a:cxn ang="T152">
                      <a:pos x="T84" y="T85"/>
                    </a:cxn>
                    <a:cxn ang="T153">
                      <a:pos x="T86" y="T87"/>
                    </a:cxn>
                    <a:cxn ang="T154">
                      <a:pos x="T88" y="T89"/>
                    </a:cxn>
                    <a:cxn ang="T155">
                      <a:pos x="T90" y="T91"/>
                    </a:cxn>
                    <a:cxn ang="T156">
                      <a:pos x="T92" y="T93"/>
                    </a:cxn>
                    <a:cxn ang="T157">
                      <a:pos x="T94" y="T95"/>
                    </a:cxn>
                    <a:cxn ang="T158">
                      <a:pos x="T96" y="T97"/>
                    </a:cxn>
                    <a:cxn ang="T159">
                      <a:pos x="T98" y="T99"/>
                    </a:cxn>
                    <a:cxn ang="T160">
                      <a:pos x="T100" y="T101"/>
                    </a:cxn>
                    <a:cxn ang="T161">
                      <a:pos x="T102" y="T103"/>
                    </a:cxn>
                    <a:cxn ang="T162">
                      <a:pos x="T104" y="T105"/>
                    </a:cxn>
                    <a:cxn ang="T163">
                      <a:pos x="T106" y="T107"/>
                    </a:cxn>
                    <a:cxn ang="T164">
                      <a:pos x="T108" y="T109"/>
                    </a:cxn>
                  </a:cxnLst>
                  <a:rect l="T165" t="T166" r="T167" b="T168"/>
                  <a:pathLst>
                    <a:path w="412" h="469">
                      <a:moveTo>
                        <a:pt x="0" y="96"/>
                      </a:moveTo>
                      <a:lnTo>
                        <a:pt x="116" y="78"/>
                      </a:lnTo>
                      <a:lnTo>
                        <a:pt x="118" y="78"/>
                      </a:lnTo>
                      <a:lnTo>
                        <a:pt x="121" y="76"/>
                      </a:lnTo>
                      <a:lnTo>
                        <a:pt x="125" y="74"/>
                      </a:lnTo>
                      <a:lnTo>
                        <a:pt x="126" y="73"/>
                      </a:lnTo>
                      <a:lnTo>
                        <a:pt x="128" y="73"/>
                      </a:lnTo>
                      <a:lnTo>
                        <a:pt x="130" y="73"/>
                      </a:lnTo>
                      <a:lnTo>
                        <a:pt x="135" y="73"/>
                      </a:lnTo>
                      <a:lnTo>
                        <a:pt x="140" y="73"/>
                      </a:lnTo>
                      <a:lnTo>
                        <a:pt x="145" y="74"/>
                      </a:lnTo>
                      <a:lnTo>
                        <a:pt x="152" y="78"/>
                      </a:lnTo>
                      <a:lnTo>
                        <a:pt x="159" y="81"/>
                      </a:lnTo>
                      <a:lnTo>
                        <a:pt x="164" y="86"/>
                      </a:lnTo>
                      <a:lnTo>
                        <a:pt x="174" y="86"/>
                      </a:lnTo>
                      <a:lnTo>
                        <a:pt x="181" y="79"/>
                      </a:lnTo>
                      <a:lnTo>
                        <a:pt x="191" y="84"/>
                      </a:lnTo>
                      <a:lnTo>
                        <a:pt x="177" y="91"/>
                      </a:lnTo>
                      <a:lnTo>
                        <a:pt x="169" y="100"/>
                      </a:lnTo>
                      <a:lnTo>
                        <a:pt x="170" y="100"/>
                      </a:lnTo>
                      <a:lnTo>
                        <a:pt x="174" y="100"/>
                      </a:lnTo>
                      <a:lnTo>
                        <a:pt x="177" y="100"/>
                      </a:lnTo>
                      <a:lnTo>
                        <a:pt x="182" y="100"/>
                      </a:lnTo>
                      <a:lnTo>
                        <a:pt x="186" y="98"/>
                      </a:lnTo>
                      <a:lnTo>
                        <a:pt x="191" y="95"/>
                      </a:lnTo>
                      <a:lnTo>
                        <a:pt x="196" y="91"/>
                      </a:lnTo>
                      <a:lnTo>
                        <a:pt x="196" y="93"/>
                      </a:lnTo>
                      <a:lnTo>
                        <a:pt x="198" y="93"/>
                      </a:lnTo>
                      <a:lnTo>
                        <a:pt x="201" y="95"/>
                      </a:lnTo>
                      <a:lnTo>
                        <a:pt x="206" y="96"/>
                      </a:lnTo>
                      <a:lnTo>
                        <a:pt x="209" y="98"/>
                      </a:lnTo>
                      <a:lnTo>
                        <a:pt x="214" y="98"/>
                      </a:lnTo>
                      <a:lnTo>
                        <a:pt x="219" y="96"/>
                      </a:lnTo>
                      <a:lnTo>
                        <a:pt x="226" y="91"/>
                      </a:lnTo>
                      <a:lnTo>
                        <a:pt x="230" y="91"/>
                      </a:lnTo>
                      <a:lnTo>
                        <a:pt x="231" y="89"/>
                      </a:lnTo>
                      <a:lnTo>
                        <a:pt x="236" y="88"/>
                      </a:lnTo>
                      <a:lnTo>
                        <a:pt x="240" y="86"/>
                      </a:lnTo>
                      <a:lnTo>
                        <a:pt x="245" y="84"/>
                      </a:lnTo>
                      <a:lnTo>
                        <a:pt x="250" y="81"/>
                      </a:lnTo>
                      <a:lnTo>
                        <a:pt x="253" y="78"/>
                      </a:lnTo>
                      <a:lnTo>
                        <a:pt x="255" y="78"/>
                      </a:lnTo>
                      <a:lnTo>
                        <a:pt x="258" y="78"/>
                      </a:lnTo>
                      <a:lnTo>
                        <a:pt x="262" y="78"/>
                      </a:lnTo>
                      <a:lnTo>
                        <a:pt x="265" y="76"/>
                      </a:lnTo>
                      <a:lnTo>
                        <a:pt x="270" y="76"/>
                      </a:lnTo>
                      <a:lnTo>
                        <a:pt x="274" y="76"/>
                      </a:lnTo>
                      <a:lnTo>
                        <a:pt x="275" y="76"/>
                      </a:lnTo>
                      <a:lnTo>
                        <a:pt x="277" y="76"/>
                      </a:lnTo>
                      <a:lnTo>
                        <a:pt x="279" y="74"/>
                      </a:lnTo>
                      <a:lnTo>
                        <a:pt x="282" y="71"/>
                      </a:lnTo>
                      <a:lnTo>
                        <a:pt x="285" y="67"/>
                      </a:lnTo>
                      <a:lnTo>
                        <a:pt x="291" y="62"/>
                      </a:lnTo>
                      <a:lnTo>
                        <a:pt x="297" y="56"/>
                      </a:lnTo>
                      <a:lnTo>
                        <a:pt x="302" y="51"/>
                      </a:lnTo>
                      <a:lnTo>
                        <a:pt x="311" y="44"/>
                      </a:lnTo>
                      <a:lnTo>
                        <a:pt x="318" y="37"/>
                      </a:lnTo>
                      <a:lnTo>
                        <a:pt x="326" y="32"/>
                      </a:lnTo>
                      <a:lnTo>
                        <a:pt x="335" y="25"/>
                      </a:lnTo>
                      <a:lnTo>
                        <a:pt x="345" y="18"/>
                      </a:lnTo>
                      <a:lnTo>
                        <a:pt x="353" y="12"/>
                      </a:lnTo>
                      <a:lnTo>
                        <a:pt x="363" y="7"/>
                      </a:lnTo>
                      <a:lnTo>
                        <a:pt x="372" y="3"/>
                      </a:lnTo>
                      <a:lnTo>
                        <a:pt x="382" y="0"/>
                      </a:lnTo>
                      <a:lnTo>
                        <a:pt x="380" y="0"/>
                      </a:lnTo>
                      <a:lnTo>
                        <a:pt x="412" y="166"/>
                      </a:lnTo>
                      <a:lnTo>
                        <a:pt x="401" y="169"/>
                      </a:lnTo>
                      <a:lnTo>
                        <a:pt x="402" y="171"/>
                      </a:lnTo>
                      <a:lnTo>
                        <a:pt x="404" y="176"/>
                      </a:lnTo>
                      <a:lnTo>
                        <a:pt x="406" y="181"/>
                      </a:lnTo>
                      <a:lnTo>
                        <a:pt x="407" y="189"/>
                      </a:lnTo>
                      <a:lnTo>
                        <a:pt x="409" y="198"/>
                      </a:lnTo>
                      <a:lnTo>
                        <a:pt x="409" y="206"/>
                      </a:lnTo>
                      <a:lnTo>
                        <a:pt x="409" y="213"/>
                      </a:lnTo>
                      <a:lnTo>
                        <a:pt x="406" y="218"/>
                      </a:lnTo>
                      <a:lnTo>
                        <a:pt x="404" y="221"/>
                      </a:lnTo>
                      <a:lnTo>
                        <a:pt x="404" y="227"/>
                      </a:lnTo>
                      <a:lnTo>
                        <a:pt x="402" y="235"/>
                      </a:lnTo>
                      <a:lnTo>
                        <a:pt x="401" y="245"/>
                      </a:lnTo>
                      <a:lnTo>
                        <a:pt x="401" y="255"/>
                      </a:lnTo>
                      <a:lnTo>
                        <a:pt x="399" y="262"/>
                      </a:lnTo>
                      <a:lnTo>
                        <a:pt x="399" y="269"/>
                      </a:lnTo>
                      <a:lnTo>
                        <a:pt x="399" y="271"/>
                      </a:lnTo>
                      <a:lnTo>
                        <a:pt x="399" y="272"/>
                      </a:lnTo>
                      <a:lnTo>
                        <a:pt x="399" y="274"/>
                      </a:lnTo>
                      <a:lnTo>
                        <a:pt x="401" y="277"/>
                      </a:lnTo>
                      <a:lnTo>
                        <a:pt x="401" y="281"/>
                      </a:lnTo>
                      <a:lnTo>
                        <a:pt x="401" y="286"/>
                      </a:lnTo>
                      <a:lnTo>
                        <a:pt x="399" y="291"/>
                      </a:lnTo>
                      <a:lnTo>
                        <a:pt x="395" y="296"/>
                      </a:lnTo>
                      <a:lnTo>
                        <a:pt x="390" y="303"/>
                      </a:lnTo>
                      <a:lnTo>
                        <a:pt x="389" y="304"/>
                      </a:lnTo>
                      <a:lnTo>
                        <a:pt x="387" y="308"/>
                      </a:lnTo>
                      <a:lnTo>
                        <a:pt x="382" y="313"/>
                      </a:lnTo>
                      <a:lnTo>
                        <a:pt x="379" y="316"/>
                      </a:lnTo>
                      <a:lnTo>
                        <a:pt x="375" y="321"/>
                      </a:lnTo>
                      <a:lnTo>
                        <a:pt x="370" y="326"/>
                      </a:lnTo>
                      <a:lnTo>
                        <a:pt x="368" y="330"/>
                      </a:lnTo>
                      <a:lnTo>
                        <a:pt x="367" y="330"/>
                      </a:lnTo>
                      <a:lnTo>
                        <a:pt x="367" y="331"/>
                      </a:lnTo>
                      <a:lnTo>
                        <a:pt x="365" y="333"/>
                      </a:lnTo>
                      <a:lnTo>
                        <a:pt x="362" y="335"/>
                      </a:lnTo>
                      <a:lnTo>
                        <a:pt x="358" y="335"/>
                      </a:lnTo>
                      <a:lnTo>
                        <a:pt x="355" y="337"/>
                      </a:lnTo>
                      <a:lnTo>
                        <a:pt x="351" y="337"/>
                      </a:lnTo>
                      <a:lnTo>
                        <a:pt x="350" y="335"/>
                      </a:lnTo>
                      <a:lnTo>
                        <a:pt x="350" y="333"/>
                      </a:lnTo>
                      <a:lnTo>
                        <a:pt x="328" y="355"/>
                      </a:lnTo>
                      <a:lnTo>
                        <a:pt x="326" y="382"/>
                      </a:lnTo>
                      <a:lnTo>
                        <a:pt x="324" y="382"/>
                      </a:lnTo>
                      <a:lnTo>
                        <a:pt x="324" y="387"/>
                      </a:lnTo>
                      <a:lnTo>
                        <a:pt x="324" y="391"/>
                      </a:lnTo>
                      <a:lnTo>
                        <a:pt x="323" y="396"/>
                      </a:lnTo>
                      <a:lnTo>
                        <a:pt x="319" y="399"/>
                      </a:lnTo>
                      <a:lnTo>
                        <a:pt x="318" y="401"/>
                      </a:lnTo>
                      <a:lnTo>
                        <a:pt x="314" y="399"/>
                      </a:lnTo>
                      <a:lnTo>
                        <a:pt x="311" y="391"/>
                      </a:lnTo>
                      <a:lnTo>
                        <a:pt x="309" y="389"/>
                      </a:lnTo>
                      <a:lnTo>
                        <a:pt x="307" y="387"/>
                      </a:lnTo>
                      <a:lnTo>
                        <a:pt x="306" y="387"/>
                      </a:lnTo>
                      <a:lnTo>
                        <a:pt x="302" y="387"/>
                      </a:lnTo>
                      <a:lnTo>
                        <a:pt x="301" y="387"/>
                      </a:lnTo>
                      <a:lnTo>
                        <a:pt x="297" y="391"/>
                      </a:lnTo>
                      <a:lnTo>
                        <a:pt x="297" y="396"/>
                      </a:lnTo>
                      <a:lnTo>
                        <a:pt x="296" y="404"/>
                      </a:lnTo>
                      <a:lnTo>
                        <a:pt x="296" y="408"/>
                      </a:lnTo>
                      <a:lnTo>
                        <a:pt x="294" y="409"/>
                      </a:lnTo>
                      <a:lnTo>
                        <a:pt x="292" y="413"/>
                      </a:lnTo>
                      <a:lnTo>
                        <a:pt x="291" y="416"/>
                      </a:lnTo>
                      <a:lnTo>
                        <a:pt x="291" y="418"/>
                      </a:lnTo>
                      <a:lnTo>
                        <a:pt x="289" y="419"/>
                      </a:lnTo>
                      <a:lnTo>
                        <a:pt x="292" y="441"/>
                      </a:lnTo>
                      <a:lnTo>
                        <a:pt x="291" y="443"/>
                      </a:lnTo>
                      <a:lnTo>
                        <a:pt x="289" y="447"/>
                      </a:lnTo>
                      <a:lnTo>
                        <a:pt x="285" y="453"/>
                      </a:lnTo>
                      <a:lnTo>
                        <a:pt x="280" y="458"/>
                      </a:lnTo>
                      <a:lnTo>
                        <a:pt x="275" y="463"/>
                      </a:lnTo>
                      <a:lnTo>
                        <a:pt x="270" y="467"/>
                      </a:lnTo>
                      <a:lnTo>
                        <a:pt x="263" y="469"/>
                      </a:lnTo>
                      <a:lnTo>
                        <a:pt x="260" y="465"/>
                      </a:lnTo>
                      <a:lnTo>
                        <a:pt x="258" y="463"/>
                      </a:lnTo>
                      <a:lnTo>
                        <a:pt x="257" y="462"/>
                      </a:lnTo>
                      <a:lnTo>
                        <a:pt x="253" y="458"/>
                      </a:lnTo>
                      <a:lnTo>
                        <a:pt x="250" y="455"/>
                      </a:lnTo>
                      <a:lnTo>
                        <a:pt x="245" y="452"/>
                      </a:lnTo>
                      <a:lnTo>
                        <a:pt x="241" y="450"/>
                      </a:lnTo>
                      <a:lnTo>
                        <a:pt x="236" y="450"/>
                      </a:lnTo>
                      <a:lnTo>
                        <a:pt x="233" y="453"/>
                      </a:lnTo>
                      <a:lnTo>
                        <a:pt x="231" y="452"/>
                      </a:lnTo>
                      <a:lnTo>
                        <a:pt x="231" y="448"/>
                      </a:lnTo>
                      <a:lnTo>
                        <a:pt x="231" y="443"/>
                      </a:lnTo>
                      <a:lnTo>
                        <a:pt x="230" y="438"/>
                      </a:lnTo>
                      <a:lnTo>
                        <a:pt x="226" y="435"/>
                      </a:lnTo>
                      <a:lnTo>
                        <a:pt x="221" y="433"/>
                      </a:lnTo>
                      <a:lnTo>
                        <a:pt x="214" y="436"/>
                      </a:lnTo>
                      <a:lnTo>
                        <a:pt x="204" y="445"/>
                      </a:lnTo>
                      <a:lnTo>
                        <a:pt x="203" y="447"/>
                      </a:lnTo>
                      <a:lnTo>
                        <a:pt x="201" y="448"/>
                      </a:lnTo>
                      <a:lnTo>
                        <a:pt x="198" y="452"/>
                      </a:lnTo>
                      <a:lnTo>
                        <a:pt x="194" y="453"/>
                      </a:lnTo>
                      <a:lnTo>
                        <a:pt x="189" y="455"/>
                      </a:lnTo>
                      <a:lnTo>
                        <a:pt x="184" y="457"/>
                      </a:lnTo>
                      <a:lnTo>
                        <a:pt x="177" y="453"/>
                      </a:lnTo>
                      <a:lnTo>
                        <a:pt x="172" y="450"/>
                      </a:lnTo>
                      <a:lnTo>
                        <a:pt x="170" y="448"/>
                      </a:lnTo>
                      <a:lnTo>
                        <a:pt x="169" y="448"/>
                      </a:lnTo>
                      <a:lnTo>
                        <a:pt x="167" y="447"/>
                      </a:lnTo>
                      <a:lnTo>
                        <a:pt x="164" y="448"/>
                      </a:lnTo>
                      <a:lnTo>
                        <a:pt x="160" y="448"/>
                      </a:lnTo>
                      <a:lnTo>
                        <a:pt x="157" y="452"/>
                      </a:lnTo>
                      <a:lnTo>
                        <a:pt x="152" y="457"/>
                      </a:lnTo>
                      <a:lnTo>
                        <a:pt x="150" y="457"/>
                      </a:lnTo>
                      <a:lnTo>
                        <a:pt x="147" y="455"/>
                      </a:lnTo>
                      <a:lnTo>
                        <a:pt x="143" y="455"/>
                      </a:lnTo>
                      <a:lnTo>
                        <a:pt x="142" y="455"/>
                      </a:lnTo>
                      <a:lnTo>
                        <a:pt x="128" y="443"/>
                      </a:lnTo>
                      <a:lnTo>
                        <a:pt x="98" y="441"/>
                      </a:lnTo>
                      <a:lnTo>
                        <a:pt x="98" y="440"/>
                      </a:lnTo>
                      <a:lnTo>
                        <a:pt x="98" y="436"/>
                      </a:lnTo>
                      <a:lnTo>
                        <a:pt x="96" y="433"/>
                      </a:lnTo>
                      <a:lnTo>
                        <a:pt x="94" y="428"/>
                      </a:lnTo>
                      <a:lnTo>
                        <a:pt x="89" y="423"/>
                      </a:lnTo>
                      <a:lnTo>
                        <a:pt x="82" y="418"/>
                      </a:lnTo>
                      <a:lnTo>
                        <a:pt x="72" y="416"/>
                      </a:lnTo>
                      <a:lnTo>
                        <a:pt x="60" y="414"/>
                      </a:lnTo>
                      <a:lnTo>
                        <a:pt x="59" y="414"/>
                      </a:lnTo>
                      <a:lnTo>
                        <a:pt x="55" y="414"/>
                      </a:lnTo>
                      <a:lnTo>
                        <a:pt x="52" y="414"/>
                      </a:lnTo>
                      <a:lnTo>
                        <a:pt x="47" y="414"/>
                      </a:lnTo>
                      <a:lnTo>
                        <a:pt x="42" y="414"/>
                      </a:lnTo>
                      <a:lnTo>
                        <a:pt x="38" y="414"/>
                      </a:lnTo>
                      <a:lnTo>
                        <a:pt x="37" y="414"/>
                      </a:lnTo>
                      <a:lnTo>
                        <a:pt x="35" y="414"/>
                      </a:lnTo>
                      <a:lnTo>
                        <a:pt x="0" y="96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433" name="Group 162"/>
              <p:cNvGrpSpPr>
                <a:grpSpLocks/>
              </p:cNvGrpSpPr>
              <p:nvPr/>
            </p:nvGrpSpPr>
            <p:grpSpPr bwMode="auto">
              <a:xfrm>
                <a:off x="3877" y="2450"/>
                <a:ext cx="847" cy="372"/>
                <a:chOff x="4106" y="2078"/>
                <a:chExt cx="870" cy="383"/>
              </a:xfrm>
            </p:grpSpPr>
            <p:sp>
              <p:nvSpPr>
                <p:cNvPr id="455" name="Freeform 163"/>
                <p:cNvSpPr>
                  <a:spLocks/>
                </p:cNvSpPr>
                <p:nvPr/>
              </p:nvSpPr>
              <p:spPr bwMode="auto">
                <a:xfrm>
                  <a:off x="4106" y="2082"/>
                  <a:ext cx="834" cy="379"/>
                </a:xfrm>
                <a:custGeom>
                  <a:avLst/>
                  <a:gdLst>
                    <a:gd name="T0" fmla="*/ 650 w 834"/>
                    <a:gd name="T1" fmla="*/ 362 h 379"/>
                    <a:gd name="T2" fmla="*/ 658 w 834"/>
                    <a:gd name="T3" fmla="*/ 340 h 379"/>
                    <a:gd name="T4" fmla="*/ 663 w 834"/>
                    <a:gd name="T5" fmla="*/ 338 h 379"/>
                    <a:gd name="T6" fmla="*/ 685 w 834"/>
                    <a:gd name="T7" fmla="*/ 292 h 379"/>
                    <a:gd name="T8" fmla="*/ 701 w 834"/>
                    <a:gd name="T9" fmla="*/ 276 h 379"/>
                    <a:gd name="T10" fmla="*/ 714 w 834"/>
                    <a:gd name="T11" fmla="*/ 262 h 379"/>
                    <a:gd name="T12" fmla="*/ 758 w 834"/>
                    <a:gd name="T13" fmla="*/ 238 h 379"/>
                    <a:gd name="T14" fmla="*/ 768 w 834"/>
                    <a:gd name="T15" fmla="*/ 232 h 379"/>
                    <a:gd name="T16" fmla="*/ 780 w 834"/>
                    <a:gd name="T17" fmla="*/ 230 h 379"/>
                    <a:gd name="T18" fmla="*/ 792 w 834"/>
                    <a:gd name="T19" fmla="*/ 215 h 379"/>
                    <a:gd name="T20" fmla="*/ 794 w 834"/>
                    <a:gd name="T21" fmla="*/ 193 h 379"/>
                    <a:gd name="T22" fmla="*/ 785 w 834"/>
                    <a:gd name="T23" fmla="*/ 199 h 379"/>
                    <a:gd name="T24" fmla="*/ 780 w 834"/>
                    <a:gd name="T25" fmla="*/ 193 h 379"/>
                    <a:gd name="T26" fmla="*/ 726 w 834"/>
                    <a:gd name="T27" fmla="*/ 198 h 379"/>
                    <a:gd name="T28" fmla="*/ 758 w 834"/>
                    <a:gd name="T29" fmla="*/ 199 h 379"/>
                    <a:gd name="T30" fmla="*/ 768 w 834"/>
                    <a:gd name="T31" fmla="*/ 176 h 379"/>
                    <a:gd name="T32" fmla="*/ 740 w 834"/>
                    <a:gd name="T33" fmla="*/ 155 h 379"/>
                    <a:gd name="T34" fmla="*/ 728 w 834"/>
                    <a:gd name="T35" fmla="*/ 149 h 379"/>
                    <a:gd name="T36" fmla="*/ 748 w 834"/>
                    <a:gd name="T37" fmla="*/ 149 h 379"/>
                    <a:gd name="T38" fmla="*/ 768 w 834"/>
                    <a:gd name="T39" fmla="*/ 144 h 379"/>
                    <a:gd name="T40" fmla="*/ 784 w 834"/>
                    <a:gd name="T41" fmla="*/ 147 h 379"/>
                    <a:gd name="T42" fmla="*/ 804 w 834"/>
                    <a:gd name="T43" fmla="*/ 147 h 379"/>
                    <a:gd name="T44" fmla="*/ 828 w 834"/>
                    <a:gd name="T45" fmla="*/ 110 h 379"/>
                    <a:gd name="T46" fmla="*/ 834 w 834"/>
                    <a:gd name="T47" fmla="*/ 105 h 379"/>
                    <a:gd name="T48" fmla="*/ 824 w 834"/>
                    <a:gd name="T49" fmla="*/ 67 h 379"/>
                    <a:gd name="T50" fmla="*/ 809 w 834"/>
                    <a:gd name="T51" fmla="*/ 89 h 379"/>
                    <a:gd name="T52" fmla="*/ 806 w 834"/>
                    <a:gd name="T53" fmla="*/ 101 h 379"/>
                    <a:gd name="T54" fmla="*/ 800 w 834"/>
                    <a:gd name="T55" fmla="*/ 79 h 379"/>
                    <a:gd name="T56" fmla="*/ 778 w 834"/>
                    <a:gd name="T57" fmla="*/ 76 h 379"/>
                    <a:gd name="T58" fmla="*/ 753 w 834"/>
                    <a:gd name="T59" fmla="*/ 83 h 379"/>
                    <a:gd name="T60" fmla="*/ 724 w 834"/>
                    <a:gd name="T61" fmla="*/ 96 h 379"/>
                    <a:gd name="T62" fmla="*/ 731 w 834"/>
                    <a:gd name="T63" fmla="*/ 61 h 379"/>
                    <a:gd name="T64" fmla="*/ 762 w 834"/>
                    <a:gd name="T65" fmla="*/ 67 h 379"/>
                    <a:gd name="T66" fmla="*/ 758 w 834"/>
                    <a:gd name="T67" fmla="*/ 52 h 379"/>
                    <a:gd name="T68" fmla="*/ 789 w 834"/>
                    <a:gd name="T69" fmla="*/ 49 h 379"/>
                    <a:gd name="T70" fmla="*/ 784 w 834"/>
                    <a:gd name="T71" fmla="*/ 35 h 379"/>
                    <a:gd name="T72" fmla="*/ 802 w 834"/>
                    <a:gd name="T73" fmla="*/ 39 h 379"/>
                    <a:gd name="T74" fmla="*/ 809 w 834"/>
                    <a:gd name="T75" fmla="*/ 35 h 379"/>
                    <a:gd name="T76" fmla="*/ 692 w 834"/>
                    <a:gd name="T77" fmla="*/ 20 h 379"/>
                    <a:gd name="T78" fmla="*/ 509 w 834"/>
                    <a:gd name="T79" fmla="*/ 56 h 379"/>
                    <a:gd name="T80" fmla="*/ 366 w 834"/>
                    <a:gd name="T81" fmla="*/ 79 h 379"/>
                    <a:gd name="T82" fmla="*/ 271 w 834"/>
                    <a:gd name="T83" fmla="*/ 91 h 379"/>
                    <a:gd name="T84" fmla="*/ 230 w 834"/>
                    <a:gd name="T85" fmla="*/ 94 h 379"/>
                    <a:gd name="T86" fmla="*/ 234 w 834"/>
                    <a:gd name="T87" fmla="*/ 118 h 379"/>
                    <a:gd name="T88" fmla="*/ 212 w 834"/>
                    <a:gd name="T89" fmla="*/ 145 h 379"/>
                    <a:gd name="T90" fmla="*/ 183 w 834"/>
                    <a:gd name="T91" fmla="*/ 162 h 379"/>
                    <a:gd name="T92" fmla="*/ 149 w 834"/>
                    <a:gd name="T93" fmla="*/ 181 h 379"/>
                    <a:gd name="T94" fmla="*/ 129 w 834"/>
                    <a:gd name="T95" fmla="*/ 194 h 379"/>
                    <a:gd name="T96" fmla="*/ 117 w 834"/>
                    <a:gd name="T97" fmla="*/ 218 h 379"/>
                    <a:gd name="T98" fmla="*/ 68 w 834"/>
                    <a:gd name="T99" fmla="*/ 250 h 379"/>
                    <a:gd name="T100" fmla="*/ 27 w 834"/>
                    <a:gd name="T101" fmla="*/ 274 h 379"/>
                    <a:gd name="T102" fmla="*/ 9 w 834"/>
                    <a:gd name="T103" fmla="*/ 299 h 379"/>
                    <a:gd name="T104" fmla="*/ 125 w 834"/>
                    <a:gd name="T105" fmla="*/ 316 h 379"/>
                    <a:gd name="T106" fmla="*/ 152 w 834"/>
                    <a:gd name="T107" fmla="*/ 296 h 379"/>
                    <a:gd name="T108" fmla="*/ 210 w 834"/>
                    <a:gd name="T109" fmla="*/ 274 h 379"/>
                    <a:gd name="T110" fmla="*/ 333 w 834"/>
                    <a:gd name="T111" fmla="*/ 265 h 379"/>
                    <a:gd name="T112" fmla="*/ 597 w 834"/>
                    <a:gd name="T113" fmla="*/ 379 h 379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w 834"/>
                    <a:gd name="T172" fmla="*/ 0 h 379"/>
                    <a:gd name="T173" fmla="*/ 834 w 834"/>
                    <a:gd name="T174" fmla="*/ 379 h 379"/>
                  </a:gdLst>
                  <a:ahLst/>
                  <a:cxnLst>
                    <a:cxn ang="T114">
                      <a:pos x="T0" y="T1"/>
                    </a:cxn>
                    <a:cxn ang="T115">
                      <a:pos x="T2" y="T3"/>
                    </a:cxn>
                    <a:cxn ang="T116">
                      <a:pos x="T4" y="T5"/>
                    </a:cxn>
                    <a:cxn ang="T117">
                      <a:pos x="T6" y="T7"/>
                    </a:cxn>
                    <a:cxn ang="T118">
                      <a:pos x="T8" y="T9"/>
                    </a:cxn>
                    <a:cxn ang="T119">
                      <a:pos x="T10" y="T11"/>
                    </a:cxn>
                    <a:cxn ang="T120">
                      <a:pos x="T12" y="T13"/>
                    </a:cxn>
                    <a:cxn ang="T121">
                      <a:pos x="T14" y="T15"/>
                    </a:cxn>
                    <a:cxn ang="T122">
                      <a:pos x="T16" y="T17"/>
                    </a:cxn>
                    <a:cxn ang="T123">
                      <a:pos x="T18" y="T19"/>
                    </a:cxn>
                    <a:cxn ang="T124">
                      <a:pos x="T20" y="T21"/>
                    </a:cxn>
                    <a:cxn ang="T125">
                      <a:pos x="T22" y="T23"/>
                    </a:cxn>
                    <a:cxn ang="T126">
                      <a:pos x="T24" y="T25"/>
                    </a:cxn>
                    <a:cxn ang="T127">
                      <a:pos x="T26" y="T27"/>
                    </a:cxn>
                    <a:cxn ang="T128">
                      <a:pos x="T28" y="T29"/>
                    </a:cxn>
                    <a:cxn ang="T129">
                      <a:pos x="T30" y="T31"/>
                    </a:cxn>
                    <a:cxn ang="T130">
                      <a:pos x="T32" y="T33"/>
                    </a:cxn>
                    <a:cxn ang="T131">
                      <a:pos x="T34" y="T35"/>
                    </a:cxn>
                    <a:cxn ang="T132">
                      <a:pos x="T36" y="T37"/>
                    </a:cxn>
                    <a:cxn ang="T133">
                      <a:pos x="T38" y="T39"/>
                    </a:cxn>
                    <a:cxn ang="T134">
                      <a:pos x="T40" y="T41"/>
                    </a:cxn>
                    <a:cxn ang="T135">
                      <a:pos x="T42" y="T43"/>
                    </a:cxn>
                    <a:cxn ang="T136">
                      <a:pos x="T44" y="T45"/>
                    </a:cxn>
                    <a:cxn ang="T137">
                      <a:pos x="T46" y="T47"/>
                    </a:cxn>
                    <a:cxn ang="T138">
                      <a:pos x="T48" y="T49"/>
                    </a:cxn>
                    <a:cxn ang="T139">
                      <a:pos x="T50" y="T51"/>
                    </a:cxn>
                    <a:cxn ang="T140">
                      <a:pos x="T52" y="T53"/>
                    </a:cxn>
                    <a:cxn ang="T141">
                      <a:pos x="T54" y="T55"/>
                    </a:cxn>
                    <a:cxn ang="T142">
                      <a:pos x="T56" y="T57"/>
                    </a:cxn>
                    <a:cxn ang="T143">
                      <a:pos x="T58" y="T59"/>
                    </a:cxn>
                    <a:cxn ang="T144">
                      <a:pos x="T60" y="T61"/>
                    </a:cxn>
                    <a:cxn ang="T145">
                      <a:pos x="T62" y="T63"/>
                    </a:cxn>
                    <a:cxn ang="T146">
                      <a:pos x="T64" y="T65"/>
                    </a:cxn>
                    <a:cxn ang="T147">
                      <a:pos x="T66" y="T67"/>
                    </a:cxn>
                    <a:cxn ang="T148">
                      <a:pos x="T68" y="T69"/>
                    </a:cxn>
                    <a:cxn ang="T149">
                      <a:pos x="T70" y="T71"/>
                    </a:cxn>
                    <a:cxn ang="T150">
                      <a:pos x="T72" y="T73"/>
                    </a:cxn>
                    <a:cxn ang="T151">
                      <a:pos x="T74" y="T75"/>
                    </a:cxn>
                    <a:cxn ang="T152">
                      <a:pos x="T76" y="T77"/>
                    </a:cxn>
                    <a:cxn ang="T153">
                      <a:pos x="T78" y="T79"/>
                    </a:cxn>
                    <a:cxn ang="T154">
                      <a:pos x="T80" y="T81"/>
                    </a:cxn>
                    <a:cxn ang="T155">
                      <a:pos x="T82" y="T83"/>
                    </a:cxn>
                    <a:cxn ang="T156">
                      <a:pos x="T84" y="T85"/>
                    </a:cxn>
                    <a:cxn ang="T157">
                      <a:pos x="T86" y="T87"/>
                    </a:cxn>
                    <a:cxn ang="T158">
                      <a:pos x="T88" y="T89"/>
                    </a:cxn>
                    <a:cxn ang="T159">
                      <a:pos x="T90" y="T91"/>
                    </a:cxn>
                    <a:cxn ang="T160">
                      <a:pos x="T92" y="T93"/>
                    </a:cxn>
                    <a:cxn ang="T161">
                      <a:pos x="T94" y="T95"/>
                    </a:cxn>
                    <a:cxn ang="T162">
                      <a:pos x="T96" y="T97"/>
                    </a:cxn>
                    <a:cxn ang="T163">
                      <a:pos x="T98" y="T99"/>
                    </a:cxn>
                    <a:cxn ang="T164">
                      <a:pos x="T100" y="T101"/>
                    </a:cxn>
                    <a:cxn ang="T165">
                      <a:pos x="T102" y="T103"/>
                    </a:cxn>
                    <a:cxn ang="T166">
                      <a:pos x="T104" y="T105"/>
                    </a:cxn>
                    <a:cxn ang="T167">
                      <a:pos x="T106" y="T107"/>
                    </a:cxn>
                    <a:cxn ang="T168">
                      <a:pos x="T108" y="T109"/>
                    </a:cxn>
                    <a:cxn ang="T169">
                      <a:pos x="T110" y="T111"/>
                    </a:cxn>
                    <a:cxn ang="T170">
                      <a:pos x="T112" y="T113"/>
                    </a:cxn>
                  </a:cxnLst>
                  <a:rect l="T171" t="T172" r="T173" b="T174"/>
                  <a:pathLst>
                    <a:path w="834" h="379">
                      <a:moveTo>
                        <a:pt x="604" y="377"/>
                      </a:moveTo>
                      <a:lnTo>
                        <a:pt x="618" y="369"/>
                      </a:lnTo>
                      <a:lnTo>
                        <a:pt x="628" y="362"/>
                      </a:lnTo>
                      <a:lnTo>
                        <a:pt x="636" y="360"/>
                      </a:lnTo>
                      <a:lnTo>
                        <a:pt x="643" y="360"/>
                      </a:lnTo>
                      <a:lnTo>
                        <a:pt x="648" y="360"/>
                      </a:lnTo>
                      <a:lnTo>
                        <a:pt x="650" y="362"/>
                      </a:lnTo>
                      <a:lnTo>
                        <a:pt x="653" y="364"/>
                      </a:lnTo>
                      <a:lnTo>
                        <a:pt x="653" y="365"/>
                      </a:lnTo>
                      <a:lnTo>
                        <a:pt x="653" y="333"/>
                      </a:lnTo>
                      <a:lnTo>
                        <a:pt x="657" y="333"/>
                      </a:lnTo>
                      <a:lnTo>
                        <a:pt x="658" y="335"/>
                      </a:lnTo>
                      <a:lnTo>
                        <a:pt x="658" y="338"/>
                      </a:lnTo>
                      <a:lnTo>
                        <a:pt x="658" y="340"/>
                      </a:lnTo>
                      <a:lnTo>
                        <a:pt x="660" y="345"/>
                      </a:lnTo>
                      <a:lnTo>
                        <a:pt x="662" y="348"/>
                      </a:lnTo>
                      <a:lnTo>
                        <a:pt x="662" y="352"/>
                      </a:lnTo>
                      <a:lnTo>
                        <a:pt x="662" y="353"/>
                      </a:lnTo>
                      <a:lnTo>
                        <a:pt x="663" y="345"/>
                      </a:lnTo>
                      <a:lnTo>
                        <a:pt x="663" y="338"/>
                      </a:lnTo>
                      <a:lnTo>
                        <a:pt x="667" y="330"/>
                      </a:lnTo>
                      <a:lnTo>
                        <a:pt x="668" y="323"/>
                      </a:lnTo>
                      <a:lnTo>
                        <a:pt x="672" y="316"/>
                      </a:lnTo>
                      <a:lnTo>
                        <a:pt x="675" y="309"/>
                      </a:lnTo>
                      <a:lnTo>
                        <a:pt x="679" y="303"/>
                      </a:lnTo>
                      <a:lnTo>
                        <a:pt x="682" y="298"/>
                      </a:lnTo>
                      <a:lnTo>
                        <a:pt x="685" y="292"/>
                      </a:lnTo>
                      <a:lnTo>
                        <a:pt x="689" y="289"/>
                      </a:lnTo>
                      <a:lnTo>
                        <a:pt x="692" y="286"/>
                      </a:lnTo>
                      <a:lnTo>
                        <a:pt x="696" y="282"/>
                      </a:lnTo>
                      <a:lnTo>
                        <a:pt x="697" y="279"/>
                      </a:lnTo>
                      <a:lnTo>
                        <a:pt x="699" y="277"/>
                      </a:lnTo>
                      <a:lnTo>
                        <a:pt x="701" y="277"/>
                      </a:lnTo>
                      <a:lnTo>
                        <a:pt x="701" y="276"/>
                      </a:lnTo>
                      <a:lnTo>
                        <a:pt x="696" y="267"/>
                      </a:lnTo>
                      <a:lnTo>
                        <a:pt x="702" y="262"/>
                      </a:lnTo>
                      <a:lnTo>
                        <a:pt x="702" y="264"/>
                      </a:lnTo>
                      <a:lnTo>
                        <a:pt x="704" y="267"/>
                      </a:lnTo>
                      <a:lnTo>
                        <a:pt x="706" y="270"/>
                      </a:lnTo>
                      <a:lnTo>
                        <a:pt x="707" y="270"/>
                      </a:lnTo>
                      <a:lnTo>
                        <a:pt x="714" y="262"/>
                      </a:lnTo>
                      <a:lnTo>
                        <a:pt x="721" y="254"/>
                      </a:lnTo>
                      <a:lnTo>
                        <a:pt x="729" y="248"/>
                      </a:lnTo>
                      <a:lnTo>
                        <a:pt x="738" y="243"/>
                      </a:lnTo>
                      <a:lnTo>
                        <a:pt x="745" y="242"/>
                      </a:lnTo>
                      <a:lnTo>
                        <a:pt x="751" y="240"/>
                      </a:lnTo>
                      <a:lnTo>
                        <a:pt x="756" y="238"/>
                      </a:lnTo>
                      <a:lnTo>
                        <a:pt x="758" y="238"/>
                      </a:lnTo>
                      <a:lnTo>
                        <a:pt x="758" y="232"/>
                      </a:lnTo>
                      <a:lnTo>
                        <a:pt x="760" y="230"/>
                      </a:lnTo>
                      <a:lnTo>
                        <a:pt x="762" y="228"/>
                      </a:lnTo>
                      <a:lnTo>
                        <a:pt x="763" y="228"/>
                      </a:lnTo>
                      <a:lnTo>
                        <a:pt x="765" y="230"/>
                      </a:lnTo>
                      <a:lnTo>
                        <a:pt x="767" y="230"/>
                      </a:lnTo>
                      <a:lnTo>
                        <a:pt x="768" y="232"/>
                      </a:lnTo>
                      <a:lnTo>
                        <a:pt x="768" y="233"/>
                      </a:lnTo>
                      <a:lnTo>
                        <a:pt x="770" y="230"/>
                      </a:lnTo>
                      <a:lnTo>
                        <a:pt x="772" y="228"/>
                      </a:lnTo>
                      <a:lnTo>
                        <a:pt x="773" y="226"/>
                      </a:lnTo>
                      <a:lnTo>
                        <a:pt x="775" y="228"/>
                      </a:lnTo>
                      <a:lnTo>
                        <a:pt x="778" y="228"/>
                      </a:lnTo>
                      <a:lnTo>
                        <a:pt x="780" y="230"/>
                      </a:lnTo>
                      <a:lnTo>
                        <a:pt x="782" y="230"/>
                      </a:lnTo>
                      <a:lnTo>
                        <a:pt x="784" y="230"/>
                      </a:lnTo>
                      <a:lnTo>
                        <a:pt x="785" y="226"/>
                      </a:lnTo>
                      <a:lnTo>
                        <a:pt x="787" y="223"/>
                      </a:lnTo>
                      <a:lnTo>
                        <a:pt x="790" y="218"/>
                      </a:lnTo>
                      <a:lnTo>
                        <a:pt x="792" y="215"/>
                      </a:lnTo>
                      <a:lnTo>
                        <a:pt x="795" y="210"/>
                      </a:lnTo>
                      <a:lnTo>
                        <a:pt x="797" y="208"/>
                      </a:lnTo>
                      <a:lnTo>
                        <a:pt x="797" y="204"/>
                      </a:lnTo>
                      <a:lnTo>
                        <a:pt x="797" y="196"/>
                      </a:lnTo>
                      <a:lnTo>
                        <a:pt x="795" y="193"/>
                      </a:lnTo>
                      <a:lnTo>
                        <a:pt x="795" y="191"/>
                      </a:lnTo>
                      <a:lnTo>
                        <a:pt x="794" y="193"/>
                      </a:lnTo>
                      <a:lnTo>
                        <a:pt x="792" y="194"/>
                      </a:lnTo>
                      <a:lnTo>
                        <a:pt x="790" y="198"/>
                      </a:lnTo>
                      <a:lnTo>
                        <a:pt x="790" y="199"/>
                      </a:lnTo>
                      <a:lnTo>
                        <a:pt x="790" y="201"/>
                      </a:lnTo>
                      <a:lnTo>
                        <a:pt x="789" y="201"/>
                      </a:lnTo>
                      <a:lnTo>
                        <a:pt x="787" y="199"/>
                      </a:lnTo>
                      <a:lnTo>
                        <a:pt x="785" y="199"/>
                      </a:lnTo>
                      <a:lnTo>
                        <a:pt x="785" y="198"/>
                      </a:lnTo>
                      <a:lnTo>
                        <a:pt x="784" y="191"/>
                      </a:lnTo>
                      <a:lnTo>
                        <a:pt x="784" y="188"/>
                      </a:lnTo>
                      <a:lnTo>
                        <a:pt x="784" y="186"/>
                      </a:lnTo>
                      <a:lnTo>
                        <a:pt x="782" y="188"/>
                      </a:lnTo>
                      <a:lnTo>
                        <a:pt x="780" y="189"/>
                      </a:lnTo>
                      <a:lnTo>
                        <a:pt x="780" y="193"/>
                      </a:lnTo>
                      <a:lnTo>
                        <a:pt x="780" y="194"/>
                      </a:lnTo>
                      <a:lnTo>
                        <a:pt x="780" y="196"/>
                      </a:lnTo>
                      <a:lnTo>
                        <a:pt x="772" y="198"/>
                      </a:lnTo>
                      <a:lnTo>
                        <a:pt x="753" y="215"/>
                      </a:lnTo>
                      <a:lnTo>
                        <a:pt x="741" y="213"/>
                      </a:lnTo>
                      <a:lnTo>
                        <a:pt x="724" y="198"/>
                      </a:lnTo>
                      <a:lnTo>
                        <a:pt x="726" y="198"/>
                      </a:lnTo>
                      <a:lnTo>
                        <a:pt x="729" y="199"/>
                      </a:lnTo>
                      <a:lnTo>
                        <a:pt x="733" y="199"/>
                      </a:lnTo>
                      <a:lnTo>
                        <a:pt x="736" y="201"/>
                      </a:lnTo>
                      <a:lnTo>
                        <a:pt x="741" y="204"/>
                      </a:lnTo>
                      <a:lnTo>
                        <a:pt x="748" y="204"/>
                      </a:lnTo>
                      <a:lnTo>
                        <a:pt x="753" y="203"/>
                      </a:lnTo>
                      <a:lnTo>
                        <a:pt x="758" y="199"/>
                      </a:lnTo>
                      <a:lnTo>
                        <a:pt x="763" y="194"/>
                      </a:lnTo>
                      <a:lnTo>
                        <a:pt x="767" y="191"/>
                      </a:lnTo>
                      <a:lnTo>
                        <a:pt x="770" y="188"/>
                      </a:lnTo>
                      <a:lnTo>
                        <a:pt x="770" y="186"/>
                      </a:lnTo>
                      <a:lnTo>
                        <a:pt x="760" y="182"/>
                      </a:lnTo>
                      <a:lnTo>
                        <a:pt x="758" y="177"/>
                      </a:lnTo>
                      <a:lnTo>
                        <a:pt x="768" y="176"/>
                      </a:lnTo>
                      <a:lnTo>
                        <a:pt x="772" y="164"/>
                      </a:lnTo>
                      <a:lnTo>
                        <a:pt x="770" y="164"/>
                      </a:lnTo>
                      <a:lnTo>
                        <a:pt x="768" y="164"/>
                      </a:lnTo>
                      <a:lnTo>
                        <a:pt x="767" y="164"/>
                      </a:lnTo>
                      <a:lnTo>
                        <a:pt x="763" y="162"/>
                      </a:lnTo>
                      <a:lnTo>
                        <a:pt x="750" y="159"/>
                      </a:lnTo>
                      <a:lnTo>
                        <a:pt x="740" y="155"/>
                      </a:lnTo>
                      <a:lnTo>
                        <a:pt x="731" y="154"/>
                      </a:lnTo>
                      <a:lnTo>
                        <a:pt x="728" y="152"/>
                      </a:lnTo>
                      <a:lnTo>
                        <a:pt x="724" y="150"/>
                      </a:lnTo>
                      <a:lnTo>
                        <a:pt x="723" y="150"/>
                      </a:lnTo>
                      <a:lnTo>
                        <a:pt x="724" y="149"/>
                      </a:lnTo>
                      <a:lnTo>
                        <a:pt x="726" y="149"/>
                      </a:lnTo>
                      <a:lnTo>
                        <a:pt x="728" y="149"/>
                      </a:lnTo>
                      <a:lnTo>
                        <a:pt x="731" y="147"/>
                      </a:lnTo>
                      <a:lnTo>
                        <a:pt x="736" y="149"/>
                      </a:lnTo>
                      <a:lnTo>
                        <a:pt x="740" y="149"/>
                      </a:lnTo>
                      <a:lnTo>
                        <a:pt x="743" y="149"/>
                      </a:lnTo>
                      <a:lnTo>
                        <a:pt x="745" y="149"/>
                      </a:lnTo>
                      <a:lnTo>
                        <a:pt x="746" y="149"/>
                      </a:lnTo>
                      <a:lnTo>
                        <a:pt x="748" y="149"/>
                      </a:lnTo>
                      <a:lnTo>
                        <a:pt x="746" y="138"/>
                      </a:lnTo>
                      <a:lnTo>
                        <a:pt x="755" y="135"/>
                      </a:lnTo>
                      <a:lnTo>
                        <a:pt x="760" y="144"/>
                      </a:lnTo>
                      <a:lnTo>
                        <a:pt x="762" y="144"/>
                      </a:lnTo>
                      <a:lnTo>
                        <a:pt x="765" y="144"/>
                      </a:lnTo>
                      <a:lnTo>
                        <a:pt x="767" y="145"/>
                      </a:lnTo>
                      <a:lnTo>
                        <a:pt x="768" y="144"/>
                      </a:lnTo>
                      <a:lnTo>
                        <a:pt x="770" y="138"/>
                      </a:lnTo>
                      <a:lnTo>
                        <a:pt x="772" y="135"/>
                      </a:lnTo>
                      <a:lnTo>
                        <a:pt x="773" y="137"/>
                      </a:lnTo>
                      <a:lnTo>
                        <a:pt x="777" y="138"/>
                      </a:lnTo>
                      <a:lnTo>
                        <a:pt x="778" y="142"/>
                      </a:lnTo>
                      <a:lnTo>
                        <a:pt x="782" y="145"/>
                      </a:lnTo>
                      <a:lnTo>
                        <a:pt x="784" y="147"/>
                      </a:lnTo>
                      <a:lnTo>
                        <a:pt x="784" y="149"/>
                      </a:lnTo>
                      <a:lnTo>
                        <a:pt x="785" y="149"/>
                      </a:lnTo>
                      <a:lnTo>
                        <a:pt x="787" y="149"/>
                      </a:lnTo>
                      <a:lnTo>
                        <a:pt x="792" y="149"/>
                      </a:lnTo>
                      <a:lnTo>
                        <a:pt x="795" y="149"/>
                      </a:lnTo>
                      <a:lnTo>
                        <a:pt x="800" y="149"/>
                      </a:lnTo>
                      <a:lnTo>
                        <a:pt x="804" y="147"/>
                      </a:lnTo>
                      <a:lnTo>
                        <a:pt x="807" y="147"/>
                      </a:lnTo>
                      <a:lnTo>
                        <a:pt x="809" y="147"/>
                      </a:lnTo>
                      <a:lnTo>
                        <a:pt x="814" y="130"/>
                      </a:lnTo>
                      <a:lnTo>
                        <a:pt x="819" y="120"/>
                      </a:lnTo>
                      <a:lnTo>
                        <a:pt x="824" y="113"/>
                      </a:lnTo>
                      <a:lnTo>
                        <a:pt x="826" y="110"/>
                      </a:lnTo>
                      <a:lnTo>
                        <a:pt x="828" y="110"/>
                      </a:lnTo>
                      <a:lnTo>
                        <a:pt x="829" y="111"/>
                      </a:lnTo>
                      <a:lnTo>
                        <a:pt x="831" y="113"/>
                      </a:lnTo>
                      <a:lnTo>
                        <a:pt x="831" y="111"/>
                      </a:lnTo>
                      <a:lnTo>
                        <a:pt x="833" y="110"/>
                      </a:lnTo>
                      <a:lnTo>
                        <a:pt x="834" y="106"/>
                      </a:lnTo>
                      <a:lnTo>
                        <a:pt x="834" y="105"/>
                      </a:lnTo>
                      <a:lnTo>
                        <a:pt x="834" y="96"/>
                      </a:lnTo>
                      <a:lnTo>
                        <a:pt x="833" y="88"/>
                      </a:lnTo>
                      <a:lnTo>
                        <a:pt x="831" y="81"/>
                      </a:lnTo>
                      <a:lnTo>
                        <a:pt x="829" y="76"/>
                      </a:lnTo>
                      <a:lnTo>
                        <a:pt x="828" y="72"/>
                      </a:lnTo>
                      <a:lnTo>
                        <a:pt x="826" y="69"/>
                      </a:lnTo>
                      <a:lnTo>
                        <a:pt x="824" y="67"/>
                      </a:lnTo>
                      <a:lnTo>
                        <a:pt x="817" y="72"/>
                      </a:lnTo>
                      <a:lnTo>
                        <a:pt x="816" y="72"/>
                      </a:lnTo>
                      <a:lnTo>
                        <a:pt x="814" y="74"/>
                      </a:lnTo>
                      <a:lnTo>
                        <a:pt x="811" y="76"/>
                      </a:lnTo>
                      <a:lnTo>
                        <a:pt x="809" y="79"/>
                      </a:lnTo>
                      <a:lnTo>
                        <a:pt x="809" y="89"/>
                      </a:lnTo>
                      <a:lnTo>
                        <a:pt x="809" y="96"/>
                      </a:lnTo>
                      <a:lnTo>
                        <a:pt x="807" y="101"/>
                      </a:lnTo>
                      <a:lnTo>
                        <a:pt x="807" y="105"/>
                      </a:lnTo>
                      <a:lnTo>
                        <a:pt x="807" y="106"/>
                      </a:lnTo>
                      <a:lnTo>
                        <a:pt x="806" y="105"/>
                      </a:lnTo>
                      <a:lnTo>
                        <a:pt x="806" y="101"/>
                      </a:lnTo>
                      <a:lnTo>
                        <a:pt x="804" y="98"/>
                      </a:lnTo>
                      <a:lnTo>
                        <a:pt x="802" y="94"/>
                      </a:lnTo>
                      <a:lnTo>
                        <a:pt x="802" y="91"/>
                      </a:lnTo>
                      <a:lnTo>
                        <a:pt x="802" y="88"/>
                      </a:lnTo>
                      <a:lnTo>
                        <a:pt x="800" y="84"/>
                      </a:lnTo>
                      <a:lnTo>
                        <a:pt x="800" y="81"/>
                      </a:lnTo>
                      <a:lnTo>
                        <a:pt x="800" y="79"/>
                      </a:lnTo>
                      <a:lnTo>
                        <a:pt x="800" y="78"/>
                      </a:lnTo>
                      <a:lnTo>
                        <a:pt x="799" y="71"/>
                      </a:lnTo>
                      <a:lnTo>
                        <a:pt x="797" y="67"/>
                      </a:lnTo>
                      <a:lnTo>
                        <a:pt x="792" y="67"/>
                      </a:lnTo>
                      <a:lnTo>
                        <a:pt x="789" y="69"/>
                      </a:lnTo>
                      <a:lnTo>
                        <a:pt x="784" y="72"/>
                      </a:lnTo>
                      <a:lnTo>
                        <a:pt x="778" y="76"/>
                      </a:lnTo>
                      <a:lnTo>
                        <a:pt x="777" y="78"/>
                      </a:lnTo>
                      <a:lnTo>
                        <a:pt x="775" y="79"/>
                      </a:lnTo>
                      <a:lnTo>
                        <a:pt x="763" y="79"/>
                      </a:lnTo>
                      <a:lnTo>
                        <a:pt x="762" y="81"/>
                      </a:lnTo>
                      <a:lnTo>
                        <a:pt x="760" y="81"/>
                      </a:lnTo>
                      <a:lnTo>
                        <a:pt x="756" y="83"/>
                      </a:lnTo>
                      <a:lnTo>
                        <a:pt x="753" y="83"/>
                      </a:lnTo>
                      <a:lnTo>
                        <a:pt x="750" y="84"/>
                      </a:lnTo>
                      <a:lnTo>
                        <a:pt x="745" y="86"/>
                      </a:lnTo>
                      <a:lnTo>
                        <a:pt x="743" y="88"/>
                      </a:lnTo>
                      <a:lnTo>
                        <a:pt x="741" y="88"/>
                      </a:lnTo>
                      <a:lnTo>
                        <a:pt x="731" y="94"/>
                      </a:lnTo>
                      <a:lnTo>
                        <a:pt x="726" y="96"/>
                      </a:lnTo>
                      <a:lnTo>
                        <a:pt x="724" y="96"/>
                      </a:lnTo>
                      <a:lnTo>
                        <a:pt x="724" y="94"/>
                      </a:lnTo>
                      <a:lnTo>
                        <a:pt x="726" y="91"/>
                      </a:lnTo>
                      <a:lnTo>
                        <a:pt x="729" y="88"/>
                      </a:lnTo>
                      <a:lnTo>
                        <a:pt x="731" y="84"/>
                      </a:lnTo>
                      <a:lnTo>
                        <a:pt x="733" y="84"/>
                      </a:lnTo>
                      <a:lnTo>
                        <a:pt x="724" y="66"/>
                      </a:lnTo>
                      <a:lnTo>
                        <a:pt x="731" y="61"/>
                      </a:lnTo>
                      <a:lnTo>
                        <a:pt x="736" y="71"/>
                      </a:lnTo>
                      <a:lnTo>
                        <a:pt x="748" y="78"/>
                      </a:lnTo>
                      <a:lnTo>
                        <a:pt x="751" y="76"/>
                      </a:lnTo>
                      <a:lnTo>
                        <a:pt x="755" y="72"/>
                      </a:lnTo>
                      <a:lnTo>
                        <a:pt x="758" y="71"/>
                      </a:lnTo>
                      <a:lnTo>
                        <a:pt x="762" y="67"/>
                      </a:lnTo>
                      <a:lnTo>
                        <a:pt x="763" y="66"/>
                      </a:lnTo>
                      <a:lnTo>
                        <a:pt x="765" y="64"/>
                      </a:lnTo>
                      <a:lnTo>
                        <a:pt x="765" y="62"/>
                      </a:lnTo>
                      <a:lnTo>
                        <a:pt x="756" y="56"/>
                      </a:lnTo>
                      <a:lnTo>
                        <a:pt x="753" y="52"/>
                      </a:lnTo>
                      <a:lnTo>
                        <a:pt x="755" y="52"/>
                      </a:lnTo>
                      <a:lnTo>
                        <a:pt x="758" y="52"/>
                      </a:lnTo>
                      <a:lnTo>
                        <a:pt x="763" y="54"/>
                      </a:lnTo>
                      <a:lnTo>
                        <a:pt x="768" y="56"/>
                      </a:lnTo>
                      <a:lnTo>
                        <a:pt x="772" y="57"/>
                      </a:lnTo>
                      <a:lnTo>
                        <a:pt x="775" y="59"/>
                      </a:lnTo>
                      <a:lnTo>
                        <a:pt x="789" y="52"/>
                      </a:lnTo>
                      <a:lnTo>
                        <a:pt x="789" y="50"/>
                      </a:lnTo>
                      <a:lnTo>
                        <a:pt x="789" y="49"/>
                      </a:lnTo>
                      <a:lnTo>
                        <a:pt x="787" y="47"/>
                      </a:lnTo>
                      <a:lnTo>
                        <a:pt x="787" y="45"/>
                      </a:lnTo>
                      <a:lnTo>
                        <a:pt x="780" y="39"/>
                      </a:lnTo>
                      <a:lnTo>
                        <a:pt x="777" y="34"/>
                      </a:lnTo>
                      <a:lnTo>
                        <a:pt x="780" y="34"/>
                      </a:lnTo>
                      <a:lnTo>
                        <a:pt x="784" y="35"/>
                      </a:lnTo>
                      <a:lnTo>
                        <a:pt x="787" y="37"/>
                      </a:lnTo>
                      <a:lnTo>
                        <a:pt x="790" y="39"/>
                      </a:lnTo>
                      <a:lnTo>
                        <a:pt x="790" y="40"/>
                      </a:lnTo>
                      <a:lnTo>
                        <a:pt x="792" y="40"/>
                      </a:lnTo>
                      <a:lnTo>
                        <a:pt x="795" y="39"/>
                      </a:lnTo>
                      <a:lnTo>
                        <a:pt x="800" y="39"/>
                      </a:lnTo>
                      <a:lnTo>
                        <a:pt x="802" y="39"/>
                      </a:lnTo>
                      <a:lnTo>
                        <a:pt x="811" y="47"/>
                      </a:lnTo>
                      <a:lnTo>
                        <a:pt x="816" y="50"/>
                      </a:lnTo>
                      <a:lnTo>
                        <a:pt x="817" y="50"/>
                      </a:lnTo>
                      <a:lnTo>
                        <a:pt x="817" y="47"/>
                      </a:lnTo>
                      <a:lnTo>
                        <a:pt x="814" y="44"/>
                      </a:lnTo>
                      <a:lnTo>
                        <a:pt x="811" y="39"/>
                      </a:lnTo>
                      <a:lnTo>
                        <a:pt x="809" y="35"/>
                      </a:lnTo>
                      <a:lnTo>
                        <a:pt x="807" y="34"/>
                      </a:lnTo>
                      <a:lnTo>
                        <a:pt x="800" y="17"/>
                      </a:lnTo>
                      <a:lnTo>
                        <a:pt x="790" y="15"/>
                      </a:lnTo>
                      <a:lnTo>
                        <a:pt x="780" y="0"/>
                      </a:lnTo>
                      <a:lnTo>
                        <a:pt x="750" y="8"/>
                      </a:lnTo>
                      <a:lnTo>
                        <a:pt x="721" y="15"/>
                      </a:lnTo>
                      <a:lnTo>
                        <a:pt x="692" y="20"/>
                      </a:lnTo>
                      <a:lnTo>
                        <a:pt x="663" y="27"/>
                      </a:lnTo>
                      <a:lnTo>
                        <a:pt x="636" y="32"/>
                      </a:lnTo>
                      <a:lnTo>
                        <a:pt x="609" y="39"/>
                      </a:lnTo>
                      <a:lnTo>
                        <a:pt x="584" y="44"/>
                      </a:lnTo>
                      <a:lnTo>
                        <a:pt x="558" y="47"/>
                      </a:lnTo>
                      <a:lnTo>
                        <a:pt x="533" y="52"/>
                      </a:lnTo>
                      <a:lnTo>
                        <a:pt x="509" y="56"/>
                      </a:lnTo>
                      <a:lnTo>
                        <a:pt x="486" y="61"/>
                      </a:lnTo>
                      <a:lnTo>
                        <a:pt x="464" y="64"/>
                      </a:lnTo>
                      <a:lnTo>
                        <a:pt x="443" y="67"/>
                      </a:lnTo>
                      <a:lnTo>
                        <a:pt x="423" y="71"/>
                      </a:lnTo>
                      <a:lnTo>
                        <a:pt x="403" y="74"/>
                      </a:lnTo>
                      <a:lnTo>
                        <a:pt x="384" y="76"/>
                      </a:lnTo>
                      <a:lnTo>
                        <a:pt x="366" y="79"/>
                      </a:lnTo>
                      <a:lnTo>
                        <a:pt x="349" y="81"/>
                      </a:lnTo>
                      <a:lnTo>
                        <a:pt x="333" y="83"/>
                      </a:lnTo>
                      <a:lnTo>
                        <a:pt x="318" y="84"/>
                      </a:lnTo>
                      <a:lnTo>
                        <a:pt x="305" y="86"/>
                      </a:lnTo>
                      <a:lnTo>
                        <a:pt x="293" y="88"/>
                      </a:lnTo>
                      <a:lnTo>
                        <a:pt x="281" y="89"/>
                      </a:lnTo>
                      <a:lnTo>
                        <a:pt x="271" y="91"/>
                      </a:lnTo>
                      <a:lnTo>
                        <a:pt x="261" y="91"/>
                      </a:lnTo>
                      <a:lnTo>
                        <a:pt x="252" y="93"/>
                      </a:lnTo>
                      <a:lnTo>
                        <a:pt x="245" y="93"/>
                      </a:lnTo>
                      <a:lnTo>
                        <a:pt x="240" y="94"/>
                      </a:lnTo>
                      <a:lnTo>
                        <a:pt x="235" y="94"/>
                      </a:lnTo>
                      <a:lnTo>
                        <a:pt x="232" y="94"/>
                      </a:lnTo>
                      <a:lnTo>
                        <a:pt x="230" y="94"/>
                      </a:lnTo>
                      <a:lnTo>
                        <a:pt x="232" y="94"/>
                      </a:lnTo>
                      <a:lnTo>
                        <a:pt x="232" y="96"/>
                      </a:lnTo>
                      <a:lnTo>
                        <a:pt x="232" y="100"/>
                      </a:lnTo>
                      <a:lnTo>
                        <a:pt x="232" y="106"/>
                      </a:lnTo>
                      <a:lnTo>
                        <a:pt x="232" y="111"/>
                      </a:lnTo>
                      <a:lnTo>
                        <a:pt x="234" y="118"/>
                      </a:lnTo>
                      <a:lnTo>
                        <a:pt x="232" y="125"/>
                      </a:lnTo>
                      <a:lnTo>
                        <a:pt x="232" y="128"/>
                      </a:lnTo>
                      <a:lnTo>
                        <a:pt x="232" y="130"/>
                      </a:lnTo>
                      <a:lnTo>
                        <a:pt x="225" y="130"/>
                      </a:lnTo>
                      <a:lnTo>
                        <a:pt x="220" y="133"/>
                      </a:lnTo>
                      <a:lnTo>
                        <a:pt x="215" y="138"/>
                      </a:lnTo>
                      <a:lnTo>
                        <a:pt x="212" y="145"/>
                      </a:lnTo>
                      <a:lnTo>
                        <a:pt x="208" y="152"/>
                      </a:lnTo>
                      <a:lnTo>
                        <a:pt x="206" y="157"/>
                      </a:lnTo>
                      <a:lnTo>
                        <a:pt x="205" y="160"/>
                      </a:lnTo>
                      <a:lnTo>
                        <a:pt x="198" y="157"/>
                      </a:lnTo>
                      <a:lnTo>
                        <a:pt x="191" y="157"/>
                      </a:lnTo>
                      <a:lnTo>
                        <a:pt x="183" y="162"/>
                      </a:lnTo>
                      <a:lnTo>
                        <a:pt x="174" y="169"/>
                      </a:lnTo>
                      <a:lnTo>
                        <a:pt x="168" y="177"/>
                      </a:lnTo>
                      <a:lnTo>
                        <a:pt x="161" y="184"/>
                      </a:lnTo>
                      <a:lnTo>
                        <a:pt x="156" y="188"/>
                      </a:lnTo>
                      <a:lnTo>
                        <a:pt x="154" y="188"/>
                      </a:lnTo>
                      <a:lnTo>
                        <a:pt x="152" y="182"/>
                      </a:lnTo>
                      <a:lnTo>
                        <a:pt x="149" y="181"/>
                      </a:lnTo>
                      <a:lnTo>
                        <a:pt x="147" y="179"/>
                      </a:lnTo>
                      <a:lnTo>
                        <a:pt x="144" y="179"/>
                      </a:lnTo>
                      <a:lnTo>
                        <a:pt x="140" y="181"/>
                      </a:lnTo>
                      <a:lnTo>
                        <a:pt x="137" y="182"/>
                      </a:lnTo>
                      <a:lnTo>
                        <a:pt x="134" y="186"/>
                      </a:lnTo>
                      <a:lnTo>
                        <a:pt x="132" y="191"/>
                      </a:lnTo>
                      <a:lnTo>
                        <a:pt x="129" y="194"/>
                      </a:lnTo>
                      <a:lnTo>
                        <a:pt x="125" y="199"/>
                      </a:lnTo>
                      <a:lnTo>
                        <a:pt x="124" y="204"/>
                      </a:lnTo>
                      <a:lnTo>
                        <a:pt x="122" y="208"/>
                      </a:lnTo>
                      <a:lnTo>
                        <a:pt x="118" y="213"/>
                      </a:lnTo>
                      <a:lnTo>
                        <a:pt x="118" y="215"/>
                      </a:lnTo>
                      <a:lnTo>
                        <a:pt x="117" y="216"/>
                      </a:lnTo>
                      <a:lnTo>
                        <a:pt x="117" y="218"/>
                      </a:lnTo>
                      <a:lnTo>
                        <a:pt x="108" y="220"/>
                      </a:lnTo>
                      <a:lnTo>
                        <a:pt x="100" y="223"/>
                      </a:lnTo>
                      <a:lnTo>
                        <a:pt x="91" y="228"/>
                      </a:lnTo>
                      <a:lnTo>
                        <a:pt x="83" y="235"/>
                      </a:lnTo>
                      <a:lnTo>
                        <a:pt x="78" y="240"/>
                      </a:lnTo>
                      <a:lnTo>
                        <a:pt x="71" y="247"/>
                      </a:lnTo>
                      <a:lnTo>
                        <a:pt x="68" y="250"/>
                      </a:lnTo>
                      <a:lnTo>
                        <a:pt x="66" y="252"/>
                      </a:lnTo>
                      <a:lnTo>
                        <a:pt x="56" y="252"/>
                      </a:lnTo>
                      <a:lnTo>
                        <a:pt x="47" y="255"/>
                      </a:lnTo>
                      <a:lnTo>
                        <a:pt x="41" y="259"/>
                      </a:lnTo>
                      <a:lnTo>
                        <a:pt x="34" y="264"/>
                      </a:lnTo>
                      <a:lnTo>
                        <a:pt x="31" y="269"/>
                      </a:lnTo>
                      <a:lnTo>
                        <a:pt x="27" y="274"/>
                      </a:lnTo>
                      <a:lnTo>
                        <a:pt x="25" y="277"/>
                      </a:lnTo>
                      <a:lnTo>
                        <a:pt x="25" y="279"/>
                      </a:lnTo>
                      <a:lnTo>
                        <a:pt x="24" y="286"/>
                      </a:lnTo>
                      <a:lnTo>
                        <a:pt x="20" y="291"/>
                      </a:lnTo>
                      <a:lnTo>
                        <a:pt x="17" y="296"/>
                      </a:lnTo>
                      <a:lnTo>
                        <a:pt x="12" y="298"/>
                      </a:lnTo>
                      <a:lnTo>
                        <a:pt x="9" y="299"/>
                      </a:lnTo>
                      <a:lnTo>
                        <a:pt x="3" y="299"/>
                      </a:lnTo>
                      <a:lnTo>
                        <a:pt x="0" y="299"/>
                      </a:lnTo>
                      <a:lnTo>
                        <a:pt x="0" y="333"/>
                      </a:lnTo>
                      <a:lnTo>
                        <a:pt x="124" y="314"/>
                      </a:lnTo>
                      <a:lnTo>
                        <a:pt x="125" y="316"/>
                      </a:lnTo>
                      <a:lnTo>
                        <a:pt x="127" y="314"/>
                      </a:lnTo>
                      <a:lnTo>
                        <a:pt x="129" y="313"/>
                      </a:lnTo>
                      <a:lnTo>
                        <a:pt x="132" y="309"/>
                      </a:lnTo>
                      <a:lnTo>
                        <a:pt x="135" y="306"/>
                      </a:lnTo>
                      <a:lnTo>
                        <a:pt x="140" y="303"/>
                      </a:lnTo>
                      <a:lnTo>
                        <a:pt x="146" y="299"/>
                      </a:lnTo>
                      <a:lnTo>
                        <a:pt x="152" y="296"/>
                      </a:lnTo>
                      <a:lnTo>
                        <a:pt x="157" y="292"/>
                      </a:lnTo>
                      <a:lnTo>
                        <a:pt x="166" y="287"/>
                      </a:lnTo>
                      <a:lnTo>
                        <a:pt x="173" y="284"/>
                      </a:lnTo>
                      <a:lnTo>
                        <a:pt x="181" y="281"/>
                      </a:lnTo>
                      <a:lnTo>
                        <a:pt x="190" y="279"/>
                      </a:lnTo>
                      <a:lnTo>
                        <a:pt x="200" y="277"/>
                      </a:lnTo>
                      <a:lnTo>
                        <a:pt x="210" y="274"/>
                      </a:lnTo>
                      <a:lnTo>
                        <a:pt x="218" y="274"/>
                      </a:lnTo>
                      <a:lnTo>
                        <a:pt x="311" y="265"/>
                      </a:lnTo>
                      <a:lnTo>
                        <a:pt x="313" y="265"/>
                      </a:lnTo>
                      <a:lnTo>
                        <a:pt x="315" y="264"/>
                      </a:lnTo>
                      <a:lnTo>
                        <a:pt x="320" y="264"/>
                      </a:lnTo>
                      <a:lnTo>
                        <a:pt x="327" y="264"/>
                      </a:lnTo>
                      <a:lnTo>
                        <a:pt x="333" y="265"/>
                      </a:lnTo>
                      <a:lnTo>
                        <a:pt x="340" y="269"/>
                      </a:lnTo>
                      <a:lnTo>
                        <a:pt x="347" y="276"/>
                      </a:lnTo>
                      <a:lnTo>
                        <a:pt x="355" y="287"/>
                      </a:lnTo>
                      <a:lnTo>
                        <a:pt x="359" y="301"/>
                      </a:lnTo>
                      <a:lnTo>
                        <a:pt x="467" y="284"/>
                      </a:lnTo>
                      <a:lnTo>
                        <a:pt x="597" y="379"/>
                      </a:lnTo>
                      <a:lnTo>
                        <a:pt x="601" y="379"/>
                      </a:lnTo>
                      <a:lnTo>
                        <a:pt x="602" y="379"/>
                      </a:lnTo>
                      <a:lnTo>
                        <a:pt x="604" y="377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56" name="Freeform 164"/>
                <p:cNvSpPr>
                  <a:spLocks/>
                </p:cNvSpPr>
                <p:nvPr/>
              </p:nvSpPr>
              <p:spPr bwMode="auto">
                <a:xfrm>
                  <a:off x="4106" y="2082"/>
                  <a:ext cx="834" cy="379"/>
                </a:xfrm>
                <a:custGeom>
                  <a:avLst/>
                  <a:gdLst>
                    <a:gd name="T0" fmla="*/ 648 w 834"/>
                    <a:gd name="T1" fmla="*/ 360 h 379"/>
                    <a:gd name="T2" fmla="*/ 658 w 834"/>
                    <a:gd name="T3" fmla="*/ 335 h 379"/>
                    <a:gd name="T4" fmla="*/ 662 w 834"/>
                    <a:gd name="T5" fmla="*/ 353 h 379"/>
                    <a:gd name="T6" fmla="*/ 675 w 834"/>
                    <a:gd name="T7" fmla="*/ 309 h 379"/>
                    <a:gd name="T8" fmla="*/ 697 w 834"/>
                    <a:gd name="T9" fmla="*/ 279 h 379"/>
                    <a:gd name="T10" fmla="*/ 702 w 834"/>
                    <a:gd name="T11" fmla="*/ 264 h 379"/>
                    <a:gd name="T12" fmla="*/ 729 w 834"/>
                    <a:gd name="T13" fmla="*/ 248 h 379"/>
                    <a:gd name="T14" fmla="*/ 758 w 834"/>
                    <a:gd name="T15" fmla="*/ 232 h 379"/>
                    <a:gd name="T16" fmla="*/ 768 w 834"/>
                    <a:gd name="T17" fmla="*/ 233 h 379"/>
                    <a:gd name="T18" fmla="*/ 780 w 834"/>
                    <a:gd name="T19" fmla="*/ 230 h 379"/>
                    <a:gd name="T20" fmla="*/ 790 w 834"/>
                    <a:gd name="T21" fmla="*/ 218 h 379"/>
                    <a:gd name="T22" fmla="*/ 795 w 834"/>
                    <a:gd name="T23" fmla="*/ 193 h 379"/>
                    <a:gd name="T24" fmla="*/ 790 w 834"/>
                    <a:gd name="T25" fmla="*/ 201 h 379"/>
                    <a:gd name="T26" fmla="*/ 784 w 834"/>
                    <a:gd name="T27" fmla="*/ 188 h 379"/>
                    <a:gd name="T28" fmla="*/ 772 w 834"/>
                    <a:gd name="T29" fmla="*/ 198 h 379"/>
                    <a:gd name="T30" fmla="*/ 733 w 834"/>
                    <a:gd name="T31" fmla="*/ 199 h 379"/>
                    <a:gd name="T32" fmla="*/ 763 w 834"/>
                    <a:gd name="T33" fmla="*/ 194 h 379"/>
                    <a:gd name="T34" fmla="*/ 772 w 834"/>
                    <a:gd name="T35" fmla="*/ 164 h 379"/>
                    <a:gd name="T36" fmla="*/ 750 w 834"/>
                    <a:gd name="T37" fmla="*/ 159 h 379"/>
                    <a:gd name="T38" fmla="*/ 726 w 834"/>
                    <a:gd name="T39" fmla="*/ 149 h 379"/>
                    <a:gd name="T40" fmla="*/ 746 w 834"/>
                    <a:gd name="T41" fmla="*/ 149 h 379"/>
                    <a:gd name="T42" fmla="*/ 765 w 834"/>
                    <a:gd name="T43" fmla="*/ 144 h 379"/>
                    <a:gd name="T44" fmla="*/ 777 w 834"/>
                    <a:gd name="T45" fmla="*/ 138 h 379"/>
                    <a:gd name="T46" fmla="*/ 787 w 834"/>
                    <a:gd name="T47" fmla="*/ 149 h 379"/>
                    <a:gd name="T48" fmla="*/ 809 w 834"/>
                    <a:gd name="T49" fmla="*/ 147 h 379"/>
                    <a:gd name="T50" fmla="*/ 831 w 834"/>
                    <a:gd name="T51" fmla="*/ 113 h 379"/>
                    <a:gd name="T52" fmla="*/ 834 w 834"/>
                    <a:gd name="T53" fmla="*/ 105 h 379"/>
                    <a:gd name="T54" fmla="*/ 824 w 834"/>
                    <a:gd name="T55" fmla="*/ 67 h 379"/>
                    <a:gd name="T56" fmla="*/ 809 w 834"/>
                    <a:gd name="T57" fmla="*/ 79 h 379"/>
                    <a:gd name="T58" fmla="*/ 806 w 834"/>
                    <a:gd name="T59" fmla="*/ 105 h 379"/>
                    <a:gd name="T60" fmla="*/ 800 w 834"/>
                    <a:gd name="T61" fmla="*/ 84 h 379"/>
                    <a:gd name="T62" fmla="*/ 792 w 834"/>
                    <a:gd name="T63" fmla="*/ 67 h 379"/>
                    <a:gd name="T64" fmla="*/ 763 w 834"/>
                    <a:gd name="T65" fmla="*/ 79 h 379"/>
                    <a:gd name="T66" fmla="*/ 743 w 834"/>
                    <a:gd name="T67" fmla="*/ 88 h 379"/>
                    <a:gd name="T68" fmla="*/ 726 w 834"/>
                    <a:gd name="T69" fmla="*/ 91 h 379"/>
                    <a:gd name="T70" fmla="*/ 748 w 834"/>
                    <a:gd name="T71" fmla="*/ 78 h 379"/>
                    <a:gd name="T72" fmla="*/ 763 w 834"/>
                    <a:gd name="T73" fmla="*/ 66 h 379"/>
                    <a:gd name="T74" fmla="*/ 758 w 834"/>
                    <a:gd name="T75" fmla="*/ 52 h 379"/>
                    <a:gd name="T76" fmla="*/ 789 w 834"/>
                    <a:gd name="T77" fmla="*/ 50 h 379"/>
                    <a:gd name="T78" fmla="*/ 777 w 834"/>
                    <a:gd name="T79" fmla="*/ 34 h 379"/>
                    <a:gd name="T80" fmla="*/ 792 w 834"/>
                    <a:gd name="T81" fmla="*/ 40 h 379"/>
                    <a:gd name="T82" fmla="*/ 817 w 834"/>
                    <a:gd name="T83" fmla="*/ 50 h 379"/>
                    <a:gd name="T84" fmla="*/ 790 w 834"/>
                    <a:gd name="T85" fmla="*/ 15 h 379"/>
                    <a:gd name="T86" fmla="*/ 636 w 834"/>
                    <a:gd name="T87" fmla="*/ 32 h 379"/>
                    <a:gd name="T88" fmla="*/ 464 w 834"/>
                    <a:gd name="T89" fmla="*/ 64 h 379"/>
                    <a:gd name="T90" fmla="*/ 333 w 834"/>
                    <a:gd name="T91" fmla="*/ 83 h 379"/>
                    <a:gd name="T92" fmla="*/ 252 w 834"/>
                    <a:gd name="T93" fmla="*/ 93 h 379"/>
                    <a:gd name="T94" fmla="*/ 232 w 834"/>
                    <a:gd name="T95" fmla="*/ 94 h 379"/>
                    <a:gd name="T96" fmla="*/ 232 w 834"/>
                    <a:gd name="T97" fmla="*/ 125 h 379"/>
                    <a:gd name="T98" fmla="*/ 212 w 834"/>
                    <a:gd name="T99" fmla="*/ 145 h 379"/>
                    <a:gd name="T100" fmla="*/ 191 w 834"/>
                    <a:gd name="T101" fmla="*/ 157 h 379"/>
                    <a:gd name="T102" fmla="*/ 154 w 834"/>
                    <a:gd name="T103" fmla="*/ 188 h 379"/>
                    <a:gd name="T104" fmla="*/ 134 w 834"/>
                    <a:gd name="T105" fmla="*/ 186 h 379"/>
                    <a:gd name="T106" fmla="*/ 118 w 834"/>
                    <a:gd name="T107" fmla="*/ 215 h 379"/>
                    <a:gd name="T108" fmla="*/ 83 w 834"/>
                    <a:gd name="T109" fmla="*/ 235 h 379"/>
                    <a:gd name="T110" fmla="*/ 47 w 834"/>
                    <a:gd name="T111" fmla="*/ 255 h 379"/>
                    <a:gd name="T112" fmla="*/ 25 w 834"/>
                    <a:gd name="T113" fmla="*/ 279 h 379"/>
                    <a:gd name="T114" fmla="*/ 0 w 834"/>
                    <a:gd name="T115" fmla="*/ 299 h 379"/>
                    <a:gd name="T116" fmla="*/ 127 w 834"/>
                    <a:gd name="T117" fmla="*/ 314 h 379"/>
                    <a:gd name="T118" fmla="*/ 157 w 834"/>
                    <a:gd name="T119" fmla="*/ 292 h 379"/>
                    <a:gd name="T120" fmla="*/ 218 w 834"/>
                    <a:gd name="T121" fmla="*/ 274 h 379"/>
                    <a:gd name="T122" fmla="*/ 333 w 834"/>
                    <a:gd name="T123" fmla="*/ 265 h 379"/>
                    <a:gd name="T124" fmla="*/ 597 w 834"/>
                    <a:gd name="T125" fmla="*/ 379 h 379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60000 65536"/>
                    <a:gd name="T187" fmla="*/ 0 60000 65536"/>
                    <a:gd name="T188" fmla="*/ 0 60000 65536"/>
                    <a:gd name="T189" fmla="*/ 0 w 834"/>
                    <a:gd name="T190" fmla="*/ 0 h 379"/>
                    <a:gd name="T191" fmla="*/ 834 w 834"/>
                    <a:gd name="T192" fmla="*/ 379 h 379"/>
                  </a:gdLst>
                  <a:ahLst/>
                  <a:cxnLst>
                    <a:cxn ang="T126">
                      <a:pos x="T0" y="T1"/>
                    </a:cxn>
                    <a:cxn ang="T127">
                      <a:pos x="T2" y="T3"/>
                    </a:cxn>
                    <a:cxn ang="T128">
                      <a:pos x="T4" y="T5"/>
                    </a:cxn>
                    <a:cxn ang="T129">
                      <a:pos x="T6" y="T7"/>
                    </a:cxn>
                    <a:cxn ang="T130">
                      <a:pos x="T8" y="T9"/>
                    </a:cxn>
                    <a:cxn ang="T131">
                      <a:pos x="T10" y="T11"/>
                    </a:cxn>
                    <a:cxn ang="T132">
                      <a:pos x="T12" y="T13"/>
                    </a:cxn>
                    <a:cxn ang="T133">
                      <a:pos x="T14" y="T15"/>
                    </a:cxn>
                    <a:cxn ang="T134">
                      <a:pos x="T16" y="T17"/>
                    </a:cxn>
                    <a:cxn ang="T135">
                      <a:pos x="T18" y="T19"/>
                    </a:cxn>
                    <a:cxn ang="T136">
                      <a:pos x="T20" y="T21"/>
                    </a:cxn>
                    <a:cxn ang="T137">
                      <a:pos x="T22" y="T23"/>
                    </a:cxn>
                    <a:cxn ang="T138">
                      <a:pos x="T24" y="T25"/>
                    </a:cxn>
                    <a:cxn ang="T139">
                      <a:pos x="T26" y="T27"/>
                    </a:cxn>
                    <a:cxn ang="T140">
                      <a:pos x="T28" y="T29"/>
                    </a:cxn>
                    <a:cxn ang="T141">
                      <a:pos x="T30" y="T31"/>
                    </a:cxn>
                    <a:cxn ang="T142">
                      <a:pos x="T32" y="T33"/>
                    </a:cxn>
                    <a:cxn ang="T143">
                      <a:pos x="T34" y="T35"/>
                    </a:cxn>
                    <a:cxn ang="T144">
                      <a:pos x="T36" y="T37"/>
                    </a:cxn>
                    <a:cxn ang="T145">
                      <a:pos x="T38" y="T39"/>
                    </a:cxn>
                    <a:cxn ang="T146">
                      <a:pos x="T40" y="T41"/>
                    </a:cxn>
                    <a:cxn ang="T147">
                      <a:pos x="T42" y="T43"/>
                    </a:cxn>
                    <a:cxn ang="T148">
                      <a:pos x="T44" y="T45"/>
                    </a:cxn>
                    <a:cxn ang="T149">
                      <a:pos x="T46" y="T47"/>
                    </a:cxn>
                    <a:cxn ang="T150">
                      <a:pos x="T48" y="T49"/>
                    </a:cxn>
                    <a:cxn ang="T151">
                      <a:pos x="T50" y="T51"/>
                    </a:cxn>
                    <a:cxn ang="T152">
                      <a:pos x="T52" y="T53"/>
                    </a:cxn>
                    <a:cxn ang="T153">
                      <a:pos x="T54" y="T55"/>
                    </a:cxn>
                    <a:cxn ang="T154">
                      <a:pos x="T56" y="T57"/>
                    </a:cxn>
                    <a:cxn ang="T155">
                      <a:pos x="T58" y="T59"/>
                    </a:cxn>
                    <a:cxn ang="T156">
                      <a:pos x="T60" y="T61"/>
                    </a:cxn>
                    <a:cxn ang="T157">
                      <a:pos x="T62" y="T63"/>
                    </a:cxn>
                    <a:cxn ang="T158">
                      <a:pos x="T64" y="T65"/>
                    </a:cxn>
                    <a:cxn ang="T159">
                      <a:pos x="T66" y="T67"/>
                    </a:cxn>
                    <a:cxn ang="T160">
                      <a:pos x="T68" y="T69"/>
                    </a:cxn>
                    <a:cxn ang="T161">
                      <a:pos x="T70" y="T71"/>
                    </a:cxn>
                    <a:cxn ang="T162">
                      <a:pos x="T72" y="T73"/>
                    </a:cxn>
                    <a:cxn ang="T163">
                      <a:pos x="T74" y="T75"/>
                    </a:cxn>
                    <a:cxn ang="T164">
                      <a:pos x="T76" y="T77"/>
                    </a:cxn>
                    <a:cxn ang="T165">
                      <a:pos x="T78" y="T79"/>
                    </a:cxn>
                    <a:cxn ang="T166">
                      <a:pos x="T80" y="T81"/>
                    </a:cxn>
                    <a:cxn ang="T167">
                      <a:pos x="T82" y="T83"/>
                    </a:cxn>
                    <a:cxn ang="T168">
                      <a:pos x="T84" y="T85"/>
                    </a:cxn>
                    <a:cxn ang="T169">
                      <a:pos x="T86" y="T87"/>
                    </a:cxn>
                    <a:cxn ang="T170">
                      <a:pos x="T88" y="T89"/>
                    </a:cxn>
                    <a:cxn ang="T171">
                      <a:pos x="T90" y="T91"/>
                    </a:cxn>
                    <a:cxn ang="T172">
                      <a:pos x="T92" y="T93"/>
                    </a:cxn>
                    <a:cxn ang="T173">
                      <a:pos x="T94" y="T95"/>
                    </a:cxn>
                    <a:cxn ang="T174">
                      <a:pos x="T96" y="T97"/>
                    </a:cxn>
                    <a:cxn ang="T175">
                      <a:pos x="T98" y="T99"/>
                    </a:cxn>
                    <a:cxn ang="T176">
                      <a:pos x="T100" y="T101"/>
                    </a:cxn>
                    <a:cxn ang="T177">
                      <a:pos x="T102" y="T103"/>
                    </a:cxn>
                    <a:cxn ang="T178">
                      <a:pos x="T104" y="T105"/>
                    </a:cxn>
                    <a:cxn ang="T179">
                      <a:pos x="T106" y="T107"/>
                    </a:cxn>
                    <a:cxn ang="T180">
                      <a:pos x="T108" y="T109"/>
                    </a:cxn>
                    <a:cxn ang="T181">
                      <a:pos x="T110" y="T111"/>
                    </a:cxn>
                    <a:cxn ang="T182">
                      <a:pos x="T112" y="T113"/>
                    </a:cxn>
                    <a:cxn ang="T183">
                      <a:pos x="T114" y="T115"/>
                    </a:cxn>
                    <a:cxn ang="T184">
                      <a:pos x="T116" y="T117"/>
                    </a:cxn>
                    <a:cxn ang="T185">
                      <a:pos x="T118" y="T119"/>
                    </a:cxn>
                    <a:cxn ang="T186">
                      <a:pos x="T120" y="T121"/>
                    </a:cxn>
                    <a:cxn ang="T187">
                      <a:pos x="T122" y="T123"/>
                    </a:cxn>
                    <a:cxn ang="T188">
                      <a:pos x="T124" y="T125"/>
                    </a:cxn>
                  </a:cxnLst>
                  <a:rect l="T189" t="T190" r="T191" b="T192"/>
                  <a:pathLst>
                    <a:path w="834" h="379">
                      <a:moveTo>
                        <a:pt x="604" y="377"/>
                      </a:moveTo>
                      <a:lnTo>
                        <a:pt x="604" y="377"/>
                      </a:lnTo>
                      <a:lnTo>
                        <a:pt x="618" y="369"/>
                      </a:lnTo>
                      <a:lnTo>
                        <a:pt x="628" y="362"/>
                      </a:lnTo>
                      <a:lnTo>
                        <a:pt x="636" y="360"/>
                      </a:lnTo>
                      <a:lnTo>
                        <a:pt x="643" y="360"/>
                      </a:lnTo>
                      <a:lnTo>
                        <a:pt x="648" y="360"/>
                      </a:lnTo>
                      <a:lnTo>
                        <a:pt x="650" y="362"/>
                      </a:lnTo>
                      <a:lnTo>
                        <a:pt x="653" y="364"/>
                      </a:lnTo>
                      <a:lnTo>
                        <a:pt x="653" y="365"/>
                      </a:lnTo>
                      <a:lnTo>
                        <a:pt x="653" y="333"/>
                      </a:lnTo>
                      <a:lnTo>
                        <a:pt x="657" y="333"/>
                      </a:lnTo>
                      <a:lnTo>
                        <a:pt x="658" y="335"/>
                      </a:lnTo>
                      <a:lnTo>
                        <a:pt x="658" y="338"/>
                      </a:lnTo>
                      <a:lnTo>
                        <a:pt x="658" y="340"/>
                      </a:lnTo>
                      <a:lnTo>
                        <a:pt x="660" y="345"/>
                      </a:lnTo>
                      <a:lnTo>
                        <a:pt x="662" y="348"/>
                      </a:lnTo>
                      <a:lnTo>
                        <a:pt x="662" y="352"/>
                      </a:lnTo>
                      <a:lnTo>
                        <a:pt x="662" y="353"/>
                      </a:lnTo>
                      <a:lnTo>
                        <a:pt x="663" y="345"/>
                      </a:lnTo>
                      <a:lnTo>
                        <a:pt x="663" y="338"/>
                      </a:lnTo>
                      <a:lnTo>
                        <a:pt x="667" y="330"/>
                      </a:lnTo>
                      <a:lnTo>
                        <a:pt x="668" y="323"/>
                      </a:lnTo>
                      <a:lnTo>
                        <a:pt x="672" y="316"/>
                      </a:lnTo>
                      <a:lnTo>
                        <a:pt x="675" y="309"/>
                      </a:lnTo>
                      <a:lnTo>
                        <a:pt x="679" y="303"/>
                      </a:lnTo>
                      <a:lnTo>
                        <a:pt x="682" y="298"/>
                      </a:lnTo>
                      <a:lnTo>
                        <a:pt x="685" y="292"/>
                      </a:lnTo>
                      <a:lnTo>
                        <a:pt x="689" y="289"/>
                      </a:lnTo>
                      <a:lnTo>
                        <a:pt x="692" y="286"/>
                      </a:lnTo>
                      <a:lnTo>
                        <a:pt x="696" y="282"/>
                      </a:lnTo>
                      <a:lnTo>
                        <a:pt x="697" y="279"/>
                      </a:lnTo>
                      <a:lnTo>
                        <a:pt x="699" y="277"/>
                      </a:lnTo>
                      <a:lnTo>
                        <a:pt x="701" y="277"/>
                      </a:lnTo>
                      <a:lnTo>
                        <a:pt x="701" y="276"/>
                      </a:lnTo>
                      <a:lnTo>
                        <a:pt x="696" y="267"/>
                      </a:lnTo>
                      <a:lnTo>
                        <a:pt x="702" y="262"/>
                      </a:lnTo>
                      <a:lnTo>
                        <a:pt x="702" y="264"/>
                      </a:lnTo>
                      <a:lnTo>
                        <a:pt x="704" y="267"/>
                      </a:lnTo>
                      <a:lnTo>
                        <a:pt x="706" y="270"/>
                      </a:lnTo>
                      <a:lnTo>
                        <a:pt x="707" y="270"/>
                      </a:lnTo>
                      <a:lnTo>
                        <a:pt x="714" y="262"/>
                      </a:lnTo>
                      <a:lnTo>
                        <a:pt x="721" y="254"/>
                      </a:lnTo>
                      <a:lnTo>
                        <a:pt x="729" y="248"/>
                      </a:lnTo>
                      <a:lnTo>
                        <a:pt x="738" y="243"/>
                      </a:lnTo>
                      <a:lnTo>
                        <a:pt x="745" y="242"/>
                      </a:lnTo>
                      <a:lnTo>
                        <a:pt x="751" y="240"/>
                      </a:lnTo>
                      <a:lnTo>
                        <a:pt x="756" y="238"/>
                      </a:lnTo>
                      <a:lnTo>
                        <a:pt x="758" y="238"/>
                      </a:lnTo>
                      <a:lnTo>
                        <a:pt x="758" y="232"/>
                      </a:lnTo>
                      <a:lnTo>
                        <a:pt x="760" y="230"/>
                      </a:lnTo>
                      <a:lnTo>
                        <a:pt x="762" y="228"/>
                      </a:lnTo>
                      <a:lnTo>
                        <a:pt x="763" y="228"/>
                      </a:lnTo>
                      <a:lnTo>
                        <a:pt x="765" y="230"/>
                      </a:lnTo>
                      <a:lnTo>
                        <a:pt x="767" y="230"/>
                      </a:lnTo>
                      <a:lnTo>
                        <a:pt x="768" y="232"/>
                      </a:lnTo>
                      <a:lnTo>
                        <a:pt x="768" y="233"/>
                      </a:lnTo>
                      <a:lnTo>
                        <a:pt x="770" y="230"/>
                      </a:lnTo>
                      <a:lnTo>
                        <a:pt x="772" y="228"/>
                      </a:lnTo>
                      <a:lnTo>
                        <a:pt x="773" y="226"/>
                      </a:lnTo>
                      <a:lnTo>
                        <a:pt x="775" y="228"/>
                      </a:lnTo>
                      <a:lnTo>
                        <a:pt x="778" y="228"/>
                      </a:lnTo>
                      <a:lnTo>
                        <a:pt x="780" y="230"/>
                      </a:lnTo>
                      <a:lnTo>
                        <a:pt x="782" y="230"/>
                      </a:lnTo>
                      <a:lnTo>
                        <a:pt x="784" y="230"/>
                      </a:lnTo>
                      <a:lnTo>
                        <a:pt x="785" y="226"/>
                      </a:lnTo>
                      <a:lnTo>
                        <a:pt x="787" y="223"/>
                      </a:lnTo>
                      <a:lnTo>
                        <a:pt x="790" y="218"/>
                      </a:lnTo>
                      <a:lnTo>
                        <a:pt x="792" y="215"/>
                      </a:lnTo>
                      <a:lnTo>
                        <a:pt x="795" y="210"/>
                      </a:lnTo>
                      <a:lnTo>
                        <a:pt x="797" y="208"/>
                      </a:lnTo>
                      <a:lnTo>
                        <a:pt x="797" y="204"/>
                      </a:lnTo>
                      <a:lnTo>
                        <a:pt x="797" y="196"/>
                      </a:lnTo>
                      <a:lnTo>
                        <a:pt x="795" y="193"/>
                      </a:lnTo>
                      <a:lnTo>
                        <a:pt x="795" y="191"/>
                      </a:lnTo>
                      <a:lnTo>
                        <a:pt x="794" y="193"/>
                      </a:lnTo>
                      <a:lnTo>
                        <a:pt x="792" y="194"/>
                      </a:lnTo>
                      <a:lnTo>
                        <a:pt x="790" y="198"/>
                      </a:lnTo>
                      <a:lnTo>
                        <a:pt x="790" y="199"/>
                      </a:lnTo>
                      <a:lnTo>
                        <a:pt x="790" y="201"/>
                      </a:lnTo>
                      <a:lnTo>
                        <a:pt x="789" y="201"/>
                      </a:lnTo>
                      <a:lnTo>
                        <a:pt x="787" y="199"/>
                      </a:lnTo>
                      <a:lnTo>
                        <a:pt x="785" y="199"/>
                      </a:lnTo>
                      <a:lnTo>
                        <a:pt x="785" y="198"/>
                      </a:lnTo>
                      <a:lnTo>
                        <a:pt x="784" y="191"/>
                      </a:lnTo>
                      <a:lnTo>
                        <a:pt x="784" y="188"/>
                      </a:lnTo>
                      <a:lnTo>
                        <a:pt x="784" y="186"/>
                      </a:lnTo>
                      <a:lnTo>
                        <a:pt x="782" y="188"/>
                      </a:lnTo>
                      <a:lnTo>
                        <a:pt x="780" y="189"/>
                      </a:lnTo>
                      <a:lnTo>
                        <a:pt x="780" y="193"/>
                      </a:lnTo>
                      <a:lnTo>
                        <a:pt x="780" y="194"/>
                      </a:lnTo>
                      <a:lnTo>
                        <a:pt x="780" y="196"/>
                      </a:lnTo>
                      <a:lnTo>
                        <a:pt x="772" y="198"/>
                      </a:lnTo>
                      <a:lnTo>
                        <a:pt x="753" y="215"/>
                      </a:lnTo>
                      <a:lnTo>
                        <a:pt x="741" y="213"/>
                      </a:lnTo>
                      <a:lnTo>
                        <a:pt x="724" y="198"/>
                      </a:lnTo>
                      <a:lnTo>
                        <a:pt x="726" y="198"/>
                      </a:lnTo>
                      <a:lnTo>
                        <a:pt x="729" y="199"/>
                      </a:lnTo>
                      <a:lnTo>
                        <a:pt x="733" y="199"/>
                      </a:lnTo>
                      <a:lnTo>
                        <a:pt x="736" y="201"/>
                      </a:lnTo>
                      <a:lnTo>
                        <a:pt x="741" y="204"/>
                      </a:lnTo>
                      <a:lnTo>
                        <a:pt x="748" y="204"/>
                      </a:lnTo>
                      <a:lnTo>
                        <a:pt x="753" y="203"/>
                      </a:lnTo>
                      <a:lnTo>
                        <a:pt x="758" y="199"/>
                      </a:lnTo>
                      <a:lnTo>
                        <a:pt x="763" y="194"/>
                      </a:lnTo>
                      <a:lnTo>
                        <a:pt x="767" y="191"/>
                      </a:lnTo>
                      <a:lnTo>
                        <a:pt x="770" y="188"/>
                      </a:lnTo>
                      <a:lnTo>
                        <a:pt x="770" y="186"/>
                      </a:lnTo>
                      <a:lnTo>
                        <a:pt x="760" y="182"/>
                      </a:lnTo>
                      <a:lnTo>
                        <a:pt x="758" y="177"/>
                      </a:lnTo>
                      <a:lnTo>
                        <a:pt x="768" y="176"/>
                      </a:lnTo>
                      <a:lnTo>
                        <a:pt x="772" y="164"/>
                      </a:lnTo>
                      <a:lnTo>
                        <a:pt x="770" y="164"/>
                      </a:lnTo>
                      <a:lnTo>
                        <a:pt x="768" y="164"/>
                      </a:lnTo>
                      <a:lnTo>
                        <a:pt x="767" y="164"/>
                      </a:lnTo>
                      <a:lnTo>
                        <a:pt x="763" y="162"/>
                      </a:lnTo>
                      <a:lnTo>
                        <a:pt x="750" y="159"/>
                      </a:lnTo>
                      <a:lnTo>
                        <a:pt x="740" y="155"/>
                      </a:lnTo>
                      <a:lnTo>
                        <a:pt x="731" y="154"/>
                      </a:lnTo>
                      <a:lnTo>
                        <a:pt x="728" y="152"/>
                      </a:lnTo>
                      <a:lnTo>
                        <a:pt x="724" y="150"/>
                      </a:lnTo>
                      <a:lnTo>
                        <a:pt x="723" y="150"/>
                      </a:lnTo>
                      <a:lnTo>
                        <a:pt x="724" y="149"/>
                      </a:lnTo>
                      <a:lnTo>
                        <a:pt x="726" y="149"/>
                      </a:lnTo>
                      <a:lnTo>
                        <a:pt x="728" y="149"/>
                      </a:lnTo>
                      <a:lnTo>
                        <a:pt x="731" y="147"/>
                      </a:lnTo>
                      <a:lnTo>
                        <a:pt x="736" y="149"/>
                      </a:lnTo>
                      <a:lnTo>
                        <a:pt x="740" y="149"/>
                      </a:lnTo>
                      <a:lnTo>
                        <a:pt x="743" y="149"/>
                      </a:lnTo>
                      <a:lnTo>
                        <a:pt x="745" y="149"/>
                      </a:lnTo>
                      <a:lnTo>
                        <a:pt x="746" y="149"/>
                      </a:lnTo>
                      <a:lnTo>
                        <a:pt x="748" y="149"/>
                      </a:lnTo>
                      <a:lnTo>
                        <a:pt x="746" y="138"/>
                      </a:lnTo>
                      <a:lnTo>
                        <a:pt x="755" y="135"/>
                      </a:lnTo>
                      <a:lnTo>
                        <a:pt x="760" y="144"/>
                      </a:lnTo>
                      <a:lnTo>
                        <a:pt x="762" y="144"/>
                      </a:lnTo>
                      <a:lnTo>
                        <a:pt x="765" y="144"/>
                      </a:lnTo>
                      <a:lnTo>
                        <a:pt x="767" y="145"/>
                      </a:lnTo>
                      <a:lnTo>
                        <a:pt x="768" y="144"/>
                      </a:lnTo>
                      <a:lnTo>
                        <a:pt x="770" y="138"/>
                      </a:lnTo>
                      <a:lnTo>
                        <a:pt x="772" y="135"/>
                      </a:lnTo>
                      <a:lnTo>
                        <a:pt x="773" y="137"/>
                      </a:lnTo>
                      <a:lnTo>
                        <a:pt x="777" y="138"/>
                      </a:lnTo>
                      <a:lnTo>
                        <a:pt x="778" y="142"/>
                      </a:lnTo>
                      <a:lnTo>
                        <a:pt x="782" y="145"/>
                      </a:lnTo>
                      <a:lnTo>
                        <a:pt x="784" y="147"/>
                      </a:lnTo>
                      <a:lnTo>
                        <a:pt x="784" y="149"/>
                      </a:lnTo>
                      <a:lnTo>
                        <a:pt x="785" y="149"/>
                      </a:lnTo>
                      <a:lnTo>
                        <a:pt x="787" y="149"/>
                      </a:lnTo>
                      <a:lnTo>
                        <a:pt x="792" y="149"/>
                      </a:lnTo>
                      <a:lnTo>
                        <a:pt x="795" y="149"/>
                      </a:lnTo>
                      <a:lnTo>
                        <a:pt x="800" y="149"/>
                      </a:lnTo>
                      <a:lnTo>
                        <a:pt x="804" y="147"/>
                      </a:lnTo>
                      <a:lnTo>
                        <a:pt x="807" y="147"/>
                      </a:lnTo>
                      <a:lnTo>
                        <a:pt x="809" y="147"/>
                      </a:lnTo>
                      <a:lnTo>
                        <a:pt x="814" y="130"/>
                      </a:lnTo>
                      <a:lnTo>
                        <a:pt x="819" y="120"/>
                      </a:lnTo>
                      <a:lnTo>
                        <a:pt x="824" y="113"/>
                      </a:lnTo>
                      <a:lnTo>
                        <a:pt x="826" y="110"/>
                      </a:lnTo>
                      <a:lnTo>
                        <a:pt x="828" y="110"/>
                      </a:lnTo>
                      <a:lnTo>
                        <a:pt x="829" y="111"/>
                      </a:lnTo>
                      <a:lnTo>
                        <a:pt x="831" y="113"/>
                      </a:lnTo>
                      <a:lnTo>
                        <a:pt x="831" y="111"/>
                      </a:lnTo>
                      <a:lnTo>
                        <a:pt x="833" y="110"/>
                      </a:lnTo>
                      <a:lnTo>
                        <a:pt x="834" y="106"/>
                      </a:lnTo>
                      <a:lnTo>
                        <a:pt x="834" y="105"/>
                      </a:lnTo>
                      <a:lnTo>
                        <a:pt x="834" y="96"/>
                      </a:lnTo>
                      <a:lnTo>
                        <a:pt x="833" y="88"/>
                      </a:lnTo>
                      <a:lnTo>
                        <a:pt x="831" y="81"/>
                      </a:lnTo>
                      <a:lnTo>
                        <a:pt x="829" y="76"/>
                      </a:lnTo>
                      <a:lnTo>
                        <a:pt x="828" y="72"/>
                      </a:lnTo>
                      <a:lnTo>
                        <a:pt x="826" y="69"/>
                      </a:lnTo>
                      <a:lnTo>
                        <a:pt x="824" y="67"/>
                      </a:lnTo>
                      <a:lnTo>
                        <a:pt x="817" y="72"/>
                      </a:lnTo>
                      <a:lnTo>
                        <a:pt x="816" y="72"/>
                      </a:lnTo>
                      <a:lnTo>
                        <a:pt x="814" y="74"/>
                      </a:lnTo>
                      <a:lnTo>
                        <a:pt x="811" y="76"/>
                      </a:lnTo>
                      <a:lnTo>
                        <a:pt x="809" y="79"/>
                      </a:lnTo>
                      <a:lnTo>
                        <a:pt x="809" y="89"/>
                      </a:lnTo>
                      <a:lnTo>
                        <a:pt x="809" y="96"/>
                      </a:lnTo>
                      <a:lnTo>
                        <a:pt x="807" y="101"/>
                      </a:lnTo>
                      <a:lnTo>
                        <a:pt x="807" y="105"/>
                      </a:lnTo>
                      <a:lnTo>
                        <a:pt x="807" y="106"/>
                      </a:lnTo>
                      <a:lnTo>
                        <a:pt x="806" y="105"/>
                      </a:lnTo>
                      <a:lnTo>
                        <a:pt x="806" y="101"/>
                      </a:lnTo>
                      <a:lnTo>
                        <a:pt x="804" y="98"/>
                      </a:lnTo>
                      <a:lnTo>
                        <a:pt x="802" y="94"/>
                      </a:lnTo>
                      <a:lnTo>
                        <a:pt x="802" y="91"/>
                      </a:lnTo>
                      <a:lnTo>
                        <a:pt x="802" y="88"/>
                      </a:lnTo>
                      <a:lnTo>
                        <a:pt x="800" y="84"/>
                      </a:lnTo>
                      <a:lnTo>
                        <a:pt x="800" y="81"/>
                      </a:lnTo>
                      <a:lnTo>
                        <a:pt x="800" y="79"/>
                      </a:lnTo>
                      <a:lnTo>
                        <a:pt x="800" y="78"/>
                      </a:lnTo>
                      <a:lnTo>
                        <a:pt x="799" y="71"/>
                      </a:lnTo>
                      <a:lnTo>
                        <a:pt x="797" y="67"/>
                      </a:lnTo>
                      <a:lnTo>
                        <a:pt x="792" y="67"/>
                      </a:lnTo>
                      <a:lnTo>
                        <a:pt x="789" y="69"/>
                      </a:lnTo>
                      <a:lnTo>
                        <a:pt x="784" y="72"/>
                      </a:lnTo>
                      <a:lnTo>
                        <a:pt x="778" y="76"/>
                      </a:lnTo>
                      <a:lnTo>
                        <a:pt x="777" y="78"/>
                      </a:lnTo>
                      <a:lnTo>
                        <a:pt x="775" y="79"/>
                      </a:lnTo>
                      <a:lnTo>
                        <a:pt x="763" y="79"/>
                      </a:lnTo>
                      <a:lnTo>
                        <a:pt x="762" y="81"/>
                      </a:lnTo>
                      <a:lnTo>
                        <a:pt x="760" y="81"/>
                      </a:lnTo>
                      <a:lnTo>
                        <a:pt x="756" y="83"/>
                      </a:lnTo>
                      <a:lnTo>
                        <a:pt x="753" y="83"/>
                      </a:lnTo>
                      <a:lnTo>
                        <a:pt x="750" y="84"/>
                      </a:lnTo>
                      <a:lnTo>
                        <a:pt x="745" y="86"/>
                      </a:lnTo>
                      <a:lnTo>
                        <a:pt x="743" y="88"/>
                      </a:lnTo>
                      <a:lnTo>
                        <a:pt x="741" y="88"/>
                      </a:lnTo>
                      <a:lnTo>
                        <a:pt x="731" y="94"/>
                      </a:lnTo>
                      <a:lnTo>
                        <a:pt x="726" y="96"/>
                      </a:lnTo>
                      <a:lnTo>
                        <a:pt x="724" y="96"/>
                      </a:lnTo>
                      <a:lnTo>
                        <a:pt x="724" y="94"/>
                      </a:lnTo>
                      <a:lnTo>
                        <a:pt x="726" y="91"/>
                      </a:lnTo>
                      <a:lnTo>
                        <a:pt x="729" y="88"/>
                      </a:lnTo>
                      <a:lnTo>
                        <a:pt x="731" y="84"/>
                      </a:lnTo>
                      <a:lnTo>
                        <a:pt x="733" y="84"/>
                      </a:lnTo>
                      <a:lnTo>
                        <a:pt x="724" y="66"/>
                      </a:lnTo>
                      <a:lnTo>
                        <a:pt x="731" y="61"/>
                      </a:lnTo>
                      <a:lnTo>
                        <a:pt x="736" y="71"/>
                      </a:lnTo>
                      <a:lnTo>
                        <a:pt x="748" y="78"/>
                      </a:lnTo>
                      <a:lnTo>
                        <a:pt x="751" y="76"/>
                      </a:lnTo>
                      <a:lnTo>
                        <a:pt x="755" y="72"/>
                      </a:lnTo>
                      <a:lnTo>
                        <a:pt x="758" y="71"/>
                      </a:lnTo>
                      <a:lnTo>
                        <a:pt x="762" y="67"/>
                      </a:lnTo>
                      <a:lnTo>
                        <a:pt x="763" y="66"/>
                      </a:lnTo>
                      <a:lnTo>
                        <a:pt x="765" y="64"/>
                      </a:lnTo>
                      <a:lnTo>
                        <a:pt x="765" y="62"/>
                      </a:lnTo>
                      <a:lnTo>
                        <a:pt x="756" y="56"/>
                      </a:lnTo>
                      <a:lnTo>
                        <a:pt x="753" y="52"/>
                      </a:lnTo>
                      <a:lnTo>
                        <a:pt x="755" y="52"/>
                      </a:lnTo>
                      <a:lnTo>
                        <a:pt x="758" y="52"/>
                      </a:lnTo>
                      <a:lnTo>
                        <a:pt x="763" y="54"/>
                      </a:lnTo>
                      <a:lnTo>
                        <a:pt x="768" y="56"/>
                      </a:lnTo>
                      <a:lnTo>
                        <a:pt x="772" y="57"/>
                      </a:lnTo>
                      <a:lnTo>
                        <a:pt x="775" y="59"/>
                      </a:lnTo>
                      <a:lnTo>
                        <a:pt x="789" y="52"/>
                      </a:lnTo>
                      <a:lnTo>
                        <a:pt x="789" y="50"/>
                      </a:lnTo>
                      <a:lnTo>
                        <a:pt x="789" y="49"/>
                      </a:lnTo>
                      <a:lnTo>
                        <a:pt x="787" y="47"/>
                      </a:lnTo>
                      <a:lnTo>
                        <a:pt x="787" y="45"/>
                      </a:lnTo>
                      <a:lnTo>
                        <a:pt x="780" y="39"/>
                      </a:lnTo>
                      <a:lnTo>
                        <a:pt x="777" y="34"/>
                      </a:lnTo>
                      <a:lnTo>
                        <a:pt x="780" y="34"/>
                      </a:lnTo>
                      <a:lnTo>
                        <a:pt x="784" y="35"/>
                      </a:lnTo>
                      <a:lnTo>
                        <a:pt x="787" y="37"/>
                      </a:lnTo>
                      <a:lnTo>
                        <a:pt x="790" y="39"/>
                      </a:lnTo>
                      <a:lnTo>
                        <a:pt x="790" y="40"/>
                      </a:lnTo>
                      <a:lnTo>
                        <a:pt x="792" y="40"/>
                      </a:lnTo>
                      <a:lnTo>
                        <a:pt x="795" y="39"/>
                      </a:lnTo>
                      <a:lnTo>
                        <a:pt x="800" y="39"/>
                      </a:lnTo>
                      <a:lnTo>
                        <a:pt x="802" y="39"/>
                      </a:lnTo>
                      <a:lnTo>
                        <a:pt x="811" y="47"/>
                      </a:lnTo>
                      <a:lnTo>
                        <a:pt x="816" y="50"/>
                      </a:lnTo>
                      <a:lnTo>
                        <a:pt x="817" y="50"/>
                      </a:lnTo>
                      <a:lnTo>
                        <a:pt x="817" y="47"/>
                      </a:lnTo>
                      <a:lnTo>
                        <a:pt x="814" y="44"/>
                      </a:lnTo>
                      <a:lnTo>
                        <a:pt x="811" y="39"/>
                      </a:lnTo>
                      <a:lnTo>
                        <a:pt x="809" y="35"/>
                      </a:lnTo>
                      <a:lnTo>
                        <a:pt x="807" y="34"/>
                      </a:lnTo>
                      <a:lnTo>
                        <a:pt x="800" y="17"/>
                      </a:lnTo>
                      <a:lnTo>
                        <a:pt x="790" y="15"/>
                      </a:lnTo>
                      <a:lnTo>
                        <a:pt x="780" y="0"/>
                      </a:lnTo>
                      <a:lnTo>
                        <a:pt x="750" y="8"/>
                      </a:lnTo>
                      <a:lnTo>
                        <a:pt x="721" y="15"/>
                      </a:lnTo>
                      <a:lnTo>
                        <a:pt x="692" y="20"/>
                      </a:lnTo>
                      <a:lnTo>
                        <a:pt x="663" y="27"/>
                      </a:lnTo>
                      <a:lnTo>
                        <a:pt x="636" y="32"/>
                      </a:lnTo>
                      <a:lnTo>
                        <a:pt x="609" y="39"/>
                      </a:lnTo>
                      <a:lnTo>
                        <a:pt x="584" y="44"/>
                      </a:lnTo>
                      <a:lnTo>
                        <a:pt x="558" y="47"/>
                      </a:lnTo>
                      <a:lnTo>
                        <a:pt x="533" y="52"/>
                      </a:lnTo>
                      <a:lnTo>
                        <a:pt x="509" y="56"/>
                      </a:lnTo>
                      <a:lnTo>
                        <a:pt x="486" y="61"/>
                      </a:lnTo>
                      <a:lnTo>
                        <a:pt x="464" y="64"/>
                      </a:lnTo>
                      <a:lnTo>
                        <a:pt x="443" y="67"/>
                      </a:lnTo>
                      <a:lnTo>
                        <a:pt x="423" y="71"/>
                      </a:lnTo>
                      <a:lnTo>
                        <a:pt x="403" y="74"/>
                      </a:lnTo>
                      <a:lnTo>
                        <a:pt x="384" y="76"/>
                      </a:lnTo>
                      <a:lnTo>
                        <a:pt x="366" y="79"/>
                      </a:lnTo>
                      <a:lnTo>
                        <a:pt x="349" y="81"/>
                      </a:lnTo>
                      <a:lnTo>
                        <a:pt x="333" y="83"/>
                      </a:lnTo>
                      <a:lnTo>
                        <a:pt x="318" y="84"/>
                      </a:lnTo>
                      <a:lnTo>
                        <a:pt x="305" y="86"/>
                      </a:lnTo>
                      <a:lnTo>
                        <a:pt x="293" y="88"/>
                      </a:lnTo>
                      <a:lnTo>
                        <a:pt x="281" y="89"/>
                      </a:lnTo>
                      <a:lnTo>
                        <a:pt x="271" y="91"/>
                      </a:lnTo>
                      <a:lnTo>
                        <a:pt x="261" y="91"/>
                      </a:lnTo>
                      <a:lnTo>
                        <a:pt x="252" y="93"/>
                      </a:lnTo>
                      <a:lnTo>
                        <a:pt x="245" y="93"/>
                      </a:lnTo>
                      <a:lnTo>
                        <a:pt x="240" y="94"/>
                      </a:lnTo>
                      <a:lnTo>
                        <a:pt x="235" y="94"/>
                      </a:lnTo>
                      <a:lnTo>
                        <a:pt x="232" y="94"/>
                      </a:lnTo>
                      <a:lnTo>
                        <a:pt x="230" y="94"/>
                      </a:lnTo>
                      <a:lnTo>
                        <a:pt x="232" y="94"/>
                      </a:lnTo>
                      <a:lnTo>
                        <a:pt x="232" y="96"/>
                      </a:lnTo>
                      <a:lnTo>
                        <a:pt x="232" y="100"/>
                      </a:lnTo>
                      <a:lnTo>
                        <a:pt x="232" y="106"/>
                      </a:lnTo>
                      <a:lnTo>
                        <a:pt x="232" y="111"/>
                      </a:lnTo>
                      <a:lnTo>
                        <a:pt x="234" y="118"/>
                      </a:lnTo>
                      <a:lnTo>
                        <a:pt x="232" y="125"/>
                      </a:lnTo>
                      <a:lnTo>
                        <a:pt x="232" y="128"/>
                      </a:lnTo>
                      <a:lnTo>
                        <a:pt x="232" y="130"/>
                      </a:lnTo>
                      <a:lnTo>
                        <a:pt x="225" y="130"/>
                      </a:lnTo>
                      <a:lnTo>
                        <a:pt x="220" y="133"/>
                      </a:lnTo>
                      <a:lnTo>
                        <a:pt x="215" y="138"/>
                      </a:lnTo>
                      <a:lnTo>
                        <a:pt x="212" y="145"/>
                      </a:lnTo>
                      <a:lnTo>
                        <a:pt x="208" y="152"/>
                      </a:lnTo>
                      <a:lnTo>
                        <a:pt x="206" y="157"/>
                      </a:lnTo>
                      <a:lnTo>
                        <a:pt x="205" y="160"/>
                      </a:lnTo>
                      <a:lnTo>
                        <a:pt x="198" y="157"/>
                      </a:lnTo>
                      <a:lnTo>
                        <a:pt x="191" y="157"/>
                      </a:lnTo>
                      <a:lnTo>
                        <a:pt x="183" y="162"/>
                      </a:lnTo>
                      <a:lnTo>
                        <a:pt x="174" y="169"/>
                      </a:lnTo>
                      <a:lnTo>
                        <a:pt x="168" y="177"/>
                      </a:lnTo>
                      <a:lnTo>
                        <a:pt x="161" y="184"/>
                      </a:lnTo>
                      <a:lnTo>
                        <a:pt x="156" y="188"/>
                      </a:lnTo>
                      <a:lnTo>
                        <a:pt x="154" y="188"/>
                      </a:lnTo>
                      <a:lnTo>
                        <a:pt x="152" y="182"/>
                      </a:lnTo>
                      <a:lnTo>
                        <a:pt x="149" y="181"/>
                      </a:lnTo>
                      <a:lnTo>
                        <a:pt x="147" y="179"/>
                      </a:lnTo>
                      <a:lnTo>
                        <a:pt x="144" y="179"/>
                      </a:lnTo>
                      <a:lnTo>
                        <a:pt x="140" y="181"/>
                      </a:lnTo>
                      <a:lnTo>
                        <a:pt x="137" y="182"/>
                      </a:lnTo>
                      <a:lnTo>
                        <a:pt x="134" y="186"/>
                      </a:lnTo>
                      <a:lnTo>
                        <a:pt x="132" y="191"/>
                      </a:lnTo>
                      <a:lnTo>
                        <a:pt x="129" y="194"/>
                      </a:lnTo>
                      <a:lnTo>
                        <a:pt x="125" y="199"/>
                      </a:lnTo>
                      <a:lnTo>
                        <a:pt x="124" y="204"/>
                      </a:lnTo>
                      <a:lnTo>
                        <a:pt x="122" y="208"/>
                      </a:lnTo>
                      <a:lnTo>
                        <a:pt x="118" y="213"/>
                      </a:lnTo>
                      <a:lnTo>
                        <a:pt x="118" y="215"/>
                      </a:lnTo>
                      <a:lnTo>
                        <a:pt x="117" y="216"/>
                      </a:lnTo>
                      <a:lnTo>
                        <a:pt x="117" y="218"/>
                      </a:lnTo>
                      <a:lnTo>
                        <a:pt x="108" y="220"/>
                      </a:lnTo>
                      <a:lnTo>
                        <a:pt x="100" y="223"/>
                      </a:lnTo>
                      <a:lnTo>
                        <a:pt x="91" y="228"/>
                      </a:lnTo>
                      <a:lnTo>
                        <a:pt x="83" y="235"/>
                      </a:lnTo>
                      <a:lnTo>
                        <a:pt x="78" y="240"/>
                      </a:lnTo>
                      <a:lnTo>
                        <a:pt x="71" y="247"/>
                      </a:lnTo>
                      <a:lnTo>
                        <a:pt x="68" y="250"/>
                      </a:lnTo>
                      <a:lnTo>
                        <a:pt x="66" y="252"/>
                      </a:lnTo>
                      <a:lnTo>
                        <a:pt x="56" y="252"/>
                      </a:lnTo>
                      <a:lnTo>
                        <a:pt x="47" y="255"/>
                      </a:lnTo>
                      <a:lnTo>
                        <a:pt x="41" y="259"/>
                      </a:lnTo>
                      <a:lnTo>
                        <a:pt x="34" y="264"/>
                      </a:lnTo>
                      <a:lnTo>
                        <a:pt x="31" y="269"/>
                      </a:lnTo>
                      <a:lnTo>
                        <a:pt x="27" y="274"/>
                      </a:lnTo>
                      <a:lnTo>
                        <a:pt x="25" y="277"/>
                      </a:lnTo>
                      <a:lnTo>
                        <a:pt x="25" y="279"/>
                      </a:lnTo>
                      <a:lnTo>
                        <a:pt x="24" y="286"/>
                      </a:lnTo>
                      <a:lnTo>
                        <a:pt x="20" y="291"/>
                      </a:lnTo>
                      <a:lnTo>
                        <a:pt x="17" y="296"/>
                      </a:lnTo>
                      <a:lnTo>
                        <a:pt x="12" y="298"/>
                      </a:lnTo>
                      <a:lnTo>
                        <a:pt x="9" y="299"/>
                      </a:lnTo>
                      <a:lnTo>
                        <a:pt x="3" y="299"/>
                      </a:lnTo>
                      <a:lnTo>
                        <a:pt x="0" y="299"/>
                      </a:lnTo>
                      <a:lnTo>
                        <a:pt x="0" y="333"/>
                      </a:lnTo>
                      <a:lnTo>
                        <a:pt x="124" y="314"/>
                      </a:lnTo>
                      <a:lnTo>
                        <a:pt x="125" y="316"/>
                      </a:lnTo>
                      <a:lnTo>
                        <a:pt x="127" y="314"/>
                      </a:lnTo>
                      <a:lnTo>
                        <a:pt x="129" y="313"/>
                      </a:lnTo>
                      <a:lnTo>
                        <a:pt x="132" y="309"/>
                      </a:lnTo>
                      <a:lnTo>
                        <a:pt x="135" y="306"/>
                      </a:lnTo>
                      <a:lnTo>
                        <a:pt x="140" y="303"/>
                      </a:lnTo>
                      <a:lnTo>
                        <a:pt x="146" y="299"/>
                      </a:lnTo>
                      <a:lnTo>
                        <a:pt x="152" y="296"/>
                      </a:lnTo>
                      <a:lnTo>
                        <a:pt x="157" y="292"/>
                      </a:lnTo>
                      <a:lnTo>
                        <a:pt x="166" y="287"/>
                      </a:lnTo>
                      <a:lnTo>
                        <a:pt x="173" y="284"/>
                      </a:lnTo>
                      <a:lnTo>
                        <a:pt x="181" y="281"/>
                      </a:lnTo>
                      <a:lnTo>
                        <a:pt x="190" y="279"/>
                      </a:lnTo>
                      <a:lnTo>
                        <a:pt x="200" y="277"/>
                      </a:lnTo>
                      <a:lnTo>
                        <a:pt x="210" y="274"/>
                      </a:lnTo>
                      <a:lnTo>
                        <a:pt x="218" y="274"/>
                      </a:lnTo>
                      <a:lnTo>
                        <a:pt x="311" y="265"/>
                      </a:lnTo>
                      <a:lnTo>
                        <a:pt x="313" y="265"/>
                      </a:lnTo>
                      <a:lnTo>
                        <a:pt x="315" y="264"/>
                      </a:lnTo>
                      <a:lnTo>
                        <a:pt x="320" y="264"/>
                      </a:lnTo>
                      <a:lnTo>
                        <a:pt x="327" y="264"/>
                      </a:lnTo>
                      <a:lnTo>
                        <a:pt x="333" y="265"/>
                      </a:lnTo>
                      <a:lnTo>
                        <a:pt x="340" y="269"/>
                      </a:lnTo>
                      <a:lnTo>
                        <a:pt x="347" y="276"/>
                      </a:lnTo>
                      <a:lnTo>
                        <a:pt x="355" y="287"/>
                      </a:lnTo>
                      <a:lnTo>
                        <a:pt x="359" y="301"/>
                      </a:lnTo>
                      <a:lnTo>
                        <a:pt x="467" y="284"/>
                      </a:lnTo>
                      <a:lnTo>
                        <a:pt x="597" y="379"/>
                      </a:lnTo>
                      <a:lnTo>
                        <a:pt x="601" y="379"/>
                      </a:lnTo>
                      <a:lnTo>
                        <a:pt x="602" y="379"/>
                      </a:lnTo>
                      <a:lnTo>
                        <a:pt x="604" y="377"/>
                      </a:lnTo>
                    </a:path>
                  </a:pathLst>
                </a:custGeom>
                <a:solidFill>
                  <a:schemeClr val="bg2">
                    <a:lumMod val="85000"/>
                  </a:schemeClr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57" name="Freeform 165"/>
                <p:cNvSpPr>
                  <a:spLocks/>
                </p:cNvSpPr>
                <p:nvPr/>
              </p:nvSpPr>
              <p:spPr bwMode="auto">
                <a:xfrm>
                  <a:off x="4891" y="2263"/>
                  <a:ext cx="39" cy="57"/>
                </a:xfrm>
                <a:custGeom>
                  <a:avLst/>
                  <a:gdLst>
                    <a:gd name="T0" fmla="*/ 0 w 39"/>
                    <a:gd name="T1" fmla="*/ 57 h 57"/>
                    <a:gd name="T2" fmla="*/ 2 w 39"/>
                    <a:gd name="T3" fmla="*/ 54 h 57"/>
                    <a:gd name="T4" fmla="*/ 4 w 39"/>
                    <a:gd name="T5" fmla="*/ 51 h 57"/>
                    <a:gd name="T6" fmla="*/ 7 w 39"/>
                    <a:gd name="T7" fmla="*/ 44 h 57"/>
                    <a:gd name="T8" fmla="*/ 10 w 39"/>
                    <a:gd name="T9" fmla="*/ 35 h 57"/>
                    <a:gd name="T10" fmla="*/ 15 w 39"/>
                    <a:gd name="T11" fmla="*/ 25 h 57"/>
                    <a:gd name="T12" fmla="*/ 21 w 39"/>
                    <a:gd name="T13" fmla="*/ 15 h 57"/>
                    <a:gd name="T14" fmla="*/ 27 w 39"/>
                    <a:gd name="T15" fmla="*/ 7 h 57"/>
                    <a:gd name="T16" fmla="*/ 32 w 39"/>
                    <a:gd name="T17" fmla="*/ 0 h 57"/>
                    <a:gd name="T18" fmla="*/ 39 w 39"/>
                    <a:gd name="T19" fmla="*/ 1 h 57"/>
                    <a:gd name="T20" fmla="*/ 39 w 39"/>
                    <a:gd name="T21" fmla="*/ 1 h 57"/>
                    <a:gd name="T22" fmla="*/ 36 w 39"/>
                    <a:gd name="T23" fmla="*/ 5 h 57"/>
                    <a:gd name="T24" fmla="*/ 32 w 39"/>
                    <a:gd name="T25" fmla="*/ 8 h 57"/>
                    <a:gd name="T26" fmla="*/ 29 w 39"/>
                    <a:gd name="T27" fmla="*/ 13 h 57"/>
                    <a:gd name="T28" fmla="*/ 24 w 39"/>
                    <a:gd name="T29" fmla="*/ 22 h 57"/>
                    <a:gd name="T30" fmla="*/ 19 w 39"/>
                    <a:gd name="T31" fmla="*/ 30 h 57"/>
                    <a:gd name="T32" fmla="*/ 12 w 39"/>
                    <a:gd name="T33" fmla="*/ 40 h 57"/>
                    <a:gd name="T34" fmla="*/ 7 w 39"/>
                    <a:gd name="T35" fmla="*/ 54 h 57"/>
                    <a:gd name="T36" fmla="*/ 5 w 39"/>
                    <a:gd name="T37" fmla="*/ 54 h 57"/>
                    <a:gd name="T38" fmla="*/ 4 w 39"/>
                    <a:gd name="T39" fmla="*/ 56 h 57"/>
                    <a:gd name="T40" fmla="*/ 2 w 39"/>
                    <a:gd name="T41" fmla="*/ 56 h 57"/>
                    <a:gd name="T42" fmla="*/ 0 w 39"/>
                    <a:gd name="T43" fmla="*/ 57 h 57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w 39"/>
                    <a:gd name="T67" fmla="*/ 0 h 57"/>
                    <a:gd name="T68" fmla="*/ 39 w 39"/>
                    <a:gd name="T69" fmla="*/ 57 h 57"/>
                  </a:gdLst>
                  <a:ahLst/>
                  <a:cxnLst>
                    <a:cxn ang="T44">
                      <a:pos x="T0" y="T1"/>
                    </a:cxn>
                    <a:cxn ang="T45">
                      <a:pos x="T2" y="T3"/>
                    </a:cxn>
                    <a:cxn ang="T46">
                      <a:pos x="T4" y="T5"/>
                    </a:cxn>
                    <a:cxn ang="T47">
                      <a:pos x="T6" y="T7"/>
                    </a:cxn>
                    <a:cxn ang="T48">
                      <a:pos x="T8" y="T9"/>
                    </a:cxn>
                    <a:cxn ang="T49">
                      <a:pos x="T10" y="T11"/>
                    </a:cxn>
                    <a:cxn ang="T50">
                      <a:pos x="T12" y="T13"/>
                    </a:cxn>
                    <a:cxn ang="T51">
                      <a:pos x="T14" y="T15"/>
                    </a:cxn>
                    <a:cxn ang="T52">
                      <a:pos x="T16" y="T17"/>
                    </a:cxn>
                    <a:cxn ang="T53">
                      <a:pos x="T18" y="T19"/>
                    </a:cxn>
                    <a:cxn ang="T54">
                      <a:pos x="T20" y="T21"/>
                    </a:cxn>
                    <a:cxn ang="T55">
                      <a:pos x="T22" y="T23"/>
                    </a:cxn>
                    <a:cxn ang="T56">
                      <a:pos x="T24" y="T25"/>
                    </a:cxn>
                    <a:cxn ang="T57">
                      <a:pos x="T26" y="T27"/>
                    </a:cxn>
                    <a:cxn ang="T58">
                      <a:pos x="T28" y="T29"/>
                    </a:cxn>
                    <a:cxn ang="T59">
                      <a:pos x="T30" y="T31"/>
                    </a:cxn>
                    <a:cxn ang="T60">
                      <a:pos x="T32" y="T33"/>
                    </a:cxn>
                    <a:cxn ang="T61">
                      <a:pos x="T34" y="T35"/>
                    </a:cxn>
                    <a:cxn ang="T62">
                      <a:pos x="T36" y="T37"/>
                    </a:cxn>
                    <a:cxn ang="T63">
                      <a:pos x="T38" y="T39"/>
                    </a:cxn>
                    <a:cxn ang="T64">
                      <a:pos x="T40" y="T41"/>
                    </a:cxn>
                    <a:cxn ang="T65">
                      <a:pos x="T42" y="T43"/>
                    </a:cxn>
                  </a:cxnLst>
                  <a:rect l="T66" t="T67" r="T68" b="T69"/>
                  <a:pathLst>
                    <a:path w="39" h="57">
                      <a:moveTo>
                        <a:pt x="0" y="57"/>
                      </a:moveTo>
                      <a:lnTo>
                        <a:pt x="2" y="54"/>
                      </a:lnTo>
                      <a:lnTo>
                        <a:pt x="4" y="51"/>
                      </a:lnTo>
                      <a:lnTo>
                        <a:pt x="7" y="44"/>
                      </a:lnTo>
                      <a:lnTo>
                        <a:pt x="10" y="35"/>
                      </a:lnTo>
                      <a:lnTo>
                        <a:pt x="15" y="25"/>
                      </a:lnTo>
                      <a:lnTo>
                        <a:pt x="21" y="15"/>
                      </a:lnTo>
                      <a:lnTo>
                        <a:pt x="27" y="7"/>
                      </a:lnTo>
                      <a:lnTo>
                        <a:pt x="32" y="0"/>
                      </a:lnTo>
                      <a:lnTo>
                        <a:pt x="39" y="1"/>
                      </a:lnTo>
                      <a:lnTo>
                        <a:pt x="36" y="5"/>
                      </a:lnTo>
                      <a:lnTo>
                        <a:pt x="32" y="8"/>
                      </a:lnTo>
                      <a:lnTo>
                        <a:pt x="29" y="13"/>
                      </a:lnTo>
                      <a:lnTo>
                        <a:pt x="24" y="22"/>
                      </a:lnTo>
                      <a:lnTo>
                        <a:pt x="19" y="30"/>
                      </a:lnTo>
                      <a:lnTo>
                        <a:pt x="12" y="40"/>
                      </a:lnTo>
                      <a:lnTo>
                        <a:pt x="7" y="54"/>
                      </a:lnTo>
                      <a:lnTo>
                        <a:pt x="5" y="54"/>
                      </a:lnTo>
                      <a:lnTo>
                        <a:pt x="4" y="56"/>
                      </a:lnTo>
                      <a:lnTo>
                        <a:pt x="2" y="56"/>
                      </a:lnTo>
                      <a:lnTo>
                        <a:pt x="0" y="57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58" name="Freeform 166"/>
                <p:cNvSpPr>
                  <a:spLocks/>
                </p:cNvSpPr>
                <p:nvPr/>
              </p:nvSpPr>
              <p:spPr bwMode="auto">
                <a:xfrm>
                  <a:off x="4891" y="2263"/>
                  <a:ext cx="39" cy="57"/>
                </a:xfrm>
                <a:custGeom>
                  <a:avLst/>
                  <a:gdLst>
                    <a:gd name="T0" fmla="*/ 0 w 39"/>
                    <a:gd name="T1" fmla="*/ 57 h 57"/>
                    <a:gd name="T2" fmla="*/ 0 w 39"/>
                    <a:gd name="T3" fmla="*/ 57 h 57"/>
                    <a:gd name="T4" fmla="*/ 2 w 39"/>
                    <a:gd name="T5" fmla="*/ 54 h 57"/>
                    <a:gd name="T6" fmla="*/ 4 w 39"/>
                    <a:gd name="T7" fmla="*/ 51 h 57"/>
                    <a:gd name="T8" fmla="*/ 7 w 39"/>
                    <a:gd name="T9" fmla="*/ 44 h 57"/>
                    <a:gd name="T10" fmla="*/ 10 w 39"/>
                    <a:gd name="T11" fmla="*/ 35 h 57"/>
                    <a:gd name="T12" fmla="*/ 15 w 39"/>
                    <a:gd name="T13" fmla="*/ 25 h 57"/>
                    <a:gd name="T14" fmla="*/ 21 w 39"/>
                    <a:gd name="T15" fmla="*/ 15 h 57"/>
                    <a:gd name="T16" fmla="*/ 27 w 39"/>
                    <a:gd name="T17" fmla="*/ 7 h 57"/>
                    <a:gd name="T18" fmla="*/ 32 w 39"/>
                    <a:gd name="T19" fmla="*/ 0 h 57"/>
                    <a:gd name="T20" fmla="*/ 39 w 39"/>
                    <a:gd name="T21" fmla="*/ 1 h 57"/>
                    <a:gd name="T22" fmla="*/ 39 w 39"/>
                    <a:gd name="T23" fmla="*/ 1 h 57"/>
                    <a:gd name="T24" fmla="*/ 39 w 39"/>
                    <a:gd name="T25" fmla="*/ 1 h 57"/>
                    <a:gd name="T26" fmla="*/ 36 w 39"/>
                    <a:gd name="T27" fmla="*/ 5 h 57"/>
                    <a:gd name="T28" fmla="*/ 32 w 39"/>
                    <a:gd name="T29" fmla="*/ 8 h 57"/>
                    <a:gd name="T30" fmla="*/ 29 w 39"/>
                    <a:gd name="T31" fmla="*/ 13 h 57"/>
                    <a:gd name="T32" fmla="*/ 24 w 39"/>
                    <a:gd name="T33" fmla="*/ 22 h 57"/>
                    <a:gd name="T34" fmla="*/ 19 w 39"/>
                    <a:gd name="T35" fmla="*/ 30 h 57"/>
                    <a:gd name="T36" fmla="*/ 12 w 39"/>
                    <a:gd name="T37" fmla="*/ 40 h 57"/>
                    <a:gd name="T38" fmla="*/ 7 w 39"/>
                    <a:gd name="T39" fmla="*/ 54 h 57"/>
                    <a:gd name="T40" fmla="*/ 7 w 39"/>
                    <a:gd name="T41" fmla="*/ 54 h 57"/>
                    <a:gd name="T42" fmla="*/ 5 w 39"/>
                    <a:gd name="T43" fmla="*/ 54 h 57"/>
                    <a:gd name="T44" fmla="*/ 4 w 39"/>
                    <a:gd name="T45" fmla="*/ 56 h 57"/>
                    <a:gd name="T46" fmla="*/ 2 w 39"/>
                    <a:gd name="T47" fmla="*/ 56 h 57"/>
                    <a:gd name="T48" fmla="*/ 0 w 39"/>
                    <a:gd name="T49" fmla="*/ 57 h 57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w 39"/>
                    <a:gd name="T76" fmla="*/ 0 h 57"/>
                    <a:gd name="T77" fmla="*/ 39 w 39"/>
                    <a:gd name="T78" fmla="*/ 57 h 57"/>
                  </a:gdLst>
                  <a:ahLst/>
                  <a:cxnLst>
                    <a:cxn ang="T50">
                      <a:pos x="T0" y="T1"/>
                    </a:cxn>
                    <a:cxn ang="T51">
                      <a:pos x="T2" y="T3"/>
                    </a:cxn>
                    <a:cxn ang="T52">
                      <a:pos x="T4" y="T5"/>
                    </a:cxn>
                    <a:cxn ang="T53">
                      <a:pos x="T6" y="T7"/>
                    </a:cxn>
                    <a:cxn ang="T54">
                      <a:pos x="T8" y="T9"/>
                    </a:cxn>
                    <a:cxn ang="T55">
                      <a:pos x="T10" y="T11"/>
                    </a:cxn>
                    <a:cxn ang="T56">
                      <a:pos x="T12" y="T13"/>
                    </a:cxn>
                    <a:cxn ang="T57">
                      <a:pos x="T14" y="T15"/>
                    </a:cxn>
                    <a:cxn ang="T58">
                      <a:pos x="T16" y="T17"/>
                    </a:cxn>
                    <a:cxn ang="T59">
                      <a:pos x="T18" y="T19"/>
                    </a:cxn>
                    <a:cxn ang="T60">
                      <a:pos x="T20" y="T21"/>
                    </a:cxn>
                    <a:cxn ang="T61">
                      <a:pos x="T22" y="T23"/>
                    </a:cxn>
                    <a:cxn ang="T62">
                      <a:pos x="T24" y="T25"/>
                    </a:cxn>
                    <a:cxn ang="T63">
                      <a:pos x="T26" y="T27"/>
                    </a:cxn>
                    <a:cxn ang="T64">
                      <a:pos x="T28" y="T29"/>
                    </a:cxn>
                    <a:cxn ang="T65">
                      <a:pos x="T30" y="T31"/>
                    </a:cxn>
                    <a:cxn ang="T66">
                      <a:pos x="T32" y="T33"/>
                    </a:cxn>
                    <a:cxn ang="T67">
                      <a:pos x="T34" y="T35"/>
                    </a:cxn>
                    <a:cxn ang="T68">
                      <a:pos x="T36" y="T37"/>
                    </a:cxn>
                    <a:cxn ang="T69">
                      <a:pos x="T38" y="T39"/>
                    </a:cxn>
                    <a:cxn ang="T70">
                      <a:pos x="T40" y="T41"/>
                    </a:cxn>
                    <a:cxn ang="T71">
                      <a:pos x="T42" y="T43"/>
                    </a:cxn>
                    <a:cxn ang="T72">
                      <a:pos x="T44" y="T45"/>
                    </a:cxn>
                    <a:cxn ang="T73">
                      <a:pos x="T46" y="T47"/>
                    </a:cxn>
                    <a:cxn ang="T74">
                      <a:pos x="T48" y="T49"/>
                    </a:cxn>
                  </a:cxnLst>
                  <a:rect l="T75" t="T76" r="T77" b="T78"/>
                  <a:pathLst>
                    <a:path w="39" h="57">
                      <a:moveTo>
                        <a:pt x="0" y="57"/>
                      </a:moveTo>
                      <a:lnTo>
                        <a:pt x="0" y="57"/>
                      </a:lnTo>
                      <a:lnTo>
                        <a:pt x="2" y="54"/>
                      </a:lnTo>
                      <a:lnTo>
                        <a:pt x="4" y="51"/>
                      </a:lnTo>
                      <a:lnTo>
                        <a:pt x="7" y="44"/>
                      </a:lnTo>
                      <a:lnTo>
                        <a:pt x="10" y="35"/>
                      </a:lnTo>
                      <a:lnTo>
                        <a:pt x="15" y="25"/>
                      </a:lnTo>
                      <a:lnTo>
                        <a:pt x="21" y="15"/>
                      </a:lnTo>
                      <a:lnTo>
                        <a:pt x="27" y="7"/>
                      </a:lnTo>
                      <a:lnTo>
                        <a:pt x="32" y="0"/>
                      </a:lnTo>
                      <a:lnTo>
                        <a:pt x="39" y="1"/>
                      </a:lnTo>
                      <a:lnTo>
                        <a:pt x="36" y="5"/>
                      </a:lnTo>
                      <a:lnTo>
                        <a:pt x="32" y="8"/>
                      </a:lnTo>
                      <a:lnTo>
                        <a:pt x="29" y="13"/>
                      </a:lnTo>
                      <a:lnTo>
                        <a:pt x="24" y="22"/>
                      </a:lnTo>
                      <a:lnTo>
                        <a:pt x="19" y="30"/>
                      </a:lnTo>
                      <a:lnTo>
                        <a:pt x="12" y="40"/>
                      </a:lnTo>
                      <a:lnTo>
                        <a:pt x="7" y="54"/>
                      </a:lnTo>
                      <a:lnTo>
                        <a:pt x="5" y="54"/>
                      </a:lnTo>
                      <a:lnTo>
                        <a:pt x="4" y="56"/>
                      </a:lnTo>
                      <a:lnTo>
                        <a:pt x="2" y="56"/>
                      </a:lnTo>
                      <a:lnTo>
                        <a:pt x="0" y="57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59" name="Freeform 167"/>
                <p:cNvSpPr>
                  <a:spLocks/>
                </p:cNvSpPr>
                <p:nvPr/>
              </p:nvSpPr>
              <p:spPr bwMode="auto">
                <a:xfrm>
                  <a:off x="4905" y="2078"/>
                  <a:ext cx="54" cy="82"/>
                </a:xfrm>
                <a:custGeom>
                  <a:avLst/>
                  <a:gdLst>
                    <a:gd name="T0" fmla="*/ 5 w 54"/>
                    <a:gd name="T1" fmla="*/ 0 h 82"/>
                    <a:gd name="T2" fmla="*/ 5 w 54"/>
                    <a:gd name="T3" fmla="*/ 0 h 82"/>
                    <a:gd name="T4" fmla="*/ 5 w 54"/>
                    <a:gd name="T5" fmla="*/ 2 h 82"/>
                    <a:gd name="T6" fmla="*/ 7 w 54"/>
                    <a:gd name="T7" fmla="*/ 4 h 82"/>
                    <a:gd name="T8" fmla="*/ 7 w 54"/>
                    <a:gd name="T9" fmla="*/ 7 h 82"/>
                    <a:gd name="T10" fmla="*/ 8 w 54"/>
                    <a:gd name="T11" fmla="*/ 10 h 82"/>
                    <a:gd name="T12" fmla="*/ 10 w 54"/>
                    <a:gd name="T13" fmla="*/ 14 h 82"/>
                    <a:gd name="T14" fmla="*/ 13 w 54"/>
                    <a:gd name="T15" fmla="*/ 19 h 82"/>
                    <a:gd name="T16" fmla="*/ 15 w 54"/>
                    <a:gd name="T17" fmla="*/ 22 h 82"/>
                    <a:gd name="T18" fmla="*/ 17 w 54"/>
                    <a:gd name="T19" fmla="*/ 27 h 82"/>
                    <a:gd name="T20" fmla="*/ 20 w 54"/>
                    <a:gd name="T21" fmla="*/ 32 h 82"/>
                    <a:gd name="T22" fmla="*/ 23 w 54"/>
                    <a:gd name="T23" fmla="*/ 38 h 82"/>
                    <a:gd name="T24" fmla="*/ 25 w 54"/>
                    <a:gd name="T25" fmla="*/ 43 h 82"/>
                    <a:gd name="T26" fmla="*/ 29 w 54"/>
                    <a:gd name="T27" fmla="*/ 48 h 82"/>
                    <a:gd name="T28" fmla="*/ 32 w 54"/>
                    <a:gd name="T29" fmla="*/ 51 h 82"/>
                    <a:gd name="T30" fmla="*/ 35 w 54"/>
                    <a:gd name="T31" fmla="*/ 56 h 82"/>
                    <a:gd name="T32" fmla="*/ 39 w 54"/>
                    <a:gd name="T33" fmla="*/ 60 h 82"/>
                    <a:gd name="T34" fmla="*/ 40 w 54"/>
                    <a:gd name="T35" fmla="*/ 63 h 82"/>
                    <a:gd name="T36" fmla="*/ 44 w 54"/>
                    <a:gd name="T37" fmla="*/ 66 h 82"/>
                    <a:gd name="T38" fmla="*/ 47 w 54"/>
                    <a:gd name="T39" fmla="*/ 73 h 82"/>
                    <a:gd name="T40" fmla="*/ 52 w 54"/>
                    <a:gd name="T41" fmla="*/ 78 h 82"/>
                    <a:gd name="T42" fmla="*/ 54 w 54"/>
                    <a:gd name="T43" fmla="*/ 82 h 82"/>
                    <a:gd name="T44" fmla="*/ 52 w 54"/>
                    <a:gd name="T45" fmla="*/ 82 h 82"/>
                    <a:gd name="T46" fmla="*/ 45 w 54"/>
                    <a:gd name="T47" fmla="*/ 76 h 82"/>
                    <a:gd name="T48" fmla="*/ 34 w 54"/>
                    <a:gd name="T49" fmla="*/ 65 h 82"/>
                    <a:gd name="T50" fmla="*/ 34 w 54"/>
                    <a:gd name="T51" fmla="*/ 65 h 82"/>
                    <a:gd name="T52" fmla="*/ 32 w 54"/>
                    <a:gd name="T53" fmla="*/ 63 h 82"/>
                    <a:gd name="T54" fmla="*/ 30 w 54"/>
                    <a:gd name="T55" fmla="*/ 60 h 82"/>
                    <a:gd name="T56" fmla="*/ 27 w 54"/>
                    <a:gd name="T57" fmla="*/ 56 h 82"/>
                    <a:gd name="T58" fmla="*/ 25 w 54"/>
                    <a:gd name="T59" fmla="*/ 53 h 82"/>
                    <a:gd name="T60" fmla="*/ 22 w 54"/>
                    <a:gd name="T61" fmla="*/ 48 h 82"/>
                    <a:gd name="T62" fmla="*/ 18 w 54"/>
                    <a:gd name="T63" fmla="*/ 43 h 82"/>
                    <a:gd name="T64" fmla="*/ 15 w 54"/>
                    <a:gd name="T65" fmla="*/ 38 h 82"/>
                    <a:gd name="T66" fmla="*/ 12 w 54"/>
                    <a:gd name="T67" fmla="*/ 32 h 82"/>
                    <a:gd name="T68" fmla="*/ 10 w 54"/>
                    <a:gd name="T69" fmla="*/ 27 h 82"/>
                    <a:gd name="T70" fmla="*/ 7 w 54"/>
                    <a:gd name="T71" fmla="*/ 22 h 82"/>
                    <a:gd name="T72" fmla="*/ 5 w 54"/>
                    <a:gd name="T73" fmla="*/ 19 h 82"/>
                    <a:gd name="T74" fmla="*/ 1 w 54"/>
                    <a:gd name="T75" fmla="*/ 14 h 82"/>
                    <a:gd name="T76" fmla="*/ 1 w 54"/>
                    <a:gd name="T77" fmla="*/ 10 h 82"/>
                    <a:gd name="T78" fmla="*/ 0 w 54"/>
                    <a:gd name="T79" fmla="*/ 7 h 82"/>
                    <a:gd name="T80" fmla="*/ 0 w 54"/>
                    <a:gd name="T81" fmla="*/ 4 h 82"/>
                    <a:gd name="T82" fmla="*/ 0 w 54"/>
                    <a:gd name="T83" fmla="*/ 2 h 82"/>
                    <a:gd name="T84" fmla="*/ 1 w 54"/>
                    <a:gd name="T85" fmla="*/ 0 h 82"/>
                    <a:gd name="T86" fmla="*/ 3 w 54"/>
                    <a:gd name="T87" fmla="*/ 0 h 82"/>
                    <a:gd name="T88" fmla="*/ 5 w 54"/>
                    <a:gd name="T89" fmla="*/ 0 h 82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w 54"/>
                    <a:gd name="T136" fmla="*/ 0 h 82"/>
                    <a:gd name="T137" fmla="*/ 54 w 54"/>
                    <a:gd name="T138" fmla="*/ 82 h 82"/>
                  </a:gdLst>
                  <a:ahLst/>
                  <a:cxnLst>
                    <a:cxn ang="T90">
                      <a:pos x="T0" y="T1"/>
                    </a:cxn>
                    <a:cxn ang="T91">
                      <a:pos x="T2" y="T3"/>
                    </a:cxn>
                    <a:cxn ang="T92">
                      <a:pos x="T4" y="T5"/>
                    </a:cxn>
                    <a:cxn ang="T93">
                      <a:pos x="T6" y="T7"/>
                    </a:cxn>
                    <a:cxn ang="T94">
                      <a:pos x="T8" y="T9"/>
                    </a:cxn>
                    <a:cxn ang="T95">
                      <a:pos x="T10" y="T11"/>
                    </a:cxn>
                    <a:cxn ang="T96">
                      <a:pos x="T12" y="T13"/>
                    </a:cxn>
                    <a:cxn ang="T97">
                      <a:pos x="T14" y="T15"/>
                    </a:cxn>
                    <a:cxn ang="T98">
                      <a:pos x="T16" y="T17"/>
                    </a:cxn>
                    <a:cxn ang="T99">
                      <a:pos x="T18" y="T19"/>
                    </a:cxn>
                    <a:cxn ang="T100">
                      <a:pos x="T20" y="T21"/>
                    </a:cxn>
                    <a:cxn ang="T101">
                      <a:pos x="T22" y="T23"/>
                    </a:cxn>
                    <a:cxn ang="T102">
                      <a:pos x="T24" y="T25"/>
                    </a:cxn>
                    <a:cxn ang="T103">
                      <a:pos x="T26" y="T27"/>
                    </a:cxn>
                    <a:cxn ang="T104">
                      <a:pos x="T28" y="T29"/>
                    </a:cxn>
                    <a:cxn ang="T105">
                      <a:pos x="T30" y="T31"/>
                    </a:cxn>
                    <a:cxn ang="T106">
                      <a:pos x="T32" y="T33"/>
                    </a:cxn>
                    <a:cxn ang="T107">
                      <a:pos x="T34" y="T35"/>
                    </a:cxn>
                    <a:cxn ang="T108">
                      <a:pos x="T36" y="T37"/>
                    </a:cxn>
                    <a:cxn ang="T109">
                      <a:pos x="T38" y="T39"/>
                    </a:cxn>
                    <a:cxn ang="T110">
                      <a:pos x="T40" y="T41"/>
                    </a:cxn>
                    <a:cxn ang="T111">
                      <a:pos x="T42" y="T43"/>
                    </a:cxn>
                    <a:cxn ang="T112">
                      <a:pos x="T44" y="T45"/>
                    </a:cxn>
                    <a:cxn ang="T113">
                      <a:pos x="T46" y="T47"/>
                    </a:cxn>
                    <a:cxn ang="T114">
                      <a:pos x="T48" y="T49"/>
                    </a:cxn>
                    <a:cxn ang="T115">
                      <a:pos x="T50" y="T51"/>
                    </a:cxn>
                    <a:cxn ang="T116">
                      <a:pos x="T52" y="T53"/>
                    </a:cxn>
                    <a:cxn ang="T117">
                      <a:pos x="T54" y="T55"/>
                    </a:cxn>
                    <a:cxn ang="T118">
                      <a:pos x="T56" y="T57"/>
                    </a:cxn>
                    <a:cxn ang="T119">
                      <a:pos x="T58" y="T59"/>
                    </a:cxn>
                    <a:cxn ang="T120">
                      <a:pos x="T60" y="T61"/>
                    </a:cxn>
                    <a:cxn ang="T121">
                      <a:pos x="T62" y="T63"/>
                    </a:cxn>
                    <a:cxn ang="T122">
                      <a:pos x="T64" y="T65"/>
                    </a:cxn>
                    <a:cxn ang="T123">
                      <a:pos x="T66" y="T67"/>
                    </a:cxn>
                    <a:cxn ang="T124">
                      <a:pos x="T68" y="T69"/>
                    </a:cxn>
                    <a:cxn ang="T125">
                      <a:pos x="T70" y="T71"/>
                    </a:cxn>
                    <a:cxn ang="T126">
                      <a:pos x="T72" y="T73"/>
                    </a:cxn>
                    <a:cxn ang="T127">
                      <a:pos x="T74" y="T75"/>
                    </a:cxn>
                    <a:cxn ang="T128">
                      <a:pos x="T76" y="T77"/>
                    </a:cxn>
                    <a:cxn ang="T129">
                      <a:pos x="T78" y="T79"/>
                    </a:cxn>
                    <a:cxn ang="T130">
                      <a:pos x="T80" y="T81"/>
                    </a:cxn>
                    <a:cxn ang="T131">
                      <a:pos x="T82" y="T83"/>
                    </a:cxn>
                    <a:cxn ang="T132">
                      <a:pos x="T84" y="T85"/>
                    </a:cxn>
                    <a:cxn ang="T133">
                      <a:pos x="T86" y="T87"/>
                    </a:cxn>
                    <a:cxn ang="T134">
                      <a:pos x="T88" y="T89"/>
                    </a:cxn>
                  </a:cxnLst>
                  <a:rect l="T135" t="T136" r="T137" b="T138"/>
                  <a:pathLst>
                    <a:path w="54" h="82">
                      <a:moveTo>
                        <a:pt x="5" y="0"/>
                      </a:moveTo>
                      <a:lnTo>
                        <a:pt x="5" y="0"/>
                      </a:lnTo>
                      <a:lnTo>
                        <a:pt x="5" y="2"/>
                      </a:lnTo>
                      <a:lnTo>
                        <a:pt x="7" y="4"/>
                      </a:lnTo>
                      <a:lnTo>
                        <a:pt x="7" y="7"/>
                      </a:lnTo>
                      <a:lnTo>
                        <a:pt x="8" y="10"/>
                      </a:lnTo>
                      <a:lnTo>
                        <a:pt x="10" y="14"/>
                      </a:lnTo>
                      <a:lnTo>
                        <a:pt x="13" y="19"/>
                      </a:lnTo>
                      <a:lnTo>
                        <a:pt x="15" y="22"/>
                      </a:lnTo>
                      <a:lnTo>
                        <a:pt x="17" y="27"/>
                      </a:lnTo>
                      <a:lnTo>
                        <a:pt x="20" y="32"/>
                      </a:lnTo>
                      <a:lnTo>
                        <a:pt x="23" y="38"/>
                      </a:lnTo>
                      <a:lnTo>
                        <a:pt x="25" y="43"/>
                      </a:lnTo>
                      <a:lnTo>
                        <a:pt x="29" y="48"/>
                      </a:lnTo>
                      <a:lnTo>
                        <a:pt x="32" y="51"/>
                      </a:lnTo>
                      <a:lnTo>
                        <a:pt x="35" y="56"/>
                      </a:lnTo>
                      <a:lnTo>
                        <a:pt x="39" y="60"/>
                      </a:lnTo>
                      <a:lnTo>
                        <a:pt x="40" y="63"/>
                      </a:lnTo>
                      <a:lnTo>
                        <a:pt x="44" y="66"/>
                      </a:lnTo>
                      <a:lnTo>
                        <a:pt x="47" y="73"/>
                      </a:lnTo>
                      <a:lnTo>
                        <a:pt x="52" y="78"/>
                      </a:lnTo>
                      <a:lnTo>
                        <a:pt x="54" y="82"/>
                      </a:lnTo>
                      <a:lnTo>
                        <a:pt x="52" y="82"/>
                      </a:lnTo>
                      <a:lnTo>
                        <a:pt x="45" y="76"/>
                      </a:lnTo>
                      <a:lnTo>
                        <a:pt x="34" y="65"/>
                      </a:lnTo>
                      <a:lnTo>
                        <a:pt x="32" y="63"/>
                      </a:lnTo>
                      <a:lnTo>
                        <a:pt x="30" y="60"/>
                      </a:lnTo>
                      <a:lnTo>
                        <a:pt x="27" y="56"/>
                      </a:lnTo>
                      <a:lnTo>
                        <a:pt x="25" y="53"/>
                      </a:lnTo>
                      <a:lnTo>
                        <a:pt x="22" y="48"/>
                      </a:lnTo>
                      <a:lnTo>
                        <a:pt x="18" y="43"/>
                      </a:lnTo>
                      <a:lnTo>
                        <a:pt x="15" y="38"/>
                      </a:lnTo>
                      <a:lnTo>
                        <a:pt x="12" y="32"/>
                      </a:lnTo>
                      <a:lnTo>
                        <a:pt x="10" y="27"/>
                      </a:lnTo>
                      <a:lnTo>
                        <a:pt x="7" y="22"/>
                      </a:lnTo>
                      <a:lnTo>
                        <a:pt x="5" y="19"/>
                      </a:lnTo>
                      <a:lnTo>
                        <a:pt x="1" y="14"/>
                      </a:lnTo>
                      <a:lnTo>
                        <a:pt x="1" y="10"/>
                      </a:lnTo>
                      <a:lnTo>
                        <a:pt x="0" y="7"/>
                      </a:lnTo>
                      <a:lnTo>
                        <a:pt x="0" y="4"/>
                      </a:lnTo>
                      <a:lnTo>
                        <a:pt x="0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60" name="Freeform 168"/>
                <p:cNvSpPr>
                  <a:spLocks/>
                </p:cNvSpPr>
                <p:nvPr/>
              </p:nvSpPr>
              <p:spPr bwMode="auto">
                <a:xfrm>
                  <a:off x="4905" y="2078"/>
                  <a:ext cx="54" cy="82"/>
                </a:xfrm>
                <a:custGeom>
                  <a:avLst/>
                  <a:gdLst>
                    <a:gd name="T0" fmla="*/ 5 w 54"/>
                    <a:gd name="T1" fmla="*/ 0 h 82"/>
                    <a:gd name="T2" fmla="*/ 5 w 54"/>
                    <a:gd name="T3" fmla="*/ 0 h 82"/>
                    <a:gd name="T4" fmla="*/ 5 w 54"/>
                    <a:gd name="T5" fmla="*/ 0 h 82"/>
                    <a:gd name="T6" fmla="*/ 5 w 54"/>
                    <a:gd name="T7" fmla="*/ 2 h 82"/>
                    <a:gd name="T8" fmla="*/ 7 w 54"/>
                    <a:gd name="T9" fmla="*/ 4 h 82"/>
                    <a:gd name="T10" fmla="*/ 7 w 54"/>
                    <a:gd name="T11" fmla="*/ 7 h 82"/>
                    <a:gd name="T12" fmla="*/ 8 w 54"/>
                    <a:gd name="T13" fmla="*/ 10 h 82"/>
                    <a:gd name="T14" fmla="*/ 10 w 54"/>
                    <a:gd name="T15" fmla="*/ 14 h 82"/>
                    <a:gd name="T16" fmla="*/ 13 w 54"/>
                    <a:gd name="T17" fmla="*/ 19 h 82"/>
                    <a:gd name="T18" fmla="*/ 15 w 54"/>
                    <a:gd name="T19" fmla="*/ 22 h 82"/>
                    <a:gd name="T20" fmla="*/ 17 w 54"/>
                    <a:gd name="T21" fmla="*/ 27 h 82"/>
                    <a:gd name="T22" fmla="*/ 20 w 54"/>
                    <a:gd name="T23" fmla="*/ 32 h 82"/>
                    <a:gd name="T24" fmla="*/ 23 w 54"/>
                    <a:gd name="T25" fmla="*/ 38 h 82"/>
                    <a:gd name="T26" fmla="*/ 25 w 54"/>
                    <a:gd name="T27" fmla="*/ 43 h 82"/>
                    <a:gd name="T28" fmla="*/ 29 w 54"/>
                    <a:gd name="T29" fmla="*/ 48 h 82"/>
                    <a:gd name="T30" fmla="*/ 32 w 54"/>
                    <a:gd name="T31" fmla="*/ 51 h 82"/>
                    <a:gd name="T32" fmla="*/ 35 w 54"/>
                    <a:gd name="T33" fmla="*/ 56 h 82"/>
                    <a:gd name="T34" fmla="*/ 39 w 54"/>
                    <a:gd name="T35" fmla="*/ 60 h 82"/>
                    <a:gd name="T36" fmla="*/ 39 w 54"/>
                    <a:gd name="T37" fmla="*/ 60 h 82"/>
                    <a:gd name="T38" fmla="*/ 40 w 54"/>
                    <a:gd name="T39" fmla="*/ 63 h 82"/>
                    <a:gd name="T40" fmla="*/ 44 w 54"/>
                    <a:gd name="T41" fmla="*/ 66 h 82"/>
                    <a:gd name="T42" fmla="*/ 47 w 54"/>
                    <a:gd name="T43" fmla="*/ 73 h 82"/>
                    <a:gd name="T44" fmla="*/ 52 w 54"/>
                    <a:gd name="T45" fmla="*/ 78 h 82"/>
                    <a:gd name="T46" fmla="*/ 54 w 54"/>
                    <a:gd name="T47" fmla="*/ 82 h 82"/>
                    <a:gd name="T48" fmla="*/ 52 w 54"/>
                    <a:gd name="T49" fmla="*/ 82 h 82"/>
                    <a:gd name="T50" fmla="*/ 45 w 54"/>
                    <a:gd name="T51" fmla="*/ 76 h 82"/>
                    <a:gd name="T52" fmla="*/ 34 w 54"/>
                    <a:gd name="T53" fmla="*/ 65 h 82"/>
                    <a:gd name="T54" fmla="*/ 34 w 54"/>
                    <a:gd name="T55" fmla="*/ 65 h 82"/>
                    <a:gd name="T56" fmla="*/ 34 w 54"/>
                    <a:gd name="T57" fmla="*/ 65 h 82"/>
                    <a:gd name="T58" fmla="*/ 32 w 54"/>
                    <a:gd name="T59" fmla="*/ 63 h 82"/>
                    <a:gd name="T60" fmla="*/ 30 w 54"/>
                    <a:gd name="T61" fmla="*/ 60 h 82"/>
                    <a:gd name="T62" fmla="*/ 27 w 54"/>
                    <a:gd name="T63" fmla="*/ 56 h 82"/>
                    <a:gd name="T64" fmla="*/ 25 w 54"/>
                    <a:gd name="T65" fmla="*/ 53 h 82"/>
                    <a:gd name="T66" fmla="*/ 22 w 54"/>
                    <a:gd name="T67" fmla="*/ 48 h 82"/>
                    <a:gd name="T68" fmla="*/ 18 w 54"/>
                    <a:gd name="T69" fmla="*/ 43 h 82"/>
                    <a:gd name="T70" fmla="*/ 15 w 54"/>
                    <a:gd name="T71" fmla="*/ 38 h 82"/>
                    <a:gd name="T72" fmla="*/ 12 w 54"/>
                    <a:gd name="T73" fmla="*/ 32 h 82"/>
                    <a:gd name="T74" fmla="*/ 10 w 54"/>
                    <a:gd name="T75" fmla="*/ 27 h 82"/>
                    <a:gd name="T76" fmla="*/ 7 w 54"/>
                    <a:gd name="T77" fmla="*/ 22 h 82"/>
                    <a:gd name="T78" fmla="*/ 5 w 54"/>
                    <a:gd name="T79" fmla="*/ 19 h 82"/>
                    <a:gd name="T80" fmla="*/ 1 w 54"/>
                    <a:gd name="T81" fmla="*/ 14 h 82"/>
                    <a:gd name="T82" fmla="*/ 1 w 54"/>
                    <a:gd name="T83" fmla="*/ 10 h 82"/>
                    <a:gd name="T84" fmla="*/ 0 w 54"/>
                    <a:gd name="T85" fmla="*/ 7 h 82"/>
                    <a:gd name="T86" fmla="*/ 0 w 54"/>
                    <a:gd name="T87" fmla="*/ 4 h 82"/>
                    <a:gd name="T88" fmla="*/ 0 w 54"/>
                    <a:gd name="T89" fmla="*/ 4 h 82"/>
                    <a:gd name="T90" fmla="*/ 0 w 54"/>
                    <a:gd name="T91" fmla="*/ 2 h 82"/>
                    <a:gd name="T92" fmla="*/ 1 w 54"/>
                    <a:gd name="T93" fmla="*/ 0 h 82"/>
                    <a:gd name="T94" fmla="*/ 3 w 54"/>
                    <a:gd name="T95" fmla="*/ 0 h 82"/>
                    <a:gd name="T96" fmla="*/ 5 w 54"/>
                    <a:gd name="T97" fmla="*/ 0 h 82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w 54"/>
                    <a:gd name="T148" fmla="*/ 0 h 82"/>
                    <a:gd name="T149" fmla="*/ 54 w 54"/>
                    <a:gd name="T150" fmla="*/ 82 h 82"/>
                  </a:gdLst>
                  <a:ahLst/>
                  <a:cxnLst>
                    <a:cxn ang="T98">
                      <a:pos x="T0" y="T1"/>
                    </a:cxn>
                    <a:cxn ang="T99">
                      <a:pos x="T2" y="T3"/>
                    </a:cxn>
                    <a:cxn ang="T100">
                      <a:pos x="T4" y="T5"/>
                    </a:cxn>
                    <a:cxn ang="T101">
                      <a:pos x="T6" y="T7"/>
                    </a:cxn>
                    <a:cxn ang="T102">
                      <a:pos x="T8" y="T9"/>
                    </a:cxn>
                    <a:cxn ang="T103">
                      <a:pos x="T10" y="T11"/>
                    </a:cxn>
                    <a:cxn ang="T104">
                      <a:pos x="T12" y="T13"/>
                    </a:cxn>
                    <a:cxn ang="T105">
                      <a:pos x="T14" y="T15"/>
                    </a:cxn>
                    <a:cxn ang="T106">
                      <a:pos x="T16" y="T17"/>
                    </a:cxn>
                    <a:cxn ang="T107">
                      <a:pos x="T18" y="T19"/>
                    </a:cxn>
                    <a:cxn ang="T108">
                      <a:pos x="T20" y="T21"/>
                    </a:cxn>
                    <a:cxn ang="T109">
                      <a:pos x="T22" y="T23"/>
                    </a:cxn>
                    <a:cxn ang="T110">
                      <a:pos x="T24" y="T25"/>
                    </a:cxn>
                    <a:cxn ang="T111">
                      <a:pos x="T26" y="T27"/>
                    </a:cxn>
                    <a:cxn ang="T112">
                      <a:pos x="T28" y="T29"/>
                    </a:cxn>
                    <a:cxn ang="T113">
                      <a:pos x="T30" y="T31"/>
                    </a:cxn>
                    <a:cxn ang="T114">
                      <a:pos x="T32" y="T33"/>
                    </a:cxn>
                    <a:cxn ang="T115">
                      <a:pos x="T34" y="T35"/>
                    </a:cxn>
                    <a:cxn ang="T116">
                      <a:pos x="T36" y="T37"/>
                    </a:cxn>
                    <a:cxn ang="T117">
                      <a:pos x="T38" y="T39"/>
                    </a:cxn>
                    <a:cxn ang="T118">
                      <a:pos x="T40" y="T41"/>
                    </a:cxn>
                    <a:cxn ang="T119">
                      <a:pos x="T42" y="T43"/>
                    </a:cxn>
                    <a:cxn ang="T120">
                      <a:pos x="T44" y="T45"/>
                    </a:cxn>
                    <a:cxn ang="T121">
                      <a:pos x="T46" y="T47"/>
                    </a:cxn>
                    <a:cxn ang="T122">
                      <a:pos x="T48" y="T49"/>
                    </a:cxn>
                    <a:cxn ang="T123">
                      <a:pos x="T50" y="T51"/>
                    </a:cxn>
                    <a:cxn ang="T124">
                      <a:pos x="T52" y="T53"/>
                    </a:cxn>
                    <a:cxn ang="T125">
                      <a:pos x="T54" y="T55"/>
                    </a:cxn>
                    <a:cxn ang="T126">
                      <a:pos x="T56" y="T57"/>
                    </a:cxn>
                    <a:cxn ang="T127">
                      <a:pos x="T58" y="T59"/>
                    </a:cxn>
                    <a:cxn ang="T128">
                      <a:pos x="T60" y="T61"/>
                    </a:cxn>
                    <a:cxn ang="T129">
                      <a:pos x="T62" y="T63"/>
                    </a:cxn>
                    <a:cxn ang="T130">
                      <a:pos x="T64" y="T65"/>
                    </a:cxn>
                    <a:cxn ang="T131">
                      <a:pos x="T66" y="T67"/>
                    </a:cxn>
                    <a:cxn ang="T132">
                      <a:pos x="T68" y="T69"/>
                    </a:cxn>
                    <a:cxn ang="T133">
                      <a:pos x="T70" y="T71"/>
                    </a:cxn>
                    <a:cxn ang="T134">
                      <a:pos x="T72" y="T73"/>
                    </a:cxn>
                    <a:cxn ang="T135">
                      <a:pos x="T74" y="T75"/>
                    </a:cxn>
                    <a:cxn ang="T136">
                      <a:pos x="T76" y="T77"/>
                    </a:cxn>
                    <a:cxn ang="T137">
                      <a:pos x="T78" y="T79"/>
                    </a:cxn>
                    <a:cxn ang="T138">
                      <a:pos x="T80" y="T81"/>
                    </a:cxn>
                    <a:cxn ang="T139">
                      <a:pos x="T82" y="T83"/>
                    </a:cxn>
                    <a:cxn ang="T140">
                      <a:pos x="T84" y="T85"/>
                    </a:cxn>
                    <a:cxn ang="T141">
                      <a:pos x="T86" y="T87"/>
                    </a:cxn>
                    <a:cxn ang="T142">
                      <a:pos x="T88" y="T89"/>
                    </a:cxn>
                    <a:cxn ang="T143">
                      <a:pos x="T90" y="T91"/>
                    </a:cxn>
                    <a:cxn ang="T144">
                      <a:pos x="T92" y="T93"/>
                    </a:cxn>
                    <a:cxn ang="T145">
                      <a:pos x="T94" y="T95"/>
                    </a:cxn>
                    <a:cxn ang="T146">
                      <a:pos x="T96" y="T97"/>
                    </a:cxn>
                  </a:cxnLst>
                  <a:rect l="T147" t="T148" r="T149" b="T150"/>
                  <a:pathLst>
                    <a:path w="54" h="82">
                      <a:moveTo>
                        <a:pt x="5" y="0"/>
                      </a:moveTo>
                      <a:lnTo>
                        <a:pt x="5" y="0"/>
                      </a:lnTo>
                      <a:lnTo>
                        <a:pt x="5" y="2"/>
                      </a:lnTo>
                      <a:lnTo>
                        <a:pt x="7" y="4"/>
                      </a:lnTo>
                      <a:lnTo>
                        <a:pt x="7" y="7"/>
                      </a:lnTo>
                      <a:lnTo>
                        <a:pt x="8" y="10"/>
                      </a:lnTo>
                      <a:lnTo>
                        <a:pt x="10" y="14"/>
                      </a:lnTo>
                      <a:lnTo>
                        <a:pt x="13" y="19"/>
                      </a:lnTo>
                      <a:lnTo>
                        <a:pt x="15" y="22"/>
                      </a:lnTo>
                      <a:lnTo>
                        <a:pt x="17" y="27"/>
                      </a:lnTo>
                      <a:lnTo>
                        <a:pt x="20" y="32"/>
                      </a:lnTo>
                      <a:lnTo>
                        <a:pt x="23" y="38"/>
                      </a:lnTo>
                      <a:lnTo>
                        <a:pt x="25" y="43"/>
                      </a:lnTo>
                      <a:lnTo>
                        <a:pt x="29" y="48"/>
                      </a:lnTo>
                      <a:lnTo>
                        <a:pt x="32" y="51"/>
                      </a:lnTo>
                      <a:lnTo>
                        <a:pt x="35" y="56"/>
                      </a:lnTo>
                      <a:lnTo>
                        <a:pt x="39" y="60"/>
                      </a:lnTo>
                      <a:lnTo>
                        <a:pt x="40" y="63"/>
                      </a:lnTo>
                      <a:lnTo>
                        <a:pt x="44" y="66"/>
                      </a:lnTo>
                      <a:lnTo>
                        <a:pt x="47" y="73"/>
                      </a:lnTo>
                      <a:lnTo>
                        <a:pt x="52" y="78"/>
                      </a:lnTo>
                      <a:lnTo>
                        <a:pt x="54" y="82"/>
                      </a:lnTo>
                      <a:lnTo>
                        <a:pt x="52" y="82"/>
                      </a:lnTo>
                      <a:lnTo>
                        <a:pt x="45" y="76"/>
                      </a:lnTo>
                      <a:lnTo>
                        <a:pt x="34" y="65"/>
                      </a:lnTo>
                      <a:lnTo>
                        <a:pt x="32" y="63"/>
                      </a:lnTo>
                      <a:lnTo>
                        <a:pt x="30" y="60"/>
                      </a:lnTo>
                      <a:lnTo>
                        <a:pt x="27" y="56"/>
                      </a:lnTo>
                      <a:lnTo>
                        <a:pt x="25" y="53"/>
                      </a:lnTo>
                      <a:lnTo>
                        <a:pt x="22" y="48"/>
                      </a:lnTo>
                      <a:lnTo>
                        <a:pt x="18" y="43"/>
                      </a:lnTo>
                      <a:lnTo>
                        <a:pt x="15" y="38"/>
                      </a:lnTo>
                      <a:lnTo>
                        <a:pt x="12" y="32"/>
                      </a:lnTo>
                      <a:lnTo>
                        <a:pt x="10" y="27"/>
                      </a:lnTo>
                      <a:lnTo>
                        <a:pt x="7" y="22"/>
                      </a:lnTo>
                      <a:lnTo>
                        <a:pt x="5" y="19"/>
                      </a:lnTo>
                      <a:lnTo>
                        <a:pt x="1" y="14"/>
                      </a:lnTo>
                      <a:lnTo>
                        <a:pt x="1" y="10"/>
                      </a:lnTo>
                      <a:lnTo>
                        <a:pt x="0" y="7"/>
                      </a:lnTo>
                      <a:lnTo>
                        <a:pt x="0" y="4"/>
                      </a:lnTo>
                      <a:lnTo>
                        <a:pt x="0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61" name="Freeform 169"/>
                <p:cNvSpPr>
                  <a:spLocks/>
                </p:cNvSpPr>
                <p:nvPr/>
              </p:nvSpPr>
              <p:spPr bwMode="auto">
                <a:xfrm>
                  <a:off x="4956" y="2165"/>
                  <a:ext cx="20" cy="72"/>
                </a:xfrm>
                <a:custGeom>
                  <a:avLst/>
                  <a:gdLst>
                    <a:gd name="T0" fmla="*/ 8 w 20"/>
                    <a:gd name="T1" fmla="*/ 0 h 72"/>
                    <a:gd name="T2" fmla="*/ 18 w 20"/>
                    <a:gd name="T3" fmla="*/ 18 h 72"/>
                    <a:gd name="T4" fmla="*/ 20 w 20"/>
                    <a:gd name="T5" fmla="*/ 67 h 72"/>
                    <a:gd name="T6" fmla="*/ 3 w 20"/>
                    <a:gd name="T7" fmla="*/ 72 h 72"/>
                    <a:gd name="T8" fmla="*/ 0 w 20"/>
                    <a:gd name="T9" fmla="*/ 71 h 72"/>
                    <a:gd name="T10" fmla="*/ 15 w 20"/>
                    <a:gd name="T11" fmla="*/ 55 h 72"/>
                    <a:gd name="T12" fmla="*/ 13 w 20"/>
                    <a:gd name="T13" fmla="*/ 22 h 72"/>
                    <a:gd name="T14" fmla="*/ 3 w 20"/>
                    <a:gd name="T15" fmla="*/ 3 h 72"/>
                    <a:gd name="T16" fmla="*/ 8 w 20"/>
                    <a:gd name="T17" fmla="*/ 0 h 72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60000 65536"/>
                    <a:gd name="T25" fmla="*/ 0 60000 65536"/>
                    <a:gd name="T26" fmla="*/ 0 60000 65536"/>
                    <a:gd name="T27" fmla="*/ 0 w 20"/>
                    <a:gd name="T28" fmla="*/ 0 h 72"/>
                    <a:gd name="T29" fmla="*/ 20 w 20"/>
                    <a:gd name="T30" fmla="*/ 72 h 72"/>
                  </a:gdLst>
                  <a:ahLst/>
                  <a:cxnLst>
                    <a:cxn ang="T18">
                      <a:pos x="T0" y="T1"/>
                    </a:cxn>
                    <a:cxn ang="T19">
                      <a:pos x="T2" y="T3"/>
                    </a:cxn>
                    <a:cxn ang="T20">
                      <a:pos x="T4" y="T5"/>
                    </a:cxn>
                    <a:cxn ang="T21">
                      <a:pos x="T6" y="T7"/>
                    </a:cxn>
                    <a:cxn ang="T22">
                      <a:pos x="T8" y="T9"/>
                    </a:cxn>
                    <a:cxn ang="T23">
                      <a:pos x="T10" y="T11"/>
                    </a:cxn>
                    <a:cxn ang="T24">
                      <a:pos x="T12" y="T13"/>
                    </a:cxn>
                    <a:cxn ang="T25">
                      <a:pos x="T14" y="T15"/>
                    </a:cxn>
                    <a:cxn ang="T26">
                      <a:pos x="T16" y="T17"/>
                    </a:cxn>
                  </a:cxnLst>
                  <a:rect l="T27" t="T28" r="T29" b="T30"/>
                  <a:pathLst>
                    <a:path w="20" h="72">
                      <a:moveTo>
                        <a:pt x="8" y="0"/>
                      </a:moveTo>
                      <a:lnTo>
                        <a:pt x="18" y="18"/>
                      </a:lnTo>
                      <a:lnTo>
                        <a:pt x="20" y="67"/>
                      </a:lnTo>
                      <a:lnTo>
                        <a:pt x="3" y="72"/>
                      </a:lnTo>
                      <a:lnTo>
                        <a:pt x="0" y="71"/>
                      </a:lnTo>
                      <a:lnTo>
                        <a:pt x="15" y="55"/>
                      </a:lnTo>
                      <a:lnTo>
                        <a:pt x="13" y="22"/>
                      </a:lnTo>
                      <a:lnTo>
                        <a:pt x="3" y="3"/>
                      </a:lnTo>
                      <a:lnTo>
                        <a:pt x="8" y="0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62" name="Freeform 170"/>
                <p:cNvSpPr>
                  <a:spLocks/>
                </p:cNvSpPr>
                <p:nvPr/>
              </p:nvSpPr>
              <p:spPr bwMode="auto">
                <a:xfrm>
                  <a:off x="4956" y="2165"/>
                  <a:ext cx="20" cy="72"/>
                </a:xfrm>
                <a:custGeom>
                  <a:avLst/>
                  <a:gdLst>
                    <a:gd name="T0" fmla="*/ 8 w 20"/>
                    <a:gd name="T1" fmla="*/ 0 h 72"/>
                    <a:gd name="T2" fmla="*/ 18 w 20"/>
                    <a:gd name="T3" fmla="*/ 18 h 72"/>
                    <a:gd name="T4" fmla="*/ 20 w 20"/>
                    <a:gd name="T5" fmla="*/ 67 h 72"/>
                    <a:gd name="T6" fmla="*/ 3 w 20"/>
                    <a:gd name="T7" fmla="*/ 72 h 72"/>
                    <a:gd name="T8" fmla="*/ 0 w 20"/>
                    <a:gd name="T9" fmla="*/ 71 h 72"/>
                    <a:gd name="T10" fmla="*/ 15 w 20"/>
                    <a:gd name="T11" fmla="*/ 55 h 72"/>
                    <a:gd name="T12" fmla="*/ 13 w 20"/>
                    <a:gd name="T13" fmla="*/ 22 h 72"/>
                    <a:gd name="T14" fmla="*/ 3 w 20"/>
                    <a:gd name="T15" fmla="*/ 3 h 72"/>
                    <a:gd name="T16" fmla="*/ 8 w 20"/>
                    <a:gd name="T17" fmla="*/ 0 h 72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60000 65536"/>
                    <a:gd name="T25" fmla="*/ 0 60000 65536"/>
                    <a:gd name="T26" fmla="*/ 0 60000 65536"/>
                    <a:gd name="T27" fmla="*/ 0 w 20"/>
                    <a:gd name="T28" fmla="*/ 0 h 72"/>
                    <a:gd name="T29" fmla="*/ 20 w 20"/>
                    <a:gd name="T30" fmla="*/ 72 h 72"/>
                  </a:gdLst>
                  <a:ahLst/>
                  <a:cxnLst>
                    <a:cxn ang="T18">
                      <a:pos x="T0" y="T1"/>
                    </a:cxn>
                    <a:cxn ang="T19">
                      <a:pos x="T2" y="T3"/>
                    </a:cxn>
                    <a:cxn ang="T20">
                      <a:pos x="T4" y="T5"/>
                    </a:cxn>
                    <a:cxn ang="T21">
                      <a:pos x="T6" y="T7"/>
                    </a:cxn>
                    <a:cxn ang="T22">
                      <a:pos x="T8" y="T9"/>
                    </a:cxn>
                    <a:cxn ang="T23">
                      <a:pos x="T10" y="T11"/>
                    </a:cxn>
                    <a:cxn ang="T24">
                      <a:pos x="T12" y="T13"/>
                    </a:cxn>
                    <a:cxn ang="T25">
                      <a:pos x="T14" y="T15"/>
                    </a:cxn>
                    <a:cxn ang="T26">
                      <a:pos x="T16" y="T17"/>
                    </a:cxn>
                  </a:cxnLst>
                  <a:rect l="T27" t="T28" r="T29" b="T30"/>
                  <a:pathLst>
                    <a:path w="20" h="72">
                      <a:moveTo>
                        <a:pt x="8" y="0"/>
                      </a:moveTo>
                      <a:lnTo>
                        <a:pt x="18" y="18"/>
                      </a:lnTo>
                      <a:lnTo>
                        <a:pt x="20" y="67"/>
                      </a:lnTo>
                      <a:lnTo>
                        <a:pt x="3" y="72"/>
                      </a:lnTo>
                      <a:lnTo>
                        <a:pt x="0" y="71"/>
                      </a:lnTo>
                      <a:lnTo>
                        <a:pt x="15" y="55"/>
                      </a:lnTo>
                      <a:lnTo>
                        <a:pt x="13" y="22"/>
                      </a:lnTo>
                      <a:lnTo>
                        <a:pt x="3" y="3"/>
                      </a:lnTo>
                      <a:lnTo>
                        <a:pt x="8" y="0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434" name="Freeform 171"/>
              <p:cNvSpPr>
                <a:spLocks/>
              </p:cNvSpPr>
              <p:nvPr/>
            </p:nvSpPr>
            <p:spPr bwMode="auto">
              <a:xfrm>
                <a:off x="420" y="850"/>
                <a:ext cx="638" cy="473"/>
              </a:xfrm>
              <a:custGeom>
                <a:avLst/>
                <a:gdLst>
                  <a:gd name="T0" fmla="*/ 18 w 656"/>
                  <a:gd name="T1" fmla="*/ 20 h 487"/>
                  <a:gd name="T2" fmla="*/ 44 w 656"/>
                  <a:gd name="T3" fmla="*/ 44 h 487"/>
                  <a:gd name="T4" fmla="*/ 65 w 656"/>
                  <a:gd name="T5" fmla="*/ 51 h 487"/>
                  <a:gd name="T6" fmla="*/ 79 w 656"/>
                  <a:gd name="T7" fmla="*/ 58 h 487"/>
                  <a:gd name="T8" fmla="*/ 109 w 656"/>
                  <a:gd name="T9" fmla="*/ 70 h 487"/>
                  <a:gd name="T10" fmla="*/ 117 w 656"/>
                  <a:gd name="T11" fmla="*/ 81 h 487"/>
                  <a:gd name="T12" fmla="*/ 112 w 656"/>
                  <a:gd name="T13" fmla="*/ 94 h 487"/>
                  <a:gd name="T14" fmla="*/ 109 w 656"/>
                  <a:gd name="T15" fmla="*/ 94 h 487"/>
                  <a:gd name="T16" fmla="*/ 85 w 656"/>
                  <a:gd name="T17" fmla="*/ 127 h 487"/>
                  <a:gd name="T18" fmla="*/ 98 w 656"/>
                  <a:gd name="T19" fmla="*/ 108 h 487"/>
                  <a:gd name="T20" fmla="*/ 112 w 656"/>
                  <a:gd name="T21" fmla="*/ 112 h 487"/>
                  <a:gd name="T22" fmla="*/ 101 w 656"/>
                  <a:gd name="T23" fmla="*/ 144 h 487"/>
                  <a:gd name="T24" fmla="*/ 101 w 656"/>
                  <a:gd name="T25" fmla="*/ 137 h 487"/>
                  <a:gd name="T26" fmla="*/ 93 w 656"/>
                  <a:gd name="T27" fmla="*/ 139 h 487"/>
                  <a:gd name="T28" fmla="*/ 91 w 656"/>
                  <a:gd name="T29" fmla="*/ 130 h 487"/>
                  <a:gd name="T30" fmla="*/ 77 w 656"/>
                  <a:gd name="T31" fmla="*/ 145 h 487"/>
                  <a:gd name="T32" fmla="*/ 89 w 656"/>
                  <a:gd name="T33" fmla="*/ 148 h 487"/>
                  <a:gd name="T34" fmla="*/ 97 w 656"/>
                  <a:gd name="T35" fmla="*/ 152 h 487"/>
                  <a:gd name="T36" fmla="*/ 114 w 656"/>
                  <a:gd name="T37" fmla="*/ 144 h 487"/>
                  <a:gd name="T38" fmla="*/ 144 w 656"/>
                  <a:gd name="T39" fmla="*/ 84 h 487"/>
                  <a:gd name="T40" fmla="*/ 129 w 656"/>
                  <a:gd name="T41" fmla="*/ 68 h 487"/>
                  <a:gd name="T42" fmla="*/ 133 w 656"/>
                  <a:gd name="T43" fmla="*/ 39 h 487"/>
                  <a:gd name="T44" fmla="*/ 144 w 656"/>
                  <a:gd name="T45" fmla="*/ 25 h 487"/>
                  <a:gd name="T46" fmla="*/ 141 w 656"/>
                  <a:gd name="T47" fmla="*/ 3 h 487"/>
                  <a:gd name="T48" fmla="*/ 181 w 656"/>
                  <a:gd name="T49" fmla="*/ 17 h 487"/>
                  <a:gd name="T50" fmla="*/ 252 w 656"/>
                  <a:gd name="T51" fmla="*/ 37 h 487"/>
                  <a:gd name="T52" fmla="*/ 342 w 656"/>
                  <a:gd name="T53" fmla="*/ 57 h 487"/>
                  <a:gd name="T54" fmla="*/ 443 w 656"/>
                  <a:gd name="T55" fmla="*/ 79 h 487"/>
                  <a:gd name="T56" fmla="*/ 440 w 656"/>
                  <a:gd name="T57" fmla="*/ 105 h 487"/>
                  <a:gd name="T58" fmla="*/ 427 w 656"/>
                  <a:gd name="T59" fmla="*/ 160 h 487"/>
                  <a:gd name="T60" fmla="*/ 412 w 656"/>
                  <a:gd name="T61" fmla="*/ 225 h 487"/>
                  <a:gd name="T62" fmla="*/ 403 w 656"/>
                  <a:gd name="T63" fmla="*/ 271 h 487"/>
                  <a:gd name="T64" fmla="*/ 400 w 656"/>
                  <a:gd name="T65" fmla="*/ 307 h 487"/>
                  <a:gd name="T66" fmla="*/ 281 w 656"/>
                  <a:gd name="T67" fmla="*/ 296 h 487"/>
                  <a:gd name="T68" fmla="*/ 260 w 656"/>
                  <a:gd name="T69" fmla="*/ 298 h 487"/>
                  <a:gd name="T70" fmla="*/ 241 w 656"/>
                  <a:gd name="T71" fmla="*/ 292 h 487"/>
                  <a:gd name="T72" fmla="*/ 219 w 656"/>
                  <a:gd name="T73" fmla="*/ 296 h 487"/>
                  <a:gd name="T74" fmla="*/ 185 w 656"/>
                  <a:gd name="T75" fmla="*/ 296 h 487"/>
                  <a:gd name="T76" fmla="*/ 165 w 656"/>
                  <a:gd name="T77" fmla="*/ 294 h 487"/>
                  <a:gd name="T78" fmla="*/ 142 w 656"/>
                  <a:gd name="T79" fmla="*/ 289 h 487"/>
                  <a:gd name="T80" fmla="*/ 114 w 656"/>
                  <a:gd name="T81" fmla="*/ 278 h 487"/>
                  <a:gd name="T82" fmla="*/ 91 w 656"/>
                  <a:gd name="T83" fmla="*/ 281 h 487"/>
                  <a:gd name="T84" fmla="*/ 71 w 656"/>
                  <a:gd name="T85" fmla="*/ 276 h 487"/>
                  <a:gd name="T86" fmla="*/ 61 w 656"/>
                  <a:gd name="T87" fmla="*/ 269 h 487"/>
                  <a:gd name="T88" fmla="*/ 60 w 656"/>
                  <a:gd name="T89" fmla="*/ 252 h 487"/>
                  <a:gd name="T90" fmla="*/ 55 w 656"/>
                  <a:gd name="T91" fmla="*/ 227 h 487"/>
                  <a:gd name="T92" fmla="*/ 43 w 656"/>
                  <a:gd name="T93" fmla="*/ 219 h 487"/>
                  <a:gd name="T94" fmla="*/ 40 w 656"/>
                  <a:gd name="T95" fmla="*/ 214 h 487"/>
                  <a:gd name="T96" fmla="*/ 25 w 656"/>
                  <a:gd name="T97" fmla="*/ 203 h 487"/>
                  <a:gd name="T98" fmla="*/ 11 w 656"/>
                  <a:gd name="T99" fmla="*/ 200 h 487"/>
                  <a:gd name="T100" fmla="*/ 0 w 656"/>
                  <a:gd name="T101" fmla="*/ 195 h 487"/>
                  <a:gd name="T102" fmla="*/ 5 w 656"/>
                  <a:gd name="T103" fmla="*/ 180 h 487"/>
                  <a:gd name="T104" fmla="*/ 15 w 656"/>
                  <a:gd name="T105" fmla="*/ 171 h 487"/>
                  <a:gd name="T106" fmla="*/ 11 w 656"/>
                  <a:gd name="T107" fmla="*/ 184 h 487"/>
                  <a:gd name="T108" fmla="*/ 15 w 656"/>
                  <a:gd name="T109" fmla="*/ 188 h 487"/>
                  <a:gd name="T110" fmla="*/ 18 w 656"/>
                  <a:gd name="T111" fmla="*/ 166 h 487"/>
                  <a:gd name="T112" fmla="*/ 18 w 656"/>
                  <a:gd name="T113" fmla="*/ 148 h 487"/>
                  <a:gd name="T114" fmla="*/ 18 w 656"/>
                  <a:gd name="T115" fmla="*/ 142 h 487"/>
                  <a:gd name="T116" fmla="*/ 18 w 656"/>
                  <a:gd name="T117" fmla="*/ 118 h 487"/>
                  <a:gd name="T118" fmla="*/ 18 w 656"/>
                  <a:gd name="T119" fmla="*/ 89 h 487"/>
                  <a:gd name="T120" fmla="*/ 17 w 656"/>
                  <a:gd name="T121" fmla="*/ 64 h 487"/>
                  <a:gd name="T122" fmla="*/ 15 w 656"/>
                  <a:gd name="T123" fmla="*/ 38 h 487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w 656"/>
                  <a:gd name="T187" fmla="*/ 0 h 487"/>
                  <a:gd name="T188" fmla="*/ 656 w 656"/>
                  <a:gd name="T189" fmla="*/ 487 h 487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T186" t="T187" r="T188" b="T189"/>
                <a:pathLst>
                  <a:path w="656" h="487">
                    <a:moveTo>
                      <a:pt x="22" y="41"/>
                    </a:moveTo>
                    <a:lnTo>
                      <a:pt x="23" y="36"/>
                    </a:lnTo>
                    <a:lnTo>
                      <a:pt x="22" y="27"/>
                    </a:lnTo>
                    <a:lnTo>
                      <a:pt x="22" y="29"/>
                    </a:lnTo>
                    <a:lnTo>
                      <a:pt x="23" y="29"/>
                    </a:lnTo>
                    <a:lnTo>
                      <a:pt x="25" y="32"/>
                    </a:lnTo>
                    <a:lnTo>
                      <a:pt x="28" y="34"/>
                    </a:lnTo>
                    <a:lnTo>
                      <a:pt x="32" y="39"/>
                    </a:lnTo>
                    <a:lnTo>
                      <a:pt x="37" y="42"/>
                    </a:lnTo>
                    <a:lnTo>
                      <a:pt x="40" y="46"/>
                    </a:lnTo>
                    <a:lnTo>
                      <a:pt x="45" y="51"/>
                    </a:lnTo>
                    <a:lnTo>
                      <a:pt x="50" y="56"/>
                    </a:lnTo>
                    <a:lnTo>
                      <a:pt x="57" y="59"/>
                    </a:lnTo>
                    <a:lnTo>
                      <a:pt x="62" y="64"/>
                    </a:lnTo>
                    <a:lnTo>
                      <a:pt x="67" y="68"/>
                    </a:lnTo>
                    <a:lnTo>
                      <a:pt x="74" y="71"/>
                    </a:lnTo>
                    <a:lnTo>
                      <a:pt x="79" y="74"/>
                    </a:lnTo>
                    <a:lnTo>
                      <a:pt x="86" y="76"/>
                    </a:lnTo>
                    <a:lnTo>
                      <a:pt x="91" y="78"/>
                    </a:lnTo>
                    <a:lnTo>
                      <a:pt x="94" y="78"/>
                    </a:lnTo>
                    <a:lnTo>
                      <a:pt x="96" y="80"/>
                    </a:lnTo>
                    <a:lnTo>
                      <a:pt x="98" y="80"/>
                    </a:lnTo>
                    <a:lnTo>
                      <a:pt x="101" y="80"/>
                    </a:lnTo>
                    <a:lnTo>
                      <a:pt x="103" y="81"/>
                    </a:lnTo>
                    <a:lnTo>
                      <a:pt x="105" y="81"/>
                    </a:lnTo>
                    <a:lnTo>
                      <a:pt x="115" y="86"/>
                    </a:lnTo>
                    <a:lnTo>
                      <a:pt x="123" y="95"/>
                    </a:lnTo>
                    <a:lnTo>
                      <a:pt x="142" y="95"/>
                    </a:lnTo>
                    <a:lnTo>
                      <a:pt x="143" y="105"/>
                    </a:lnTo>
                    <a:lnTo>
                      <a:pt x="154" y="105"/>
                    </a:lnTo>
                    <a:lnTo>
                      <a:pt x="154" y="117"/>
                    </a:lnTo>
                    <a:lnTo>
                      <a:pt x="160" y="117"/>
                    </a:lnTo>
                    <a:lnTo>
                      <a:pt x="159" y="105"/>
                    </a:lnTo>
                    <a:lnTo>
                      <a:pt x="162" y="103"/>
                    </a:lnTo>
                    <a:lnTo>
                      <a:pt x="172" y="103"/>
                    </a:lnTo>
                    <a:lnTo>
                      <a:pt x="167" y="113"/>
                    </a:lnTo>
                    <a:lnTo>
                      <a:pt x="169" y="115"/>
                    </a:lnTo>
                    <a:lnTo>
                      <a:pt x="169" y="117"/>
                    </a:lnTo>
                    <a:lnTo>
                      <a:pt x="171" y="118"/>
                    </a:lnTo>
                    <a:lnTo>
                      <a:pt x="172" y="122"/>
                    </a:lnTo>
                    <a:lnTo>
                      <a:pt x="174" y="125"/>
                    </a:lnTo>
                    <a:lnTo>
                      <a:pt x="174" y="130"/>
                    </a:lnTo>
                    <a:lnTo>
                      <a:pt x="172" y="134"/>
                    </a:lnTo>
                    <a:lnTo>
                      <a:pt x="171" y="135"/>
                    </a:lnTo>
                    <a:lnTo>
                      <a:pt x="169" y="137"/>
                    </a:lnTo>
                    <a:lnTo>
                      <a:pt x="167" y="139"/>
                    </a:lnTo>
                    <a:lnTo>
                      <a:pt x="164" y="142"/>
                    </a:lnTo>
                    <a:lnTo>
                      <a:pt x="160" y="146"/>
                    </a:lnTo>
                    <a:lnTo>
                      <a:pt x="159" y="149"/>
                    </a:lnTo>
                    <a:lnTo>
                      <a:pt x="155" y="152"/>
                    </a:lnTo>
                    <a:lnTo>
                      <a:pt x="154" y="154"/>
                    </a:lnTo>
                    <a:lnTo>
                      <a:pt x="154" y="156"/>
                    </a:lnTo>
                    <a:lnTo>
                      <a:pt x="149" y="151"/>
                    </a:lnTo>
                    <a:lnTo>
                      <a:pt x="159" y="142"/>
                    </a:lnTo>
                    <a:lnTo>
                      <a:pt x="157" y="137"/>
                    </a:lnTo>
                    <a:lnTo>
                      <a:pt x="130" y="169"/>
                    </a:lnTo>
                    <a:lnTo>
                      <a:pt x="113" y="179"/>
                    </a:lnTo>
                    <a:lnTo>
                      <a:pt x="113" y="191"/>
                    </a:lnTo>
                    <a:lnTo>
                      <a:pt x="121" y="193"/>
                    </a:lnTo>
                    <a:lnTo>
                      <a:pt x="123" y="191"/>
                    </a:lnTo>
                    <a:lnTo>
                      <a:pt x="125" y="190"/>
                    </a:lnTo>
                    <a:lnTo>
                      <a:pt x="127" y="186"/>
                    </a:lnTo>
                    <a:lnTo>
                      <a:pt x="127" y="188"/>
                    </a:lnTo>
                    <a:lnTo>
                      <a:pt x="123" y="186"/>
                    </a:lnTo>
                    <a:lnTo>
                      <a:pt x="121" y="183"/>
                    </a:lnTo>
                    <a:lnTo>
                      <a:pt x="120" y="183"/>
                    </a:lnTo>
                    <a:lnTo>
                      <a:pt x="145" y="162"/>
                    </a:lnTo>
                    <a:lnTo>
                      <a:pt x="152" y="162"/>
                    </a:lnTo>
                    <a:lnTo>
                      <a:pt x="179" y="135"/>
                    </a:lnTo>
                    <a:lnTo>
                      <a:pt x="182" y="144"/>
                    </a:lnTo>
                    <a:lnTo>
                      <a:pt x="181" y="154"/>
                    </a:lnTo>
                    <a:lnTo>
                      <a:pt x="172" y="161"/>
                    </a:lnTo>
                    <a:lnTo>
                      <a:pt x="169" y="159"/>
                    </a:lnTo>
                    <a:lnTo>
                      <a:pt x="165" y="168"/>
                    </a:lnTo>
                    <a:lnTo>
                      <a:pt x="162" y="178"/>
                    </a:lnTo>
                    <a:lnTo>
                      <a:pt x="165" y="179"/>
                    </a:lnTo>
                    <a:lnTo>
                      <a:pt x="157" y="210"/>
                    </a:lnTo>
                    <a:lnTo>
                      <a:pt x="155" y="210"/>
                    </a:lnTo>
                    <a:lnTo>
                      <a:pt x="154" y="212"/>
                    </a:lnTo>
                    <a:lnTo>
                      <a:pt x="150" y="215"/>
                    </a:lnTo>
                    <a:lnTo>
                      <a:pt x="149" y="217"/>
                    </a:lnTo>
                    <a:lnTo>
                      <a:pt x="147" y="217"/>
                    </a:lnTo>
                    <a:lnTo>
                      <a:pt x="147" y="215"/>
                    </a:lnTo>
                    <a:lnTo>
                      <a:pt x="149" y="212"/>
                    </a:lnTo>
                    <a:lnTo>
                      <a:pt x="149" y="210"/>
                    </a:lnTo>
                    <a:lnTo>
                      <a:pt x="149" y="208"/>
                    </a:lnTo>
                    <a:lnTo>
                      <a:pt x="149" y="206"/>
                    </a:lnTo>
                    <a:lnTo>
                      <a:pt x="149" y="205"/>
                    </a:lnTo>
                    <a:lnTo>
                      <a:pt x="157" y="195"/>
                    </a:lnTo>
                    <a:lnTo>
                      <a:pt x="143" y="206"/>
                    </a:lnTo>
                    <a:lnTo>
                      <a:pt x="138" y="215"/>
                    </a:lnTo>
                    <a:lnTo>
                      <a:pt x="137" y="212"/>
                    </a:lnTo>
                    <a:lnTo>
                      <a:pt x="137" y="210"/>
                    </a:lnTo>
                    <a:lnTo>
                      <a:pt x="138" y="208"/>
                    </a:lnTo>
                    <a:lnTo>
                      <a:pt x="138" y="205"/>
                    </a:lnTo>
                    <a:lnTo>
                      <a:pt x="140" y="201"/>
                    </a:lnTo>
                    <a:lnTo>
                      <a:pt x="142" y="200"/>
                    </a:lnTo>
                    <a:lnTo>
                      <a:pt x="142" y="196"/>
                    </a:lnTo>
                    <a:lnTo>
                      <a:pt x="140" y="195"/>
                    </a:lnTo>
                    <a:lnTo>
                      <a:pt x="138" y="193"/>
                    </a:lnTo>
                    <a:lnTo>
                      <a:pt x="135" y="195"/>
                    </a:lnTo>
                    <a:lnTo>
                      <a:pt x="130" y="196"/>
                    </a:lnTo>
                    <a:lnTo>
                      <a:pt x="125" y="201"/>
                    </a:lnTo>
                    <a:lnTo>
                      <a:pt x="120" y="205"/>
                    </a:lnTo>
                    <a:lnTo>
                      <a:pt x="115" y="210"/>
                    </a:lnTo>
                    <a:lnTo>
                      <a:pt x="111" y="215"/>
                    </a:lnTo>
                    <a:lnTo>
                      <a:pt x="111" y="217"/>
                    </a:lnTo>
                    <a:lnTo>
                      <a:pt x="113" y="218"/>
                    </a:lnTo>
                    <a:lnTo>
                      <a:pt x="120" y="220"/>
                    </a:lnTo>
                    <a:lnTo>
                      <a:pt x="123" y="220"/>
                    </a:lnTo>
                    <a:lnTo>
                      <a:pt x="127" y="222"/>
                    </a:lnTo>
                    <a:lnTo>
                      <a:pt x="130" y="222"/>
                    </a:lnTo>
                    <a:lnTo>
                      <a:pt x="132" y="222"/>
                    </a:lnTo>
                    <a:lnTo>
                      <a:pt x="132" y="225"/>
                    </a:lnTo>
                    <a:lnTo>
                      <a:pt x="133" y="227"/>
                    </a:lnTo>
                    <a:lnTo>
                      <a:pt x="138" y="230"/>
                    </a:lnTo>
                    <a:lnTo>
                      <a:pt x="140" y="230"/>
                    </a:lnTo>
                    <a:lnTo>
                      <a:pt x="143" y="228"/>
                    </a:lnTo>
                    <a:lnTo>
                      <a:pt x="149" y="225"/>
                    </a:lnTo>
                    <a:lnTo>
                      <a:pt x="152" y="223"/>
                    </a:lnTo>
                    <a:lnTo>
                      <a:pt x="155" y="220"/>
                    </a:lnTo>
                    <a:lnTo>
                      <a:pt x="159" y="217"/>
                    </a:lnTo>
                    <a:lnTo>
                      <a:pt x="162" y="215"/>
                    </a:lnTo>
                    <a:lnTo>
                      <a:pt x="162" y="213"/>
                    </a:lnTo>
                    <a:lnTo>
                      <a:pt x="167" y="215"/>
                    </a:lnTo>
                    <a:lnTo>
                      <a:pt x="176" y="208"/>
                    </a:lnTo>
                    <a:lnTo>
                      <a:pt x="181" y="206"/>
                    </a:lnTo>
                    <a:lnTo>
                      <a:pt x="179" y="183"/>
                    </a:lnTo>
                    <a:lnTo>
                      <a:pt x="186" y="178"/>
                    </a:lnTo>
                    <a:lnTo>
                      <a:pt x="181" y="171"/>
                    </a:lnTo>
                    <a:lnTo>
                      <a:pt x="191" y="151"/>
                    </a:lnTo>
                    <a:lnTo>
                      <a:pt x="211" y="127"/>
                    </a:lnTo>
                    <a:lnTo>
                      <a:pt x="203" y="103"/>
                    </a:lnTo>
                    <a:lnTo>
                      <a:pt x="198" y="103"/>
                    </a:lnTo>
                    <a:lnTo>
                      <a:pt x="196" y="112"/>
                    </a:lnTo>
                    <a:lnTo>
                      <a:pt x="201" y="117"/>
                    </a:lnTo>
                    <a:lnTo>
                      <a:pt x="199" y="122"/>
                    </a:lnTo>
                    <a:lnTo>
                      <a:pt x="189" y="110"/>
                    </a:lnTo>
                    <a:lnTo>
                      <a:pt x="191" y="102"/>
                    </a:lnTo>
                    <a:lnTo>
                      <a:pt x="196" y="96"/>
                    </a:lnTo>
                    <a:lnTo>
                      <a:pt x="206" y="96"/>
                    </a:lnTo>
                    <a:lnTo>
                      <a:pt x="199" y="83"/>
                    </a:lnTo>
                    <a:lnTo>
                      <a:pt x="194" y="73"/>
                    </a:lnTo>
                    <a:lnTo>
                      <a:pt x="189" y="68"/>
                    </a:lnTo>
                    <a:lnTo>
                      <a:pt x="193" y="63"/>
                    </a:lnTo>
                    <a:lnTo>
                      <a:pt x="196" y="54"/>
                    </a:lnTo>
                    <a:lnTo>
                      <a:pt x="199" y="59"/>
                    </a:lnTo>
                    <a:lnTo>
                      <a:pt x="199" y="71"/>
                    </a:lnTo>
                    <a:lnTo>
                      <a:pt x="206" y="66"/>
                    </a:lnTo>
                    <a:lnTo>
                      <a:pt x="204" y="64"/>
                    </a:lnTo>
                    <a:lnTo>
                      <a:pt x="215" y="56"/>
                    </a:lnTo>
                    <a:lnTo>
                      <a:pt x="208" y="47"/>
                    </a:lnTo>
                    <a:lnTo>
                      <a:pt x="211" y="39"/>
                    </a:lnTo>
                    <a:lnTo>
                      <a:pt x="206" y="32"/>
                    </a:lnTo>
                    <a:lnTo>
                      <a:pt x="198" y="32"/>
                    </a:lnTo>
                    <a:lnTo>
                      <a:pt x="198" y="0"/>
                    </a:lnTo>
                    <a:lnTo>
                      <a:pt x="199" y="0"/>
                    </a:lnTo>
                    <a:lnTo>
                      <a:pt x="203" y="2"/>
                    </a:lnTo>
                    <a:lnTo>
                      <a:pt x="208" y="3"/>
                    </a:lnTo>
                    <a:lnTo>
                      <a:pt x="213" y="5"/>
                    </a:lnTo>
                    <a:lnTo>
                      <a:pt x="220" y="7"/>
                    </a:lnTo>
                    <a:lnTo>
                      <a:pt x="226" y="8"/>
                    </a:lnTo>
                    <a:lnTo>
                      <a:pt x="235" y="12"/>
                    </a:lnTo>
                    <a:lnTo>
                      <a:pt x="245" y="15"/>
                    </a:lnTo>
                    <a:lnTo>
                      <a:pt x="255" y="17"/>
                    </a:lnTo>
                    <a:lnTo>
                      <a:pt x="267" y="22"/>
                    </a:lnTo>
                    <a:lnTo>
                      <a:pt x="281" y="25"/>
                    </a:lnTo>
                    <a:lnTo>
                      <a:pt x="294" y="29"/>
                    </a:lnTo>
                    <a:lnTo>
                      <a:pt x="308" y="32"/>
                    </a:lnTo>
                    <a:lnTo>
                      <a:pt x="323" y="37"/>
                    </a:lnTo>
                    <a:lnTo>
                      <a:pt x="338" y="41"/>
                    </a:lnTo>
                    <a:lnTo>
                      <a:pt x="355" y="46"/>
                    </a:lnTo>
                    <a:lnTo>
                      <a:pt x="372" y="51"/>
                    </a:lnTo>
                    <a:lnTo>
                      <a:pt x="389" y="54"/>
                    </a:lnTo>
                    <a:lnTo>
                      <a:pt x="407" y="59"/>
                    </a:lnTo>
                    <a:lnTo>
                      <a:pt x="426" y="64"/>
                    </a:lnTo>
                    <a:lnTo>
                      <a:pt x="445" y="69"/>
                    </a:lnTo>
                    <a:lnTo>
                      <a:pt x="465" y="74"/>
                    </a:lnTo>
                    <a:lnTo>
                      <a:pt x="485" y="80"/>
                    </a:lnTo>
                    <a:lnTo>
                      <a:pt x="506" y="85"/>
                    </a:lnTo>
                    <a:lnTo>
                      <a:pt x="526" y="90"/>
                    </a:lnTo>
                    <a:lnTo>
                      <a:pt x="548" y="95"/>
                    </a:lnTo>
                    <a:lnTo>
                      <a:pt x="568" y="100"/>
                    </a:lnTo>
                    <a:lnTo>
                      <a:pt x="590" y="105"/>
                    </a:lnTo>
                    <a:lnTo>
                      <a:pt x="612" y="108"/>
                    </a:lnTo>
                    <a:lnTo>
                      <a:pt x="634" y="113"/>
                    </a:lnTo>
                    <a:lnTo>
                      <a:pt x="656" y="118"/>
                    </a:lnTo>
                    <a:lnTo>
                      <a:pt x="656" y="122"/>
                    </a:lnTo>
                    <a:lnTo>
                      <a:pt x="656" y="125"/>
                    </a:lnTo>
                    <a:lnTo>
                      <a:pt x="655" y="130"/>
                    </a:lnTo>
                    <a:lnTo>
                      <a:pt x="653" y="137"/>
                    </a:lnTo>
                    <a:lnTo>
                      <a:pt x="651" y="146"/>
                    </a:lnTo>
                    <a:lnTo>
                      <a:pt x="649" y="156"/>
                    </a:lnTo>
                    <a:lnTo>
                      <a:pt x="646" y="166"/>
                    </a:lnTo>
                    <a:lnTo>
                      <a:pt x="644" y="176"/>
                    </a:lnTo>
                    <a:lnTo>
                      <a:pt x="641" y="188"/>
                    </a:lnTo>
                    <a:lnTo>
                      <a:pt x="639" y="200"/>
                    </a:lnTo>
                    <a:lnTo>
                      <a:pt x="636" y="213"/>
                    </a:lnTo>
                    <a:lnTo>
                      <a:pt x="633" y="227"/>
                    </a:lnTo>
                    <a:lnTo>
                      <a:pt x="629" y="240"/>
                    </a:lnTo>
                    <a:lnTo>
                      <a:pt x="627" y="256"/>
                    </a:lnTo>
                    <a:lnTo>
                      <a:pt x="624" y="269"/>
                    </a:lnTo>
                    <a:lnTo>
                      <a:pt x="621" y="284"/>
                    </a:lnTo>
                    <a:lnTo>
                      <a:pt x="617" y="298"/>
                    </a:lnTo>
                    <a:lnTo>
                      <a:pt x="614" y="311"/>
                    </a:lnTo>
                    <a:lnTo>
                      <a:pt x="612" y="325"/>
                    </a:lnTo>
                    <a:lnTo>
                      <a:pt x="609" y="338"/>
                    </a:lnTo>
                    <a:lnTo>
                      <a:pt x="605" y="350"/>
                    </a:lnTo>
                    <a:lnTo>
                      <a:pt x="604" y="362"/>
                    </a:lnTo>
                    <a:lnTo>
                      <a:pt x="600" y="374"/>
                    </a:lnTo>
                    <a:lnTo>
                      <a:pt x="599" y="384"/>
                    </a:lnTo>
                    <a:lnTo>
                      <a:pt x="597" y="393"/>
                    </a:lnTo>
                    <a:lnTo>
                      <a:pt x="595" y="401"/>
                    </a:lnTo>
                    <a:lnTo>
                      <a:pt x="594" y="408"/>
                    </a:lnTo>
                    <a:lnTo>
                      <a:pt x="592" y="415"/>
                    </a:lnTo>
                    <a:lnTo>
                      <a:pt x="590" y="418"/>
                    </a:lnTo>
                    <a:lnTo>
                      <a:pt x="590" y="420"/>
                    </a:lnTo>
                    <a:lnTo>
                      <a:pt x="590" y="421"/>
                    </a:lnTo>
                    <a:lnTo>
                      <a:pt x="585" y="438"/>
                    </a:lnTo>
                    <a:lnTo>
                      <a:pt x="590" y="450"/>
                    </a:lnTo>
                    <a:lnTo>
                      <a:pt x="590" y="462"/>
                    </a:lnTo>
                    <a:lnTo>
                      <a:pt x="587" y="476"/>
                    </a:lnTo>
                    <a:lnTo>
                      <a:pt x="589" y="487"/>
                    </a:lnTo>
                    <a:lnTo>
                      <a:pt x="421" y="445"/>
                    </a:lnTo>
                    <a:lnTo>
                      <a:pt x="419" y="445"/>
                    </a:lnTo>
                    <a:lnTo>
                      <a:pt x="418" y="445"/>
                    </a:lnTo>
                    <a:lnTo>
                      <a:pt x="414" y="445"/>
                    </a:lnTo>
                    <a:lnTo>
                      <a:pt x="411" y="445"/>
                    </a:lnTo>
                    <a:lnTo>
                      <a:pt x="407" y="447"/>
                    </a:lnTo>
                    <a:lnTo>
                      <a:pt x="402" y="447"/>
                    </a:lnTo>
                    <a:lnTo>
                      <a:pt x="399" y="447"/>
                    </a:lnTo>
                    <a:lnTo>
                      <a:pt x="394" y="447"/>
                    </a:lnTo>
                    <a:lnTo>
                      <a:pt x="389" y="447"/>
                    </a:lnTo>
                    <a:lnTo>
                      <a:pt x="384" y="447"/>
                    </a:lnTo>
                    <a:lnTo>
                      <a:pt x="379" y="445"/>
                    </a:lnTo>
                    <a:lnTo>
                      <a:pt x="374" y="445"/>
                    </a:lnTo>
                    <a:lnTo>
                      <a:pt x="369" y="443"/>
                    </a:lnTo>
                    <a:lnTo>
                      <a:pt x="363" y="442"/>
                    </a:lnTo>
                    <a:lnTo>
                      <a:pt x="358" y="440"/>
                    </a:lnTo>
                    <a:lnTo>
                      <a:pt x="357" y="440"/>
                    </a:lnTo>
                    <a:lnTo>
                      <a:pt x="355" y="440"/>
                    </a:lnTo>
                    <a:lnTo>
                      <a:pt x="353" y="440"/>
                    </a:lnTo>
                    <a:lnTo>
                      <a:pt x="352" y="442"/>
                    </a:lnTo>
                    <a:lnTo>
                      <a:pt x="348" y="443"/>
                    </a:lnTo>
                    <a:lnTo>
                      <a:pt x="347" y="445"/>
                    </a:lnTo>
                    <a:lnTo>
                      <a:pt x="345" y="445"/>
                    </a:lnTo>
                    <a:lnTo>
                      <a:pt x="323" y="445"/>
                    </a:lnTo>
                    <a:lnTo>
                      <a:pt x="321" y="445"/>
                    </a:lnTo>
                    <a:lnTo>
                      <a:pt x="316" y="445"/>
                    </a:lnTo>
                    <a:lnTo>
                      <a:pt x="308" y="447"/>
                    </a:lnTo>
                    <a:lnTo>
                      <a:pt x="297" y="448"/>
                    </a:lnTo>
                    <a:lnTo>
                      <a:pt x="289" y="448"/>
                    </a:lnTo>
                    <a:lnTo>
                      <a:pt x="279" y="448"/>
                    </a:lnTo>
                    <a:lnTo>
                      <a:pt x="272" y="445"/>
                    </a:lnTo>
                    <a:lnTo>
                      <a:pt x="265" y="442"/>
                    </a:lnTo>
                    <a:lnTo>
                      <a:pt x="262" y="442"/>
                    </a:lnTo>
                    <a:lnTo>
                      <a:pt x="259" y="442"/>
                    </a:lnTo>
                    <a:lnTo>
                      <a:pt x="253" y="442"/>
                    </a:lnTo>
                    <a:lnTo>
                      <a:pt x="248" y="442"/>
                    </a:lnTo>
                    <a:lnTo>
                      <a:pt x="245" y="443"/>
                    </a:lnTo>
                    <a:lnTo>
                      <a:pt x="242" y="443"/>
                    </a:lnTo>
                    <a:lnTo>
                      <a:pt x="233" y="442"/>
                    </a:lnTo>
                    <a:lnTo>
                      <a:pt x="220" y="445"/>
                    </a:lnTo>
                    <a:lnTo>
                      <a:pt x="220" y="443"/>
                    </a:lnTo>
                    <a:lnTo>
                      <a:pt x="215" y="440"/>
                    </a:lnTo>
                    <a:lnTo>
                      <a:pt x="209" y="435"/>
                    </a:lnTo>
                    <a:lnTo>
                      <a:pt x="201" y="430"/>
                    </a:lnTo>
                    <a:lnTo>
                      <a:pt x="194" y="425"/>
                    </a:lnTo>
                    <a:lnTo>
                      <a:pt x="186" y="421"/>
                    </a:lnTo>
                    <a:lnTo>
                      <a:pt x="177" y="418"/>
                    </a:lnTo>
                    <a:lnTo>
                      <a:pt x="171" y="418"/>
                    </a:lnTo>
                    <a:lnTo>
                      <a:pt x="169" y="418"/>
                    </a:lnTo>
                    <a:lnTo>
                      <a:pt x="167" y="418"/>
                    </a:lnTo>
                    <a:lnTo>
                      <a:pt x="164" y="420"/>
                    </a:lnTo>
                    <a:lnTo>
                      <a:pt x="160" y="420"/>
                    </a:lnTo>
                    <a:lnTo>
                      <a:pt x="157" y="421"/>
                    </a:lnTo>
                    <a:lnTo>
                      <a:pt x="152" y="421"/>
                    </a:lnTo>
                    <a:lnTo>
                      <a:pt x="145" y="423"/>
                    </a:lnTo>
                    <a:lnTo>
                      <a:pt x="140" y="423"/>
                    </a:lnTo>
                    <a:lnTo>
                      <a:pt x="135" y="423"/>
                    </a:lnTo>
                    <a:lnTo>
                      <a:pt x="128" y="423"/>
                    </a:lnTo>
                    <a:lnTo>
                      <a:pt x="123" y="423"/>
                    </a:lnTo>
                    <a:lnTo>
                      <a:pt x="118" y="423"/>
                    </a:lnTo>
                    <a:lnTo>
                      <a:pt x="113" y="421"/>
                    </a:lnTo>
                    <a:lnTo>
                      <a:pt x="108" y="420"/>
                    </a:lnTo>
                    <a:lnTo>
                      <a:pt x="105" y="418"/>
                    </a:lnTo>
                    <a:lnTo>
                      <a:pt x="103" y="415"/>
                    </a:lnTo>
                    <a:lnTo>
                      <a:pt x="101" y="413"/>
                    </a:lnTo>
                    <a:lnTo>
                      <a:pt x="99" y="413"/>
                    </a:lnTo>
                    <a:lnTo>
                      <a:pt x="98" y="411"/>
                    </a:lnTo>
                    <a:lnTo>
                      <a:pt x="94" y="408"/>
                    </a:lnTo>
                    <a:lnTo>
                      <a:pt x="93" y="406"/>
                    </a:lnTo>
                    <a:lnTo>
                      <a:pt x="91" y="404"/>
                    </a:lnTo>
                    <a:lnTo>
                      <a:pt x="89" y="404"/>
                    </a:lnTo>
                    <a:lnTo>
                      <a:pt x="84" y="393"/>
                    </a:lnTo>
                    <a:lnTo>
                      <a:pt x="84" y="391"/>
                    </a:lnTo>
                    <a:lnTo>
                      <a:pt x="86" y="388"/>
                    </a:lnTo>
                    <a:lnTo>
                      <a:pt x="86" y="384"/>
                    </a:lnTo>
                    <a:lnTo>
                      <a:pt x="88" y="379"/>
                    </a:lnTo>
                    <a:lnTo>
                      <a:pt x="88" y="374"/>
                    </a:lnTo>
                    <a:lnTo>
                      <a:pt x="88" y="369"/>
                    </a:lnTo>
                    <a:lnTo>
                      <a:pt x="88" y="364"/>
                    </a:lnTo>
                    <a:lnTo>
                      <a:pt x="88" y="357"/>
                    </a:lnTo>
                    <a:lnTo>
                      <a:pt x="86" y="352"/>
                    </a:lnTo>
                    <a:lnTo>
                      <a:pt x="86" y="347"/>
                    </a:lnTo>
                    <a:lnTo>
                      <a:pt x="83" y="342"/>
                    </a:lnTo>
                    <a:lnTo>
                      <a:pt x="79" y="337"/>
                    </a:lnTo>
                    <a:lnTo>
                      <a:pt x="76" y="333"/>
                    </a:lnTo>
                    <a:lnTo>
                      <a:pt x="71" y="330"/>
                    </a:lnTo>
                    <a:lnTo>
                      <a:pt x="64" y="328"/>
                    </a:lnTo>
                    <a:lnTo>
                      <a:pt x="62" y="328"/>
                    </a:lnTo>
                    <a:lnTo>
                      <a:pt x="61" y="328"/>
                    </a:lnTo>
                    <a:lnTo>
                      <a:pt x="57" y="327"/>
                    </a:lnTo>
                    <a:lnTo>
                      <a:pt x="55" y="327"/>
                    </a:lnTo>
                    <a:lnTo>
                      <a:pt x="54" y="327"/>
                    </a:lnTo>
                    <a:lnTo>
                      <a:pt x="52" y="327"/>
                    </a:lnTo>
                    <a:lnTo>
                      <a:pt x="52" y="325"/>
                    </a:lnTo>
                    <a:lnTo>
                      <a:pt x="54" y="323"/>
                    </a:lnTo>
                    <a:lnTo>
                      <a:pt x="54" y="322"/>
                    </a:lnTo>
                    <a:lnTo>
                      <a:pt x="52" y="318"/>
                    </a:lnTo>
                    <a:lnTo>
                      <a:pt x="52" y="315"/>
                    </a:lnTo>
                    <a:lnTo>
                      <a:pt x="49" y="311"/>
                    </a:lnTo>
                    <a:lnTo>
                      <a:pt x="45" y="310"/>
                    </a:lnTo>
                    <a:lnTo>
                      <a:pt x="40" y="308"/>
                    </a:lnTo>
                    <a:lnTo>
                      <a:pt x="39" y="306"/>
                    </a:lnTo>
                    <a:lnTo>
                      <a:pt x="37" y="305"/>
                    </a:lnTo>
                    <a:lnTo>
                      <a:pt x="33" y="303"/>
                    </a:lnTo>
                    <a:lnTo>
                      <a:pt x="32" y="301"/>
                    </a:lnTo>
                    <a:lnTo>
                      <a:pt x="23" y="303"/>
                    </a:lnTo>
                    <a:lnTo>
                      <a:pt x="22" y="300"/>
                    </a:lnTo>
                    <a:lnTo>
                      <a:pt x="18" y="303"/>
                    </a:lnTo>
                    <a:lnTo>
                      <a:pt x="11" y="300"/>
                    </a:lnTo>
                    <a:lnTo>
                      <a:pt x="6" y="291"/>
                    </a:lnTo>
                    <a:lnTo>
                      <a:pt x="6" y="293"/>
                    </a:lnTo>
                    <a:lnTo>
                      <a:pt x="3" y="293"/>
                    </a:lnTo>
                    <a:lnTo>
                      <a:pt x="0" y="294"/>
                    </a:lnTo>
                    <a:lnTo>
                      <a:pt x="0" y="293"/>
                    </a:lnTo>
                    <a:lnTo>
                      <a:pt x="0" y="291"/>
                    </a:lnTo>
                    <a:lnTo>
                      <a:pt x="0" y="289"/>
                    </a:lnTo>
                    <a:lnTo>
                      <a:pt x="1" y="288"/>
                    </a:lnTo>
                    <a:lnTo>
                      <a:pt x="1" y="284"/>
                    </a:lnTo>
                    <a:lnTo>
                      <a:pt x="3" y="281"/>
                    </a:lnTo>
                    <a:lnTo>
                      <a:pt x="3" y="278"/>
                    </a:lnTo>
                    <a:lnTo>
                      <a:pt x="5" y="271"/>
                    </a:lnTo>
                    <a:lnTo>
                      <a:pt x="6" y="266"/>
                    </a:lnTo>
                    <a:lnTo>
                      <a:pt x="8" y="261"/>
                    </a:lnTo>
                    <a:lnTo>
                      <a:pt x="10" y="256"/>
                    </a:lnTo>
                    <a:lnTo>
                      <a:pt x="11" y="252"/>
                    </a:lnTo>
                    <a:lnTo>
                      <a:pt x="15" y="252"/>
                    </a:lnTo>
                    <a:lnTo>
                      <a:pt x="15" y="256"/>
                    </a:lnTo>
                    <a:lnTo>
                      <a:pt x="15" y="257"/>
                    </a:lnTo>
                    <a:lnTo>
                      <a:pt x="13" y="261"/>
                    </a:lnTo>
                    <a:lnTo>
                      <a:pt x="13" y="264"/>
                    </a:lnTo>
                    <a:lnTo>
                      <a:pt x="11" y="267"/>
                    </a:lnTo>
                    <a:lnTo>
                      <a:pt x="11" y="271"/>
                    </a:lnTo>
                    <a:lnTo>
                      <a:pt x="11" y="276"/>
                    </a:lnTo>
                    <a:lnTo>
                      <a:pt x="10" y="279"/>
                    </a:lnTo>
                    <a:lnTo>
                      <a:pt x="8" y="281"/>
                    </a:lnTo>
                    <a:lnTo>
                      <a:pt x="8" y="284"/>
                    </a:lnTo>
                    <a:lnTo>
                      <a:pt x="10" y="284"/>
                    </a:lnTo>
                    <a:lnTo>
                      <a:pt x="13" y="284"/>
                    </a:lnTo>
                    <a:lnTo>
                      <a:pt x="15" y="283"/>
                    </a:lnTo>
                    <a:lnTo>
                      <a:pt x="17" y="283"/>
                    </a:lnTo>
                    <a:lnTo>
                      <a:pt x="17" y="278"/>
                    </a:lnTo>
                    <a:lnTo>
                      <a:pt x="22" y="271"/>
                    </a:lnTo>
                    <a:lnTo>
                      <a:pt x="25" y="266"/>
                    </a:lnTo>
                    <a:lnTo>
                      <a:pt x="25" y="254"/>
                    </a:lnTo>
                    <a:lnTo>
                      <a:pt x="27" y="250"/>
                    </a:lnTo>
                    <a:lnTo>
                      <a:pt x="33" y="249"/>
                    </a:lnTo>
                    <a:lnTo>
                      <a:pt x="30" y="240"/>
                    </a:lnTo>
                    <a:lnTo>
                      <a:pt x="25" y="244"/>
                    </a:lnTo>
                    <a:lnTo>
                      <a:pt x="15" y="244"/>
                    </a:lnTo>
                    <a:lnTo>
                      <a:pt x="17" y="218"/>
                    </a:lnTo>
                    <a:lnTo>
                      <a:pt x="18" y="218"/>
                    </a:lnTo>
                    <a:lnTo>
                      <a:pt x="20" y="223"/>
                    </a:lnTo>
                    <a:lnTo>
                      <a:pt x="27" y="220"/>
                    </a:lnTo>
                    <a:lnTo>
                      <a:pt x="42" y="222"/>
                    </a:lnTo>
                    <a:lnTo>
                      <a:pt x="42" y="217"/>
                    </a:lnTo>
                    <a:lnTo>
                      <a:pt x="30" y="212"/>
                    </a:lnTo>
                    <a:lnTo>
                      <a:pt x="30" y="205"/>
                    </a:lnTo>
                    <a:lnTo>
                      <a:pt x="22" y="203"/>
                    </a:lnTo>
                    <a:lnTo>
                      <a:pt x="18" y="213"/>
                    </a:lnTo>
                    <a:lnTo>
                      <a:pt x="17" y="212"/>
                    </a:lnTo>
                    <a:lnTo>
                      <a:pt x="17" y="200"/>
                    </a:lnTo>
                    <a:lnTo>
                      <a:pt x="18" y="198"/>
                    </a:lnTo>
                    <a:lnTo>
                      <a:pt x="18" y="195"/>
                    </a:lnTo>
                    <a:lnTo>
                      <a:pt x="20" y="190"/>
                    </a:lnTo>
                    <a:lnTo>
                      <a:pt x="20" y="184"/>
                    </a:lnTo>
                    <a:lnTo>
                      <a:pt x="22" y="179"/>
                    </a:lnTo>
                    <a:lnTo>
                      <a:pt x="22" y="173"/>
                    </a:lnTo>
                    <a:lnTo>
                      <a:pt x="22" y="168"/>
                    </a:lnTo>
                    <a:lnTo>
                      <a:pt x="20" y="164"/>
                    </a:lnTo>
                    <a:lnTo>
                      <a:pt x="20" y="161"/>
                    </a:lnTo>
                    <a:lnTo>
                      <a:pt x="20" y="154"/>
                    </a:lnTo>
                    <a:lnTo>
                      <a:pt x="20" y="146"/>
                    </a:lnTo>
                    <a:lnTo>
                      <a:pt x="20" y="135"/>
                    </a:lnTo>
                    <a:lnTo>
                      <a:pt x="22" y="125"/>
                    </a:lnTo>
                    <a:lnTo>
                      <a:pt x="22" y="115"/>
                    </a:lnTo>
                    <a:lnTo>
                      <a:pt x="22" y="108"/>
                    </a:lnTo>
                    <a:lnTo>
                      <a:pt x="22" y="107"/>
                    </a:lnTo>
                    <a:lnTo>
                      <a:pt x="22" y="105"/>
                    </a:lnTo>
                    <a:lnTo>
                      <a:pt x="20" y="102"/>
                    </a:lnTo>
                    <a:lnTo>
                      <a:pt x="17" y="96"/>
                    </a:lnTo>
                    <a:lnTo>
                      <a:pt x="13" y="91"/>
                    </a:lnTo>
                    <a:lnTo>
                      <a:pt x="11" y="83"/>
                    </a:lnTo>
                    <a:lnTo>
                      <a:pt x="10" y="74"/>
                    </a:lnTo>
                    <a:lnTo>
                      <a:pt x="11" y="64"/>
                    </a:lnTo>
                    <a:lnTo>
                      <a:pt x="15" y="54"/>
                    </a:lnTo>
                    <a:lnTo>
                      <a:pt x="15" y="52"/>
                    </a:lnTo>
                    <a:lnTo>
                      <a:pt x="17" y="51"/>
                    </a:lnTo>
                    <a:lnTo>
                      <a:pt x="18" y="47"/>
                    </a:lnTo>
                    <a:lnTo>
                      <a:pt x="20" y="46"/>
                    </a:lnTo>
                    <a:lnTo>
                      <a:pt x="20" y="42"/>
                    </a:lnTo>
                    <a:lnTo>
                      <a:pt x="22" y="42"/>
                    </a:lnTo>
                    <a:lnTo>
                      <a:pt x="22" y="41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35" name="Freeform 172"/>
              <p:cNvSpPr>
                <a:spLocks/>
              </p:cNvSpPr>
              <p:nvPr/>
            </p:nvSpPr>
            <p:spPr bwMode="auto">
              <a:xfrm>
                <a:off x="2993" y="1379"/>
                <a:ext cx="508" cy="539"/>
              </a:xfrm>
              <a:custGeom>
                <a:avLst/>
                <a:gdLst>
                  <a:gd name="T0" fmla="*/ 144 w 522"/>
                  <a:gd name="T1" fmla="*/ 355 h 555"/>
                  <a:gd name="T2" fmla="*/ 124 w 522"/>
                  <a:gd name="T3" fmla="*/ 351 h 555"/>
                  <a:gd name="T4" fmla="*/ 121 w 522"/>
                  <a:gd name="T5" fmla="*/ 340 h 555"/>
                  <a:gd name="T6" fmla="*/ 115 w 522"/>
                  <a:gd name="T7" fmla="*/ 323 h 555"/>
                  <a:gd name="T8" fmla="*/ 118 w 522"/>
                  <a:gd name="T9" fmla="*/ 302 h 555"/>
                  <a:gd name="T10" fmla="*/ 109 w 522"/>
                  <a:gd name="T11" fmla="*/ 286 h 555"/>
                  <a:gd name="T12" fmla="*/ 103 w 522"/>
                  <a:gd name="T13" fmla="*/ 256 h 555"/>
                  <a:gd name="T14" fmla="*/ 72 w 522"/>
                  <a:gd name="T15" fmla="*/ 232 h 555"/>
                  <a:gd name="T16" fmla="*/ 42 w 522"/>
                  <a:gd name="T17" fmla="*/ 202 h 555"/>
                  <a:gd name="T18" fmla="*/ 37 w 522"/>
                  <a:gd name="T19" fmla="*/ 201 h 555"/>
                  <a:gd name="T20" fmla="*/ 18 w 522"/>
                  <a:gd name="T21" fmla="*/ 195 h 555"/>
                  <a:gd name="T22" fmla="*/ 18 w 522"/>
                  <a:gd name="T23" fmla="*/ 174 h 555"/>
                  <a:gd name="T24" fmla="*/ 12 w 522"/>
                  <a:gd name="T25" fmla="*/ 159 h 555"/>
                  <a:gd name="T26" fmla="*/ 18 w 522"/>
                  <a:gd name="T27" fmla="*/ 132 h 555"/>
                  <a:gd name="T28" fmla="*/ 2 w 522"/>
                  <a:gd name="T29" fmla="*/ 106 h 555"/>
                  <a:gd name="T30" fmla="*/ 7 w 522"/>
                  <a:gd name="T31" fmla="*/ 102 h 555"/>
                  <a:gd name="T32" fmla="*/ 24 w 522"/>
                  <a:gd name="T33" fmla="*/ 81 h 555"/>
                  <a:gd name="T34" fmla="*/ 34 w 522"/>
                  <a:gd name="T35" fmla="*/ 30 h 555"/>
                  <a:gd name="T36" fmla="*/ 45 w 522"/>
                  <a:gd name="T37" fmla="*/ 17 h 555"/>
                  <a:gd name="T38" fmla="*/ 55 w 522"/>
                  <a:gd name="T39" fmla="*/ 23 h 555"/>
                  <a:gd name="T40" fmla="*/ 73 w 522"/>
                  <a:gd name="T41" fmla="*/ 17 h 555"/>
                  <a:gd name="T42" fmla="*/ 87 w 522"/>
                  <a:gd name="T43" fmla="*/ 17 h 555"/>
                  <a:gd name="T44" fmla="*/ 96 w 522"/>
                  <a:gd name="T45" fmla="*/ 13 h 555"/>
                  <a:gd name="T46" fmla="*/ 112 w 522"/>
                  <a:gd name="T47" fmla="*/ 7 h 555"/>
                  <a:gd name="T48" fmla="*/ 124 w 522"/>
                  <a:gd name="T49" fmla="*/ 7 h 555"/>
                  <a:gd name="T50" fmla="*/ 118 w 522"/>
                  <a:gd name="T51" fmla="*/ 25 h 555"/>
                  <a:gd name="T52" fmla="*/ 121 w 522"/>
                  <a:gd name="T53" fmla="*/ 28 h 555"/>
                  <a:gd name="T54" fmla="*/ 129 w 522"/>
                  <a:gd name="T55" fmla="*/ 20 h 555"/>
                  <a:gd name="T56" fmla="*/ 149 w 522"/>
                  <a:gd name="T57" fmla="*/ 32 h 555"/>
                  <a:gd name="T58" fmla="*/ 163 w 522"/>
                  <a:gd name="T59" fmla="*/ 46 h 555"/>
                  <a:gd name="T60" fmla="*/ 170 w 522"/>
                  <a:gd name="T61" fmla="*/ 50 h 555"/>
                  <a:gd name="T62" fmla="*/ 184 w 522"/>
                  <a:gd name="T63" fmla="*/ 51 h 555"/>
                  <a:gd name="T64" fmla="*/ 217 w 522"/>
                  <a:gd name="T65" fmla="*/ 59 h 555"/>
                  <a:gd name="T66" fmla="*/ 243 w 522"/>
                  <a:gd name="T67" fmla="*/ 69 h 555"/>
                  <a:gd name="T68" fmla="*/ 278 w 522"/>
                  <a:gd name="T69" fmla="*/ 74 h 555"/>
                  <a:gd name="T70" fmla="*/ 292 w 522"/>
                  <a:gd name="T71" fmla="*/ 84 h 555"/>
                  <a:gd name="T72" fmla="*/ 303 w 522"/>
                  <a:gd name="T73" fmla="*/ 108 h 555"/>
                  <a:gd name="T74" fmla="*/ 300 w 522"/>
                  <a:gd name="T75" fmla="*/ 121 h 555"/>
                  <a:gd name="T76" fmla="*/ 312 w 522"/>
                  <a:gd name="T77" fmla="*/ 131 h 555"/>
                  <a:gd name="T78" fmla="*/ 320 w 522"/>
                  <a:gd name="T79" fmla="*/ 142 h 555"/>
                  <a:gd name="T80" fmla="*/ 307 w 522"/>
                  <a:gd name="T81" fmla="*/ 163 h 555"/>
                  <a:gd name="T82" fmla="*/ 299 w 522"/>
                  <a:gd name="T83" fmla="*/ 182 h 555"/>
                  <a:gd name="T84" fmla="*/ 308 w 522"/>
                  <a:gd name="T85" fmla="*/ 184 h 555"/>
                  <a:gd name="T86" fmla="*/ 318 w 522"/>
                  <a:gd name="T87" fmla="*/ 168 h 555"/>
                  <a:gd name="T88" fmla="*/ 336 w 522"/>
                  <a:gd name="T89" fmla="*/ 155 h 555"/>
                  <a:gd name="T90" fmla="*/ 337 w 522"/>
                  <a:gd name="T91" fmla="*/ 139 h 555"/>
                  <a:gd name="T92" fmla="*/ 349 w 522"/>
                  <a:gd name="T93" fmla="*/ 124 h 555"/>
                  <a:gd name="T94" fmla="*/ 354 w 522"/>
                  <a:gd name="T95" fmla="*/ 128 h 555"/>
                  <a:gd name="T96" fmla="*/ 346 w 522"/>
                  <a:gd name="T97" fmla="*/ 148 h 555"/>
                  <a:gd name="T98" fmla="*/ 345 w 522"/>
                  <a:gd name="T99" fmla="*/ 159 h 555"/>
                  <a:gd name="T100" fmla="*/ 336 w 522"/>
                  <a:gd name="T101" fmla="*/ 174 h 555"/>
                  <a:gd name="T102" fmla="*/ 333 w 522"/>
                  <a:gd name="T103" fmla="*/ 207 h 555"/>
                  <a:gd name="T104" fmla="*/ 328 w 522"/>
                  <a:gd name="T105" fmla="*/ 219 h 555"/>
                  <a:gd name="T106" fmla="*/ 323 w 522"/>
                  <a:gd name="T107" fmla="*/ 236 h 555"/>
                  <a:gd name="T108" fmla="*/ 326 w 522"/>
                  <a:gd name="T109" fmla="*/ 260 h 555"/>
                  <a:gd name="T110" fmla="*/ 318 w 522"/>
                  <a:gd name="T111" fmla="*/ 276 h 555"/>
                  <a:gd name="T112" fmla="*/ 318 w 522"/>
                  <a:gd name="T113" fmla="*/ 306 h 555"/>
                  <a:gd name="T114" fmla="*/ 324 w 522"/>
                  <a:gd name="T115" fmla="*/ 325 h 555"/>
                  <a:gd name="T116" fmla="*/ 327 w 522"/>
                  <a:gd name="T117" fmla="*/ 335 h 555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522"/>
                  <a:gd name="T178" fmla="*/ 0 h 555"/>
                  <a:gd name="T179" fmla="*/ 522 w 522"/>
                  <a:gd name="T180" fmla="*/ 555 h 555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522" h="555">
                    <a:moveTo>
                      <a:pt x="220" y="555"/>
                    </a:moveTo>
                    <a:lnTo>
                      <a:pt x="219" y="550"/>
                    </a:lnTo>
                    <a:lnTo>
                      <a:pt x="217" y="545"/>
                    </a:lnTo>
                    <a:lnTo>
                      <a:pt x="215" y="541"/>
                    </a:lnTo>
                    <a:lnTo>
                      <a:pt x="212" y="538"/>
                    </a:lnTo>
                    <a:lnTo>
                      <a:pt x="210" y="536"/>
                    </a:lnTo>
                    <a:lnTo>
                      <a:pt x="207" y="536"/>
                    </a:lnTo>
                    <a:lnTo>
                      <a:pt x="205" y="535"/>
                    </a:lnTo>
                    <a:lnTo>
                      <a:pt x="181" y="528"/>
                    </a:lnTo>
                    <a:lnTo>
                      <a:pt x="181" y="526"/>
                    </a:lnTo>
                    <a:lnTo>
                      <a:pt x="181" y="525"/>
                    </a:lnTo>
                    <a:lnTo>
                      <a:pt x="181" y="521"/>
                    </a:lnTo>
                    <a:lnTo>
                      <a:pt x="181" y="519"/>
                    </a:lnTo>
                    <a:lnTo>
                      <a:pt x="180" y="514"/>
                    </a:lnTo>
                    <a:lnTo>
                      <a:pt x="176" y="511"/>
                    </a:lnTo>
                    <a:lnTo>
                      <a:pt x="175" y="506"/>
                    </a:lnTo>
                    <a:lnTo>
                      <a:pt x="171" y="503"/>
                    </a:lnTo>
                    <a:lnTo>
                      <a:pt x="170" y="499"/>
                    </a:lnTo>
                    <a:lnTo>
                      <a:pt x="168" y="494"/>
                    </a:lnTo>
                    <a:lnTo>
                      <a:pt x="168" y="491"/>
                    </a:lnTo>
                    <a:lnTo>
                      <a:pt x="166" y="486"/>
                    </a:lnTo>
                    <a:lnTo>
                      <a:pt x="168" y="482"/>
                    </a:lnTo>
                    <a:lnTo>
                      <a:pt x="170" y="477"/>
                    </a:lnTo>
                    <a:lnTo>
                      <a:pt x="173" y="469"/>
                    </a:lnTo>
                    <a:lnTo>
                      <a:pt x="175" y="464"/>
                    </a:lnTo>
                    <a:lnTo>
                      <a:pt x="175" y="459"/>
                    </a:lnTo>
                    <a:lnTo>
                      <a:pt x="173" y="455"/>
                    </a:lnTo>
                    <a:lnTo>
                      <a:pt x="171" y="453"/>
                    </a:lnTo>
                    <a:lnTo>
                      <a:pt x="170" y="453"/>
                    </a:lnTo>
                    <a:lnTo>
                      <a:pt x="170" y="452"/>
                    </a:lnTo>
                    <a:lnTo>
                      <a:pt x="168" y="452"/>
                    </a:lnTo>
                    <a:lnTo>
                      <a:pt x="159" y="431"/>
                    </a:lnTo>
                    <a:lnTo>
                      <a:pt x="159" y="430"/>
                    </a:lnTo>
                    <a:lnTo>
                      <a:pt x="161" y="428"/>
                    </a:lnTo>
                    <a:lnTo>
                      <a:pt x="161" y="421"/>
                    </a:lnTo>
                    <a:lnTo>
                      <a:pt x="158" y="413"/>
                    </a:lnTo>
                    <a:lnTo>
                      <a:pt x="156" y="403"/>
                    </a:lnTo>
                    <a:lnTo>
                      <a:pt x="153" y="394"/>
                    </a:lnTo>
                    <a:lnTo>
                      <a:pt x="151" y="386"/>
                    </a:lnTo>
                    <a:lnTo>
                      <a:pt x="148" y="379"/>
                    </a:lnTo>
                    <a:lnTo>
                      <a:pt x="146" y="377"/>
                    </a:lnTo>
                    <a:lnTo>
                      <a:pt x="132" y="372"/>
                    </a:lnTo>
                    <a:lnTo>
                      <a:pt x="120" y="365"/>
                    </a:lnTo>
                    <a:lnTo>
                      <a:pt x="112" y="357"/>
                    </a:lnTo>
                    <a:lnTo>
                      <a:pt x="104" y="349"/>
                    </a:lnTo>
                    <a:lnTo>
                      <a:pt x="98" y="340"/>
                    </a:lnTo>
                    <a:lnTo>
                      <a:pt x="93" y="332"/>
                    </a:lnTo>
                    <a:lnTo>
                      <a:pt x="90" y="328"/>
                    </a:lnTo>
                    <a:lnTo>
                      <a:pt x="90" y="325"/>
                    </a:lnTo>
                    <a:lnTo>
                      <a:pt x="60" y="313"/>
                    </a:lnTo>
                    <a:lnTo>
                      <a:pt x="58" y="305"/>
                    </a:lnTo>
                    <a:lnTo>
                      <a:pt x="56" y="305"/>
                    </a:lnTo>
                    <a:lnTo>
                      <a:pt x="56" y="303"/>
                    </a:lnTo>
                    <a:lnTo>
                      <a:pt x="54" y="303"/>
                    </a:lnTo>
                    <a:lnTo>
                      <a:pt x="51" y="303"/>
                    </a:lnTo>
                    <a:lnTo>
                      <a:pt x="49" y="303"/>
                    </a:lnTo>
                    <a:lnTo>
                      <a:pt x="46" y="305"/>
                    </a:lnTo>
                    <a:lnTo>
                      <a:pt x="43" y="303"/>
                    </a:lnTo>
                    <a:lnTo>
                      <a:pt x="38" y="301"/>
                    </a:lnTo>
                    <a:lnTo>
                      <a:pt x="31" y="299"/>
                    </a:lnTo>
                    <a:lnTo>
                      <a:pt x="26" y="294"/>
                    </a:lnTo>
                    <a:lnTo>
                      <a:pt x="21" y="289"/>
                    </a:lnTo>
                    <a:lnTo>
                      <a:pt x="17" y="286"/>
                    </a:lnTo>
                    <a:lnTo>
                      <a:pt x="16" y="281"/>
                    </a:lnTo>
                    <a:lnTo>
                      <a:pt x="16" y="276"/>
                    </a:lnTo>
                    <a:lnTo>
                      <a:pt x="19" y="267"/>
                    </a:lnTo>
                    <a:lnTo>
                      <a:pt x="21" y="262"/>
                    </a:lnTo>
                    <a:lnTo>
                      <a:pt x="21" y="257"/>
                    </a:lnTo>
                    <a:lnTo>
                      <a:pt x="21" y="254"/>
                    </a:lnTo>
                    <a:lnTo>
                      <a:pt x="19" y="250"/>
                    </a:lnTo>
                    <a:lnTo>
                      <a:pt x="17" y="247"/>
                    </a:lnTo>
                    <a:lnTo>
                      <a:pt x="16" y="244"/>
                    </a:lnTo>
                    <a:lnTo>
                      <a:pt x="12" y="240"/>
                    </a:lnTo>
                    <a:lnTo>
                      <a:pt x="12" y="235"/>
                    </a:lnTo>
                    <a:lnTo>
                      <a:pt x="12" y="227"/>
                    </a:lnTo>
                    <a:lnTo>
                      <a:pt x="12" y="220"/>
                    </a:lnTo>
                    <a:lnTo>
                      <a:pt x="16" y="211"/>
                    </a:lnTo>
                    <a:lnTo>
                      <a:pt x="17" y="205"/>
                    </a:lnTo>
                    <a:lnTo>
                      <a:pt x="21" y="198"/>
                    </a:lnTo>
                    <a:lnTo>
                      <a:pt x="21" y="193"/>
                    </a:lnTo>
                    <a:lnTo>
                      <a:pt x="22" y="193"/>
                    </a:lnTo>
                    <a:lnTo>
                      <a:pt x="14" y="179"/>
                    </a:lnTo>
                    <a:lnTo>
                      <a:pt x="0" y="179"/>
                    </a:lnTo>
                    <a:lnTo>
                      <a:pt x="0" y="159"/>
                    </a:lnTo>
                    <a:lnTo>
                      <a:pt x="2" y="159"/>
                    </a:lnTo>
                    <a:lnTo>
                      <a:pt x="4" y="157"/>
                    </a:lnTo>
                    <a:lnTo>
                      <a:pt x="5" y="157"/>
                    </a:lnTo>
                    <a:lnTo>
                      <a:pt x="7" y="154"/>
                    </a:lnTo>
                    <a:lnTo>
                      <a:pt x="7" y="152"/>
                    </a:lnTo>
                    <a:lnTo>
                      <a:pt x="9" y="149"/>
                    </a:lnTo>
                    <a:lnTo>
                      <a:pt x="10" y="144"/>
                    </a:lnTo>
                    <a:lnTo>
                      <a:pt x="17" y="139"/>
                    </a:lnTo>
                    <a:lnTo>
                      <a:pt x="22" y="134"/>
                    </a:lnTo>
                    <a:lnTo>
                      <a:pt x="31" y="127"/>
                    </a:lnTo>
                    <a:lnTo>
                      <a:pt x="38" y="122"/>
                    </a:lnTo>
                    <a:lnTo>
                      <a:pt x="44" y="118"/>
                    </a:lnTo>
                    <a:lnTo>
                      <a:pt x="48" y="115"/>
                    </a:lnTo>
                    <a:lnTo>
                      <a:pt x="51" y="115"/>
                    </a:lnTo>
                    <a:lnTo>
                      <a:pt x="49" y="44"/>
                    </a:lnTo>
                    <a:lnTo>
                      <a:pt x="48" y="44"/>
                    </a:lnTo>
                    <a:lnTo>
                      <a:pt x="48" y="42"/>
                    </a:lnTo>
                    <a:lnTo>
                      <a:pt x="49" y="41"/>
                    </a:lnTo>
                    <a:lnTo>
                      <a:pt x="51" y="37"/>
                    </a:lnTo>
                    <a:lnTo>
                      <a:pt x="56" y="34"/>
                    </a:lnTo>
                    <a:lnTo>
                      <a:pt x="63" y="29"/>
                    </a:lnTo>
                    <a:lnTo>
                      <a:pt x="65" y="27"/>
                    </a:lnTo>
                    <a:lnTo>
                      <a:pt x="68" y="30"/>
                    </a:lnTo>
                    <a:lnTo>
                      <a:pt x="73" y="32"/>
                    </a:lnTo>
                    <a:lnTo>
                      <a:pt x="78" y="35"/>
                    </a:lnTo>
                    <a:lnTo>
                      <a:pt x="83" y="37"/>
                    </a:lnTo>
                    <a:lnTo>
                      <a:pt x="90" y="39"/>
                    </a:lnTo>
                    <a:lnTo>
                      <a:pt x="97" y="37"/>
                    </a:lnTo>
                    <a:lnTo>
                      <a:pt x="102" y="34"/>
                    </a:lnTo>
                    <a:lnTo>
                      <a:pt x="102" y="32"/>
                    </a:lnTo>
                    <a:lnTo>
                      <a:pt x="104" y="30"/>
                    </a:lnTo>
                    <a:lnTo>
                      <a:pt x="105" y="30"/>
                    </a:lnTo>
                    <a:lnTo>
                      <a:pt x="109" y="27"/>
                    </a:lnTo>
                    <a:lnTo>
                      <a:pt x="112" y="27"/>
                    </a:lnTo>
                    <a:lnTo>
                      <a:pt x="115" y="25"/>
                    </a:lnTo>
                    <a:lnTo>
                      <a:pt x="119" y="25"/>
                    </a:lnTo>
                    <a:lnTo>
                      <a:pt x="124" y="25"/>
                    </a:lnTo>
                    <a:lnTo>
                      <a:pt x="126" y="25"/>
                    </a:lnTo>
                    <a:lnTo>
                      <a:pt x="127" y="24"/>
                    </a:lnTo>
                    <a:lnTo>
                      <a:pt x="129" y="22"/>
                    </a:lnTo>
                    <a:lnTo>
                      <a:pt x="131" y="20"/>
                    </a:lnTo>
                    <a:lnTo>
                      <a:pt x="132" y="19"/>
                    </a:lnTo>
                    <a:lnTo>
                      <a:pt x="136" y="17"/>
                    </a:lnTo>
                    <a:lnTo>
                      <a:pt x="141" y="13"/>
                    </a:lnTo>
                    <a:lnTo>
                      <a:pt x="148" y="12"/>
                    </a:lnTo>
                    <a:lnTo>
                      <a:pt x="154" y="10"/>
                    </a:lnTo>
                    <a:lnTo>
                      <a:pt x="158" y="8"/>
                    </a:lnTo>
                    <a:lnTo>
                      <a:pt x="161" y="8"/>
                    </a:lnTo>
                    <a:lnTo>
                      <a:pt x="163" y="7"/>
                    </a:lnTo>
                    <a:lnTo>
                      <a:pt x="164" y="5"/>
                    </a:lnTo>
                    <a:lnTo>
                      <a:pt x="168" y="3"/>
                    </a:lnTo>
                    <a:lnTo>
                      <a:pt x="173" y="0"/>
                    </a:lnTo>
                    <a:lnTo>
                      <a:pt x="176" y="0"/>
                    </a:lnTo>
                    <a:lnTo>
                      <a:pt x="180" y="3"/>
                    </a:lnTo>
                    <a:lnTo>
                      <a:pt x="181" y="7"/>
                    </a:lnTo>
                    <a:lnTo>
                      <a:pt x="183" y="8"/>
                    </a:lnTo>
                    <a:lnTo>
                      <a:pt x="176" y="20"/>
                    </a:lnTo>
                    <a:lnTo>
                      <a:pt x="175" y="29"/>
                    </a:lnTo>
                    <a:lnTo>
                      <a:pt x="173" y="37"/>
                    </a:lnTo>
                    <a:lnTo>
                      <a:pt x="173" y="39"/>
                    </a:lnTo>
                    <a:lnTo>
                      <a:pt x="171" y="41"/>
                    </a:lnTo>
                    <a:lnTo>
                      <a:pt x="171" y="44"/>
                    </a:lnTo>
                    <a:lnTo>
                      <a:pt x="171" y="46"/>
                    </a:lnTo>
                    <a:lnTo>
                      <a:pt x="175" y="44"/>
                    </a:lnTo>
                    <a:lnTo>
                      <a:pt x="178" y="42"/>
                    </a:lnTo>
                    <a:lnTo>
                      <a:pt x="180" y="41"/>
                    </a:lnTo>
                    <a:lnTo>
                      <a:pt x="181" y="39"/>
                    </a:lnTo>
                    <a:lnTo>
                      <a:pt x="185" y="39"/>
                    </a:lnTo>
                    <a:lnTo>
                      <a:pt x="186" y="37"/>
                    </a:lnTo>
                    <a:lnTo>
                      <a:pt x="188" y="35"/>
                    </a:lnTo>
                    <a:lnTo>
                      <a:pt x="190" y="34"/>
                    </a:lnTo>
                    <a:lnTo>
                      <a:pt x="192" y="34"/>
                    </a:lnTo>
                    <a:lnTo>
                      <a:pt x="210" y="46"/>
                    </a:lnTo>
                    <a:lnTo>
                      <a:pt x="212" y="46"/>
                    </a:lnTo>
                    <a:lnTo>
                      <a:pt x="214" y="46"/>
                    </a:lnTo>
                    <a:lnTo>
                      <a:pt x="217" y="46"/>
                    </a:lnTo>
                    <a:lnTo>
                      <a:pt x="220" y="46"/>
                    </a:lnTo>
                    <a:lnTo>
                      <a:pt x="225" y="47"/>
                    </a:lnTo>
                    <a:lnTo>
                      <a:pt x="229" y="52"/>
                    </a:lnTo>
                    <a:lnTo>
                      <a:pt x="234" y="57"/>
                    </a:lnTo>
                    <a:lnTo>
                      <a:pt x="237" y="66"/>
                    </a:lnTo>
                    <a:lnTo>
                      <a:pt x="239" y="68"/>
                    </a:lnTo>
                    <a:lnTo>
                      <a:pt x="239" y="69"/>
                    </a:lnTo>
                    <a:lnTo>
                      <a:pt x="242" y="71"/>
                    </a:lnTo>
                    <a:lnTo>
                      <a:pt x="244" y="73"/>
                    </a:lnTo>
                    <a:lnTo>
                      <a:pt x="246" y="74"/>
                    </a:lnTo>
                    <a:lnTo>
                      <a:pt x="247" y="76"/>
                    </a:lnTo>
                    <a:lnTo>
                      <a:pt x="249" y="76"/>
                    </a:lnTo>
                    <a:lnTo>
                      <a:pt x="249" y="78"/>
                    </a:lnTo>
                    <a:lnTo>
                      <a:pt x="252" y="78"/>
                    </a:lnTo>
                    <a:lnTo>
                      <a:pt x="256" y="78"/>
                    </a:lnTo>
                    <a:lnTo>
                      <a:pt x="261" y="78"/>
                    </a:lnTo>
                    <a:lnTo>
                      <a:pt x="268" y="79"/>
                    </a:lnTo>
                    <a:lnTo>
                      <a:pt x="274" y="79"/>
                    </a:lnTo>
                    <a:lnTo>
                      <a:pt x="283" y="81"/>
                    </a:lnTo>
                    <a:lnTo>
                      <a:pt x="291" y="83"/>
                    </a:lnTo>
                    <a:lnTo>
                      <a:pt x="300" y="85"/>
                    </a:lnTo>
                    <a:lnTo>
                      <a:pt x="308" y="86"/>
                    </a:lnTo>
                    <a:lnTo>
                      <a:pt x="317" y="88"/>
                    </a:lnTo>
                    <a:lnTo>
                      <a:pt x="325" y="91"/>
                    </a:lnTo>
                    <a:lnTo>
                      <a:pt x="334" y="93"/>
                    </a:lnTo>
                    <a:lnTo>
                      <a:pt x="340" y="96"/>
                    </a:lnTo>
                    <a:lnTo>
                      <a:pt x="347" y="100"/>
                    </a:lnTo>
                    <a:lnTo>
                      <a:pt x="354" y="103"/>
                    </a:lnTo>
                    <a:lnTo>
                      <a:pt x="356" y="103"/>
                    </a:lnTo>
                    <a:lnTo>
                      <a:pt x="362" y="105"/>
                    </a:lnTo>
                    <a:lnTo>
                      <a:pt x="373" y="107"/>
                    </a:lnTo>
                    <a:lnTo>
                      <a:pt x="383" y="107"/>
                    </a:lnTo>
                    <a:lnTo>
                      <a:pt x="393" y="108"/>
                    </a:lnTo>
                    <a:lnTo>
                      <a:pt x="401" y="110"/>
                    </a:lnTo>
                    <a:lnTo>
                      <a:pt x="408" y="110"/>
                    </a:lnTo>
                    <a:lnTo>
                      <a:pt x="412" y="110"/>
                    </a:lnTo>
                    <a:lnTo>
                      <a:pt x="415" y="115"/>
                    </a:lnTo>
                    <a:lnTo>
                      <a:pt x="418" y="127"/>
                    </a:lnTo>
                    <a:lnTo>
                      <a:pt x="420" y="127"/>
                    </a:lnTo>
                    <a:lnTo>
                      <a:pt x="422" y="127"/>
                    </a:lnTo>
                    <a:lnTo>
                      <a:pt x="427" y="127"/>
                    </a:lnTo>
                    <a:lnTo>
                      <a:pt x="430" y="129"/>
                    </a:lnTo>
                    <a:lnTo>
                      <a:pt x="435" y="132"/>
                    </a:lnTo>
                    <a:lnTo>
                      <a:pt x="439" y="139"/>
                    </a:lnTo>
                    <a:lnTo>
                      <a:pt x="442" y="147"/>
                    </a:lnTo>
                    <a:lnTo>
                      <a:pt x="444" y="159"/>
                    </a:lnTo>
                    <a:lnTo>
                      <a:pt x="444" y="161"/>
                    </a:lnTo>
                    <a:lnTo>
                      <a:pt x="442" y="164"/>
                    </a:lnTo>
                    <a:lnTo>
                      <a:pt x="442" y="167"/>
                    </a:lnTo>
                    <a:lnTo>
                      <a:pt x="442" y="173"/>
                    </a:lnTo>
                    <a:lnTo>
                      <a:pt x="440" y="176"/>
                    </a:lnTo>
                    <a:lnTo>
                      <a:pt x="440" y="179"/>
                    </a:lnTo>
                    <a:lnTo>
                      <a:pt x="439" y="183"/>
                    </a:lnTo>
                    <a:lnTo>
                      <a:pt x="461" y="183"/>
                    </a:lnTo>
                    <a:lnTo>
                      <a:pt x="461" y="184"/>
                    </a:lnTo>
                    <a:lnTo>
                      <a:pt x="459" y="188"/>
                    </a:lnTo>
                    <a:lnTo>
                      <a:pt x="459" y="191"/>
                    </a:lnTo>
                    <a:lnTo>
                      <a:pt x="457" y="196"/>
                    </a:lnTo>
                    <a:lnTo>
                      <a:pt x="459" y="201"/>
                    </a:lnTo>
                    <a:lnTo>
                      <a:pt x="461" y="205"/>
                    </a:lnTo>
                    <a:lnTo>
                      <a:pt x="464" y="208"/>
                    </a:lnTo>
                    <a:lnTo>
                      <a:pt x="469" y="210"/>
                    </a:lnTo>
                    <a:lnTo>
                      <a:pt x="469" y="211"/>
                    </a:lnTo>
                    <a:lnTo>
                      <a:pt x="469" y="213"/>
                    </a:lnTo>
                    <a:lnTo>
                      <a:pt x="471" y="217"/>
                    </a:lnTo>
                    <a:lnTo>
                      <a:pt x="471" y="218"/>
                    </a:lnTo>
                    <a:lnTo>
                      <a:pt x="457" y="228"/>
                    </a:lnTo>
                    <a:lnTo>
                      <a:pt x="450" y="239"/>
                    </a:lnTo>
                    <a:lnTo>
                      <a:pt x="449" y="244"/>
                    </a:lnTo>
                    <a:lnTo>
                      <a:pt x="449" y="245"/>
                    </a:lnTo>
                    <a:lnTo>
                      <a:pt x="447" y="247"/>
                    </a:lnTo>
                    <a:lnTo>
                      <a:pt x="444" y="250"/>
                    </a:lnTo>
                    <a:lnTo>
                      <a:pt x="442" y="255"/>
                    </a:lnTo>
                    <a:lnTo>
                      <a:pt x="439" y="261"/>
                    </a:lnTo>
                    <a:lnTo>
                      <a:pt x="437" y="267"/>
                    </a:lnTo>
                    <a:lnTo>
                      <a:pt x="437" y="274"/>
                    </a:lnTo>
                    <a:lnTo>
                      <a:pt x="439" y="283"/>
                    </a:lnTo>
                    <a:lnTo>
                      <a:pt x="440" y="284"/>
                    </a:lnTo>
                    <a:lnTo>
                      <a:pt x="442" y="284"/>
                    </a:lnTo>
                    <a:lnTo>
                      <a:pt x="444" y="283"/>
                    </a:lnTo>
                    <a:lnTo>
                      <a:pt x="447" y="279"/>
                    </a:lnTo>
                    <a:lnTo>
                      <a:pt x="450" y="276"/>
                    </a:lnTo>
                    <a:lnTo>
                      <a:pt x="454" y="271"/>
                    </a:lnTo>
                    <a:lnTo>
                      <a:pt x="459" y="266"/>
                    </a:lnTo>
                    <a:lnTo>
                      <a:pt x="462" y="261"/>
                    </a:lnTo>
                    <a:lnTo>
                      <a:pt x="464" y="259"/>
                    </a:lnTo>
                    <a:lnTo>
                      <a:pt x="464" y="255"/>
                    </a:lnTo>
                    <a:lnTo>
                      <a:pt x="464" y="252"/>
                    </a:lnTo>
                    <a:lnTo>
                      <a:pt x="466" y="247"/>
                    </a:lnTo>
                    <a:lnTo>
                      <a:pt x="469" y="244"/>
                    </a:lnTo>
                    <a:lnTo>
                      <a:pt x="474" y="240"/>
                    </a:lnTo>
                    <a:lnTo>
                      <a:pt x="481" y="237"/>
                    </a:lnTo>
                    <a:lnTo>
                      <a:pt x="491" y="235"/>
                    </a:lnTo>
                    <a:lnTo>
                      <a:pt x="491" y="232"/>
                    </a:lnTo>
                    <a:lnTo>
                      <a:pt x="491" y="228"/>
                    </a:lnTo>
                    <a:lnTo>
                      <a:pt x="491" y="223"/>
                    </a:lnTo>
                    <a:lnTo>
                      <a:pt x="491" y="217"/>
                    </a:lnTo>
                    <a:lnTo>
                      <a:pt x="494" y="208"/>
                    </a:lnTo>
                    <a:lnTo>
                      <a:pt x="500" y="198"/>
                    </a:lnTo>
                    <a:lnTo>
                      <a:pt x="501" y="198"/>
                    </a:lnTo>
                    <a:lnTo>
                      <a:pt x="503" y="196"/>
                    </a:lnTo>
                    <a:lnTo>
                      <a:pt x="506" y="193"/>
                    </a:lnTo>
                    <a:lnTo>
                      <a:pt x="508" y="189"/>
                    </a:lnTo>
                    <a:lnTo>
                      <a:pt x="511" y="186"/>
                    </a:lnTo>
                    <a:lnTo>
                      <a:pt x="513" y="183"/>
                    </a:lnTo>
                    <a:lnTo>
                      <a:pt x="515" y="181"/>
                    </a:lnTo>
                    <a:lnTo>
                      <a:pt x="516" y="181"/>
                    </a:lnTo>
                    <a:lnTo>
                      <a:pt x="522" y="181"/>
                    </a:lnTo>
                    <a:lnTo>
                      <a:pt x="522" y="191"/>
                    </a:lnTo>
                    <a:lnTo>
                      <a:pt x="518" y="193"/>
                    </a:lnTo>
                    <a:lnTo>
                      <a:pt x="518" y="206"/>
                    </a:lnTo>
                    <a:lnTo>
                      <a:pt x="516" y="206"/>
                    </a:lnTo>
                    <a:lnTo>
                      <a:pt x="515" y="210"/>
                    </a:lnTo>
                    <a:lnTo>
                      <a:pt x="513" y="213"/>
                    </a:lnTo>
                    <a:lnTo>
                      <a:pt x="510" y="217"/>
                    </a:lnTo>
                    <a:lnTo>
                      <a:pt x="508" y="222"/>
                    </a:lnTo>
                    <a:lnTo>
                      <a:pt x="506" y="227"/>
                    </a:lnTo>
                    <a:lnTo>
                      <a:pt x="506" y="232"/>
                    </a:lnTo>
                    <a:lnTo>
                      <a:pt x="508" y="235"/>
                    </a:lnTo>
                    <a:lnTo>
                      <a:pt x="506" y="235"/>
                    </a:lnTo>
                    <a:lnTo>
                      <a:pt x="506" y="237"/>
                    </a:lnTo>
                    <a:lnTo>
                      <a:pt x="505" y="239"/>
                    </a:lnTo>
                    <a:lnTo>
                      <a:pt x="503" y="240"/>
                    </a:lnTo>
                    <a:lnTo>
                      <a:pt x="501" y="244"/>
                    </a:lnTo>
                    <a:lnTo>
                      <a:pt x="500" y="247"/>
                    </a:lnTo>
                    <a:lnTo>
                      <a:pt x="498" y="252"/>
                    </a:lnTo>
                    <a:lnTo>
                      <a:pt x="494" y="257"/>
                    </a:lnTo>
                    <a:lnTo>
                      <a:pt x="493" y="262"/>
                    </a:lnTo>
                    <a:lnTo>
                      <a:pt x="491" y="269"/>
                    </a:lnTo>
                    <a:lnTo>
                      <a:pt x="489" y="276"/>
                    </a:lnTo>
                    <a:lnTo>
                      <a:pt x="488" y="284"/>
                    </a:lnTo>
                    <a:lnTo>
                      <a:pt x="486" y="293"/>
                    </a:lnTo>
                    <a:lnTo>
                      <a:pt x="486" y="303"/>
                    </a:lnTo>
                    <a:lnTo>
                      <a:pt x="486" y="311"/>
                    </a:lnTo>
                    <a:lnTo>
                      <a:pt x="486" y="323"/>
                    </a:lnTo>
                    <a:lnTo>
                      <a:pt x="486" y="325"/>
                    </a:lnTo>
                    <a:lnTo>
                      <a:pt x="484" y="325"/>
                    </a:lnTo>
                    <a:lnTo>
                      <a:pt x="483" y="328"/>
                    </a:lnTo>
                    <a:lnTo>
                      <a:pt x="481" y="330"/>
                    </a:lnTo>
                    <a:lnTo>
                      <a:pt x="479" y="333"/>
                    </a:lnTo>
                    <a:lnTo>
                      <a:pt x="478" y="337"/>
                    </a:lnTo>
                    <a:lnTo>
                      <a:pt x="476" y="340"/>
                    </a:lnTo>
                    <a:lnTo>
                      <a:pt x="474" y="345"/>
                    </a:lnTo>
                    <a:lnTo>
                      <a:pt x="472" y="349"/>
                    </a:lnTo>
                    <a:lnTo>
                      <a:pt x="472" y="355"/>
                    </a:lnTo>
                    <a:lnTo>
                      <a:pt x="471" y="360"/>
                    </a:lnTo>
                    <a:lnTo>
                      <a:pt x="471" y="367"/>
                    </a:lnTo>
                    <a:lnTo>
                      <a:pt x="472" y="374"/>
                    </a:lnTo>
                    <a:lnTo>
                      <a:pt x="474" y="381"/>
                    </a:lnTo>
                    <a:lnTo>
                      <a:pt x="476" y="389"/>
                    </a:lnTo>
                    <a:lnTo>
                      <a:pt x="476" y="391"/>
                    </a:lnTo>
                    <a:lnTo>
                      <a:pt x="474" y="393"/>
                    </a:lnTo>
                    <a:lnTo>
                      <a:pt x="474" y="396"/>
                    </a:lnTo>
                    <a:lnTo>
                      <a:pt x="472" y="399"/>
                    </a:lnTo>
                    <a:lnTo>
                      <a:pt x="471" y="404"/>
                    </a:lnTo>
                    <a:lnTo>
                      <a:pt x="469" y="409"/>
                    </a:lnTo>
                    <a:lnTo>
                      <a:pt x="467" y="415"/>
                    </a:lnTo>
                    <a:lnTo>
                      <a:pt x="466" y="421"/>
                    </a:lnTo>
                    <a:lnTo>
                      <a:pt x="464" y="428"/>
                    </a:lnTo>
                    <a:lnTo>
                      <a:pt x="464" y="437"/>
                    </a:lnTo>
                    <a:lnTo>
                      <a:pt x="462" y="443"/>
                    </a:lnTo>
                    <a:lnTo>
                      <a:pt x="462" y="452"/>
                    </a:lnTo>
                    <a:lnTo>
                      <a:pt x="464" y="460"/>
                    </a:lnTo>
                    <a:lnTo>
                      <a:pt x="466" y="469"/>
                    </a:lnTo>
                    <a:lnTo>
                      <a:pt x="467" y="477"/>
                    </a:lnTo>
                    <a:lnTo>
                      <a:pt x="471" y="484"/>
                    </a:lnTo>
                    <a:lnTo>
                      <a:pt x="472" y="486"/>
                    </a:lnTo>
                    <a:lnTo>
                      <a:pt x="472" y="487"/>
                    </a:lnTo>
                    <a:lnTo>
                      <a:pt x="474" y="491"/>
                    </a:lnTo>
                    <a:lnTo>
                      <a:pt x="476" y="492"/>
                    </a:lnTo>
                    <a:lnTo>
                      <a:pt x="478" y="496"/>
                    </a:lnTo>
                    <a:lnTo>
                      <a:pt x="478" y="497"/>
                    </a:lnTo>
                    <a:lnTo>
                      <a:pt x="479" y="499"/>
                    </a:lnTo>
                    <a:lnTo>
                      <a:pt x="479" y="506"/>
                    </a:lnTo>
                    <a:lnTo>
                      <a:pt x="478" y="525"/>
                    </a:lnTo>
                    <a:lnTo>
                      <a:pt x="479" y="536"/>
                    </a:lnTo>
                    <a:lnTo>
                      <a:pt x="220" y="55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436" name="Group 173"/>
              <p:cNvGrpSpPr>
                <a:grpSpLocks/>
              </p:cNvGrpSpPr>
              <p:nvPr/>
            </p:nvGrpSpPr>
            <p:grpSpPr bwMode="auto">
              <a:xfrm>
                <a:off x="4170" y="1392"/>
                <a:ext cx="723" cy="540"/>
                <a:chOff x="4407" y="988"/>
                <a:chExt cx="743" cy="556"/>
              </a:xfrm>
            </p:grpSpPr>
            <p:sp>
              <p:nvSpPr>
                <p:cNvPr id="453" name="Freeform 174"/>
                <p:cNvSpPr>
                  <a:spLocks/>
                </p:cNvSpPr>
                <p:nvPr/>
              </p:nvSpPr>
              <p:spPr bwMode="auto">
                <a:xfrm>
                  <a:off x="4972" y="1435"/>
                  <a:ext cx="178" cy="109"/>
                </a:xfrm>
                <a:custGeom>
                  <a:avLst/>
                  <a:gdLst>
                    <a:gd name="T0" fmla="*/ 2 w 178"/>
                    <a:gd name="T1" fmla="*/ 109 h 109"/>
                    <a:gd name="T2" fmla="*/ 0 w 178"/>
                    <a:gd name="T3" fmla="*/ 107 h 109"/>
                    <a:gd name="T4" fmla="*/ 0 w 178"/>
                    <a:gd name="T5" fmla="*/ 102 h 109"/>
                    <a:gd name="T6" fmla="*/ 0 w 178"/>
                    <a:gd name="T7" fmla="*/ 95 h 109"/>
                    <a:gd name="T8" fmla="*/ 4 w 178"/>
                    <a:gd name="T9" fmla="*/ 88 h 109"/>
                    <a:gd name="T10" fmla="*/ 9 w 178"/>
                    <a:gd name="T11" fmla="*/ 81 h 109"/>
                    <a:gd name="T12" fmla="*/ 12 w 178"/>
                    <a:gd name="T13" fmla="*/ 80 h 109"/>
                    <a:gd name="T14" fmla="*/ 21 w 178"/>
                    <a:gd name="T15" fmla="*/ 73 h 109"/>
                    <a:gd name="T16" fmla="*/ 24 w 178"/>
                    <a:gd name="T17" fmla="*/ 65 h 109"/>
                    <a:gd name="T18" fmla="*/ 26 w 178"/>
                    <a:gd name="T19" fmla="*/ 61 h 109"/>
                    <a:gd name="T20" fmla="*/ 28 w 178"/>
                    <a:gd name="T21" fmla="*/ 59 h 109"/>
                    <a:gd name="T22" fmla="*/ 38 w 178"/>
                    <a:gd name="T23" fmla="*/ 56 h 109"/>
                    <a:gd name="T24" fmla="*/ 41 w 178"/>
                    <a:gd name="T25" fmla="*/ 53 h 109"/>
                    <a:gd name="T26" fmla="*/ 63 w 178"/>
                    <a:gd name="T27" fmla="*/ 53 h 109"/>
                    <a:gd name="T28" fmla="*/ 65 w 178"/>
                    <a:gd name="T29" fmla="*/ 49 h 109"/>
                    <a:gd name="T30" fmla="*/ 68 w 178"/>
                    <a:gd name="T31" fmla="*/ 43 h 109"/>
                    <a:gd name="T32" fmla="*/ 77 w 178"/>
                    <a:gd name="T33" fmla="*/ 39 h 109"/>
                    <a:gd name="T34" fmla="*/ 83 w 178"/>
                    <a:gd name="T35" fmla="*/ 37 h 109"/>
                    <a:gd name="T36" fmla="*/ 105 w 178"/>
                    <a:gd name="T37" fmla="*/ 31 h 109"/>
                    <a:gd name="T38" fmla="*/ 116 w 178"/>
                    <a:gd name="T39" fmla="*/ 24 h 109"/>
                    <a:gd name="T40" fmla="*/ 132 w 178"/>
                    <a:gd name="T41" fmla="*/ 4 h 109"/>
                    <a:gd name="T42" fmla="*/ 138 w 178"/>
                    <a:gd name="T43" fmla="*/ 2 h 109"/>
                    <a:gd name="T44" fmla="*/ 131 w 178"/>
                    <a:gd name="T45" fmla="*/ 14 h 109"/>
                    <a:gd name="T46" fmla="*/ 127 w 178"/>
                    <a:gd name="T47" fmla="*/ 19 h 109"/>
                    <a:gd name="T48" fmla="*/ 122 w 178"/>
                    <a:gd name="T49" fmla="*/ 26 h 109"/>
                    <a:gd name="T50" fmla="*/ 116 w 178"/>
                    <a:gd name="T51" fmla="*/ 34 h 109"/>
                    <a:gd name="T52" fmla="*/ 116 w 178"/>
                    <a:gd name="T53" fmla="*/ 37 h 109"/>
                    <a:gd name="T54" fmla="*/ 122 w 178"/>
                    <a:gd name="T55" fmla="*/ 36 h 109"/>
                    <a:gd name="T56" fmla="*/ 122 w 178"/>
                    <a:gd name="T57" fmla="*/ 39 h 109"/>
                    <a:gd name="T58" fmla="*/ 122 w 178"/>
                    <a:gd name="T59" fmla="*/ 43 h 109"/>
                    <a:gd name="T60" fmla="*/ 122 w 178"/>
                    <a:gd name="T61" fmla="*/ 48 h 109"/>
                    <a:gd name="T62" fmla="*/ 129 w 178"/>
                    <a:gd name="T63" fmla="*/ 43 h 109"/>
                    <a:gd name="T64" fmla="*/ 129 w 178"/>
                    <a:gd name="T65" fmla="*/ 34 h 109"/>
                    <a:gd name="T66" fmla="*/ 136 w 178"/>
                    <a:gd name="T67" fmla="*/ 22 h 109"/>
                    <a:gd name="T68" fmla="*/ 148 w 178"/>
                    <a:gd name="T69" fmla="*/ 14 h 109"/>
                    <a:gd name="T70" fmla="*/ 160 w 178"/>
                    <a:gd name="T71" fmla="*/ 14 h 109"/>
                    <a:gd name="T72" fmla="*/ 165 w 178"/>
                    <a:gd name="T73" fmla="*/ 9 h 109"/>
                    <a:gd name="T74" fmla="*/ 175 w 178"/>
                    <a:gd name="T75" fmla="*/ 0 h 109"/>
                    <a:gd name="T76" fmla="*/ 178 w 178"/>
                    <a:gd name="T77" fmla="*/ 4 h 109"/>
                    <a:gd name="T78" fmla="*/ 175 w 178"/>
                    <a:gd name="T79" fmla="*/ 9 h 109"/>
                    <a:gd name="T80" fmla="*/ 160 w 178"/>
                    <a:gd name="T81" fmla="*/ 22 h 109"/>
                    <a:gd name="T82" fmla="*/ 143 w 178"/>
                    <a:gd name="T83" fmla="*/ 36 h 109"/>
                    <a:gd name="T84" fmla="*/ 127 w 178"/>
                    <a:gd name="T85" fmla="*/ 48 h 109"/>
                    <a:gd name="T86" fmla="*/ 116 w 178"/>
                    <a:gd name="T87" fmla="*/ 58 h 109"/>
                    <a:gd name="T88" fmla="*/ 109 w 178"/>
                    <a:gd name="T89" fmla="*/ 63 h 109"/>
                    <a:gd name="T90" fmla="*/ 88 w 178"/>
                    <a:gd name="T91" fmla="*/ 76 h 109"/>
                    <a:gd name="T92" fmla="*/ 85 w 178"/>
                    <a:gd name="T93" fmla="*/ 76 h 109"/>
                    <a:gd name="T94" fmla="*/ 90 w 178"/>
                    <a:gd name="T95" fmla="*/ 70 h 109"/>
                    <a:gd name="T96" fmla="*/ 97 w 178"/>
                    <a:gd name="T97" fmla="*/ 58 h 109"/>
                    <a:gd name="T98" fmla="*/ 80 w 178"/>
                    <a:gd name="T99" fmla="*/ 68 h 109"/>
                    <a:gd name="T100" fmla="*/ 61 w 178"/>
                    <a:gd name="T101" fmla="*/ 76 h 109"/>
                    <a:gd name="T102" fmla="*/ 55 w 178"/>
                    <a:gd name="T103" fmla="*/ 81 h 109"/>
                    <a:gd name="T104" fmla="*/ 44 w 178"/>
                    <a:gd name="T105" fmla="*/ 90 h 109"/>
                    <a:gd name="T106" fmla="*/ 29 w 178"/>
                    <a:gd name="T107" fmla="*/ 100 h 109"/>
                    <a:gd name="T108" fmla="*/ 14 w 178"/>
                    <a:gd name="T109" fmla="*/ 109 h 109"/>
                    <a:gd name="T110" fmla="*/ 14 w 178"/>
                    <a:gd name="T111" fmla="*/ 105 h 109"/>
                    <a:gd name="T112" fmla="*/ 17 w 178"/>
                    <a:gd name="T113" fmla="*/ 102 h 109"/>
                    <a:gd name="T114" fmla="*/ 19 w 178"/>
                    <a:gd name="T115" fmla="*/ 95 h 109"/>
                    <a:gd name="T116" fmla="*/ 7 w 178"/>
                    <a:gd name="T117" fmla="*/ 105 h 109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w 178"/>
                    <a:gd name="T178" fmla="*/ 0 h 109"/>
                    <a:gd name="T179" fmla="*/ 178 w 178"/>
                    <a:gd name="T180" fmla="*/ 109 h 109"/>
                  </a:gdLst>
                  <a:ahLst/>
                  <a:cxnLst>
                    <a:cxn ang="T118">
                      <a:pos x="T0" y="T1"/>
                    </a:cxn>
                    <a:cxn ang="T119">
                      <a:pos x="T2" y="T3"/>
                    </a:cxn>
                    <a:cxn ang="T120">
                      <a:pos x="T4" y="T5"/>
                    </a:cxn>
                    <a:cxn ang="T121">
                      <a:pos x="T6" y="T7"/>
                    </a:cxn>
                    <a:cxn ang="T122">
                      <a:pos x="T8" y="T9"/>
                    </a:cxn>
                    <a:cxn ang="T123">
                      <a:pos x="T10" y="T11"/>
                    </a:cxn>
                    <a:cxn ang="T124">
                      <a:pos x="T12" y="T13"/>
                    </a:cxn>
                    <a:cxn ang="T125">
                      <a:pos x="T14" y="T15"/>
                    </a:cxn>
                    <a:cxn ang="T126">
                      <a:pos x="T16" y="T17"/>
                    </a:cxn>
                    <a:cxn ang="T127">
                      <a:pos x="T18" y="T19"/>
                    </a:cxn>
                    <a:cxn ang="T128">
                      <a:pos x="T20" y="T21"/>
                    </a:cxn>
                    <a:cxn ang="T129">
                      <a:pos x="T22" y="T23"/>
                    </a:cxn>
                    <a:cxn ang="T130">
                      <a:pos x="T24" y="T25"/>
                    </a:cxn>
                    <a:cxn ang="T131">
                      <a:pos x="T26" y="T27"/>
                    </a:cxn>
                    <a:cxn ang="T132">
                      <a:pos x="T28" y="T29"/>
                    </a:cxn>
                    <a:cxn ang="T133">
                      <a:pos x="T30" y="T31"/>
                    </a:cxn>
                    <a:cxn ang="T134">
                      <a:pos x="T32" y="T33"/>
                    </a:cxn>
                    <a:cxn ang="T135">
                      <a:pos x="T34" y="T35"/>
                    </a:cxn>
                    <a:cxn ang="T136">
                      <a:pos x="T36" y="T37"/>
                    </a:cxn>
                    <a:cxn ang="T137">
                      <a:pos x="T38" y="T39"/>
                    </a:cxn>
                    <a:cxn ang="T138">
                      <a:pos x="T40" y="T41"/>
                    </a:cxn>
                    <a:cxn ang="T139">
                      <a:pos x="T42" y="T43"/>
                    </a:cxn>
                    <a:cxn ang="T140">
                      <a:pos x="T44" y="T45"/>
                    </a:cxn>
                    <a:cxn ang="T141">
                      <a:pos x="T46" y="T47"/>
                    </a:cxn>
                    <a:cxn ang="T142">
                      <a:pos x="T48" y="T49"/>
                    </a:cxn>
                    <a:cxn ang="T143">
                      <a:pos x="T50" y="T51"/>
                    </a:cxn>
                    <a:cxn ang="T144">
                      <a:pos x="T52" y="T53"/>
                    </a:cxn>
                    <a:cxn ang="T145">
                      <a:pos x="T54" y="T55"/>
                    </a:cxn>
                    <a:cxn ang="T146">
                      <a:pos x="T56" y="T57"/>
                    </a:cxn>
                    <a:cxn ang="T147">
                      <a:pos x="T58" y="T59"/>
                    </a:cxn>
                    <a:cxn ang="T148">
                      <a:pos x="T60" y="T61"/>
                    </a:cxn>
                    <a:cxn ang="T149">
                      <a:pos x="T62" y="T63"/>
                    </a:cxn>
                    <a:cxn ang="T150">
                      <a:pos x="T64" y="T65"/>
                    </a:cxn>
                    <a:cxn ang="T151">
                      <a:pos x="T66" y="T67"/>
                    </a:cxn>
                    <a:cxn ang="T152">
                      <a:pos x="T68" y="T69"/>
                    </a:cxn>
                    <a:cxn ang="T153">
                      <a:pos x="T70" y="T71"/>
                    </a:cxn>
                    <a:cxn ang="T154">
                      <a:pos x="T72" y="T73"/>
                    </a:cxn>
                    <a:cxn ang="T155">
                      <a:pos x="T74" y="T75"/>
                    </a:cxn>
                    <a:cxn ang="T156">
                      <a:pos x="T76" y="T77"/>
                    </a:cxn>
                    <a:cxn ang="T157">
                      <a:pos x="T78" y="T79"/>
                    </a:cxn>
                    <a:cxn ang="T158">
                      <a:pos x="T80" y="T81"/>
                    </a:cxn>
                    <a:cxn ang="T159">
                      <a:pos x="T82" y="T83"/>
                    </a:cxn>
                    <a:cxn ang="T160">
                      <a:pos x="T84" y="T85"/>
                    </a:cxn>
                    <a:cxn ang="T161">
                      <a:pos x="T86" y="T87"/>
                    </a:cxn>
                    <a:cxn ang="T162">
                      <a:pos x="T88" y="T89"/>
                    </a:cxn>
                    <a:cxn ang="T163">
                      <a:pos x="T90" y="T91"/>
                    </a:cxn>
                    <a:cxn ang="T164">
                      <a:pos x="T92" y="T93"/>
                    </a:cxn>
                    <a:cxn ang="T165">
                      <a:pos x="T94" y="T95"/>
                    </a:cxn>
                    <a:cxn ang="T166">
                      <a:pos x="T96" y="T97"/>
                    </a:cxn>
                    <a:cxn ang="T167">
                      <a:pos x="T98" y="T99"/>
                    </a:cxn>
                    <a:cxn ang="T168">
                      <a:pos x="T100" y="T101"/>
                    </a:cxn>
                    <a:cxn ang="T169">
                      <a:pos x="T102" y="T103"/>
                    </a:cxn>
                    <a:cxn ang="T170">
                      <a:pos x="T104" y="T105"/>
                    </a:cxn>
                    <a:cxn ang="T171">
                      <a:pos x="T106" y="T107"/>
                    </a:cxn>
                    <a:cxn ang="T172">
                      <a:pos x="T108" y="T109"/>
                    </a:cxn>
                    <a:cxn ang="T173">
                      <a:pos x="T110" y="T111"/>
                    </a:cxn>
                    <a:cxn ang="T174">
                      <a:pos x="T112" y="T113"/>
                    </a:cxn>
                    <a:cxn ang="T175">
                      <a:pos x="T114" y="T115"/>
                    </a:cxn>
                    <a:cxn ang="T176">
                      <a:pos x="T116" y="T117"/>
                    </a:cxn>
                  </a:cxnLst>
                  <a:rect l="T177" t="T178" r="T179" b="T180"/>
                  <a:pathLst>
                    <a:path w="178" h="109">
                      <a:moveTo>
                        <a:pt x="7" y="105"/>
                      </a:moveTo>
                      <a:lnTo>
                        <a:pt x="4" y="107"/>
                      </a:lnTo>
                      <a:lnTo>
                        <a:pt x="2" y="109"/>
                      </a:lnTo>
                      <a:lnTo>
                        <a:pt x="0" y="107"/>
                      </a:lnTo>
                      <a:lnTo>
                        <a:pt x="0" y="105"/>
                      </a:lnTo>
                      <a:lnTo>
                        <a:pt x="0" y="103"/>
                      </a:lnTo>
                      <a:lnTo>
                        <a:pt x="0" y="102"/>
                      </a:lnTo>
                      <a:lnTo>
                        <a:pt x="0" y="98"/>
                      </a:lnTo>
                      <a:lnTo>
                        <a:pt x="0" y="97"/>
                      </a:lnTo>
                      <a:lnTo>
                        <a:pt x="0" y="95"/>
                      </a:lnTo>
                      <a:lnTo>
                        <a:pt x="2" y="92"/>
                      </a:lnTo>
                      <a:lnTo>
                        <a:pt x="4" y="88"/>
                      </a:lnTo>
                      <a:lnTo>
                        <a:pt x="6" y="85"/>
                      </a:lnTo>
                      <a:lnTo>
                        <a:pt x="7" y="83"/>
                      </a:lnTo>
                      <a:lnTo>
                        <a:pt x="9" y="81"/>
                      </a:lnTo>
                      <a:lnTo>
                        <a:pt x="11" y="80"/>
                      </a:lnTo>
                      <a:lnTo>
                        <a:pt x="12" y="80"/>
                      </a:lnTo>
                      <a:lnTo>
                        <a:pt x="16" y="78"/>
                      </a:lnTo>
                      <a:lnTo>
                        <a:pt x="19" y="76"/>
                      </a:lnTo>
                      <a:lnTo>
                        <a:pt x="21" y="73"/>
                      </a:lnTo>
                      <a:lnTo>
                        <a:pt x="22" y="70"/>
                      </a:lnTo>
                      <a:lnTo>
                        <a:pt x="22" y="68"/>
                      </a:lnTo>
                      <a:lnTo>
                        <a:pt x="24" y="65"/>
                      </a:lnTo>
                      <a:lnTo>
                        <a:pt x="24" y="61"/>
                      </a:lnTo>
                      <a:lnTo>
                        <a:pt x="26" y="61"/>
                      </a:lnTo>
                      <a:lnTo>
                        <a:pt x="26" y="59"/>
                      </a:lnTo>
                      <a:lnTo>
                        <a:pt x="28" y="59"/>
                      </a:lnTo>
                      <a:lnTo>
                        <a:pt x="31" y="58"/>
                      </a:lnTo>
                      <a:lnTo>
                        <a:pt x="34" y="58"/>
                      </a:lnTo>
                      <a:lnTo>
                        <a:pt x="38" y="56"/>
                      </a:lnTo>
                      <a:lnTo>
                        <a:pt x="39" y="54"/>
                      </a:lnTo>
                      <a:lnTo>
                        <a:pt x="41" y="53"/>
                      </a:lnTo>
                      <a:lnTo>
                        <a:pt x="43" y="51"/>
                      </a:lnTo>
                      <a:lnTo>
                        <a:pt x="63" y="53"/>
                      </a:lnTo>
                      <a:lnTo>
                        <a:pt x="63" y="51"/>
                      </a:lnTo>
                      <a:lnTo>
                        <a:pt x="65" y="49"/>
                      </a:lnTo>
                      <a:lnTo>
                        <a:pt x="65" y="48"/>
                      </a:lnTo>
                      <a:lnTo>
                        <a:pt x="66" y="46"/>
                      </a:lnTo>
                      <a:lnTo>
                        <a:pt x="68" y="43"/>
                      </a:lnTo>
                      <a:lnTo>
                        <a:pt x="70" y="41"/>
                      </a:lnTo>
                      <a:lnTo>
                        <a:pt x="73" y="39"/>
                      </a:lnTo>
                      <a:lnTo>
                        <a:pt x="77" y="39"/>
                      </a:lnTo>
                      <a:lnTo>
                        <a:pt x="80" y="39"/>
                      </a:lnTo>
                      <a:lnTo>
                        <a:pt x="82" y="37"/>
                      </a:lnTo>
                      <a:lnTo>
                        <a:pt x="83" y="37"/>
                      </a:lnTo>
                      <a:lnTo>
                        <a:pt x="94" y="36"/>
                      </a:lnTo>
                      <a:lnTo>
                        <a:pt x="100" y="34"/>
                      </a:lnTo>
                      <a:lnTo>
                        <a:pt x="105" y="31"/>
                      </a:lnTo>
                      <a:lnTo>
                        <a:pt x="109" y="29"/>
                      </a:lnTo>
                      <a:lnTo>
                        <a:pt x="112" y="27"/>
                      </a:lnTo>
                      <a:lnTo>
                        <a:pt x="116" y="24"/>
                      </a:lnTo>
                      <a:lnTo>
                        <a:pt x="119" y="19"/>
                      </a:lnTo>
                      <a:lnTo>
                        <a:pt x="124" y="12"/>
                      </a:lnTo>
                      <a:lnTo>
                        <a:pt x="132" y="4"/>
                      </a:lnTo>
                      <a:lnTo>
                        <a:pt x="138" y="0"/>
                      </a:lnTo>
                      <a:lnTo>
                        <a:pt x="138" y="2"/>
                      </a:lnTo>
                      <a:lnTo>
                        <a:pt x="136" y="7"/>
                      </a:lnTo>
                      <a:lnTo>
                        <a:pt x="132" y="10"/>
                      </a:lnTo>
                      <a:lnTo>
                        <a:pt x="131" y="14"/>
                      </a:lnTo>
                      <a:lnTo>
                        <a:pt x="129" y="15"/>
                      </a:lnTo>
                      <a:lnTo>
                        <a:pt x="129" y="17"/>
                      </a:lnTo>
                      <a:lnTo>
                        <a:pt x="127" y="19"/>
                      </a:lnTo>
                      <a:lnTo>
                        <a:pt x="127" y="21"/>
                      </a:lnTo>
                      <a:lnTo>
                        <a:pt x="126" y="21"/>
                      </a:lnTo>
                      <a:lnTo>
                        <a:pt x="122" y="26"/>
                      </a:lnTo>
                      <a:lnTo>
                        <a:pt x="119" y="29"/>
                      </a:lnTo>
                      <a:lnTo>
                        <a:pt x="117" y="32"/>
                      </a:lnTo>
                      <a:lnTo>
                        <a:pt x="116" y="34"/>
                      </a:lnTo>
                      <a:lnTo>
                        <a:pt x="116" y="36"/>
                      </a:lnTo>
                      <a:lnTo>
                        <a:pt x="116" y="37"/>
                      </a:lnTo>
                      <a:lnTo>
                        <a:pt x="119" y="36"/>
                      </a:lnTo>
                      <a:lnTo>
                        <a:pt x="122" y="36"/>
                      </a:lnTo>
                      <a:lnTo>
                        <a:pt x="124" y="37"/>
                      </a:lnTo>
                      <a:lnTo>
                        <a:pt x="122" y="39"/>
                      </a:lnTo>
                      <a:lnTo>
                        <a:pt x="122" y="41"/>
                      </a:lnTo>
                      <a:lnTo>
                        <a:pt x="122" y="43"/>
                      </a:lnTo>
                      <a:lnTo>
                        <a:pt x="121" y="48"/>
                      </a:lnTo>
                      <a:lnTo>
                        <a:pt x="122" y="48"/>
                      </a:lnTo>
                      <a:lnTo>
                        <a:pt x="124" y="46"/>
                      </a:lnTo>
                      <a:lnTo>
                        <a:pt x="126" y="46"/>
                      </a:lnTo>
                      <a:lnTo>
                        <a:pt x="129" y="43"/>
                      </a:lnTo>
                      <a:lnTo>
                        <a:pt x="132" y="41"/>
                      </a:lnTo>
                      <a:lnTo>
                        <a:pt x="132" y="39"/>
                      </a:lnTo>
                      <a:lnTo>
                        <a:pt x="129" y="34"/>
                      </a:lnTo>
                      <a:lnTo>
                        <a:pt x="129" y="31"/>
                      </a:lnTo>
                      <a:lnTo>
                        <a:pt x="131" y="26"/>
                      </a:lnTo>
                      <a:lnTo>
                        <a:pt x="136" y="22"/>
                      </a:lnTo>
                      <a:lnTo>
                        <a:pt x="139" y="19"/>
                      </a:lnTo>
                      <a:lnTo>
                        <a:pt x="144" y="15"/>
                      </a:lnTo>
                      <a:lnTo>
                        <a:pt x="148" y="14"/>
                      </a:lnTo>
                      <a:lnTo>
                        <a:pt x="149" y="12"/>
                      </a:lnTo>
                      <a:lnTo>
                        <a:pt x="154" y="12"/>
                      </a:lnTo>
                      <a:lnTo>
                        <a:pt x="160" y="14"/>
                      </a:lnTo>
                      <a:lnTo>
                        <a:pt x="161" y="14"/>
                      </a:lnTo>
                      <a:lnTo>
                        <a:pt x="163" y="12"/>
                      </a:lnTo>
                      <a:lnTo>
                        <a:pt x="165" y="9"/>
                      </a:lnTo>
                      <a:lnTo>
                        <a:pt x="166" y="9"/>
                      </a:lnTo>
                      <a:lnTo>
                        <a:pt x="171" y="4"/>
                      </a:lnTo>
                      <a:lnTo>
                        <a:pt x="175" y="0"/>
                      </a:lnTo>
                      <a:lnTo>
                        <a:pt x="176" y="0"/>
                      </a:lnTo>
                      <a:lnTo>
                        <a:pt x="178" y="2"/>
                      </a:lnTo>
                      <a:lnTo>
                        <a:pt x="178" y="4"/>
                      </a:lnTo>
                      <a:lnTo>
                        <a:pt x="176" y="7"/>
                      </a:lnTo>
                      <a:lnTo>
                        <a:pt x="175" y="9"/>
                      </a:lnTo>
                      <a:lnTo>
                        <a:pt x="170" y="14"/>
                      </a:lnTo>
                      <a:lnTo>
                        <a:pt x="165" y="17"/>
                      </a:lnTo>
                      <a:lnTo>
                        <a:pt x="160" y="22"/>
                      </a:lnTo>
                      <a:lnTo>
                        <a:pt x="154" y="27"/>
                      </a:lnTo>
                      <a:lnTo>
                        <a:pt x="148" y="31"/>
                      </a:lnTo>
                      <a:lnTo>
                        <a:pt x="143" y="36"/>
                      </a:lnTo>
                      <a:lnTo>
                        <a:pt x="138" y="39"/>
                      </a:lnTo>
                      <a:lnTo>
                        <a:pt x="132" y="44"/>
                      </a:lnTo>
                      <a:lnTo>
                        <a:pt x="127" y="48"/>
                      </a:lnTo>
                      <a:lnTo>
                        <a:pt x="122" y="51"/>
                      </a:lnTo>
                      <a:lnTo>
                        <a:pt x="119" y="54"/>
                      </a:lnTo>
                      <a:lnTo>
                        <a:pt x="116" y="58"/>
                      </a:lnTo>
                      <a:lnTo>
                        <a:pt x="112" y="59"/>
                      </a:lnTo>
                      <a:lnTo>
                        <a:pt x="110" y="61"/>
                      </a:lnTo>
                      <a:lnTo>
                        <a:pt x="109" y="63"/>
                      </a:lnTo>
                      <a:lnTo>
                        <a:pt x="97" y="71"/>
                      </a:lnTo>
                      <a:lnTo>
                        <a:pt x="88" y="76"/>
                      </a:lnTo>
                      <a:lnTo>
                        <a:pt x="85" y="78"/>
                      </a:lnTo>
                      <a:lnTo>
                        <a:pt x="85" y="76"/>
                      </a:lnTo>
                      <a:lnTo>
                        <a:pt x="87" y="73"/>
                      </a:lnTo>
                      <a:lnTo>
                        <a:pt x="88" y="71"/>
                      </a:lnTo>
                      <a:lnTo>
                        <a:pt x="90" y="70"/>
                      </a:lnTo>
                      <a:lnTo>
                        <a:pt x="97" y="61"/>
                      </a:lnTo>
                      <a:lnTo>
                        <a:pt x="100" y="58"/>
                      </a:lnTo>
                      <a:lnTo>
                        <a:pt x="97" y="58"/>
                      </a:lnTo>
                      <a:lnTo>
                        <a:pt x="94" y="59"/>
                      </a:lnTo>
                      <a:lnTo>
                        <a:pt x="87" y="65"/>
                      </a:lnTo>
                      <a:lnTo>
                        <a:pt x="80" y="68"/>
                      </a:lnTo>
                      <a:lnTo>
                        <a:pt x="75" y="71"/>
                      </a:lnTo>
                      <a:lnTo>
                        <a:pt x="73" y="73"/>
                      </a:lnTo>
                      <a:lnTo>
                        <a:pt x="61" y="76"/>
                      </a:lnTo>
                      <a:lnTo>
                        <a:pt x="61" y="78"/>
                      </a:lnTo>
                      <a:lnTo>
                        <a:pt x="58" y="80"/>
                      </a:lnTo>
                      <a:lnTo>
                        <a:pt x="55" y="81"/>
                      </a:lnTo>
                      <a:lnTo>
                        <a:pt x="51" y="85"/>
                      </a:lnTo>
                      <a:lnTo>
                        <a:pt x="48" y="87"/>
                      </a:lnTo>
                      <a:lnTo>
                        <a:pt x="44" y="90"/>
                      </a:lnTo>
                      <a:lnTo>
                        <a:pt x="41" y="92"/>
                      </a:lnTo>
                      <a:lnTo>
                        <a:pt x="39" y="92"/>
                      </a:lnTo>
                      <a:lnTo>
                        <a:pt x="29" y="100"/>
                      </a:lnTo>
                      <a:lnTo>
                        <a:pt x="21" y="105"/>
                      </a:lnTo>
                      <a:lnTo>
                        <a:pt x="16" y="109"/>
                      </a:lnTo>
                      <a:lnTo>
                        <a:pt x="14" y="109"/>
                      </a:lnTo>
                      <a:lnTo>
                        <a:pt x="12" y="109"/>
                      </a:lnTo>
                      <a:lnTo>
                        <a:pt x="12" y="107"/>
                      </a:lnTo>
                      <a:lnTo>
                        <a:pt x="14" y="105"/>
                      </a:lnTo>
                      <a:lnTo>
                        <a:pt x="16" y="103"/>
                      </a:lnTo>
                      <a:lnTo>
                        <a:pt x="17" y="102"/>
                      </a:lnTo>
                      <a:lnTo>
                        <a:pt x="19" y="98"/>
                      </a:lnTo>
                      <a:lnTo>
                        <a:pt x="19" y="97"/>
                      </a:lnTo>
                      <a:lnTo>
                        <a:pt x="19" y="95"/>
                      </a:lnTo>
                      <a:lnTo>
                        <a:pt x="16" y="97"/>
                      </a:lnTo>
                      <a:lnTo>
                        <a:pt x="12" y="98"/>
                      </a:lnTo>
                      <a:lnTo>
                        <a:pt x="7" y="105"/>
                      </a:lnTo>
                      <a:close/>
                    </a:path>
                  </a:pathLst>
                </a:custGeom>
                <a:solidFill>
                  <a:srgbClr val="8B3102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54" name="Freeform 175"/>
                <p:cNvSpPr>
                  <a:spLocks/>
                </p:cNvSpPr>
                <p:nvPr/>
              </p:nvSpPr>
              <p:spPr bwMode="auto">
                <a:xfrm>
                  <a:off x="4407" y="988"/>
                  <a:ext cx="591" cy="534"/>
                </a:xfrm>
                <a:custGeom>
                  <a:avLst/>
                  <a:gdLst>
                    <a:gd name="T0" fmla="*/ 17 w 591"/>
                    <a:gd name="T1" fmla="*/ 486 h 534"/>
                    <a:gd name="T2" fmla="*/ 54 w 591"/>
                    <a:gd name="T3" fmla="*/ 478 h 534"/>
                    <a:gd name="T4" fmla="*/ 112 w 591"/>
                    <a:gd name="T5" fmla="*/ 468 h 534"/>
                    <a:gd name="T6" fmla="*/ 181 w 591"/>
                    <a:gd name="T7" fmla="*/ 454 h 534"/>
                    <a:gd name="T8" fmla="*/ 252 w 591"/>
                    <a:gd name="T9" fmla="*/ 440 h 534"/>
                    <a:gd name="T10" fmla="*/ 317 w 591"/>
                    <a:gd name="T11" fmla="*/ 427 h 534"/>
                    <a:gd name="T12" fmla="*/ 366 w 591"/>
                    <a:gd name="T13" fmla="*/ 417 h 534"/>
                    <a:gd name="T14" fmla="*/ 391 w 591"/>
                    <a:gd name="T15" fmla="*/ 412 h 534"/>
                    <a:gd name="T16" fmla="*/ 410 w 591"/>
                    <a:gd name="T17" fmla="*/ 413 h 534"/>
                    <a:gd name="T18" fmla="*/ 418 w 591"/>
                    <a:gd name="T19" fmla="*/ 425 h 534"/>
                    <a:gd name="T20" fmla="*/ 433 w 591"/>
                    <a:gd name="T21" fmla="*/ 432 h 534"/>
                    <a:gd name="T22" fmla="*/ 437 w 591"/>
                    <a:gd name="T23" fmla="*/ 442 h 534"/>
                    <a:gd name="T24" fmla="*/ 449 w 591"/>
                    <a:gd name="T25" fmla="*/ 459 h 534"/>
                    <a:gd name="T26" fmla="*/ 459 w 591"/>
                    <a:gd name="T27" fmla="*/ 468 h 534"/>
                    <a:gd name="T28" fmla="*/ 564 w 591"/>
                    <a:gd name="T29" fmla="*/ 534 h 534"/>
                    <a:gd name="T30" fmla="*/ 591 w 591"/>
                    <a:gd name="T31" fmla="*/ 468 h 534"/>
                    <a:gd name="T32" fmla="*/ 567 w 591"/>
                    <a:gd name="T33" fmla="*/ 278 h 534"/>
                    <a:gd name="T34" fmla="*/ 564 w 591"/>
                    <a:gd name="T35" fmla="*/ 263 h 534"/>
                    <a:gd name="T36" fmla="*/ 557 w 591"/>
                    <a:gd name="T37" fmla="*/ 232 h 534"/>
                    <a:gd name="T38" fmla="*/ 552 w 591"/>
                    <a:gd name="T39" fmla="*/ 202 h 534"/>
                    <a:gd name="T40" fmla="*/ 547 w 591"/>
                    <a:gd name="T41" fmla="*/ 185 h 534"/>
                    <a:gd name="T42" fmla="*/ 537 w 591"/>
                    <a:gd name="T43" fmla="*/ 170 h 534"/>
                    <a:gd name="T44" fmla="*/ 532 w 591"/>
                    <a:gd name="T45" fmla="*/ 176 h 534"/>
                    <a:gd name="T46" fmla="*/ 510 w 591"/>
                    <a:gd name="T47" fmla="*/ 73 h 534"/>
                    <a:gd name="T48" fmla="*/ 484 w 591"/>
                    <a:gd name="T49" fmla="*/ 4 h 534"/>
                    <a:gd name="T50" fmla="*/ 452 w 591"/>
                    <a:gd name="T51" fmla="*/ 12 h 534"/>
                    <a:gd name="T52" fmla="*/ 413 w 591"/>
                    <a:gd name="T53" fmla="*/ 21 h 534"/>
                    <a:gd name="T54" fmla="*/ 389 w 591"/>
                    <a:gd name="T55" fmla="*/ 28 h 534"/>
                    <a:gd name="T56" fmla="*/ 364 w 591"/>
                    <a:gd name="T57" fmla="*/ 38 h 534"/>
                    <a:gd name="T58" fmla="*/ 335 w 591"/>
                    <a:gd name="T59" fmla="*/ 66 h 534"/>
                    <a:gd name="T60" fmla="*/ 313 w 591"/>
                    <a:gd name="T61" fmla="*/ 99 h 534"/>
                    <a:gd name="T62" fmla="*/ 305 w 591"/>
                    <a:gd name="T63" fmla="*/ 117 h 534"/>
                    <a:gd name="T64" fmla="*/ 261 w 591"/>
                    <a:gd name="T65" fmla="*/ 173 h 534"/>
                    <a:gd name="T66" fmla="*/ 278 w 591"/>
                    <a:gd name="T67" fmla="*/ 198 h 534"/>
                    <a:gd name="T68" fmla="*/ 278 w 591"/>
                    <a:gd name="T69" fmla="*/ 209 h 534"/>
                    <a:gd name="T70" fmla="*/ 285 w 591"/>
                    <a:gd name="T71" fmla="*/ 231 h 534"/>
                    <a:gd name="T72" fmla="*/ 276 w 591"/>
                    <a:gd name="T73" fmla="*/ 241 h 534"/>
                    <a:gd name="T74" fmla="*/ 252 w 591"/>
                    <a:gd name="T75" fmla="*/ 263 h 534"/>
                    <a:gd name="T76" fmla="*/ 244 w 591"/>
                    <a:gd name="T77" fmla="*/ 275 h 534"/>
                    <a:gd name="T78" fmla="*/ 230 w 591"/>
                    <a:gd name="T79" fmla="*/ 283 h 534"/>
                    <a:gd name="T80" fmla="*/ 215 w 591"/>
                    <a:gd name="T81" fmla="*/ 285 h 534"/>
                    <a:gd name="T82" fmla="*/ 191 w 591"/>
                    <a:gd name="T83" fmla="*/ 292 h 534"/>
                    <a:gd name="T84" fmla="*/ 181 w 591"/>
                    <a:gd name="T85" fmla="*/ 298 h 534"/>
                    <a:gd name="T86" fmla="*/ 158 w 591"/>
                    <a:gd name="T87" fmla="*/ 293 h 534"/>
                    <a:gd name="T88" fmla="*/ 109 w 591"/>
                    <a:gd name="T89" fmla="*/ 297 h 534"/>
                    <a:gd name="T90" fmla="*/ 70 w 591"/>
                    <a:gd name="T91" fmla="*/ 307 h 534"/>
                    <a:gd name="T92" fmla="*/ 51 w 591"/>
                    <a:gd name="T93" fmla="*/ 319 h 534"/>
                    <a:gd name="T94" fmla="*/ 44 w 591"/>
                    <a:gd name="T95" fmla="*/ 327 h 534"/>
                    <a:gd name="T96" fmla="*/ 49 w 591"/>
                    <a:gd name="T97" fmla="*/ 342 h 534"/>
                    <a:gd name="T98" fmla="*/ 59 w 591"/>
                    <a:gd name="T99" fmla="*/ 354 h 534"/>
                    <a:gd name="T100" fmla="*/ 66 w 591"/>
                    <a:gd name="T101" fmla="*/ 363 h 534"/>
                    <a:gd name="T102" fmla="*/ 66 w 591"/>
                    <a:gd name="T103" fmla="*/ 380 h 534"/>
                    <a:gd name="T104" fmla="*/ 59 w 591"/>
                    <a:gd name="T105" fmla="*/ 388 h 534"/>
                    <a:gd name="T106" fmla="*/ 31 w 591"/>
                    <a:gd name="T107" fmla="*/ 427 h 534"/>
                    <a:gd name="T108" fmla="*/ 31 w 591"/>
                    <a:gd name="T109" fmla="*/ 425 h 534"/>
                    <a:gd name="T110" fmla="*/ 9 w 591"/>
                    <a:gd name="T111" fmla="*/ 451 h 534"/>
                    <a:gd name="T112" fmla="*/ 0 w 591"/>
                    <a:gd name="T113" fmla="*/ 456 h 534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w 591"/>
                    <a:gd name="T172" fmla="*/ 0 h 534"/>
                    <a:gd name="T173" fmla="*/ 591 w 591"/>
                    <a:gd name="T174" fmla="*/ 534 h 534"/>
                  </a:gdLst>
                  <a:ahLst/>
                  <a:cxnLst>
                    <a:cxn ang="T114">
                      <a:pos x="T0" y="T1"/>
                    </a:cxn>
                    <a:cxn ang="T115">
                      <a:pos x="T2" y="T3"/>
                    </a:cxn>
                    <a:cxn ang="T116">
                      <a:pos x="T4" y="T5"/>
                    </a:cxn>
                    <a:cxn ang="T117">
                      <a:pos x="T6" y="T7"/>
                    </a:cxn>
                    <a:cxn ang="T118">
                      <a:pos x="T8" y="T9"/>
                    </a:cxn>
                    <a:cxn ang="T119">
                      <a:pos x="T10" y="T11"/>
                    </a:cxn>
                    <a:cxn ang="T120">
                      <a:pos x="T12" y="T13"/>
                    </a:cxn>
                    <a:cxn ang="T121">
                      <a:pos x="T14" y="T15"/>
                    </a:cxn>
                    <a:cxn ang="T122">
                      <a:pos x="T16" y="T17"/>
                    </a:cxn>
                    <a:cxn ang="T123">
                      <a:pos x="T18" y="T19"/>
                    </a:cxn>
                    <a:cxn ang="T124">
                      <a:pos x="T20" y="T21"/>
                    </a:cxn>
                    <a:cxn ang="T125">
                      <a:pos x="T22" y="T23"/>
                    </a:cxn>
                    <a:cxn ang="T126">
                      <a:pos x="T24" y="T25"/>
                    </a:cxn>
                    <a:cxn ang="T127">
                      <a:pos x="T26" y="T27"/>
                    </a:cxn>
                    <a:cxn ang="T128">
                      <a:pos x="T28" y="T29"/>
                    </a:cxn>
                    <a:cxn ang="T129">
                      <a:pos x="T30" y="T31"/>
                    </a:cxn>
                    <a:cxn ang="T130">
                      <a:pos x="T32" y="T33"/>
                    </a:cxn>
                    <a:cxn ang="T131">
                      <a:pos x="T34" y="T35"/>
                    </a:cxn>
                    <a:cxn ang="T132">
                      <a:pos x="T36" y="T37"/>
                    </a:cxn>
                    <a:cxn ang="T133">
                      <a:pos x="T38" y="T39"/>
                    </a:cxn>
                    <a:cxn ang="T134">
                      <a:pos x="T40" y="T41"/>
                    </a:cxn>
                    <a:cxn ang="T135">
                      <a:pos x="T42" y="T43"/>
                    </a:cxn>
                    <a:cxn ang="T136">
                      <a:pos x="T44" y="T45"/>
                    </a:cxn>
                    <a:cxn ang="T137">
                      <a:pos x="T46" y="T47"/>
                    </a:cxn>
                    <a:cxn ang="T138">
                      <a:pos x="T48" y="T49"/>
                    </a:cxn>
                    <a:cxn ang="T139">
                      <a:pos x="T50" y="T51"/>
                    </a:cxn>
                    <a:cxn ang="T140">
                      <a:pos x="T52" y="T53"/>
                    </a:cxn>
                    <a:cxn ang="T141">
                      <a:pos x="T54" y="T55"/>
                    </a:cxn>
                    <a:cxn ang="T142">
                      <a:pos x="T56" y="T57"/>
                    </a:cxn>
                    <a:cxn ang="T143">
                      <a:pos x="T58" y="T59"/>
                    </a:cxn>
                    <a:cxn ang="T144">
                      <a:pos x="T60" y="T61"/>
                    </a:cxn>
                    <a:cxn ang="T145">
                      <a:pos x="T62" y="T63"/>
                    </a:cxn>
                    <a:cxn ang="T146">
                      <a:pos x="T64" y="T65"/>
                    </a:cxn>
                    <a:cxn ang="T147">
                      <a:pos x="T66" y="T67"/>
                    </a:cxn>
                    <a:cxn ang="T148">
                      <a:pos x="T68" y="T69"/>
                    </a:cxn>
                    <a:cxn ang="T149">
                      <a:pos x="T70" y="T71"/>
                    </a:cxn>
                    <a:cxn ang="T150">
                      <a:pos x="T72" y="T73"/>
                    </a:cxn>
                    <a:cxn ang="T151">
                      <a:pos x="T74" y="T75"/>
                    </a:cxn>
                    <a:cxn ang="T152">
                      <a:pos x="T76" y="T77"/>
                    </a:cxn>
                    <a:cxn ang="T153">
                      <a:pos x="T78" y="T79"/>
                    </a:cxn>
                    <a:cxn ang="T154">
                      <a:pos x="T80" y="T81"/>
                    </a:cxn>
                    <a:cxn ang="T155">
                      <a:pos x="T82" y="T83"/>
                    </a:cxn>
                    <a:cxn ang="T156">
                      <a:pos x="T84" y="T85"/>
                    </a:cxn>
                    <a:cxn ang="T157">
                      <a:pos x="T86" y="T87"/>
                    </a:cxn>
                    <a:cxn ang="T158">
                      <a:pos x="T88" y="T89"/>
                    </a:cxn>
                    <a:cxn ang="T159">
                      <a:pos x="T90" y="T91"/>
                    </a:cxn>
                    <a:cxn ang="T160">
                      <a:pos x="T92" y="T93"/>
                    </a:cxn>
                    <a:cxn ang="T161">
                      <a:pos x="T94" y="T95"/>
                    </a:cxn>
                    <a:cxn ang="T162">
                      <a:pos x="T96" y="T97"/>
                    </a:cxn>
                    <a:cxn ang="T163">
                      <a:pos x="T98" y="T99"/>
                    </a:cxn>
                    <a:cxn ang="T164">
                      <a:pos x="T100" y="T101"/>
                    </a:cxn>
                    <a:cxn ang="T165">
                      <a:pos x="T102" y="T103"/>
                    </a:cxn>
                    <a:cxn ang="T166">
                      <a:pos x="T104" y="T105"/>
                    </a:cxn>
                    <a:cxn ang="T167">
                      <a:pos x="T106" y="T107"/>
                    </a:cxn>
                    <a:cxn ang="T168">
                      <a:pos x="T108" y="T109"/>
                    </a:cxn>
                    <a:cxn ang="T169">
                      <a:pos x="T110" y="T111"/>
                    </a:cxn>
                    <a:cxn ang="T170">
                      <a:pos x="T112" y="T113"/>
                    </a:cxn>
                  </a:cxnLst>
                  <a:rect l="T171" t="T172" r="T173" b="T174"/>
                  <a:pathLst>
                    <a:path w="591" h="534">
                      <a:moveTo>
                        <a:pt x="9" y="488"/>
                      </a:moveTo>
                      <a:lnTo>
                        <a:pt x="9" y="486"/>
                      </a:lnTo>
                      <a:lnTo>
                        <a:pt x="12" y="486"/>
                      </a:lnTo>
                      <a:lnTo>
                        <a:pt x="17" y="486"/>
                      </a:lnTo>
                      <a:lnTo>
                        <a:pt x="24" y="484"/>
                      </a:lnTo>
                      <a:lnTo>
                        <a:pt x="32" y="483"/>
                      </a:lnTo>
                      <a:lnTo>
                        <a:pt x="43" y="481"/>
                      </a:lnTo>
                      <a:lnTo>
                        <a:pt x="54" y="478"/>
                      </a:lnTo>
                      <a:lnTo>
                        <a:pt x="68" y="476"/>
                      </a:lnTo>
                      <a:lnTo>
                        <a:pt x="81" y="473"/>
                      </a:lnTo>
                      <a:lnTo>
                        <a:pt x="97" y="471"/>
                      </a:lnTo>
                      <a:lnTo>
                        <a:pt x="112" y="468"/>
                      </a:lnTo>
                      <a:lnTo>
                        <a:pt x="129" y="464"/>
                      </a:lnTo>
                      <a:lnTo>
                        <a:pt x="146" y="461"/>
                      </a:lnTo>
                      <a:lnTo>
                        <a:pt x="164" y="457"/>
                      </a:lnTo>
                      <a:lnTo>
                        <a:pt x="181" y="454"/>
                      </a:lnTo>
                      <a:lnTo>
                        <a:pt x="200" y="451"/>
                      </a:lnTo>
                      <a:lnTo>
                        <a:pt x="217" y="447"/>
                      </a:lnTo>
                      <a:lnTo>
                        <a:pt x="235" y="444"/>
                      </a:lnTo>
                      <a:lnTo>
                        <a:pt x="252" y="440"/>
                      </a:lnTo>
                      <a:lnTo>
                        <a:pt x="269" y="437"/>
                      </a:lnTo>
                      <a:lnTo>
                        <a:pt x="286" y="434"/>
                      </a:lnTo>
                      <a:lnTo>
                        <a:pt x="301" y="430"/>
                      </a:lnTo>
                      <a:lnTo>
                        <a:pt x="317" y="427"/>
                      </a:lnTo>
                      <a:lnTo>
                        <a:pt x="332" y="424"/>
                      </a:lnTo>
                      <a:lnTo>
                        <a:pt x="344" y="422"/>
                      </a:lnTo>
                      <a:lnTo>
                        <a:pt x="356" y="420"/>
                      </a:lnTo>
                      <a:lnTo>
                        <a:pt x="366" y="417"/>
                      </a:lnTo>
                      <a:lnTo>
                        <a:pt x="376" y="415"/>
                      </a:lnTo>
                      <a:lnTo>
                        <a:pt x="383" y="415"/>
                      </a:lnTo>
                      <a:lnTo>
                        <a:pt x="388" y="413"/>
                      </a:lnTo>
                      <a:lnTo>
                        <a:pt x="391" y="412"/>
                      </a:lnTo>
                      <a:lnTo>
                        <a:pt x="393" y="412"/>
                      </a:lnTo>
                      <a:lnTo>
                        <a:pt x="400" y="412"/>
                      </a:lnTo>
                      <a:lnTo>
                        <a:pt x="405" y="412"/>
                      </a:lnTo>
                      <a:lnTo>
                        <a:pt x="410" y="413"/>
                      </a:lnTo>
                      <a:lnTo>
                        <a:pt x="413" y="417"/>
                      </a:lnTo>
                      <a:lnTo>
                        <a:pt x="415" y="420"/>
                      </a:lnTo>
                      <a:lnTo>
                        <a:pt x="417" y="424"/>
                      </a:lnTo>
                      <a:lnTo>
                        <a:pt x="418" y="425"/>
                      </a:lnTo>
                      <a:lnTo>
                        <a:pt x="420" y="427"/>
                      </a:lnTo>
                      <a:lnTo>
                        <a:pt x="427" y="427"/>
                      </a:lnTo>
                      <a:lnTo>
                        <a:pt x="430" y="429"/>
                      </a:lnTo>
                      <a:lnTo>
                        <a:pt x="433" y="432"/>
                      </a:lnTo>
                      <a:lnTo>
                        <a:pt x="435" y="434"/>
                      </a:lnTo>
                      <a:lnTo>
                        <a:pt x="437" y="437"/>
                      </a:lnTo>
                      <a:lnTo>
                        <a:pt x="437" y="440"/>
                      </a:lnTo>
                      <a:lnTo>
                        <a:pt x="437" y="442"/>
                      </a:lnTo>
                      <a:lnTo>
                        <a:pt x="439" y="444"/>
                      </a:lnTo>
                      <a:lnTo>
                        <a:pt x="442" y="451"/>
                      </a:lnTo>
                      <a:lnTo>
                        <a:pt x="445" y="456"/>
                      </a:lnTo>
                      <a:lnTo>
                        <a:pt x="449" y="459"/>
                      </a:lnTo>
                      <a:lnTo>
                        <a:pt x="452" y="462"/>
                      </a:lnTo>
                      <a:lnTo>
                        <a:pt x="454" y="466"/>
                      </a:lnTo>
                      <a:lnTo>
                        <a:pt x="457" y="468"/>
                      </a:lnTo>
                      <a:lnTo>
                        <a:pt x="459" y="468"/>
                      </a:lnTo>
                      <a:lnTo>
                        <a:pt x="477" y="474"/>
                      </a:lnTo>
                      <a:lnTo>
                        <a:pt x="562" y="501"/>
                      </a:lnTo>
                      <a:lnTo>
                        <a:pt x="564" y="534"/>
                      </a:lnTo>
                      <a:lnTo>
                        <a:pt x="574" y="520"/>
                      </a:lnTo>
                      <a:lnTo>
                        <a:pt x="584" y="496"/>
                      </a:lnTo>
                      <a:lnTo>
                        <a:pt x="577" y="484"/>
                      </a:lnTo>
                      <a:lnTo>
                        <a:pt x="591" y="468"/>
                      </a:lnTo>
                      <a:lnTo>
                        <a:pt x="584" y="459"/>
                      </a:lnTo>
                      <a:lnTo>
                        <a:pt x="571" y="364"/>
                      </a:lnTo>
                      <a:lnTo>
                        <a:pt x="565" y="364"/>
                      </a:lnTo>
                      <a:lnTo>
                        <a:pt x="567" y="278"/>
                      </a:lnTo>
                      <a:lnTo>
                        <a:pt x="567" y="276"/>
                      </a:lnTo>
                      <a:lnTo>
                        <a:pt x="567" y="275"/>
                      </a:lnTo>
                      <a:lnTo>
                        <a:pt x="565" y="270"/>
                      </a:lnTo>
                      <a:lnTo>
                        <a:pt x="564" y="263"/>
                      </a:lnTo>
                      <a:lnTo>
                        <a:pt x="562" y="256"/>
                      </a:lnTo>
                      <a:lnTo>
                        <a:pt x="562" y="249"/>
                      </a:lnTo>
                      <a:lnTo>
                        <a:pt x="560" y="241"/>
                      </a:lnTo>
                      <a:lnTo>
                        <a:pt x="557" y="232"/>
                      </a:lnTo>
                      <a:lnTo>
                        <a:pt x="555" y="224"/>
                      </a:lnTo>
                      <a:lnTo>
                        <a:pt x="554" y="215"/>
                      </a:lnTo>
                      <a:lnTo>
                        <a:pt x="552" y="209"/>
                      </a:lnTo>
                      <a:lnTo>
                        <a:pt x="552" y="202"/>
                      </a:lnTo>
                      <a:lnTo>
                        <a:pt x="550" y="195"/>
                      </a:lnTo>
                      <a:lnTo>
                        <a:pt x="549" y="190"/>
                      </a:lnTo>
                      <a:lnTo>
                        <a:pt x="549" y="187"/>
                      </a:lnTo>
                      <a:lnTo>
                        <a:pt x="547" y="185"/>
                      </a:lnTo>
                      <a:lnTo>
                        <a:pt x="543" y="176"/>
                      </a:lnTo>
                      <a:lnTo>
                        <a:pt x="540" y="171"/>
                      </a:lnTo>
                      <a:lnTo>
                        <a:pt x="538" y="170"/>
                      </a:lnTo>
                      <a:lnTo>
                        <a:pt x="537" y="170"/>
                      </a:lnTo>
                      <a:lnTo>
                        <a:pt x="535" y="171"/>
                      </a:lnTo>
                      <a:lnTo>
                        <a:pt x="533" y="175"/>
                      </a:lnTo>
                      <a:lnTo>
                        <a:pt x="532" y="176"/>
                      </a:lnTo>
                      <a:lnTo>
                        <a:pt x="528" y="173"/>
                      </a:lnTo>
                      <a:lnTo>
                        <a:pt x="520" y="124"/>
                      </a:lnTo>
                      <a:lnTo>
                        <a:pt x="516" y="88"/>
                      </a:lnTo>
                      <a:lnTo>
                        <a:pt x="510" y="73"/>
                      </a:lnTo>
                      <a:lnTo>
                        <a:pt x="494" y="0"/>
                      </a:lnTo>
                      <a:lnTo>
                        <a:pt x="493" y="2"/>
                      </a:lnTo>
                      <a:lnTo>
                        <a:pt x="489" y="2"/>
                      </a:lnTo>
                      <a:lnTo>
                        <a:pt x="484" y="4"/>
                      </a:lnTo>
                      <a:lnTo>
                        <a:pt x="477" y="6"/>
                      </a:lnTo>
                      <a:lnTo>
                        <a:pt x="471" y="7"/>
                      </a:lnTo>
                      <a:lnTo>
                        <a:pt x="461" y="9"/>
                      </a:lnTo>
                      <a:lnTo>
                        <a:pt x="452" y="12"/>
                      </a:lnTo>
                      <a:lnTo>
                        <a:pt x="442" y="14"/>
                      </a:lnTo>
                      <a:lnTo>
                        <a:pt x="432" y="17"/>
                      </a:lnTo>
                      <a:lnTo>
                        <a:pt x="423" y="19"/>
                      </a:lnTo>
                      <a:lnTo>
                        <a:pt x="413" y="21"/>
                      </a:lnTo>
                      <a:lnTo>
                        <a:pt x="406" y="22"/>
                      </a:lnTo>
                      <a:lnTo>
                        <a:pt x="400" y="26"/>
                      </a:lnTo>
                      <a:lnTo>
                        <a:pt x="393" y="26"/>
                      </a:lnTo>
                      <a:lnTo>
                        <a:pt x="389" y="28"/>
                      </a:lnTo>
                      <a:lnTo>
                        <a:pt x="388" y="28"/>
                      </a:lnTo>
                      <a:lnTo>
                        <a:pt x="379" y="29"/>
                      </a:lnTo>
                      <a:lnTo>
                        <a:pt x="371" y="33"/>
                      </a:lnTo>
                      <a:lnTo>
                        <a:pt x="364" y="38"/>
                      </a:lnTo>
                      <a:lnTo>
                        <a:pt x="356" y="43"/>
                      </a:lnTo>
                      <a:lnTo>
                        <a:pt x="349" y="50"/>
                      </a:lnTo>
                      <a:lnTo>
                        <a:pt x="342" y="58"/>
                      </a:lnTo>
                      <a:lnTo>
                        <a:pt x="335" y="66"/>
                      </a:lnTo>
                      <a:lnTo>
                        <a:pt x="329" y="75"/>
                      </a:lnTo>
                      <a:lnTo>
                        <a:pt x="323" y="83"/>
                      </a:lnTo>
                      <a:lnTo>
                        <a:pt x="318" y="90"/>
                      </a:lnTo>
                      <a:lnTo>
                        <a:pt x="313" y="99"/>
                      </a:lnTo>
                      <a:lnTo>
                        <a:pt x="310" y="105"/>
                      </a:lnTo>
                      <a:lnTo>
                        <a:pt x="308" y="110"/>
                      </a:lnTo>
                      <a:lnTo>
                        <a:pt x="305" y="116"/>
                      </a:lnTo>
                      <a:lnTo>
                        <a:pt x="305" y="117"/>
                      </a:lnTo>
                      <a:lnTo>
                        <a:pt x="303" y="119"/>
                      </a:lnTo>
                      <a:lnTo>
                        <a:pt x="288" y="139"/>
                      </a:lnTo>
                      <a:lnTo>
                        <a:pt x="290" y="139"/>
                      </a:lnTo>
                      <a:lnTo>
                        <a:pt x="261" y="173"/>
                      </a:lnTo>
                      <a:lnTo>
                        <a:pt x="274" y="173"/>
                      </a:lnTo>
                      <a:lnTo>
                        <a:pt x="285" y="182"/>
                      </a:lnTo>
                      <a:lnTo>
                        <a:pt x="279" y="197"/>
                      </a:lnTo>
                      <a:lnTo>
                        <a:pt x="278" y="198"/>
                      </a:lnTo>
                      <a:lnTo>
                        <a:pt x="274" y="200"/>
                      </a:lnTo>
                      <a:lnTo>
                        <a:pt x="271" y="202"/>
                      </a:lnTo>
                      <a:lnTo>
                        <a:pt x="271" y="204"/>
                      </a:lnTo>
                      <a:lnTo>
                        <a:pt x="278" y="209"/>
                      </a:lnTo>
                      <a:lnTo>
                        <a:pt x="281" y="214"/>
                      </a:lnTo>
                      <a:lnTo>
                        <a:pt x="285" y="219"/>
                      </a:lnTo>
                      <a:lnTo>
                        <a:pt x="285" y="226"/>
                      </a:lnTo>
                      <a:lnTo>
                        <a:pt x="285" y="231"/>
                      </a:lnTo>
                      <a:lnTo>
                        <a:pt x="285" y="236"/>
                      </a:lnTo>
                      <a:lnTo>
                        <a:pt x="285" y="239"/>
                      </a:lnTo>
                      <a:lnTo>
                        <a:pt x="276" y="241"/>
                      </a:lnTo>
                      <a:lnTo>
                        <a:pt x="269" y="244"/>
                      </a:lnTo>
                      <a:lnTo>
                        <a:pt x="263" y="251"/>
                      </a:lnTo>
                      <a:lnTo>
                        <a:pt x="257" y="256"/>
                      </a:lnTo>
                      <a:lnTo>
                        <a:pt x="252" y="263"/>
                      </a:lnTo>
                      <a:lnTo>
                        <a:pt x="249" y="268"/>
                      </a:lnTo>
                      <a:lnTo>
                        <a:pt x="246" y="271"/>
                      </a:lnTo>
                      <a:lnTo>
                        <a:pt x="246" y="273"/>
                      </a:lnTo>
                      <a:lnTo>
                        <a:pt x="244" y="275"/>
                      </a:lnTo>
                      <a:lnTo>
                        <a:pt x="242" y="276"/>
                      </a:lnTo>
                      <a:lnTo>
                        <a:pt x="239" y="278"/>
                      </a:lnTo>
                      <a:lnTo>
                        <a:pt x="235" y="281"/>
                      </a:lnTo>
                      <a:lnTo>
                        <a:pt x="230" y="283"/>
                      </a:lnTo>
                      <a:lnTo>
                        <a:pt x="227" y="286"/>
                      </a:lnTo>
                      <a:lnTo>
                        <a:pt x="224" y="288"/>
                      </a:lnTo>
                      <a:lnTo>
                        <a:pt x="222" y="288"/>
                      </a:lnTo>
                      <a:lnTo>
                        <a:pt x="215" y="285"/>
                      </a:lnTo>
                      <a:lnTo>
                        <a:pt x="208" y="285"/>
                      </a:lnTo>
                      <a:lnTo>
                        <a:pt x="202" y="286"/>
                      </a:lnTo>
                      <a:lnTo>
                        <a:pt x="197" y="288"/>
                      </a:lnTo>
                      <a:lnTo>
                        <a:pt x="191" y="292"/>
                      </a:lnTo>
                      <a:lnTo>
                        <a:pt x="186" y="293"/>
                      </a:lnTo>
                      <a:lnTo>
                        <a:pt x="183" y="295"/>
                      </a:lnTo>
                      <a:lnTo>
                        <a:pt x="183" y="297"/>
                      </a:lnTo>
                      <a:lnTo>
                        <a:pt x="181" y="298"/>
                      </a:lnTo>
                      <a:lnTo>
                        <a:pt x="163" y="297"/>
                      </a:lnTo>
                      <a:lnTo>
                        <a:pt x="161" y="295"/>
                      </a:lnTo>
                      <a:lnTo>
                        <a:pt x="158" y="293"/>
                      </a:lnTo>
                      <a:lnTo>
                        <a:pt x="156" y="293"/>
                      </a:lnTo>
                      <a:lnTo>
                        <a:pt x="139" y="293"/>
                      </a:lnTo>
                      <a:lnTo>
                        <a:pt x="122" y="295"/>
                      </a:lnTo>
                      <a:lnTo>
                        <a:pt x="109" y="297"/>
                      </a:lnTo>
                      <a:lnTo>
                        <a:pt x="97" y="298"/>
                      </a:lnTo>
                      <a:lnTo>
                        <a:pt x="87" y="300"/>
                      </a:lnTo>
                      <a:lnTo>
                        <a:pt x="76" y="303"/>
                      </a:lnTo>
                      <a:lnTo>
                        <a:pt x="70" y="307"/>
                      </a:lnTo>
                      <a:lnTo>
                        <a:pt x="63" y="310"/>
                      </a:lnTo>
                      <a:lnTo>
                        <a:pt x="58" y="312"/>
                      </a:lnTo>
                      <a:lnTo>
                        <a:pt x="54" y="315"/>
                      </a:lnTo>
                      <a:lnTo>
                        <a:pt x="51" y="319"/>
                      </a:lnTo>
                      <a:lnTo>
                        <a:pt x="48" y="320"/>
                      </a:lnTo>
                      <a:lnTo>
                        <a:pt x="48" y="324"/>
                      </a:lnTo>
                      <a:lnTo>
                        <a:pt x="46" y="325"/>
                      </a:lnTo>
                      <a:lnTo>
                        <a:pt x="44" y="327"/>
                      </a:lnTo>
                      <a:lnTo>
                        <a:pt x="46" y="332"/>
                      </a:lnTo>
                      <a:lnTo>
                        <a:pt x="48" y="337"/>
                      </a:lnTo>
                      <a:lnTo>
                        <a:pt x="49" y="342"/>
                      </a:lnTo>
                      <a:lnTo>
                        <a:pt x="53" y="347"/>
                      </a:lnTo>
                      <a:lnTo>
                        <a:pt x="54" y="351"/>
                      </a:lnTo>
                      <a:lnTo>
                        <a:pt x="58" y="354"/>
                      </a:lnTo>
                      <a:lnTo>
                        <a:pt x="59" y="354"/>
                      </a:lnTo>
                      <a:lnTo>
                        <a:pt x="59" y="356"/>
                      </a:lnTo>
                      <a:lnTo>
                        <a:pt x="61" y="358"/>
                      </a:lnTo>
                      <a:lnTo>
                        <a:pt x="65" y="359"/>
                      </a:lnTo>
                      <a:lnTo>
                        <a:pt x="66" y="363"/>
                      </a:lnTo>
                      <a:lnTo>
                        <a:pt x="68" y="364"/>
                      </a:lnTo>
                      <a:lnTo>
                        <a:pt x="68" y="371"/>
                      </a:lnTo>
                      <a:lnTo>
                        <a:pt x="66" y="376"/>
                      </a:lnTo>
                      <a:lnTo>
                        <a:pt x="66" y="380"/>
                      </a:lnTo>
                      <a:lnTo>
                        <a:pt x="65" y="383"/>
                      </a:lnTo>
                      <a:lnTo>
                        <a:pt x="63" y="385"/>
                      </a:lnTo>
                      <a:lnTo>
                        <a:pt x="61" y="386"/>
                      </a:lnTo>
                      <a:lnTo>
                        <a:pt x="59" y="388"/>
                      </a:lnTo>
                      <a:lnTo>
                        <a:pt x="54" y="395"/>
                      </a:lnTo>
                      <a:lnTo>
                        <a:pt x="46" y="412"/>
                      </a:lnTo>
                      <a:lnTo>
                        <a:pt x="31" y="427"/>
                      </a:lnTo>
                      <a:lnTo>
                        <a:pt x="32" y="425"/>
                      </a:lnTo>
                      <a:lnTo>
                        <a:pt x="31" y="425"/>
                      </a:lnTo>
                      <a:lnTo>
                        <a:pt x="24" y="435"/>
                      </a:lnTo>
                      <a:lnTo>
                        <a:pt x="17" y="442"/>
                      </a:lnTo>
                      <a:lnTo>
                        <a:pt x="12" y="447"/>
                      </a:lnTo>
                      <a:lnTo>
                        <a:pt x="9" y="451"/>
                      </a:lnTo>
                      <a:lnTo>
                        <a:pt x="5" y="452"/>
                      </a:lnTo>
                      <a:lnTo>
                        <a:pt x="2" y="454"/>
                      </a:lnTo>
                      <a:lnTo>
                        <a:pt x="0" y="456"/>
                      </a:lnTo>
                      <a:lnTo>
                        <a:pt x="9" y="488"/>
                      </a:lnTo>
                      <a:close/>
                    </a:path>
                  </a:pathLst>
                </a:custGeom>
                <a:solidFill>
                  <a:srgbClr val="00206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437" name="Freeform 176"/>
              <p:cNvSpPr>
                <a:spLocks/>
              </p:cNvSpPr>
              <p:nvPr/>
            </p:nvSpPr>
            <p:spPr bwMode="auto">
              <a:xfrm>
                <a:off x="4773" y="1315"/>
                <a:ext cx="156" cy="330"/>
              </a:xfrm>
              <a:custGeom>
                <a:avLst/>
                <a:gdLst>
                  <a:gd name="T0" fmla="*/ 88 w 160"/>
                  <a:gd name="T1" fmla="*/ 205 h 340"/>
                  <a:gd name="T2" fmla="*/ 90 w 160"/>
                  <a:gd name="T3" fmla="*/ 201 h 340"/>
                  <a:gd name="T4" fmla="*/ 99 w 160"/>
                  <a:gd name="T5" fmla="*/ 190 h 340"/>
                  <a:gd name="T6" fmla="*/ 108 w 160"/>
                  <a:gd name="T7" fmla="*/ 189 h 340"/>
                  <a:gd name="T8" fmla="*/ 109 w 160"/>
                  <a:gd name="T9" fmla="*/ 186 h 340"/>
                  <a:gd name="T10" fmla="*/ 110 w 160"/>
                  <a:gd name="T11" fmla="*/ 178 h 340"/>
                  <a:gd name="T12" fmla="*/ 113 w 160"/>
                  <a:gd name="T13" fmla="*/ 174 h 340"/>
                  <a:gd name="T14" fmla="*/ 109 w 160"/>
                  <a:gd name="T15" fmla="*/ 171 h 340"/>
                  <a:gd name="T16" fmla="*/ 104 w 160"/>
                  <a:gd name="T17" fmla="*/ 168 h 340"/>
                  <a:gd name="T18" fmla="*/ 100 w 160"/>
                  <a:gd name="T19" fmla="*/ 157 h 340"/>
                  <a:gd name="T20" fmla="*/ 96 w 160"/>
                  <a:gd name="T21" fmla="*/ 153 h 340"/>
                  <a:gd name="T22" fmla="*/ 89 w 160"/>
                  <a:gd name="T23" fmla="*/ 147 h 340"/>
                  <a:gd name="T24" fmla="*/ 33 w 160"/>
                  <a:gd name="T25" fmla="*/ 0 h 340"/>
                  <a:gd name="T26" fmla="*/ 20 w 160"/>
                  <a:gd name="T27" fmla="*/ 8 h 340"/>
                  <a:gd name="T28" fmla="*/ 20 w 160"/>
                  <a:gd name="T29" fmla="*/ 13 h 340"/>
                  <a:gd name="T30" fmla="*/ 20 w 160"/>
                  <a:gd name="T31" fmla="*/ 17 h 340"/>
                  <a:gd name="T32" fmla="*/ 20 w 160"/>
                  <a:gd name="T33" fmla="*/ 25 h 340"/>
                  <a:gd name="T34" fmla="*/ 20 w 160"/>
                  <a:gd name="T35" fmla="*/ 35 h 340"/>
                  <a:gd name="T36" fmla="*/ 20 w 160"/>
                  <a:gd name="T37" fmla="*/ 39 h 340"/>
                  <a:gd name="T38" fmla="*/ 20 w 160"/>
                  <a:gd name="T39" fmla="*/ 45 h 340"/>
                  <a:gd name="T40" fmla="*/ 20 w 160"/>
                  <a:gd name="T41" fmla="*/ 48 h 340"/>
                  <a:gd name="T42" fmla="*/ 20 w 160"/>
                  <a:gd name="T43" fmla="*/ 55 h 340"/>
                  <a:gd name="T44" fmla="*/ 25 w 160"/>
                  <a:gd name="T45" fmla="*/ 62 h 340"/>
                  <a:gd name="T46" fmla="*/ 25 w 160"/>
                  <a:gd name="T47" fmla="*/ 71 h 340"/>
                  <a:gd name="T48" fmla="*/ 20 w 160"/>
                  <a:gd name="T49" fmla="*/ 81 h 340"/>
                  <a:gd name="T50" fmla="*/ 17 w 160"/>
                  <a:gd name="T51" fmla="*/ 88 h 340"/>
                  <a:gd name="T52" fmla="*/ 17 w 160"/>
                  <a:gd name="T53" fmla="*/ 86 h 340"/>
                  <a:gd name="T54" fmla="*/ 10 w 160"/>
                  <a:gd name="T55" fmla="*/ 92 h 340"/>
                  <a:gd name="T56" fmla="*/ 11 w 160"/>
                  <a:gd name="T57" fmla="*/ 101 h 340"/>
                  <a:gd name="T58" fmla="*/ 11 w 160"/>
                  <a:gd name="T59" fmla="*/ 110 h 340"/>
                  <a:gd name="T60" fmla="*/ 11 w 160"/>
                  <a:gd name="T61" fmla="*/ 123 h 340"/>
                  <a:gd name="T62" fmla="*/ 8 w 160"/>
                  <a:gd name="T63" fmla="*/ 134 h 340"/>
                  <a:gd name="T64" fmla="*/ 6 w 160"/>
                  <a:gd name="T65" fmla="*/ 142 h 340"/>
                  <a:gd name="T66" fmla="*/ 5 w 160"/>
                  <a:gd name="T67" fmla="*/ 147 h 340"/>
                  <a:gd name="T68" fmla="*/ 1 w 160"/>
                  <a:gd name="T69" fmla="*/ 153 h 340"/>
                  <a:gd name="T70" fmla="*/ 0 w 160"/>
                  <a:gd name="T71" fmla="*/ 168 h 340"/>
                  <a:gd name="T72" fmla="*/ 6 w 160"/>
                  <a:gd name="T73" fmla="*/ 176 h 340"/>
                  <a:gd name="T74" fmla="*/ 6 w 160"/>
                  <a:gd name="T75" fmla="*/ 182 h 340"/>
                  <a:gd name="T76" fmla="*/ 6 w 160"/>
                  <a:gd name="T77" fmla="*/ 189 h 340"/>
                  <a:gd name="T78" fmla="*/ 8 w 160"/>
                  <a:gd name="T79" fmla="*/ 190 h 340"/>
                  <a:gd name="T80" fmla="*/ 10 w 160"/>
                  <a:gd name="T81" fmla="*/ 196 h 340"/>
                  <a:gd name="T82" fmla="*/ 6 w 160"/>
                  <a:gd name="T83" fmla="*/ 205 h 340"/>
                  <a:gd name="T84" fmla="*/ 6 w 160"/>
                  <a:gd name="T85" fmla="*/ 211 h 340"/>
                  <a:gd name="T86" fmla="*/ 8 w 160"/>
                  <a:gd name="T87" fmla="*/ 219 h 340"/>
                  <a:gd name="T88" fmla="*/ 82 w 160"/>
                  <a:gd name="T89" fmla="*/ 209 h 340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w 160"/>
                  <a:gd name="T136" fmla="*/ 0 h 340"/>
                  <a:gd name="T137" fmla="*/ 160 w 160"/>
                  <a:gd name="T138" fmla="*/ 340 h 340"/>
                </a:gdLst>
                <a:ahLst/>
                <a:cxnLst>
                  <a:cxn ang="T90">
                    <a:pos x="T0" y="T1"/>
                  </a:cxn>
                  <a:cxn ang="T91">
                    <a:pos x="T2" y="T3"/>
                  </a:cxn>
                  <a:cxn ang="T92">
                    <a:pos x="T4" y="T5"/>
                  </a:cxn>
                  <a:cxn ang="T93">
                    <a:pos x="T6" y="T7"/>
                  </a:cxn>
                  <a:cxn ang="T94">
                    <a:pos x="T8" y="T9"/>
                  </a:cxn>
                  <a:cxn ang="T95">
                    <a:pos x="T10" y="T11"/>
                  </a:cxn>
                  <a:cxn ang="T96">
                    <a:pos x="T12" y="T13"/>
                  </a:cxn>
                  <a:cxn ang="T97">
                    <a:pos x="T14" y="T15"/>
                  </a:cxn>
                  <a:cxn ang="T98">
                    <a:pos x="T16" y="T17"/>
                  </a:cxn>
                  <a:cxn ang="T99">
                    <a:pos x="T18" y="T19"/>
                  </a:cxn>
                  <a:cxn ang="T100">
                    <a:pos x="T20" y="T21"/>
                  </a:cxn>
                  <a:cxn ang="T101">
                    <a:pos x="T22" y="T23"/>
                  </a:cxn>
                  <a:cxn ang="T102">
                    <a:pos x="T24" y="T25"/>
                  </a:cxn>
                  <a:cxn ang="T103">
                    <a:pos x="T26" y="T27"/>
                  </a:cxn>
                  <a:cxn ang="T104">
                    <a:pos x="T28" y="T29"/>
                  </a:cxn>
                  <a:cxn ang="T105">
                    <a:pos x="T30" y="T31"/>
                  </a:cxn>
                  <a:cxn ang="T106">
                    <a:pos x="T32" y="T33"/>
                  </a:cxn>
                  <a:cxn ang="T107">
                    <a:pos x="T34" y="T35"/>
                  </a:cxn>
                  <a:cxn ang="T108">
                    <a:pos x="T36" y="T37"/>
                  </a:cxn>
                  <a:cxn ang="T109">
                    <a:pos x="T38" y="T39"/>
                  </a:cxn>
                  <a:cxn ang="T110">
                    <a:pos x="T40" y="T41"/>
                  </a:cxn>
                  <a:cxn ang="T111">
                    <a:pos x="T42" y="T43"/>
                  </a:cxn>
                  <a:cxn ang="T112">
                    <a:pos x="T44" y="T45"/>
                  </a:cxn>
                  <a:cxn ang="T113">
                    <a:pos x="T46" y="T47"/>
                  </a:cxn>
                  <a:cxn ang="T114">
                    <a:pos x="T48" y="T49"/>
                  </a:cxn>
                  <a:cxn ang="T115">
                    <a:pos x="T50" y="T51"/>
                  </a:cxn>
                  <a:cxn ang="T116">
                    <a:pos x="T52" y="T53"/>
                  </a:cxn>
                  <a:cxn ang="T117">
                    <a:pos x="T54" y="T55"/>
                  </a:cxn>
                  <a:cxn ang="T118">
                    <a:pos x="T56" y="T57"/>
                  </a:cxn>
                  <a:cxn ang="T119">
                    <a:pos x="T58" y="T59"/>
                  </a:cxn>
                  <a:cxn ang="T120">
                    <a:pos x="T60" y="T61"/>
                  </a:cxn>
                  <a:cxn ang="T121">
                    <a:pos x="T62" y="T63"/>
                  </a:cxn>
                  <a:cxn ang="T122">
                    <a:pos x="T64" y="T65"/>
                  </a:cxn>
                  <a:cxn ang="T123">
                    <a:pos x="T66" y="T67"/>
                  </a:cxn>
                  <a:cxn ang="T124">
                    <a:pos x="T68" y="T69"/>
                  </a:cxn>
                  <a:cxn ang="T125">
                    <a:pos x="T70" y="T71"/>
                  </a:cxn>
                  <a:cxn ang="T126">
                    <a:pos x="T72" y="T73"/>
                  </a:cxn>
                  <a:cxn ang="T127">
                    <a:pos x="T74" y="T75"/>
                  </a:cxn>
                  <a:cxn ang="T128">
                    <a:pos x="T76" y="T77"/>
                  </a:cxn>
                  <a:cxn ang="T129">
                    <a:pos x="T78" y="T79"/>
                  </a:cxn>
                  <a:cxn ang="T130">
                    <a:pos x="T80" y="T81"/>
                  </a:cxn>
                  <a:cxn ang="T131">
                    <a:pos x="T82" y="T83"/>
                  </a:cxn>
                  <a:cxn ang="T132">
                    <a:pos x="T84" y="T85"/>
                  </a:cxn>
                  <a:cxn ang="T133">
                    <a:pos x="T86" y="T87"/>
                  </a:cxn>
                  <a:cxn ang="T134">
                    <a:pos x="T88" y="T89"/>
                  </a:cxn>
                </a:cxnLst>
                <a:rect l="T135" t="T136" r="T137" b="T138"/>
                <a:pathLst>
                  <a:path w="160" h="340">
                    <a:moveTo>
                      <a:pt x="116" y="318"/>
                    </a:moveTo>
                    <a:lnTo>
                      <a:pt x="123" y="311"/>
                    </a:lnTo>
                    <a:lnTo>
                      <a:pt x="125" y="311"/>
                    </a:lnTo>
                    <a:lnTo>
                      <a:pt x="125" y="308"/>
                    </a:lnTo>
                    <a:lnTo>
                      <a:pt x="127" y="306"/>
                    </a:lnTo>
                    <a:lnTo>
                      <a:pt x="128" y="305"/>
                    </a:lnTo>
                    <a:lnTo>
                      <a:pt x="132" y="298"/>
                    </a:lnTo>
                    <a:lnTo>
                      <a:pt x="137" y="293"/>
                    </a:lnTo>
                    <a:lnTo>
                      <a:pt x="142" y="289"/>
                    </a:lnTo>
                    <a:lnTo>
                      <a:pt x="147" y="286"/>
                    </a:lnTo>
                    <a:lnTo>
                      <a:pt x="150" y="286"/>
                    </a:lnTo>
                    <a:lnTo>
                      <a:pt x="154" y="286"/>
                    </a:lnTo>
                    <a:lnTo>
                      <a:pt x="155" y="286"/>
                    </a:lnTo>
                    <a:lnTo>
                      <a:pt x="157" y="286"/>
                    </a:lnTo>
                    <a:lnTo>
                      <a:pt x="155" y="283"/>
                    </a:lnTo>
                    <a:lnTo>
                      <a:pt x="155" y="279"/>
                    </a:lnTo>
                    <a:lnTo>
                      <a:pt x="157" y="274"/>
                    </a:lnTo>
                    <a:lnTo>
                      <a:pt x="157" y="271"/>
                    </a:lnTo>
                    <a:lnTo>
                      <a:pt x="159" y="269"/>
                    </a:lnTo>
                    <a:lnTo>
                      <a:pt x="159" y="266"/>
                    </a:lnTo>
                    <a:lnTo>
                      <a:pt x="160" y="264"/>
                    </a:lnTo>
                    <a:lnTo>
                      <a:pt x="157" y="261"/>
                    </a:lnTo>
                    <a:lnTo>
                      <a:pt x="155" y="259"/>
                    </a:lnTo>
                    <a:lnTo>
                      <a:pt x="154" y="257"/>
                    </a:lnTo>
                    <a:lnTo>
                      <a:pt x="150" y="255"/>
                    </a:lnTo>
                    <a:lnTo>
                      <a:pt x="149" y="254"/>
                    </a:lnTo>
                    <a:lnTo>
                      <a:pt x="149" y="247"/>
                    </a:lnTo>
                    <a:lnTo>
                      <a:pt x="147" y="242"/>
                    </a:lnTo>
                    <a:lnTo>
                      <a:pt x="143" y="239"/>
                    </a:lnTo>
                    <a:lnTo>
                      <a:pt x="142" y="235"/>
                    </a:lnTo>
                    <a:lnTo>
                      <a:pt x="138" y="233"/>
                    </a:lnTo>
                    <a:lnTo>
                      <a:pt x="137" y="233"/>
                    </a:lnTo>
                    <a:lnTo>
                      <a:pt x="133" y="232"/>
                    </a:lnTo>
                    <a:lnTo>
                      <a:pt x="127" y="223"/>
                    </a:lnTo>
                    <a:lnTo>
                      <a:pt x="61" y="5"/>
                    </a:lnTo>
                    <a:lnTo>
                      <a:pt x="54" y="2"/>
                    </a:lnTo>
                    <a:lnTo>
                      <a:pt x="47" y="0"/>
                    </a:lnTo>
                    <a:lnTo>
                      <a:pt x="42" y="2"/>
                    </a:lnTo>
                    <a:lnTo>
                      <a:pt x="37" y="5"/>
                    </a:lnTo>
                    <a:lnTo>
                      <a:pt x="33" y="8"/>
                    </a:lnTo>
                    <a:lnTo>
                      <a:pt x="32" y="10"/>
                    </a:lnTo>
                    <a:lnTo>
                      <a:pt x="30" y="13"/>
                    </a:lnTo>
                    <a:lnTo>
                      <a:pt x="33" y="15"/>
                    </a:lnTo>
                    <a:lnTo>
                      <a:pt x="37" y="24"/>
                    </a:lnTo>
                    <a:lnTo>
                      <a:pt x="32" y="25"/>
                    </a:lnTo>
                    <a:lnTo>
                      <a:pt x="33" y="32"/>
                    </a:lnTo>
                    <a:lnTo>
                      <a:pt x="28" y="34"/>
                    </a:lnTo>
                    <a:lnTo>
                      <a:pt x="28" y="39"/>
                    </a:lnTo>
                    <a:lnTo>
                      <a:pt x="30" y="39"/>
                    </a:lnTo>
                    <a:lnTo>
                      <a:pt x="32" y="49"/>
                    </a:lnTo>
                    <a:lnTo>
                      <a:pt x="32" y="51"/>
                    </a:lnTo>
                    <a:lnTo>
                      <a:pt x="33" y="54"/>
                    </a:lnTo>
                    <a:lnTo>
                      <a:pt x="33" y="56"/>
                    </a:lnTo>
                    <a:lnTo>
                      <a:pt x="33" y="61"/>
                    </a:lnTo>
                    <a:lnTo>
                      <a:pt x="33" y="64"/>
                    </a:lnTo>
                    <a:lnTo>
                      <a:pt x="32" y="68"/>
                    </a:lnTo>
                    <a:lnTo>
                      <a:pt x="28" y="73"/>
                    </a:lnTo>
                    <a:lnTo>
                      <a:pt x="28" y="74"/>
                    </a:lnTo>
                    <a:lnTo>
                      <a:pt x="30" y="74"/>
                    </a:lnTo>
                    <a:lnTo>
                      <a:pt x="32" y="76"/>
                    </a:lnTo>
                    <a:lnTo>
                      <a:pt x="32" y="79"/>
                    </a:lnTo>
                    <a:lnTo>
                      <a:pt x="33" y="83"/>
                    </a:lnTo>
                    <a:lnTo>
                      <a:pt x="35" y="85"/>
                    </a:lnTo>
                    <a:lnTo>
                      <a:pt x="37" y="90"/>
                    </a:lnTo>
                    <a:lnTo>
                      <a:pt x="39" y="93"/>
                    </a:lnTo>
                    <a:lnTo>
                      <a:pt x="39" y="98"/>
                    </a:lnTo>
                    <a:lnTo>
                      <a:pt x="39" y="101"/>
                    </a:lnTo>
                    <a:lnTo>
                      <a:pt x="39" y="107"/>
                    </a:lnTo>
                    <a:lnTo>
                      <a:pt x="37" y="112"/>
                    </a:lnTo>
                    <a:lnTo>
                      <a:pt x="33" y="117"/>
                    </a:lnTo>
                    <a:lnTo>
                      <a:pt x="30" y="122"/>
                    </a:lnTo>
                    <a:lnTo>
                      <a:pt x="23" y="127"/>
                    </a:lnTo>
                    <a:lnTo>
                      <a:pt x="17" y="132"/>
                    </a:lnTo>
                    <a:lnTo>
                      <a:pt x="17" y="134"/>
                    </a:lnTo>
                    <a:lnTo>
                      <a:pt x="17" y="132"/>
                    </a:lnTo>
                    <a:lnTo>
                      <a:pt x="10" y="139"/>
                    </a:lnTo>
                    <a:lnTo>
                      <a:pt x="10" y="140"/>
                    </a:lnTo>
                    <a:lnTo>
                      <a:pt x="10" y="144"/>
                    </a:lnTo>
                    <a:lnTo>
                      <a:pt x="11" y="147"/>
                    </a:lnTo>
                    <a:lnTo>
                      <a:pt x="11" y="152"/>
                    </a:lnTo>
                    <a:lnTo>
                      <a:pt x="11" y="157"/>
                    </a:lnTo>
                    <a:lnTo>
                      <a:pt x="11" y="162"/>
                    </a:lnTo>
                    <a:lnTo>
                      <a:pt x="11" y="167"/>
                    </a:lnTo>
                    <a:lnTo>
                      <a:pt x="11" y="174"/>
                    </a:lnTo>
                    <a:lnTo>
                      <a:pt x="11" y="179"/>
                    </a:lnTo>
                    <a:lnTo>
                      <a:pt x="11" y="186"/>
                    </a:lnTo>
                    <a:lnTo>
                      <a:pt x="10" y="193"/>
                    </a:lnTo>
                    <a:lnTo>
                      <a:pt x="10" y="198"/>
                    </a:lnTo>
                    <a:lnTo>
                      <a:pt x="8" y="203"/>
                    </a:lnTo>
                    <a:lnTo>
                      <a:pt x="8" y="208"/>
                    </a:lnTo>
                    <a:lnTo>
                      <a:pt x="6" y="211"/>
                    </a:lnTo>
                    <a:lnTo>
                      <a:pt x="6" y="215"/>
                    </a:lnTo>
                    <a:lnTo>
                      <a:pt x="5" y="218"/>
                    </a:lnTo>
                    <a:lnTo>
                      <a:pt x="5" y="222"/>
                    </a:lnTo>
                    <a:lnTo>
                      <a:pt x="5" y="223"/>
                    </a:lnTo>
                    <a:lnTo>
                      <a:pt x="3" y="228"/>
                    </a:lnTo>
                    <a:lnTo>
                      <a:pt x="1" y="233"/>
                    </a:lnTo>
                    <a:lnTo>
                      <a:pt x="0" y="240"/>
                    </a:lnTo>
                    <a:lnTo>
                      <a:pt x="0" y="247"/>
                    </a:lnTo>
                    <a:lnTo>
                      <a:pt x="0" y="254"/>
                    </a:lnTo>
                    <a:lnTo>
                      <a:pt x="1" y="261"/>
                    </a:lnTo>
                    <a:lnTo>
                      <a:pt x="5" y="267"/>
                    </a:lnTo>
                    <a:lnTo>
                      <a:pt x="6" y="267"/>
                    </a:lnTo>
                    <a:lnTo>
                      <a:pt x="6" y="271"/>
                    </a:lnTo>
                    <a:lnTo>
                      <a:pt x="6" y="274"/>
                    </a:lnTo>
                    <a:lnTo>
                      <a:pt x="6" y="277"/>
                    </a:lnTo>
                    <a:lnTo>
                      <a:pt x="6" y="281"/>
                    </a:lnTo>
                    <a:lnTo>
                      <a:pt x="6" y="284"/>
                    </a:lnTo>
                    <a:lnTo>
                      <a:pt x="6" y="286"/>
                    </a:lnTo>
                    <a:lnTo>
                      <a:pt x="6" y="288"/>
                    </a:lnTo>
                    <a:lnTo>
                      <a:pt x="8" y="289"/>
                    </a:lnTo>
                    <a:lnTo>
                      <a:pt x="8" y="293"/>
                    </a:lnTo>
                    <a:lnTo>
                      <a:pt x="10" y="296"/>
                    </a:lnTo>
                    <a:lnTo>
                      <a:pt x="10" y="299"/>
                    </a:lnTo>
                    <a:lnTo>
                      <a:pt x="10" y="305"/>
                    </a:lnTo>
                    <a:lnTo>
                      <a:pt x="10" y="308"/>
                    </a:lnTo>
                    <a:lnTo>
                      <a:pt x="6" y="311"/>
                    </a:lnTo>
                    <a:lnTo>
                      <a:pt x="6" y="313"/>
                    </a:lnTo>
                    <a:lnTo>
                      <a:pt x="6" y="315"/>
                    </a:lnTo>
                    <a:lnTo>
                      <a:pt x="6" y="320"/>
                    </a:lnTo>
                    <a:lnTo>
                      <a:pt x="6" y="323"/>
                    </a:lnTo>
                    <a:lnTo>
                      <a:pt x="6" y="328"/>
                    </a:lnTo>
                    <a:lnTo>
                      <a:pt x="8" y="333"/>
                    </a:lnTo>
                    <a:lnTo>
                      <a:pt x="10" y="337"/>
                    </a:lnTo>
                    <a:lnTo>
                      <a:pt x="15" y="340"/>
                    </a:lnTo>
                    <a:lnTo>
                      <a:pt x="116" y="31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438" name="Group 177"/>
              <p:cNvGrpSpPr>
                <a:grpSpLocks/>
              </p:cNvGrpSpPr>
              <p:nvPr/>
            </p:nvGrpSpPr>
            <p:grpSpPr bwMode="auto">
              <a:xfrm>
                <a:off x="3502" y="2791"/>
                <a:ext cx="368" cy="598"/>
                <a:chOff x="3720" y="2429"/>
                <a:chExt cx="378" cy="616"/>
              </a:xfrm>
            </p:grpSpPr>
            <p:sp>
              <p:nvSpPr>
                <p:cNvPr id="451" name="Freeform 178"/>
                <p:cNvSpPr>
                  <a:spLocks/>
                </p:cNvSpPr>
                <p:nvPr/>
              </p:nvSpPr>
              <p:spPr bwMode="auto">
                <a:xfrm>
                  <a:off x="3720" y="2429"/>
                  <a:ext cx="378" cy="616"/>
                </a:xfrm>
                <a:custGeom>
                  <a:avLst/>
                  <a:gdLst>
                    <a:gd name="T0" fmla="*/ 51 w 378"/>
                    <a:gd name="T1" fmla="*/ 607 h 616"/>
                    <a:gd name="T2" fmla="*/ 54 w 378"/>
                    <a:gd name="T3" fmla="*/ 592 h 616"/>
                    <a:gd name="T4" fmla="*/ 75 w 378"/>
                    <a:gd name="T5" fmla="*/ 548 h 616"/>
                    <a:gd name="T6" fmla="*/ 97 w 378"/>
                    <a:gd name="T7" fmla="*/ 605 h 616"/>
                    <a:gd name="T8" fmla="*/ 92 w 378"/>
                    <a:gd name="T9" fmla="*/ 607 h 616"/>
                    <a:gd name="T10" fmla="*/ 81 w 378"/>
                    <a:gd name="T11" fmla="*/ 611 h 616"/>
                    <a:gd name="T12" fmla="*/ 73 w 378"/>
                    <a:gd name="T13" fmla="*/ 614 h 616"/>
                    <a:gd name="T14" fmla="*/ 70 w 378"/>
                    <a:gd name="T15" fmla="*/ 616 h 616"/>
                    <a:gd name="T16" fmla="*/ 83 w 378"/>
                    <a:gd name="T17" fmla="*/ 614 h 616"/>
                    <a:gd name="T18" fmla="*/ 98 w 378"/>
                    <a:gd name="T19" fmla="*/ 611 h 616"/>
                    <a:gd name="T20" fmla="*/ 110 w 378"/>
                    <a:gd name="T21" fmla="*/ 607 h 616"/>
                    <a:gd name="T22" fmla="*/ 115 w 378"/>
                    <a:gd name="T23" fmla="*/ 607 h 616"/>
                    <a:gd name="T24" fmla="*/ 114 w 378"/>
                    <a:gd name="T25" fmla="*/ 604 h 616"/>
                    <a:gd name="T26" fmla="*/ 112 w 378"/>
                    <a:gd name="T27" fmla="*/ 600 h 616"/>
                    <a:gd name="T28" fmla="*/ 122 w 378"/>
                    <a:gd name="T29" fmla="*/ 590 h 616"/>
                    <a:gd name="T30" fmla="*/ 125 w 378"/>
                    <a:gd name="T31" fmla="*/ 585 h 616"/>
                    <a:gd name="T32" fmla="*/ 125 w 378"/>
                    <a:gd name="T33" fmla="*/ 582 h 616"/>
                    <a:gd name="T34" fmla="*/ 125 w 378"/>
                    <a:gd name="T35" fmla="*/ 582 h 616"/>
                    <a:gd name="T36" fmla="*/ 125 w 378"/>
                    <a:gd name="T37" fmla="*/ 580 h 616"/>
                    <a:gd name="T38" fmla="*/ 125 w 378"/>
                    <a:gd name="T39" fmla="*/ 577 h 616"/>
                    <a:gd name="T40" fmla="*/ 124 w 378"/>
                    <a:gd name="T41" fmla="*/ 572 h 616"/>
                    <a:gd name="T42" fmla="*/ 124 w 378"/>
                    <a:gd name="T43" fmla="*/ 570 h 616"/>
                    <a:gd name="T44" fmla="*/ 127 w 378"/>
                    <a:gd name="T45" fmla="*/ 558 h 616"/>
                    <a:gd name="T46" fmla="*/ 119 w 378"/>
                    <a:gd name="T47" fmla="*/ 548 h 616"/>
                    <a:gd name="T48" fmla="*/ 109 w 378"/>
                    <a:gd name="T49" fmla="*/ 539 h 616"/>
                    <a:gd name="T50" fmla="*/ 103 w 378"/>
                    <a:gd name="T51" fmla="*/ 538 h 616"/>
                    <a:gd name="T52" fmla="*/ 378 w 378"/>
                    <a:gd name="T53" fmla="*/ 489 h 616"/>
                    <a:gd name="T54" fmla="*/ 361 w 378"/>
                    <a:gd name="T55" fmla="*/ 455 h 616"/>
                    <a:gd name="T56" fmla="*/ 361 w 378"/>
                    <a:gd name="T57" fmla="*/ 445 h 616"/>
                    <a:gd name="T58" fmla="*/ 361 w 378"/>
                    <a:gd name="T59" fmla="*/ 431 h 616"/>
                    <a:gd name="T60" fmla="*/ 359 w 378"/>
                    <a:gd name="T61" fmla="*/ 421 h 616"/>
                    <a:gd name="T62" fmla="*/ 354 w 378"/>
                    <a:gd name="T63" fmla="*/ 413 h 616"/>
                    <a:gd name="T64" fmla="*/ 349 w 378"/>
                    <a:gd name="T65" fmla="*/ 399 h 616"/>
                    <a:gd name="T66" fmla="*/ 349 w 378"/>
                    <a:gd name="T67" fmla="*/ 385 h 616"/>
                    <a:gd name="T68" fmla="*/ 351 w 378"/>
                    <a:gd name="T69" fmla="*/ 377 h 616"/>
                    <a:gd name="T70" fmla="*/ 351 w 378"/>
                    <a:gd name="T71" fmla="*/ 367 h 616"/>
                    <a:gd name="T72" fmla="*/ 351 w 378"/>
                    <a:gd name="T73" fmla="*/ 355 h 616"/>
                    <a:gd name="T74" fmla="*/ 352 w 378"/>
                    <a:gd name="T75" fmla="*/ 348 h 616"/>
                    <a:gd name="T76" fmla="*/ 354 w 378"/>
                    <a:gd name="T77" fmla="*/ 345 h 616"/>
                    <a:gd name="T78" fmla="*/ 361 w 378"/>
                    <a:gd name="T79" fmla="*/ 336 h 616"/>
                    <a:gd name="T80" fmla="*/ 364 w 378"/>
                    <a:gd name="T81" fmla="*/ 328 h 616"/>
                    <a:gd name="T82" fmla="*/ 361 w 378"/>
                    <a:gd name="T83" fmla="*/ 323 h 616"/>
                    <a:gd name="T84" fmla="*/ 357 w 378"/>
                    <a:gd name="T85" fmla="*/ 321 h 616"/>
                    <a:gd name="T86" fmla="*/ 356 w 378"/>
                    <a:gd name="T87" fmla="*/ 314 h 616"/>
                    <a:gd name="T88" fmla="*/ 352 w 378"/>
                    <a:gd name="T89" fmla="*/ 304 h 616"/>
                    <a:gd name="T90" fmla="*/ 349 w 378"/>
                    <a:gd name="T91" fmla="*/ 297 h 616"/>
                    <a:gd name="T92" fmla="*/ 347 w 378"/>
                    <a:gd name="T93" fmla="*/ 296 h 616"/>
                    <a:gd name="T94" fmla="*/ 329 w 378"/>
                    <a:gd name="T95" fmla="*/ 257 h 616"/>
                    <a:gd name="T96" fmla="*/ 257 w 378"/>
                    <a:gd name="T97" fmla="*/ 0 h 616"/>
                    <a:gd name="T98" fmla="*/ 0 w 378"/>
                    <a:gd name="T99" fmla="*/ 414 h 616"/>
                    <a:gd name="T100" fmla="*/ 44 w 378"/>
                    <a:gd name="T101" fmla="*/ 599 h 61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w 378"/>
                    <a:gd name="T154" fmla="*/ 0 h 616"/>
                    <a:gd name="T155" fmla="*/ 378 w 378"/>
                    <a:gd name="T156" fmla="*/ 616 h 616"/>
                  </a:gdLst>
                  <a:ahLst/>
                  <a:cxnLst>
                    <a:cxn ang="T102">
                      <a:pos x="T0" y="T1"/>
                    </a:cxn>
                    <a:cxn ang="T103">
                      <a:pos x="T2" y="T3"/>
                    </a:cxn>
                    <a:cxn ang="T104">
                      <a:pos x="T4" y="T5"/>
                    </a:cxn>
                    <a:cxn ang="T105">
                      <a:pos x="T6" y="T7"/>
                    </a:cxn>
                    <a:cxn ang="T106">
                      <a:pos x="T8" y="T9"/>
                    </a:cxn>
                    <a:cxn ang="T107">
                      <a:pos x="T10" y="T11"/>
                    </a:cxn>
                    <a:cxn ang="T108">
                      <a:pos x="T12" y="T13"/>
                    </a:cxn>
                    <a:cxn ang="T109">
                      <a:pos x="T14" y="T15"/>
                    </a:cxn>
                    <a:cxn ang="T110">
                      <a:pos x="T16" y="T17"/>
                    </a:cxn>
                    <a:cxn ang="T111">
                      <a:pos x="T18" y="T19"/>
                    </a:cxn>
                    <a:cxn ang="T112">
                      <a:pos x="T20" y="T21"/>
                    </a:cxn>
                    <a:cxn ang="T113">
                      <a:pos x="T22" y="T23"/>
                    </a:cxn>
                    <a:cxn ang="T114">
                      <a:pos x="T24" y="T25"/>
                    </a:cxn>
                    <a:cxn ang="T115">
                      <a:pos x="T26" y="T27"/>
                    </a:cxn>
                    <a:cxn ang="T116">
                      <a:pos x="T28" y="T29"/>
                    </a:cxn>
                    <a:cxn ang="T117">
                      <a:pos x="T30" y="T31"/>
                    </a:cxn>
                    <a:cxn ang="T118">
                      <a:pos x="T32" y="T33"/>
                    </a:cxn>
                    <a:cxn ang="T119">
                      <a:pos x="T34" y="T35"/>
                    </a:cxn>
                    <a:cxn ang="T120">
                      <a:pos x="T36" y="T37"/>
                    </a:cxn>
                    <a:cxn ang="T121">
                      <a:pos x="T38" y="T39"/>
                    </a:cxn>
                    <a:cxn ang="T122">
                      <a:pos x="T40" y="T41"/>
                    </a:cxn>
                    <a:cxn ang="T123">
                      <a:pos x="T42" y="T43"/>
                    </a:cxn>
                    <a:cxn ang="T124">
                      <a:pos x="T44" y="T45"/>
                    </a:cxn>
                    <a:cxn ang="T125">
                      <a:pos x="T46" y="T47"/>
                    </a:cxn>
                    <a:cxn ang="T126">
                      <a:pos x="T48" y="T49"/>
                    </a:cxn>
                    <a:cxn ang="T127">
                      <a:pos x="T50" y="T51"/>
                    </a:cxn>
                    <a:cxn ang="T128">
                      <a:pos x="T52" y="T53"/>
                    </a:cxn>
                    <a:cxn ang="T129">
                      <a:pos x="T54" y="T55"/>
                    </a:cxn>
                    <a:cxn ang="T130">
                      <a:pos x="T56" y="T57"/>
                    </a:cxn>
                    <a:cxn ang="T131">
                      <a:pos x="T58" y="T59"/>
                    </a:cxn>
                    <a:cxn ang="T132">
                      <a:pos x="T60" y="T61"/>
                    </a:cxn>
                    <a:cxn ang="T133">
                      <a:pos x="T62" y="T63"/>
                    </a:cxn>
                    <a:cxn ang="T134">
                      <a:pos x="T64" y="T65"/>
                    </a:cxn>
                    <a:cxn ang="T135">
                      <a:pos x="T66" y="T67"/>
                    </a:cxn>
                    <a:cxn ang="T136">
                      <a:pos x="T68" y="T69"/>
                    </a:cxn>
                    <a:cxn ang="T137">
                      <a:pos x="T70" y="T71"/>
                    </a:cxn>
                    <a:cxn ang="T138">
                      <a:pos x="T72" y="T73"/>
                    </a:cxn>
                    <a:cxn ang="T139">
                      <a:pos x="T74" y="T75"/>
                    </a:cxn>
                    <a:cxn ang="T140">
                      <a:pos x="T76" y="T77"/>
                    </a:cxn>
                    <a:cxn ang="T141">
                      <a:pos x="T78" y="T79"/>
                    </a:cxn>
                    <a:cxn ang="T142">
                      <a:pos x="T80" y="T81"/>
                    </a:cxn>
                    <a:cxn ang="T143">
                      <a:pos x="T82" y="T83"/>
                    </a:cxn>
                    <a:cxn ang="T144">
                      <a:pos x="T84" y="T85"/>
                    </a:cxn>
                    <a:cxn ang="T145">
                      <a:pos x="T86" y="T87"/>
                    </a:cxn>
                    <a:cxn ang="T146">
                      <a:pos x="T88" y="T89"/>
                    </a:cxn>
                    <a:cxn ang="T147">
                      <a:pos x="T90" y="T91"/>
                    </a:cxn>
                    <a:cxn ang="T148">
                      <a:pos x="T92" y="T93"/>
                    </a:cxn>
                    <a:cxn ang="T149">
                      <a:pos x="T94" y="T95"/>
                    </a:cxn>
                    <a:cxn ang="T150">
                      <a:pos x="T96" y="T97"/>
                    </a:cxn>
                    <a:cxn ang="T151">
                      <a:pos x="T98" y="T99"/>
                    </a:cxn>
                    <a:cxn ang="T152">
                      <a:pos x="T100" y="T101"/>
                    </a:cxn>
                  </a:cxnLst>
                  <a:rect l="T153" t="T154" r="T155" b="T156"/>
                  <a:pathLst>
                    <a:path w="378" h="616">
                      <a:moveTo>
                        <a:pt x="44" y="599"/>
                      </a:moveTo>
                      <a:lnTo>
                        <a:pt x="51" y="607"/>
                      </a:lnTo>
                      <a:lnTo>
                        <a:pt x="58" y="600"/>
                      </a:lnTo>
                      <a:lnTo>
                        <a:pt x="54" y="592"/>
                      </a:lnTo>
                      <a:lnTo>
                        <a:pt x="61" y="550"/>
                      </a:lnTo>
                      <a:lnTo>
                        <a:pt x="75" y="548"/>
                      </a:lnTo>
                      <a:lnTo>
                        <a:pt x="73" y="587"/>
                      </a:lnTo>
                      <a:lnTo>
                        <a:pt x="97" y="605"/>
                      </a:lnTo>
                      <a:lnTo>
                        <a:pt x="95" y="605"/>
                      </a:lnTo>
                      <a:lnTo>
                        <a:pt x="92" y="607"/>
                      </a:lnTo>
                      <a:lnTo>
                        <a:pt x="87" y="609"/>
                      </a:lnTo>
                      <a:lnTo>
                        <a:pt x="81" y="611"/>
                      </a:lnTo>
                      <a:lnTo>
                        <a:pt x="76" y="612"/>
                      </a:lnTo>
                      <a:lnTo>
                        <a:pt x="73" y="614"/>
                      </a:lnTo>
                      <a:lnTo>
                        <a:pt x="70" y="616"/>
                      </a:lnTo>
                      <a:lnTo>
                        <a:pt x="76" y="616"/>
                      </a:lnTo>
                      <a:lnTo>
                        <a:pt x="83" y="614"/>
                      </a:lnTo>
                      <a:lnTo>
                        <a:pt x="92" y="612"/>
                      </a:lnTo>
                      <a:lnTo>
                        <a:pt x="98" y="611"/>
                      </a:lnTo>
                      <a:lnTo>
                        <a:pt x="105" y="609"/>
                      </a:lnTo>
                      <a:lnTo>
                        <a:pt x="110" y="607"/>
                      </a:lnTo>
                      <a:lnTo>
                        <a:pt x="114" y="607"/>
                      </a:lnTo>
                      <a:lnTo>
                        <a:pt x="115" y="607"/>
                      </a:lnTo>
                      <a:lnTo>
                        <a:pt x="115" y="605"/>
                      </a:lnTo>
                      <a:lnTo>
                        <a:pt x="114" y="604"/>
                      </a:lnTo>
                      <a:lnTo>
                        <a:pt x="112" y="602"/>
                      </a:lnTo>
                      <a:lnTo>
                        <a:pt x="112" y="600"/>
                      </a:lnTo>
                      <a:lnTo>
                        <a:pt x="117" y="595"/>
                      </a:lnTo>
                      <a:lnTo>
                        <a:pt x="122" y="590"/>
                      </a:lnTo>
                      <a:lnTo>
                        <a:pt x="124" y="587"/>
                      </a:lnTo>
                      <a:lnTo>
                        <a:pt x="125" y="585"/>
                      </a:lnTo>
                      <a:lnTo>
                        <a:pt x="125" y="583"/>
                      </a:lnTo>
                      <a:lnTo>
                        <a:pt x="125" y="582"/>
                      </a:lnTo>
                      <a:lnTo>
                        <a:pt x="125" y="580"/>
                      </a:lnTo>
                      <a:lnTo>
                        <a:pt x="125" y="578"/>
                      </a:lnTo>
                      <a:lnTo>
                        <a:pt x="125" y="577"/>
                      </a:lnTo>
                      <a:lnTo>
                        <a:pt x="124" y="573"/>
                      </a:lnTo>
                      <a:lnTo>
                        <a:pt x="124" y="572"/>
                      </a:lnTo>
                      <a:lnTo>
                        <a:pt x="124" y="570"/>
                      </a:lnTo>
                      <a:lnTo>
                        <a:pt x="127" y="565"/>
                      </a:lnTo>
                      <a:lnTo>
                        <a:pt x="127" y="558"/>
                      </a:lnTo>
                      <a:lnTo>
                        <a:pt x="124" y="553"/>
                      </a:lnTo>
                      <a:lnTo>
                        <a:pt x="119" y="548"/>
                      </a:lnTo>
                      <a:lnTo>
                        <a:pt x="114" y="545"/>
                      </a:lnTo>
                      <a:lnTo>
                        <a:pt x="109" y="539"/>
                      </a:lnTo>
                      <a:lnTo>
                        <a:pt x="105" y="538"/>
                      </a:lnTo>
                      <a:lnTo>
                        <a:pt x="103" y="538"/>
                      </a:lnTo>
                      <a:lnTo>
                        <a:pt x="102" y="516"/>
                      </a:lnTo>
                      <a:lnTo>
                        <a:pt x="378" y="489"/>
                      </a:lnTo>
                      <a:lnTo>
                        <a:pt x="361" y="457"/>
                      </a:lnTo>
                      <a:lnTo>
                        <a:pt x="361" y="455"/>
                      </a:lnTo>
                      <a:lnTo>
                        <a:pt x="361" y="450"/>
                      </a:lnTo>
                      <a:lnTo>
                        <a:pt x="361" y="445"/>
                      </a:lnTo>
                      <a:lnTo>
                        <a:pt x="361" y="438"/>
                      </a:lnTo>
                      <a:lnTo>
                        <a:pt x="361" y="431"/>
                      </a:lnTo>
                      <a:lnTo>
                        <a:pt x="359" y="424"/>
                      </a:lnTo>
                      <a:lnTo>
                        <a:pt x="359" y="421"/>
                      </a:lnTo>
                      <a:lnTo>
                        <a:pt x="359" y="418"/>
                      </a:lnTo>
                      <a:lnTo>
                        <a:pt x="354" y="413"/>
                      </a:lnTo>
                      <a:lnTo>
                        <a:pt x="351" y="406"/>
                      </a:lnTo>
                      <a:lnTo>
                        <a:pt x="349" y="399"/>
                      </a:lnTo>
                      <a:lnTo>
                        <a:pt x="349" y="391"/>
                      </a:lnTo>
                      <a:lnTo>
                        <a:pt x="349" y="385"/>
                      </a:lnTo>
                      <a:lnTo>
                        <a:pt x="349" y="380"/>
                      </a:lnTo>
                      <a:lnTo>
                        <a:pt x="351" y="377"/>
                      </a:lnTo>
                      <a:lnTo>
                        <a:pt x="351" y="374"/>
                      </a:lnTo>
                      <a:lnTo>
                        <a:pt x="351" y="367"/>
                      </a:lnTo>
                      <a:lnTo>
                        <a:pt x="351" y="360"/>
                      </a:lnTo>
                      <a:lnTo>
                        <a:pt x="351" y="355"/>
                      </a:lnTo>
                      <a:lnTo>
                        <a:pt x="352" y="350"/>
                      </a:lnTo>
                      <a:lnTo>
                        <a:pt x="352" y="348"/>
                      </a:lnTo>
                      <a:lnTo>
                        <a:pt x="352" y="345"/>
                      </a:lnTo>
                      <a:lnTo>
                        <a:pt x="354" y="345"/>
                      </a:lnTo>
                      <a:lnTo>
                        <a:pt x="354" y="343"/>
                      </a:lnTo>
                      <a:lnTo>
                        <a:pt x="361" y="336"/>
                      </a:lnTo>
                      <a:lnTo>
                        <a:pt x="364" y="331"/>
                      </a:lnTo>
                      <a:lnTo>
                        <a:pt x="364" y="328"/>
                      </a:lnTo>
                      <a:lnTo>
                        <a:pt x="364" y="325"/>
                      </a:lnTo>
                      <a:lnTo>
                        <a:pt x="361" y="323"/>
                      </a:lnTo>
                      <a:lnTo>
                        <a:pt x="359" y="323"/>
                      </a:lnTo>
                      <a:lnTo>
                        <a:pt x="357" y="321"/>
                      </a:lnTo>
                      <a:lnTo>
                        <a:pt x="356" y="319"/>
                      </a:lnTo>
                      <a:lnTo>
                        <a:pt x="356" y="314"/>
                      </a:lnTo>
                      <a:lnTo>
                        <a:pt x="356" y="308"/>
                      </a:lnTo>
                      <a:lnTo>
                        <a:pt x="352" y="304"/>
                      </a:lnTo>
                      <a:lnTo>
                        <a:pt x="351" y="301"/>
                      </a:lnTo>
                      <a:lnTo>
                        <a:pt x="349" y="297"/>
                      </a:lnTo>
                      <a:lnTo>
                        <a:pt x="347" y="296"/>
                      </a:lnTo>
                      <a:lnTo>
                        <a:pt x="345" y="294"/>
                      </a:lnTo>
                      <a:lnTo>
                        <a:pt x="329" y="257"/>
                      </a:lnTo>
                      <a:lnTo>
                        <a:pt x="256" y="0"/>
                      </a:lnTo>
                      <a:lnTo>
                        <a:pt x="257" y="0"/>
                      </a:lnTo>
                      <a:lnTo>
                        <a:pt x="5" y="22"/>
                      </a:lnTo>
                      <a:lnTo>
                        <a:pt x="0" y="414"/>
                      </a:lnTo>
                      <a:lnTo>
                        <a:pt x="24" y="599"/>
                      </a:lnTo>
                      <a:lnTo>
                        <a:pt x="44" y="599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52" name="Freeform 179"/>
                <p:cNvSpPr>
                  <a:spLocks/>
                </p:cNvSpPr>
                <p:nvPr/>
              </p:nvSpPr>
              <p:spPr bwMode="auto">
                <a:xfrm>
                  <a:off x="3720" y="2429"/>
                  <a:ext cx="378" cy="616"/>
                </a:xfrm>
                <a:custGeom>
                  <a:avLst/>
                  <a:gdLst>
                    <a:gd name="T0" fmla="*/ 51 w 378"/>
                    <a:gd name="T1" fmla="*/ 607 h 616"/>
                    <a:gd name="T2" fmla="*/ 54 w 378"/>
                    <a:gd name="T3" fmla="*/ 592 h 616"/>
                    <a:gd name="T4" fmla="*/ 75 w 378"/>
                    <a:gd name="T5" fmla="*/ 548 h 616"/>
                    <a:gd name="T6" fmla="*/ 97 w 378"/>
                    <a:gd name="T7" fmla="*/ 605 h 616"/>
                    <a:gd name="T8" fmla="*/ 95 w 378"/>
                    <a:gd name="T9" fmla="*/ 605 h 616"/>
                    <a:gd name="T10" fmla="*/ 87 w 378"/>
                    <a:gd name="T11" fmla="*/ 609 h 616"/>
                    <a:gd name="T12" fmla="*/ 76 w 378"/>
                    <a:gd name="T13" fmla="*/ 612 h 616"/>
                    <a:gd name="T14" fmla="*/ 70 w 378"/>
                    <a:gd name="T15" fmla="*/ 616 h 616"/>
                    <a:gd name="T16" fmla="*/ 70 w 378"/>
                    <a:gd name="T17" fmla="*/ 616 h 616"/>
                    <a:gd name="T18" fmla="*/ 83 w 378"/>
                    <a:gd name="T19" fmla="*/ 614 h 616"/>
                    <a:gd name="T20" fmla="*/ 98 w 378"/>
                    <a:gd name="T21" fmla="*/ 611 h 616"/>
                    <a:gd name="T22" fmla="*/ 110 w 378"/>
                    <a:gd name="T23" fmla="*/ 607 h 616"/>
                    <a:gd name="T24" fmla="*/ 115 w 378"/>
                    <a:gd name="T25" fmla="*/ 607 h 616"/>
                    <a:gd name="T26" fmla="*/ 115 w 378"/>
                    <a:gd name="T27" fmla="*/ 605 h 616"/>
                    <a:gd name="T28" fmla="*/ 112 w 378"/>
                    <a:gd name="T29" fmla="*/ 602 h 616"/>
                    <a:gd name="T30" fmla="*/ 112 w 378"/>
                    <a:gd name="T31" fmla="*/ 600 h 616"/>
                    <a:gd name="T32" fmla="*/ 122 w 378"/>
                    <a:gd name="T33" fmla="*/ 590 h 616"/>
                    <a:gd name="T34" fmla="*/ 125 w 378"/>
                    <a:gd name="T35" fmla="*/ 585 h 616"/>
                    <a:gd name="T36" fmla="*/ 125 w 378"/>
                    <a:gd name="T37" fmla="*/ 582 h 616"/>
                    <a:gd name="T38" fmla="*/ 125 w 378"/>
                    <a:gd name="T39" fmla="*/ 582 h 616"/>
                    <a:gd name="T40" fmla="*/ 125 w 378"/>
                    <a:gd name="T41" fmla="*/ 582 h 616"/>
                    <a:gd name="T42" fmla="*/ 125 w 378"/>
                    <a:gd name="T43" fmla="*/ 578 h 616"/>
                    <a:gd name="T44" fmla="*/ 124 w 378"/>
                    <a:gd name="T45" fmla="*/ 573 h 616"/>
                    <a:gd name="T46" fmla="*/ 124 w 378"/>
                    <a:gd name="T47" fmla="*/ 570 h 616"/>
                    <a:gd name="T48" fmla="*/ 124 w 378"/>
                    <a:gd name="T49" fmla="*/ 570 h 616"/>
                    <a:gd name="T50" fmla="*/ 127 w 378"/>
                    <a:gd name="T51" fmla="*/ 558 h 616"/>
                    <a:gd name="T52" fmla="*/ 119 w 378"/>
                    <a:gd name="T53" fmla="*/ 548 h 616"/>
                    <a:gd name="T54" fmla="*/ 109 w 378"/>
                    <a:gd name="T55" fmla="*/ 539 h 616"/>
                    <a:gd name="T56" fmla="*/ 103 w 378"/>
                    <a:gd name="T57" fmla="*/ 538 h 616"/>
                    <a:gd name="T58" fmla="*/ 378 w 378"/>
                    <a:gd name="T59" fmla="*/ 489 h 616"/>
                    <a:gd name="T60" fmla="*/ 361 w 378"/>
                    <a:gd name="T61" fmla="*/ 457 h 616"/>
                    <a:gd name="T62" fmla="*/ 361 w 378"/>
                    <a:gd name="T63" fmla="*/ 450 h 616"/>
                    <a:gd name="T64" fmla="*/ 361 w 378"/>
                    <a:gd name="T65" fmla="*/ 438 h 616"/>
                    <a:gd name="T66" fmla="*/ 359 w 378"/>
                    <a:gd name="T67" fmla="*/ 424 h 616"/>
                    <a:gd name="T68" fmla="*/ 359 w 378"/>
                    <a:gd name="T69" fmla="*/ 418 h 616"/>
                    <a:gd name="T70" fmla="*/ 354 w 378"/>
                    <a:gd name="T71" fmla="*/ 413 h 616"/>
                    <a:gd name="T72" fmla="*/ 349 w 378"/>
                    <a:gd name="T73" fmla="*/ 399 h 616"/>
                    <a:gd name="T74" fmla="*/ 349 w 378"/>
                    <a:gd name="T75" fmla="*/ 385 h 616"/>
                    <a:gd name="T76" fmla="*/ 351 w 378"/>
                    <a:gd name="T77" fmla="*/ 377 h 616"/>
                    <a:gd name="T78" fmla="*/ 351 w 378"/>
                    <a:gd name="T79" fmla="*/ 374 h 616"/>
                    <a:gd name="T80" fmla="*/ 351 w 378"/>
                    <a:gd name="T81" fmla="*/ 360 h 616"/>
                    <a:gd name="T82" fmla="*/ 352 w 378"/>
                    <a:gd name="T83" fmla="*/ 350 h 616"/>
                    <a:gd name="T84" fmla="*/ 352 w 378"/>
                    <a:gd name="T85" fmla="*/ 345 h 616"/>
                    <a:gd name="T86" fmla="*/ 354 w 378"/>
                    <a:gd name="T87" fmla="*/ 343 h 616"/>
                    <a:gd name="T88" fmla="*/ 361 w 378"/>
                    <a:gd name="T89" fmla="*/ 336 h 616"/>
                    <a:gd name="T90" fmla="*/ 364 w 378"/>
                    <a:gd name="T91" fmla="*/ 328 h 616"/>
                    <a:gd name="T92" fmla="*/ 361 w 378"/>
                    <a:gd name="T93" fmla="*/ 323 h 616"/>
                    <a:gd name="T94" fmla="*/ 357 w 378"/>
                    <a:gd name="T95" fmla="*/ 321 h 616"/>
                    <a:gd name="T96" fmla="*/ 356 w 378"/>
                    <a:gd name="T97" fmla="*/ 319 h 616"/>
                    <a:gd name="T98" fmla="*/ 356 w 378"/>
                    <a:gd name="T99" fmla="*/ 308 h 616"/>
                    <a:gd name="T100" fmla="*/ 351 w 378"/>
                    <a:gd name="T101" fmla="*/ 301 h 616"/>
                    <a:gd name="T102" fmla="*/ 347 w 378"/>
                    <a:gd name="T103" fmla="*/ 296 h 616"/>
                    <a:gd name="T104" fmla="*/ 345 w 378"/>
                    <a:gd name="T105" fmla="*/ 294 h 616"/>
                    <a:gd name="T106" fmla="*/ 256 w 378"/>
                    <a:gd name="T107" fmla="*/ 0 h 616"/>
                    <a:gd name="T108" fmla="*/ 5 w 378"/>
                    <a:gd name="T109" fmla="*/ 22 h 616"/>
                    <a:gd name="T110" fmla="*/ 24 w 378"/>
                    <a:gd name="T111" fmla="*/ 599 h 61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w 378"/>
                    <a:gd name="T169" fmla="*/ 0 h 616"/>
                    <a:gd name="T170" fmla="*/ 378 w 378"/>
                    <a:gd name="T171" fmla="*/ 616 h 616"/>
                  </a:gdLst>
                  <a:ahLst/>
                  <a:cxnLst>
                    <a:cxn ang="T112">
                      <a:pos x="T0" y="T1"/>
                    </a:cxn>
                    <a:cxn ang="T113">
                      <a:pos x="T2" y="T3"/>
                    </a:cxn>
                    <a:cxn ang="T114">
                      <a:pos x="T4" y="T5"/>
                    </a:cxn>
                    <a:cxn ang="T115">
                      <a:pos x="T6" y="T7"/>
                    </a:cxn>
                    <a:cxn ang="T116">
                      <a:pos x="T8" y="T9"/>
                    </a:cxn>
                    <a:cxn ang="T117">
                      <a:pos x="T10" y="T11"/>
                    </a:cxn>
                    <a:cxn ang="T118">
                      <a:pos x="T12" y="T13"/>
                    </a:cxn>
                    <a:cxn ang="T119">
                      <a:pos x="T14" y="T15"/>
                    </a:cxn>
                    <a:cxn ang="T120">
                      <a:pos x="T16" y="T17"/>
                    </a:cxn>
                    <a:cxn ang="T121">
                      <a:pos x="T18" y="T19"/>
                    </a:cxn>
                    <a:cxn ang="T122">
                      <a:pos x="T20" y="T21"/>
                    </a:cxn>
                    <a:cxn ang="T123">
                      <a:pos x="T22" y="T23"/>
                    </a:cxn>
                    <a:cxn ang="T124">
                      <a:pos x="T24" y="T25"/>
                    </a:cxn>
                    <a:cxn ang="T125">
                      <a:pos x="T26" y="T27"/>
                    </a:cxn>
                    <a:cxn ang="T126">
                      <a:pos x="T28" y="T29"/>
                    </a:cxn>
                    <a:cxn ang="T127">
                      <a:pos x="T30" y="T31"/>
                    </a:cxn>
                    <a:cxn ang="T128">
                      <a:pos x="T32" y="T33"/>
                    </a:cxn>
                    <a:cxn ang="T129">
                      <a:pos x="T34" y="T35"/>
                    </a:cxn>
                    <a:cxn ang="T130">
                      <a:pos x="T36" y="T37"/>
                    </a:cxn>
                    <a:cxn ang="T131">
                      <a:pos x="T38" y="T39"/>
                    </a:cxn>
                    <a:cxn ang="T132">
                      <a:pos x="T40" y="T41"/>
                    </a:cxn>
                    <a:cxn ang="T133">
                      <a:pos x="T42" y="T43"/>
                    </a:cxn>
                    <a:cxn ang="T134">
                      <a:pos x="T44" y="T45"/>
                    </a:cxn>
                    <a:cxn ang="T135">
                      <a:pos x="T46" y="T47"/>
                    </a:cxn>
                    <a:cxn ang="T136">
                      <a:pos x="T48" y="T49"/>
                    </a:cxn>
                    <a:cxn ang="T137">
                      <a:pos x="T50" y="T51"/>
                    </a:cxn>
                    <a:cxn ang="T138">
                      <a:pos x="T52" y="T53"/>
                    </a:cxn>
                    <a:cxn ang="T139">
                      <a:pos x="T54" y="T55"/>
                    </a:cxn>
                    <a:cxn ang="T140">
                      <a:pos x="T56" y="T57"/>
                    </a:cxn>
                    <a:cxn ang="T141">
                      <a:pos x="T58" y="T59"/>
                    </a:cxn>
                    <a:cxn ang="T142">
                      <a:pos x="T60" y="T61"/>
                    </a:cxn>
                    <a:cxn ang="T143">
                      <a:pos x="T62" y="T63"/>
                    </a:cxn>
                    <a:cxn ang="T144">
                      <a:pos x="T64" y="T65"/>
                    </a:cxn>
                    <a:cxn ang="T145">
                      <a:pos x="T66" y="T67"/>
                    </a:cxn>
                    <a:cxn ang="T146">
                      <a:pos x="T68" y="T69"/>
                    </a:cxn>
                    <a:cxn ang="T147">
                      <a:pos x="T70" y="T71"/>
                    </a:cxn>
                    <a:cxn ang="T148">
                      <a:pos x="T72" y="T73"/>
                    </a:cxn>
                    <a:cxn ang="T149">
                      <a:pos x="T74" y="T75"/>
                    </a:cxn>
                    <a:cxn ang="T150">
                      <a:pos x="T76" y="T77"/>
                    </a:cxn>
                    <a:cxn ang="T151">
                      <a:pos x="T78" y="T79"/>
                    </a:cxn>
                    <a:cxn ang="T152">
                      <a:pos x="T80" y="T81"/>
                    </a:cxn>
                    <a:cxn ang="T153">
                      <a:pos x="T82" y="T83"/>
                    </a:cxn>
                    <a:cxn ang="T154">
                      <a:pos x="T84" y="T85"/>
                    </a:cxn>
                    <a:cxn ang="T155">
                      <a:pos x="T86" y="T87"/>
                    </a:cxn>
                    <a:cxn ang="T156">
                      <a:pos x="T88" y="T89"/>
                    </a:cxn>
                    <a:cxn ang="T157">
                      <a:pos x="T90" y="T91"/>
                    </a:cxn>
                    <a:cxn ang="T158">
                      <a:pos x="T92" y="T93"/>
                    </a:cxn>
                    <a:cxn ang="T159">
                      <a:pos x="T94" y="T95"/>
                    </a:cxn>
                    <a:cxn ang="T160">
                      <a:pos x="T96" y="T97"/>
                    </a:cxn>
                    <a:cxn ang="T161">
                      <a:pos x="T98" y="T99"/>
                    </a:cxn>
                    <a:cxn ang="T162">
                      <a:pos x="T100" y="T101"/>
                    </a:cxn>
                    <a:cxn ang="T163">
                      <a:pos x="T102" y="T103"/>
                    </a:cxn>
                    <a:cxn ang="T164">
                      <a:pos x="T104" y="T105"/>
                    </a:cxn>
                    <a:cxn ang="T165">
                      <a:pos x="T106" y="T107"/>
                    </a:cxn>
                    <a:cxn ang="T166">
                      <a:pos x="T108" y="T109"/>
                    </a:cxn>
                    <a:cxn ang="T167">
                      <a:pos x="T110" y="T111"/>
                    </a:cxn>
                  </a:cxnLst>
                  <a:rect l="T168" t="T169" r="T170" b="T171"/>
                  <a:pathLst>
                    <a:path w="378" h="616">
                      <a:moveTo>
                        <a:pt x="44" y="599"/>
                      </a:moveTo>
                      <a:lnTo>
                        <a:pt x="51" y="607"/>
                      </a:lnTo>
                      <a:lnTo>
                        <a:pt x="58" y="600"/>
                      </a:lnTo>
                      <a:lnTo>
                        <a:pt x="54" y="592"/>
                      </a:lnTo>
                      <a:lnTo>
                        <a:pt x="61" y="550"/>
                      </a:lnTo>
                      <a:lnTo>
                        <a:pt x="75" y="548"/>
                      </a:lnTo>
                      <a:lnTo>
                        <a:pt x="73" y="587"/>
                      </a:lnTo>
                      <a:lnTo>
                        <a:pt x="97" y="605"/>
                      </a:lnTo>
                      <a:lnTo>
                        <a:pt x="95" y="605"/>
                      </a:lnTo>
                      <a:lnTo>
                        <a:pt x="92" y="607"/>
                      </a:lnTo>
                      <a:lnTo>
                        <a:pt x="87" y="609"/>
                      </a:lnTo>
                      <a:lnTo>
                        <a:pt x="81" y="611"/>
                      </a:lnTo>
                      <a:lnTo>
                        <a:pt x="76" y="612"/>
                      </a:lnTo>
                      <a:lnTo>
                        <a:pt x="73" y="614"/>
                      </a:lnTo>
                      <a:lnTo>
                        <a:pt x="70" y="616"/>
                      </a:lnTo>
                      <a:lnTo>
                        <a:pt x="76" y="616"/>
                      </a:lnTo>
                      <a:lnTo>
                        <a:pt x="83" y="614"/>
                      </a:lnTo>
                      <a:lnTo>
                        <a:pt x="92" y="612"/>
                      </a:lnTo>
                      <a:lnTo>
                        <a:pt x="98" y="611"/>
                      </a:lnTo>
                      <a:lnTo>
                        <a:pt x="105" y="609"/>
                      </a:lnTo>
                      <a:lnTo>
                        <a:pt x="110" y="607"/>
                      </a:lnTo>
                      <a:lnTo>
                        <a:pt x="114" y="607"/>
                      </a:lnTo>
                      <a:lnTo>
                        <a:pt x="115" y="607"/>
                      </a:lnTo>
                      <a:lnTo>
                        <a:pt x="115" y="605"/>
                      </a:lnTo>
                      <a:lnTo>
                        <a:pt x="114" y="604"/>
                      </a:lnTo>
                      <a:lnTo>
                        <a:pt x="112" y="602"/>
                      </a:lnTo>
                      <a:lnTo>
                        <a:pt x="112" y="600"/>
                      </a:lnTo>
                      <a:lnTo>
                        <a:pt x="117" y="595"/>
                      </a:lnTo>
                      <a:lnTo>
                        <a:pt x="122" y="590"/>
                      </a:lnTo>
                      <a:lnTo>
                        <a:pt x="124" y="587"/>
                      </a:lnTo>
                      <a:lnTo>
                        <a:pt x="125" y="585"/>
                      </a:lnTo>
                      <a:lnTo>
                        <a:pt x="125" y="583"/>
                      </a:lnTo>
                      <a:lnTo>
                        <a:pt x="125" y="582"/>
                      </a:lnTo>
                      <a:lnTo>
                        <a:pt x="125" y="580"/>
                      </a:lnTo>
                      <a:lnTo>
                        <a:pt x="125" y="578"/>
                      </a:lnTo>
                      <a:lnTo>
                        <a:pt x="125" y="577"/>
                      </a:lnTo>
                      <a:lnTo>
                        <a:pt x="124" y="573"/>
                      </a:lnTo>
                      <a:lnTo>
                        <a:pt x="124" y="572"/>
                      </a:lnTo>
                      <a:lnTo>
                        <a:pt x="124" y="570"/>
                      </a:lnTo>
                      <a:lnTo>
                        <a:pt x="127" y="565"/>
                      </a:lnTo>
                      <a:lnTo>
                        <a:pt x="127" y="558"/>
                      </a:lnTo>
                      <a:lnTo>
                        <a:pt x="124" y="553"/>
                      </a:lnTo>
                      <a:lnTo>
                        <a:pt x="119" y="548"/>
                      </a:lnTo>
                      <a:lnTo>
                        <a:pt x="114" y="545"/>
                      </a:lnTo>
                      <a:lnTo>
                        <a:pt x="109" y="539"/>
                      </a:lnTo>
                      <a:lnTo>
                        <a:pt x="105" y="538"/>
                      </a:lnTo>
                      <a:lnTo>
                        <a:pt x="103" y="538"/>
                      </a:lnTo>
                      <a:lnTo>
                        <a:pt x="102" y="516"/>
                      </a:lnTo>
                      <a:lnTo>
                        <a:pt x="378" y="489"/>
                      </a:lnTo>
                      <a:lnTo>
                        <a:pt x="361" y="457"/>
                      </a:lnTo>
                      <a:lnTo>
                        <a:pt x="361" y="455"/>
                      </a:lnTo>
                      <a:lnTo>
                        <a:pt x="361" y="450"/>
                      </a:lnTo>
                      <a:lnTo>
                        <a:pt x="361" y="445"/>
                      </a:lnTo>
                      <a:lnTo>
                        <a:pt x="361" y="438"/>
                      </a:lnTo>
                      <a:lnTo>
                        <a:pt x="361" y="431"/>
                      </a:lnTo>
                      <a:lnTo>
                        <a:pt x="359" y="424"/>
                      </a:lnTo>
                      <a:lnTo>
                        <a:pt x="359" y="421"/>
                      </a:lnTo>
                      <a:lnTo>
                        <a:pt x="359" y="418"/>
                      </a:lnTo>
                      <a:lnTo>
                        <a:pt x="354" y="413"/>
                      </a:lnTo>
                      <a:lnTo>
                        <a:pt x="351" y="406"/>
                      </a:lnTo>
                      <a:lnTo>
                        <a:pt x="349" y="399"/>
                      </a:lnTo>
                      <a:lnTo>
                        <a:pt x="349" y="391"/>
                      </a:lnTo>
                      <a:lnTo>
                        <a:pt x="349" y="385"/>
                      </a:lnTo>
                      <a:lnTo>
                        <a:pt x="349" y="380"/>
                      </a:lnTo>
                      <a:lnTo>
                        <a:pt x="351" y="377"/>
                      </a:lnTo>
                      <a:lnTo>
                        <a:pt x="351" y="374"/>
                      </a:lnTo>
                      <a:lnTo>
                        <a:pt x="351" y="367"/>
                      </a:lnTo>
                      <a:lnTo>
                        <a:pt x="351" y="360"/>
                      </a:lnTo>
                      <a:lnTo>
                        <a:pt x="351" y="355"/>
                      </a:lnTo>
                      <a:lnTo>
                        <a:pt x="352" y="350"/>
                      </a:lnTo>
                      <a:lnTo>
                        <a:pt x="352" y="348"/>
                      </a:lnTo>
                      <a:lnTo>
                        <a:pt x="352" y="345"/>
                      </a:lnTo>
                      <a:lnTo>
                        <a:pt x="354" y="345"/>
                      </a:lnTo>
                      <a:lnTo>
                        <a:pt x="354" y="343"/>
                      </a:lnTo>
                      <a:lnTo>
                        <a:pt x="361" y="336"/>
                      </a:lnTo>
                      <a:lnTo>
                        <a:pt x="364" y="331"/>
                      </a:lnTo>
                      <a:lnTo>
                        <a:pt x="364" y="328"/>
                      </a:lnTo>
                      <a:lnTo>
                        <a:pt x="364" y="325"/>
                      </a:lnTo>
                      <a:lnTo>
                        <a:pt x="361" y="323"/>
                      </a:lnTo>
                      <a:lnTo>
                        <a:pt x="359" y="323"/>
                      </a:lnTo>
                      <a:lnTo>
                        <a:pt x="357" y="321"/>
                      </a:lnTo>
                      <a:lnTo>
                        <a:pt x="356" y="319"/>
                      </a:lnTo>
                      <a:lnTo>
                        <a:pt x="356" y="314"/>
                      </a:lnTo>
                      <a:lnTo>
                        <a:pt x="356" y="308"/>
                      </a:lnTo>
                      <a:lnTo>
                        <a:pt x="352" y="304"/>
                      </a:lnTo>
                      <a:lnTo>
                        <a:pt x="351" y="301"/>
                      </a:lnTo>
                      <a:lnTo>
                        <a:pt x="349" y="297"/>
                      </a:lnTo>
                      <a:lnTo>
                        <a:pt x="347" y="296"/>
                      </a:lnTo>
                      <a:lnTo>
                        <a:pt x="345" y="294"/>
                      </a:lnTo>
                      <a:lnTo>
                        <a:pt x="329" y="257"/>
                      </a:lnTo>
                      <a:lnTo>
                        <a:pt x="256" y="0"/>
                      </a:lnTo>
                      <a:lnTo>
                        <a:pt x="257" y="0"/>
                      </a:lnTo>
                      <a:lnTo>
                        <a:pt x="5" y="22"/>
                      </a:lnTo>
                      <a:lnTo>
                        <a:pt x="0" y="414"/>
                      </a:lnTo>
                      <a:lnTo>
                        <a:pt x="24" y="599"/>
                      </a:lnTo>
                      <a:lnTo>
                        <a:pt x="44" y="599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439" name="Group 180"/>
              <p:cNvGrpSpPr>
                <a:grpSpLocks/>
              </p:cNvGrpSpPr>
              <p:nvPr/>
            </p:nvGrpSpPr>
            <p:grpSpPr bwMode="auto">
              <a:xfrm>
                <a:off x="3751" y="2759"/>
                <a:ext cx="502" cy="541"/>
                <a:chOff x="3976" y="2396"/>
                <a:chExt cx="516" cy="557"/>
              </a:xfrm>
            </p:grpSpPr>
            <p:sp>
              <p:nvSpPr>
                <p:cNvPr id="449" name="Freeform 181"/>
                <p:cNvSpPr>
                  <a:spLocks/>
                </p:cNvSpPr>
                <p:nvPr/>
              </p:nvSpPr>
              <p:spPr bwMode="auto">
                <a:xfrm>
                  <a:off x="3976" y="2396"/>
                  <a:ext cx="516" cy="557"/>
                </a:xfrm>
                <a:custGeom>
                  <a:avLst/>
                  <a:gdLst>
                    <a:gd name="T0" fmla="*/ 490 w 516"/>
                    <a:gd name="T1" fmla="*/ 488 h 557"/>
                    <a:gd name="T2" fmla="*/ 490 w 516"/>
                    <a:gd name="T3" fmla="*/ 464 h 557"/>
                    <a:gd name="T4" fmla="*/ 487 w 516"/>
                    <a:gd name="T5" fmla="*/ 468 h 557"/>
                    <a:gd name="T6" fmla="*/ 485 w 516"/>
                    <a:gd name="T7" fmla="*/ 464 h 557"/>
                    <a:gd name="T8" fmla="*/ 480 w 516"/>
                    <a:gd name="T9" fmla="*/ 444 h 557"/>
                    <a:gd name="T10" fmla="*/ 489 w 516"/>
                    <a:gd name="T11" fmla="*/ 451 h 557"/>
                    <a:gd name="T12" fmla="*/ 485 w 516"/>
                    <a:gd name="T13" fmla="*/ 425 h 557"/>
                    <a:gd name="T14" fmla="*/ 494 w 516"/>
                    <a:gd name="T15" fmla="*/ 427 h 557"/>
                    <a:gd name="T16" fmla="*/ 497 w 516"/>
                    <a:gd name="T17" fmla="*/ 418 h 557"/>
                    <a:gd name="T18" fmla="*/ 497 w 516"/>
                    <a:gd name="T19" fmla="*/ 400 h 557"/>
                    <a:gd name="T20" fmla="*/ 504 w 516"/>
                    <a:gd name="T21" fmla="*/ 398 h 557"/>
                    <a:gd name="T22" fmla="*/ 507 w 516"/>
                    <a:gd name="T23" fmla="*/ 391 h 557"/>
                    <a:gd name="T24" fmla="*/ 499 w 516"/>
                    <a:gd name="T25" fmla="*/ 386 h 557"/>
                    <a:gd name="T26" fmla="*/ 499 w 516"/>
                    <a:gd name="T27" fmla="*/ 380 h 557"/>
                    <a:gd name="T28" fmla="*/ 501 w 516"/>
                    <a:gd name="T29" fmla="*/ 371 h 557"/>
                    <a:gd name="T30" fmla="*/ 506 w 516"/>
                    <a:gd name="T31" fmla="*/ 354 h 557"/>
                    <a:gd name="T32" fmla="*/ 509 w 516"/>
                    <a:gd name="T33" fmla="*/ 344 h 557"/>
                    <a:gd name="T34" fmla="*/ 502 w 516"/>
                    <a:gd name="T35" fmla="*/ 324 h 557"/>
                    <a:gd name="T36" fmla="*/ 502 w 516"/>
                    <a:gd name="T37" fmla="*/ 319 h 557"/>
                    <a:gd name="T38" fmla="*/ 502 w 516"/>
                    <a:gd name="T39" fmla="*/ 312 h 557"/>
                    <a:gd name="T40" fmla="*/ 490 w 516"/>
                    <a:gd name="T41" fmla="*/ 280 h 557"/>
                    <a:gd name="T42" fmla="*/ 467 w 516"/>
                    <a:gd name="T43" fmla="*/ 259 h 557"/>
                    <a:gd name="T44" fmla="*/ 453 w 516"/>
                    <a:gd name="T45" fmla="*/ 224 h 557"/>
                    <a:gd name="T46" fmla="*/ 430 w 516"/>
                    <a:gd name="T47" fmla="*/ 212 h 557"/>
                    <a:gd name="T48" fmla="*/ 419 w 516"/>
                    <a:gd name="T49" fmla="*/ 204 h 557"/>
                    <a:gd name="T50" fmla="*/ 402 w 516"/>
                    <a:gd name="T51" fmla="*/ 187 h 557"/>
                    <a:gd name="T52" fmla="*/ 389 w 516"/>
                    <a:gd name="T53" fmla="*/ 163 h 557"/>
                    <a:gd name="T54" fmla="*/ 374 w 516"/>
                    <a:gd name="T55" fmla="*/ 160 h 557"/>
                    <a:gd name="T56" fmla="*/ 367 w 516"/>
                    <a:gd name="T57" fmla="*/ 153 h 557"/>
                    <a:gd name="T58" fmla="*/ 355 w 516"/>
                    <a:gd name="T59" fmla="*/ 134 h 557"/>
                    <a:gd name="T60" fmla="*/ 343 w 516"/>
                    <a:gd name="T61" fmla="*/ 132 h 557"/>
                    <a:gd name="T62" fmla="*/ 328 w 516"/>
                    <a:gd name="T63" fmla="*/ 124 h 557"/>
                    <a:gd name="T64" fmla="*/ 318 w 516"/>
                    <a:gd name="T65" fmla="*/ 107 h 557"/>
                    <a:gd name="T66" fmla="*/ 301 w 516"/>
                    <a:gd name="T67" fmla="*/ 88 h 557"/>
                    <a:gd name="T68" fmla="*/ 287 w 516"/>
                    <a:gd name="T69" fmla="*/ 65 h 557"/>
                    <a:gd name="T70" fmla="*/ 282 w 516"/>
                    <a:gd name="T71" fmla="*/ 61 h 557"/>
                    <a:gd name="T72" fmla="*/ 262 w 516"/>
                    <a:gd name="T73" fmla="*/ 56 h 557"/>
                    <a:gd name="T74" fmla="*/ 252 w 516"/>
                    <a:gd name="T75" fmla="*/ 50 h 557"/>
                    <a:gd name="T76" fmla="*/ 235 w 516"/>
                    <a:gd name="T77" fmla="*/ 34 h 557"/>
                    <a:gd name="T78" fmla="*/ 252 w 516"/>
                    <a:gd name="T79" fmla="*/ 2 h 557"/>
                    <a:gd name="T80" fmla="*/ 73 w 516"/>
                    <a:gd name="T81" fmla="*/ 290 h 557"/>
                    <a:gd name="T82" fmla="*/ 93 w 516"/>
                    <a:gd name="T83" fmla="*/ 330 h 557"/>
                    <a:gd name="T84" fmla="*/ 100 w 516"/>
                    <a:gd name="T85" fmla="*/ 347 h 557"/>
                    <a:gd name="T86" fmla="*/ 105 w 516"/>
                    <a:gd name="T87" fmla="*/ 356 h 557"/>
                    <a:gd name="T88" fmla="*/ 105 w 516"/>
                    <a:gd name="T89" fmla="*/ 369 h 557"/>
                    <a:gd name="T90" fmla="*/ 96 w 516"/>
                    <a:gd name="T91" fmla="*/ 381 h 557"/>
                    <a:gd name="T92" fmla="*/ 95 w 516"/>
                    <a:gd name="T93" fmla="*/ 400 h 557"/>
                    <a:gd name="T94" fmla="*/ 93 w 516"/>
                    <a:gd name="T95" fmla="*/ 418 h 557"/>
                    <a:gd name="T96" fmla="*/ 98 w 516"/>
                    <a:gd name="T97" fmla="*/ 446 h 557"/>
                    <a:gd name="T98" fmla="*/ 105 w 516"/>
                    <a:gd name="T99" fmla="*/ 464 h 557"/>
                    <a:gd name="T100" fmla="*/ 105 w 516"/>
                    <a:gd name="T101" fmla="*/ 488 h 557"/>
                    <a:gd name="T102" fmla="*/ 418 w 516"/>
                    <a:gd name="T103" fmla="*/ 535 h 557"/>
                    <a:gd name="T104" fmla="*/ 441 w 516"/>
                    <a:gd name="T105" fmla="*/ 552 h 557"/>
                    <a:gd name="T106" fmla="*/ 440 w 516"/>
                    <a:gd name="T107" fmla="*/ 534 h 557"/>
                    <a:gd name="T108" fmla="*/ 435 w 516"/>
                    <a:gd name="T109" fmla="*/ 512 h 557"/>
                    <a:gd name="T110" fmla="*/ 443 w 516"/>
                    <a:gd name="T111" fmla="*/ 498 h 557"/>
                    <a:gd name="T112" fmla="*/ 462 w 516"/>
                    <a:gd name="T113" fmla="*/ 503 h 557"/>
                    <a:gd name="T114" fmla="*/ 485 w 516"/>
                    <a:gd name="T115" fmla="*/ 506 h 557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w 516"/>
                    <a:gd name="T175" fmla="*/ 0 h 557"/>
                    <a:gd name="T176" fmla="*/ 516 w 516"/>
                    <a:gd name="T177" fmla="*/ 557 h 557"/>
                  </a:gdLst>
                  <a:ahLst/>
                  <a:cxnLst>
                    <a:cxn ang="T116">
                      <a:pos x="T0" y="T1"/>
                    </a:cxn>
                    <a:cxn ang="T117">
                      <a:pos x="T2" y="T3"/>
                    </a:cxn>
                    <a:cxn ang="T118">
                      <a:pos x="T4" y="T5"/>
                    </a:cxn>
                    <a:cxn ang="T119">
                      <a:pos x="T6" y="T7"/>
                    </a:cxn>
                    <a:cxn ang="T120">
                      <a:pos x="T8" y="T9"/>
                    </a:cxn>
                    <a:cxn ang="T121">
                      <a:pos x="T10" y="T11"/>
                    </a:cxn>
                    <a:cxn ang="T122">
                      <a:pos x="T12" y="T13"/>
                    </a:cxn>
                    <a:cxn ang="T123">
                      <a:pos x="T14" y="T15"/>
                    </a:cxn>
                    <a:cxn ang="T124">
                      <a:pos x="T16" y="T17"/>
                    </a:cxn>
                    <a:cxn ang="T125">
                      <a:pos x="T18" y="T19"/>
                    </a:cxn>
                    <a:cxn ang="T126">
                      <a:pos x="T20" y="T21"/>
                    </a:cxn>
                    <a:cxn ang="T127">
                      <a:pos x="T22" y="T23"/>
                    </a:cxn>
                    <a:cxn ang="T128">
                      <a:pos x="T24" y="T25"/>
                    </a:cxn>
                    <a:cxn ang="T129">
                      <a:pos x="T26" y="T27"/>
                    </a:cxn>
                    <a:cxn ang="T130">
                      <a:pos x="T28" y="T29"/>
                    </a:cxn>
                    <a:cxn ang="T131">
                      <a:pos x="T30" y="T31"/>
                    </a:cxn>
                    <a:cxn ang="T132">
                      <a:pos x="T32" y="T33"/>
                    </a:cxn>
                    <a:cxn ang="T133">
                      <a:pos x="T34" y="T35"/>
                    </a:cxn>
                    <a:cxn ang="T134">
                      <a:pos x="T36" y="T37"/>
                    </a:cxn>
                    <a:cxn ang="T135">
                      <a:pos x="T38" y="T39"/>
                    </a:cxn>
                    <a:cxn ang="T136">
                      <a:pos x="T40" y="T41"/>
                    </a:cxn>
                    <a:cxn ang="T137">
                      <a:pos x="T42" y="T43"/>
                    </a:cxn>
                    <a:cxn ang="T138">
                      <a:pos x="T44" y="T45"/>
                    </a:cxn>
                    <a:cxn ang="T139">
                      <a:pos x="T46" y="T47"/>
                    </a:cxn>
                    <a:cxn ang="T140">
                      <a:pos x="T48" y="T49"/>
                    </a:cxn>
                    <a:cxn ang="T141">
                      <a:pos x="T50" y="T51"/>
                    </a:cxn>
                    <a:cxn ang="T142">
                      <a:pos x="T52" y="T53"/>
                    </a:cxn>
                    <a:cxn ang="T143">
                      <a:pos x="T54" y="T55"/>
                    </a:cxn>
                    <a:cxn ang="T144">
                      <a:pos x="T56" y="T57"/>
                    </a:cxn>
                    <a:cxn ang="T145">
                      <a:pos x="T58" y="T59"/>
                    </a:cxn>
                    <a:cxn ang="T146">
                      <a:pos x="T60" y="T61"/>
                    </a:cxn>
                    <a:cxn ang="T147">
                      <a:pos x="T62" y="T63"/>
                    </a:cxn>
                    <a:cxn ang="T148">
                      <a:pos x="T64" y="T65"/>
                    </a:cxn>
                    <a:cxn ang="T149">
                      <a:pos x="T66" y="T67"/>
                    </a:cxn>
                    <a:cxn ang="T150">
                      <a:pos x="T68" y="T69"/>
                    </a:cxn>
                    <a:cxn ang="T151">
                      <a:pos x="T70" y="T71"/>
                    </a:cxn>
                    <a:cxn ang="T152">
                      <a:pos x="T72" y="T73"/>
                    </a:cxn>
                    <a:cxn ang="T153">
                      <a:pos x="T74" y="T75"/>
                    </a:cxn>
                    <a:cxn ang="T154">
                      <a:pos x="T76" y="T77"/>
                    </a:cxn>
                    <a:cxn ang="T155">
                      <a:pos x="T78" y="T79"/>
                    </a:cxn>
                    <a:cxn ang="T156">
                      <a:pos x="T80" y="T81"/>
                    </a:cxn>
                    <a:cxn ang="T157">
                      <a:pos x="T82" y="T83"/>
                    </a:cxn>
                    <a:cxn ang="T158">
                      <a:pos x="T84" y="T85"/>
                    </a:cxn>
                    <a:cxn ang="T159">
                      <a:pos x="T86" y="T87"/>
                    </a:cxn>
                    <a:cxn ang="T160">
                      <a:pos x="T88" y="T89"/>
                    </a:cxn>
                    <a:cxn ang="T161">
                      <a:pos x="T90" y="T91"/>
                    </a:cxn>
                    <a:cxn ang="T162">
                      <a:pos x="T92" y="T93"/>
                    </a:cxn>
                    <a:cxn ang="T163">
                      <a:pos x="T94" y="T95"/>
                    </a:cxn>
                    <a:cxn ang="T164">
                      <a:pos x="T96" y="T97"/>
                    </a:cxn>
                    <a:cxn ang="T165">
                      <a:pos x="T98" y="T99"/>
                    </a:cxn>
                    <a:cxn ang="T166">
                      <a:pos x="T100" y="T101"/>
                    </a:cxn>
                    <a:cxn ang="T167">
                      <a:pos x="T102" y="T103"/>
                    </a:cxn>
                    <a:cxn ang="T168">
                      <a:pos x="T104" y="T105"/>
                    </a:cxn>
                    <a:cxn ang="T169">
                      <a:pos x="T106" y="T107"/>
                    </a:cxn>
                    <a:cxn ang="T170">
                      <a:pos x="T108" y="T109"/>
                    </a:cxn>
                    <a:cxn ang="T171">
                      <a:pos x="T110" y="T111"/>
                    </a:cxn>
                    <a:cxn ang="T172">
                      <a:pos x="T112" y="T113"/>
                    </a:cxn>
                    <a:cxn ang="T173">
                      <a:pos x="T114" y="T115"/>
                    </a:cxn>
                  </a:cxnLst>
                  <a:rect l="T174" t="T175" r="T176" b="T177"/>
                  <a:pathLst>
                    <a:path w="516" h="557">
                      <a:moveTo>
                        <a:pt x="492" y="498"/>
                      </a:moveTo>
                      <a:lnTo>
                        <a:pt x="487" y="493"/>
                      </a:lnTo>
                      <a:lnTo>
                        <a:pt x="485" y="490"/>
                      </a:lnTo>
                      <a:lnTo>
                        <a:pt x="490" y="488"/>
                      </a:lnTo>
                      <a:lnTo>
                        <a:pt x="492" y="474"/>
                      </a:lnTo>
                      <a:lnTo>
                        <a:pt x="489" y="474"/>
                      </a:lnTo>
                      <a:lnTo>
                        <a:pt x="489" y="471"/>
                      </a:lnTo>
                      <a:lnTo>
                        <a:pt x="490" y="464"/>
                      </a:lnTo>
                      <a:lnTo>
                        <a:pt x="485" y="462"/>
                      </a:lnTo>
                      <a:lnTo>
                        <a:pt x="487" y="464"/>
                      </a:lnTo>
                      <a:lnTo>
                        <a:pt x="487" y="466"/>
                      </a:lnTo>
                      <a:lnTo>
                        <a:pt x="487" y="468"/>
                      </a:lnTo>
                      <a:lnTo>
                        <a:pt x="487" y="469"/>
                      </a:lnTo>
                      <a:lnTo>
                        <a:pt x="487" y="468"/>
                      </a:lnTo>
                      <a:lnTo>
                        <a:pt x="485" y="464"/>
                      </a:lnTo>
                      <a:lnTo>
                        <a:pt x="482" y="457"/>
                      </a:lnTo>
                      <a:lnTo>
                        <a:pt x="480" y="449"/>
                      </a:lnTo>
                      <a:lnTo>
                        <a:pt x="480" y="446"/>
                      </a:lnTo>
                      <a:lnTo>
                        <a:pt x="480" y="444"/>
                      </a:lnTo>
                      <a:lnTo>
                        <a:pt x="482" y="444"/>
                      </a:lnTo>
                      <a:lnTo>
                        <a:pt x="485" y="446"/>
                      </a:lnTo>
                      <a:lnTo>
                        <a:pt x="487" y="449"/>
                      </a:lnTo>
                      <a:lnTo>
                        <a:pt x="489" y="451"/>
                      </a:lnTo>
                      <a:lnTo>
                        <a:pt x="489" y="432"/>
                      </a:lnTo>
                      <a:lnTo>
                        <a:pt x="485" y="425"/>
                      </a:lnTo>
                      <a:lnTo>
                        <a:pt x="487" y="427"/>
                      </a:lnTo>
                      <a:lnTo>
                        <a:pt x="489" y="427"/>
                      </a:lnTo>
                      <a:lnTo>
                        <a:pt x="490" y="427"/>
                      </a:lnTo>
                      <a:lnTo>
                        <a:pt x="494" y="427"/>
                      </a:lnTo>
                      <a:lnTo>
                        <a:pt x="496" y="427"/>
                      </a:lnTo>
                      <a:lnTo>
                        <a:pt x="497" y="427"/>
                      </a:lnTo>
                      <a:lnTo>
                        <a:pt x="497" y="418"/>
                      </a:lnTo>
                      <a:lnTo>
                        <a:pt x="497" y="412"/>
                      </a:lnTo>
                      <a:lnTo>
                        <a:pt x="497" y="407"/>
                      </a:lnTo>
                      <a:lnTo>
                        <a:pt x="497" y="403"/>
                      </a:lnTo>
                      <a:lnTo>
                        <a:pt x="497" y="400"/>
                      </a:lnTo>
                      <a:lnTo>
                        <a:pt x="499" y="398"/>
                      </a:lnTo>
                      <a:lnTo>
                        <a:pt x="504" y="398"/>
                      </a:lnTo>
                      <a:lnTo>
                        <a:pt x="506" y="396"/>
                      </a:lnTo>
                      <a:lnTo>
                        <a:pt x="507" y="395"/>
                      </a:lnTo>
                      <a:lnTo>
                        <a:pt x="507" y="393"/>
                      </a:lnTo>
                      <a:lnTo>
                        <a:pt x="507" y="391"/>
                      </a:lnTo>
                      <a:lnTo>
                        <a:pt x="506" y="391"/>
                      </a:lnTo>
                      <a:lnTo>
                        <a:pt x="506" y="390"/>
                      </a:lnTo>
                      <a:lnTo>
                        <a:pt x="504" y="390"/>
                      </a:lnTo>
                      <a:lnTo>
                        <a:pt x="499" y="386"/>
                      </a:lnTo>
                      <a:lnTo>
                        <a:pt x="497" y="385"/>
                      </a:lnTo>
                      <a:lnTo>
                        <a:pt x="496" y="383"/>
                      </a:lnTo>
                      <a:lnTo>
                        <a:pt x="497" y="381"/>
                      </a:lnTo>
                      <a:lnTo>
                        <a:pt x="499" y="380"/>
                      </a:lnTo>
                      <a:lnTo>
                        <a:pt x="501" y="380"/>
                      </a:lnTo>
                      <a:lnTo>
                        <a:pt x="502" y="380"/>
                      </a:lnTo>
                      <a:lnTo>
                        <a:pt x="504" y="378"/>
                      </a:lnTo>
                      <a:lnTo>
                        <a:pt x="501" y="371"/>
                      </a:lnTo>
                      <a:lnTo>
                        <a:pt x="501" y="364"/>
                      </a:lnTo>
                      <a:lnTo>
                        <a:pt x="502" y="361"/>
                      </a:lnTo>
                      <a:lnTo>
                        <a:pt x="504" y="356"/>
                      </a:lnTo>
                      <a:lnTo>
                        <a:pt x="506" y="354"/>
                      </a:lnTo>
                      <a:lnTo>
                        <a:pt x="507" y="352"/>
                      </a:lnTo>
                      <a:lnTo>
                        <a:pt x="509" y="352"/>
                      </a:lnTo>
                      <a:lnTo>
                        <a:pt x="509" y="351"/>
                      </a:lnTo>
                      <a:lnTo>
                        <a:pt x="509" y="344"/>
                      </a:lnTo>
                      <a:lnTo>
                        <a:pt x="516" y="339"/>
                      </a:lnTo>
                      <a:lnTo>
                        <a:pt x="514" y="330"/>
                      </a:lnTo>
                      <a:lnTo>
                        <a:pt x="506" y="329"/>
                      </a:lnTo>
                      <a:lnTo>
                        <a:pt x="502" y="324"/>
                      </a:lnTo>
                      <a:lnTo>
                        <a:pt x="504" y="324"/>
                      </a:lnTo>
                      <a:lnTo>
                        <a:pt x="504" y="322"/>
                      </a:lnTo>
                      <a:lnTo>
                        <a:pt x="502" y="320"/>
                      </a:lnTo>
                      <a:lnTo>
                        <a:pt x="502" y="319"/>
                      </a:lnTo>
                      <a:lnTo>
                        <a:pt x="502" y="317"/>
                      </a:lnTo>
                      <a:lnTo>
                        <a:pt x="502" y="315"/>
                      </a:lnTo>
                      <a:lnTo>
                        <a:pt x="502" y="314"/>
                      </a:lnTo>
                      <a:lnTo>
                        <a:pt x="502" y="312"/>
                      </a:lnTo>
                      <a:lnTo>
                        <a:pt x="501" y="298"/>
                      </a:lnTo>
                      <a:lnTo>
                        <a:pt x="496" y="288"/>
                      </a:lnTo>
                      <a:lnTo>
                        <a:pt x="490" y="280"/>
                      </a:lnTo>
                      <a:lnTo>
                        <a:pt x="484" y="271"/>
                      </a:lnTo>
                      <a:lnTo>
                        <a:pt x="477" y="266"/>
                      </a:lnTo>
                      <a:lnTo>
                        <a:pt x="470" y="263"/>
                      </a:lnTo>
                      <a:lnTo>
                        <a:pt x="467" y="259"/>
                      </a:lnTo>
                      <a:lnTo>
                        <a:pt x="465" y="258"/>
                      </a:lnTo>
                      <a:lnTo>
                        <a:pt x="463" y="242"/>
                      </a:lnTo>
                      <a:lnTo>
                        <a:pt x="460" y="232"/>
                      </a:lnTo>
                      <a:lnTo>
                        <a:pt x="453" y="224"/>
                      </a:lnTo>
                      <a:lnTo>
                        <a:pt x="446" y="219"/>
                      </a:lnTo>
                      <a:lnTo>
                        <a:pt x="440" y="215"/>
                      </a:lnTo>
                      <a:lnTo>
                        <a:pt x="435" y="214"/>
                      </a:lnTo>
                      <a:lnTo>
                        <a:pt x="430" y="212"/>
                      </a:lnTo>
                      <a:lnTo>
                        <a:pt x="428" y="212"/>
                      </a:lnTo>
                      <a:lnTo>
                        <a:pt x="428" y="210"/>
                      </a:lnTo>
                      <a:lnTo>
                        <a:pt x="424" y="209"/>
                      </a:lnTo>
                      <a:lnTo>
                        <a:pt x="419" y="204"/>
                      </a:lnTo>
                      <a:lnTo>
                        <a:pt x="414" y="200"/>
                      </a:lnTo>
                      <a:lnTo>
                        <a:pt x="409" y="195"/>
                      </a:lnTo>
                      <a:lnTo>
                        <a:pt x="406" y="190"/>
                      </a:lnTo>
                      <a:lnTo>
                        <a:pt x="402" y="187"/>
                      </a:lnTo>
                      <a:lnTo>
                        <a:pt x="401" y="183"/>
                      </a:lnTo>
                      <a:lnTo>
                        <a:pt x="397" y="175"/>
                      </a:lnTo>
                      <a:lnTo>
                        <a:pt x="392" y="168"/>
                      </a:lnTo>
                      <a:lnTo>
                        <a:pt x="389" y="163"/>
                      </a:lnTo>
                      <a:lnTo>
                        <a:pt x="384" y="161"/>
                      </a:lnTo>
                      <a:lnTo>
                        <a:pt x="380" y="160"/>
                      </a:lnTo>
                      <a:lnTo>
                        <a:pt x="377" y="160"/>
                      </a:lnTo>
                      <a:lnTo>
                        <a:pt x="374" y="160"/>
                      </a:lnTo>
                      <a:lnTo>
                        <a:pt x="372" y="158"/>
                      </a:lnTo>
                      <a:lnTo>
                        <a:pt x="370" y="154"/>
                      </a:lnTo>
                      <a:lnTo>
                        <a:pt x="367" y="153"/>
                      </a:lnTo>
                      <a:lnTo>
                        <a:pt x="365" y="149"/>
                      </a:lnTo>
                      <a:lnTo>
                        <a:pt x="362" y="143"/>
                      </a:lnTo>
                      <a:lnTo>
                        <a:pt x="358" y="138"/>
                      </a:lnTo>
                      <a:lnTo>
                        <a:pt x="355" y="134"/>
                      </a:lnTo>
                      <a:lnTo>
                        <a:pt x="352" y="132"/>
                      </a:lnTo>
                      <a:lnTo>
                        <a:pt x="348" y="131"/>
                      </a:lnTo>
                      <a:lnTo>
                        <a:pt x="347" y="132"/>
                      </a:lnTo>
                      <a:lnTo>
                        <a:pt x="343" y="132"/>
                      </a:lnTo>
                      <a:lnTo>
                        <a:pt x="336" y="131"/>
                      </a:lnTo>
                      <a:lnTo>
                        <a:pt x="331" y="129"/>
                      </a:lnTo>
                      <a:lnTo>
                        <a:pt x="328" y="124"/>
                      </a:lnTo>
                      <a:lnTo>
                        <a:pt x="325" y="119"/>
                      </a:lnTo>
                      <a:lnTo>
                        <a:pt x="321" y="114"/>
                      </a:lnTo>
                      <a:lnTo>
                        <a:pt x="320" y="110"/>
                      </a:lnTo>
                      <a:lnTo>
                        <a:pt x="318" y="107"/>
                      </a:lnTo>
                      <a:lnTo>
                        <a:pt x="318" y="105"/>
                      </a:lnTo>
                      <a:lnTo>
                        <a:pt x="313" y="102"/>
                      </a:lnTo>
                      <a:lnTo>
                        <a:pt x="306" y="95"/>
                      </a:lnTo>
                      <a:lnTo>
                        <a:pt x="301" y="88"/>
                      </a:lnTo>
                      <a:lnTo>
                        <a:pt x="296" y="82"/>
                      </a:lnTo>
                      <a:lnTo>
                        <a:pt x="292" y="75"/>
                      </a:lnTo>
                      <a:lnTo>
                        <a:pt x="291" y="68"/>
                      </a:lnTo>
                      <a:lnTo>
                        <a:pt x="287" y="65"/>
                      </a:lnTo>
                      <a:lnTo>
                        <a:pt x="287" y="63"/>
                      </a:lnTo>
                      <a:lnTo>
                        <a:pt x="287" y="61"/>
                      </a:lnTo>
                      <a:lnTo>
                        <a:pt x="284" y="61"/>
                      </a:lnTo>
                      <a:lnTo>
                        <a:pt x="282" y="61"/>
                      </a:lnTo>
                      <a:lnTo>
                        <a:pt x="281" y="60"/>
                      </a:lnTo>
                      <a:lnTo>
                        <a:pt x="274" y="60"/>
                      </a:lnTo>
                      <a:lnTo>
                        <a:pt x="267" y="58"/>
                      </a:lnTo>
                      <a:lnTo>
                        <a:pt x="262" y="56"/>
                      </a:lnTo>
                      <a:lnTo>
                        <a:pt x="259" y="55"/>
                      </a:lnTo>
                      <a:lnTo>
                        <a:pt x="255" y="53"/>
                      </a:lnTo>
                      <a:lnTo>
                        <a:pt x="254" y="51"/>
                      </a:lnTo>
                      <a:lnTo>
                        <a:pt x="252" y="50"/>
                      </a:lnTo>
                      <a:lnTo>
                        <a:pt x="240" y="48"/>
                      </a:lnTo>
                      <a:lnTo>
                        <a:pt x="235" y="43"/>
                      </a:lnTo>
                      <a:lnTo>
                        <a:pt x="235" y="34"/>
                      </a:lnTo>
                      <a:lnTo>
                        <a:pt x="237" y="24"/>
                      </a:lnTo>
                      <a:lnTo>
                        <a:pt x="242" y="16"/>
                      </a:lnTo>
                      <a:lnTo>
                        <a:pt x="248" y="7"/>
                      </a:lnTo>
                      <a:lnTo>
                        <a:pt x="252" y="2"/>
                      </a:lnTo>
                      <a:lnTo>
                        <a:pt x="254" y="0"/>
                      </a:lnTo>
                      <a:lnTo>
                        <a:pt x="130" y="19"/>
                      </a:lnTo>
                      <a:lnTo>
                        <a:pt x="0" y="33"/>
                      </a:lnTo>
                      <a:lnTo>
                        <a:pt x="73" y="290"/>
                      </a:lnTo>
                      <a:lnTo>
                        <a:pt x="89" y="327"/>
                      </a:lnTo>
                      <a:lnTo>
                        <a:pt x="91" y="329"/>
                      </a:lnTo>
                      <a:lnTo>
                        <a:pt x="93" y="330"/>
                      </a:lnTo>
                      <a:lnTo>
                        <a:pt x="95" y="334"/>
                      </a:lnTo>
                      <a:lnTo>
                        <a:pt x="96" y="337"/>
                      </a:lnTo>
                      <a:lnTo>
                        <a:pt x="100" y="341"/>
                      </a:lnTo>
                      <a:lnTo>
                        <a:pt x="100" y="347"/>
                      </a:lnTo>
                      <a:lnTo>
                        <a:pt x="100" y="352"/>
                      </a:lnTo>
                      <a:lnTo>
                        <a:pt x="101" y="354"/>
                      </a:lnTo>
                      <a:lnTo>
                        <a:pt x="103" y="356"/>
                      </a:lnTo>
                      <a:lnTo>
                        <a:pt x="105" y="356"/>
                      </a:lnTo>
                      <a:lnTo>
                        <a:pt x="108" y="358"/>
                      </a:lnTo>
                      <a:lnTo>
                        <a:pt x="108" y="361"/>
                      </a:lnTo>
                      <a:lnTo>
                        <a:pt x="108" y="364"/>
                      </a:lnTo>
                      <a:lnTo>
                        <a:pt x="105" y="369"/>
                      </a:lnTo>
                      <a:lnTo>
                        <a:pt x="98" y="376"/>
                      </a:lnTo>
                      <a:lnTo>
                        <a:pt x="98" y="378"/>
                      </a:lnTo>
                      <a:lnTo>
                        <a:pt x="96" y="378"/>
                      </a:lnTo>
                      <a:lnTo>
                        <a:pt x="96" y="381"/>
                      </a:lnTo>
                      <a:lnTo>
                        <a:pt x="96" y="383"/>
                      </a:lnTo>
                      <a:lnTo>
                        <a:pt x="95" y="388"/>
                      </a:lnTo>
                      <a:lnTo>
                        <a:pt x="95" y="393"/>
                      </a:lnTo>
                      <a:lnTo>
                        <a:pt x="95" y="400"/>
                      </a:lnTo>
                      <a:lnTo>
                        <a:pt x="95" y="407"/>
                      </a:lnTo>
                      <a:lnTo>
                        <a:pt x="95" y="410"/>
                      </a:lnTo>
                      <a:lnTo>
                        <a:pt x="93" y="413"/>
                      </a:lnTo>
                      <a:lnTo>
                        <a:pt x="93" y="418"/>
                      </a:lnTo>
                      <a:lnTo>
                        <a:pt x="93" y="424"/>
                      </a:lnTo>
                      <a:lnTo>
                        <a:pt x="93" y="432"/>
                      </a:lnTo>
                      <a:lnTo>
                        <a:pt x="95" y="439"/>
                      </a:lnTo>
                      <a:lnTo>
                        <a:pt x="98" y="446"/>
                      </a:lnTo>
                      <a:lnTo>
                        <a:pt x="103" y="451"/>
                      </a:lnTo>
                      <a:lnTo>
                        <a:pt x="103" y="454"/>
                      </a:lnTo>
                      <a:lnTo>
                        <a:pt x="103" y="457"/>
                      </a:lnTo>
                      <a:lnTo>
                        <a:pt x="105" y="464"/>
                      </a:lnTo>
                      <a:lnTo>
                        <a:pt x="105" y="471"/>
                      </a:lnTo>
                      <a:lnTo>
                        <a:pt x="105" y="478"/>
                      </a:lnTo>
                      <a:lnTo>
                        <a:pt x="105" y="483"/>
                      </a:lnTo>
                      <a:lnTo>
                        <a:pt x="105" y="488"/>
                      </a:lnTo>
                      <a:lnTo>
                        <a:pt x="105" y="490"/>
                      </a:lnTo>
                      <a:lnTo>
                        <a:pt x="122" y="522"/>
                      </a:lnTo>
                      <a:lnTo>
                        <a:pt x="139" y="554"/>
                      </a:lnTo>
                      <a:lnTo>
                        <a:pt x="418" y="535"/>
                      </a:lnTo>
                      <a:lnTo>
                        <a:pt x="428" y="557"/>
                      </a:lnTo>
                      <a:lnTo>
                        <a:pt x="443" y="557"/>
                      </a:lnTo>
                      <a:lnTo>
                        <a:pt x="443" y="556"/>
                      </a:lnTo>
                      <a:lnTo>
                        <a:pt x="441" y="552"/>
                      </a:lnTo>
                      <a:lnTo>
                        <a:pt x="441" y="549"/>
                      </a:lnTo>
                      <a:lnTo>
                        <a:pt x="441" y="544"/>
                      </a:lnTo>
                      <a:lnTo>
                        <a:pt x="440" y="539"/>
                      </a:lnTo>
                      <a:lnTo>
                        <a:pt x="440" y="534"/>
                      </a:lnTo>
                      <a:lnTo>
                        <a:pt x="440" y="530"/>
                      </a:lnTo>
                      <a:lnTo>
                        <a:pt x="440" y="528"/>
                      </a:lnTo>
                      <a:lnTo>
                        <a:pt x="435" y="520"/>
                      </a:lnTo>
                      <a:lnTo>
                        <a:pt x="435" y="512"/>
                      </a:lnTo>
                      <a:lnTo>
                        <a:pt x="435" y="506"/>
                      </a:lnTo>
                      <a:lnTo>
                        <a:pt x="438" y="503"/>
                      </a:lnTo>
                      <a:lnTo>
                        <a:pt x="441" y="500"/>
                      </a:lnTo>
                      <a:lnTo>
                        <a:pt x="443" y="498"/>
                      </a:lnTo>
                      <a:lnTo>
                        <a:pt x="446" y="498"/>
                      </a:lnTo>
                      <a:lnTo>
                        <a:pt x="448" y="498"/>
                      </a:lnTo>
                      <a:lnTo>
                        <a:pt x="453" y="501"/>
                      </a:lnTo>
                      <a:lnTo>
                        <a:pt x="462" y="503"/>
                      </a:lnTo>
                      <a:lnTo>
                        <a:pt x="468" y="505"/>
                      </a:lnTo>
                      <a:lnTo>
                        <a:pt x="475" y="506"/>
                      </a:lnTo>
                      <a:lnTo>
                        <a:pt x="482" y="506"/>
                      </a:lnTo>
                      <a:lnTo>
                        <a:pt x="485" y="506"/>
                      </a:lnTo>
                      <a:lnTo>
                        <a:pt x="489" y="506"/>
                      </a:lnTo>
                      <a:lnTo>
                        <a:pt x="490" y="506"/>
                      </a:lnTo>
                      <a:lnTo>
                        <a:pt x="492" y="498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50" name="Freeform 182"/>
                <p:cNvSpPr>
                  <a:spLocks/>
                </p:cNvSpPr>
                <p:nvPr/>
              </p:nvSpPr>
              <p:spPr bwMode="auto">
                <a:xfrm>
                  <a:off x="3976" y="2396"/>
                  <a:ext cx="516" cy="557"/>
                </a:xfrm>
                <a:custGeom>
                  <a:avLst/>
                  <a:gdLst>
                    <a:gd name="T0" fmla="*/ 492 w 516"/>
                    <a:gd name="T1" fmla="*/ 474 h 557"/>
                    <a:gd name="T2" fmla="*/ 485 w 516"/>
                    <a:gd name="T3" fmla="*/ 462 h 557"/>
                    <a:gd name="T4" fmla="*/ 487 w 516"/>
                    <a:gd name="T5" fmla="*/ 469 h 557"/>
                    <a:gd name="T6" fmla="*/ 480 w 516"/>
                    <a:gd name="T7" fmla="*/ 449 h 557"/>
                    <a:gd name="T8" fmla="*/ 487 w 516"/>
                    <a:gd name="T9" fmla="*/ 449 h 557"/>
                    <a:gd name="T10" fmla="*/ 485 w 516"/>
                    <a:gd name="T11" fmla="*/ 425 h 557"/>
                    <a:gd name="T12" fmla="*/ 494 w 516"/>
                    <a:gd name="T13" fmla="*/ 427 h 557"/>
                    <a:gd name="T14" fmla="*/ 497 w 516"/>
                    <a:gd name="T15" fmla="*/ 418 h 557"/>
                    <a:gd name="T16" fmla="*/ 499 w 516"/>
                    <a:gd name="T17" fmla="*/ 398 h 557"/>
                    <a:gd name="T18" fmla="*/ 506 w 516"/>
                    <a:gd name="T19" fmla="*/ 396 h 557"/>
                    <a:gd name="T20" fmla="*/ 506 w 516"/>
                    <a:gd name="T21" fmla="*/ 390 h 557"/>
                    <a:gd name="T22" fmla="*/ 496 w 516"/>
                    <a:gd name="T23" fmla="*/ 383 h 557"/>
                    <a:gd name="T24" fmla="*/ 504 w 516"/>
                    <a:gd name="T25" fmla="*/ 378 h 557"/>
                    <a:gd name="T26" fmla="*/ 504 w 516"/>
                    <a:gd name="T27" fmla="*/ 356 h 557"/>
                    <a:gd name="T28" fmla="*/ 509 w 516"/>
                    <a:gd name="T29" fmla="*/ 344 h 557"/>
                    <a:gd name="T30" fmla="*/ 504 w 516"/>
                    <a:gd name="T31" fmla="*/ 324 h 557"/>
                    <a:gd name="T32" fmla="*/ 502 w 516"/>
                    <a:gd name="T33" fmla="*/ 317 h 557"/>
                    <a:gd name="T34" fmla="*/ 502 w 516"/>
                    <a:gd name="T35" fmla="*/ 312 h 557"/>
                    <a:gd name="T36" fmla="*/ 477 w 516"/>
                    <a:gd name="T37" fmla="*/ 266 h 557"/>
                    <a:gd name="T38" fmla="*/ 463 w 516"/>
                    <a:gd name="T39" fmla="*/ 242 h 557"/>
                    <a:gd name="T40" fmla="*/ 435 w 516"/>
                    <a:gd name="T41" fmla="*/ 214 h 557"/>
                    <a:gd name="T42" fmla="*/ 424 w 516"/>
                    <a:gd name="T43" fmla="*/ 209 h 557"/>
                    <a:gd name="T44" fmla="*/ 402 w 516"/>
                    <a:gd name="T45" fmla="*/ 187 h 557"/>
                    <a:gd name="T46" fmla="*/ 389 w 516"/>
                    <a:gd name="T47" fmla="*/ 163 h 557"/>
                    <a:gd name="T48" fmla="*/ 374 w 516"/>
                    <a:gd name="T49" fmla="*/ 160 h 557"/>
                    <a:gd name="T50" fmla="*/ 365 w 516"/>
                    <a:gd name="T51" fmla="*/ 149 h 557"/>
                    <a:gd name="T52" fmla="*/ 352 w 516"/>
                    <a:gd name="T53" fmla="*/ 132 h 557"/>
                    <a:gd name="T54" fmla="*/ 343 w 516"/>
                    <a:gd name="T55" fmla="*/ 132 h 557"/>
                    <a:gd name="T56" fmla="*/ 321 w 516"/>
                    <a:gd name="T57" fmla="*/ 114 h 557"/>
                    <a:gd name="T58" fmla="*/ 313 w 516"/>
                    <a:gd name="T59" fmla="*/ 102 h 557"/>
                    <a:gd name="T60" fmla="*/ 291 w 516"/>
                    <a:gd name="T61" fmla="*/ 68 h 557"/>
                    <a:gd name="T62" fmla="*/ 284 w 516"/>
                    <a:gd name="T63" fmla="*/ 61 h 557"/>
                    <a:gd name="T64" fmla="*/ 267 w 516"/>
                    <a:gd name="T65" fmla="*/ 58 h 557"/>
                    <a:gd name="T66" fmla="*/ 252 w 516"/>
                    <a:gd name="T67" fmla="*/ 50 h 557"/>
                    <a:gd name="T68" fmla="*/ 235 w 516"/>
                    <a:gd name="T69" fmla="*/ 34 h 557"/>
                    <a:gd name="T70" fmla="*/ 254 w 516"/>
                    <a:gd name="T71" fmla="*/ 0 h 557"/>
                    <a:gd name="T72" fmla="*/ 89 w 516"/>
                    <a:gd name="T73" fmla="*/ 327 h 557"/>
                    <a:gd name="T74" fmla="*/ 96 w 516"/>
                    <a:gd name="T75" fmla="*/ 337 h 557"/>
                    <a:gd name="T76" fmla="*/ 101 w 516"/>
                    <a:gd name="T77" fmla="*/ 354 h 557"/>
                    <a:gd name="T78" fmla="*/ 108 w 516"/>
                    <a:gd name="T79" fmla="*/ 364 h 557"/>
                    <a:gd name="T80" fmla="*/ 96 w 516"/>
                    <a:gd name="T81" fmla="*/ 378 h 557"/>
                    <a:gd name="T82" fmla="*/ 95 w 516"/>
                    <a:gd name="T83" fmla="*/ 400 h 557"/>
                    <a:gd name="T84" fmla="*/ 93 w 516"/>
                    <a:gd name="T85" fmla="*/ 418 h 557"/>
                    <a:gd name="T86" fmla="*/ 103 w 516"/>
                    <a:gd name="T87" fmla="*/ 451 h 557"/>
                    <a:gd name="T88" fmla="*/ 105 w 516"/>
                    <a:gd name="T89" fmla="*/ 471 h 557"/>
                    <a:gd name="T90" fmla="*/ 122 w 516"/>
                    <a:gd name="T91" fmla="*/ 522 h 557"/>
                    <a:gd name="T92" fmla="*/ 443 w 516"/>
                    <a:gd name="T93" fmla="*/ 557 h 557"/>
                    <a:gd name="T94" fmla="*/ 440 w 516"/>
                    <a:gd name="T95" fmla="*/ 539 h 557"/>
                    <a:gd name="T96" fmla="*/ 435 w 516"/>
                    <a:gd name="T97" fmla="*/ 520 h 557"/>
                    <a:gd name="T98" fmla="*/ 443 w 516"/>
                    <a:gd name="T99" fmla="*/ 498 h 557"/>
                    <a:gd name="T100" fmla="*/ 462 w 516"/>
                    <a:gd name="T101" fmla="*/ 503 h 557"/>
                    <a:gd name="T102" fmla="*/ 489 w 516"/>
                    <a:gd name="T103" fmla="*/ 506 h 557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w 516"/>
                    <a:gd name="T157" fmla="*/ 0 h 557"/>
                    <a:gd name="T158" fmla="*/ 516 w 516"/>
                    <a:gd name="T159" fmla="*/ 557 h 557"/>
                  </a:gdLst>
                  <a:ahLst/>
                  <a:cxnLst>
                    <a:cxn ang="T104">
                      <a:pos x="T0" y="T1"/>
                    </a:cxn>
                    <a:cxn ang="T105">
                      <a:pos x="T2" y="T3"/>
                    </a:cxn>
                    <a:cxn ang="T106">
                      <a:pos x="T4" y="T5"/>
                    </a:cxn>
                    <a:cxn ang="T107">
                      <a:pos x="T6" y="T7"/>
                    </a:cxn>
                    <a:cxn ang="T108">
                      <a:pos x="T8" y="T9"/>
                    </a:cxn>
                    <a:cxn ang="T109">
                      <a:pos x="T10" y="T11"/>
                    </a:cxn>
                    <a:cxn ang="T110">
                      <a:pos x="T12" y="T13"/>
                    </a:cxn>
                    <a:cxn ang="T111">
                      <a:pos x="T14" y="T15"/>
                    </a:cxn>
                    <a:cxn ang="T112">
                      <a:pos x="T16" y="T17"/>
                    </a:cxn>
                    <a:cxn ang="T113">
                      <a:pos x="T18" y="T19"/>
                    </a:cxn>
                    <a:cxn ang="T114">
                      <a:pos x="T20" y="T21"/>
                    </a:cxn>
                    <a:cxn ang="T115">
                      <a:pos x="T22" y="T23"/>
                    </a:cxn>
                    <a:cxn ang="T116">
                      <a:pos x="T24" y="T25"/>
                    </a:cxn>
                    <a:cxn ang="T117">
                      <a:pos x="T26" y="T27"/>
                    </a:cxn>
                    <a:cxn ang="T118">
                      <a:pos x="T28" y="T29"/>
                    </a:cxn>
                    <a:cxn ang="T119">
                      <a:pos x="T30" y="T31"/>
                    </a:cxn>
                    <a:cxn ang="T120">
                      <a:pos x="T32" y="T33"/>
                    </a:cxn>
                    <a:cxn ang="T121">
                      <a:pos x="T34" y="T35"/>
                    </a:cxn>
                    <a:cxn ang="T122">
                      <a:pos x="T36" y="T37"/>
                    </a:cxn>
                    <a:cxn ang="T123">
                      <a:pos x="T38" y="T39"/>
                    </a:cxn>
                    <a:cxn ang="T124">
                      <a:pos x="T40" y="T41"/>
                    </a:cxn>
                    <a:cxn ang="T125">
                      <a:pos x="T42" y="T43"/>
                    </a:cxn>
                    <a:cxn ang="T126">
                      <a:pos x="T44" y="T45"/>
                    </a:cxn>
                    <a:cxn ang="T127">
                      <a:pos x="T46" y="T47"/>
                    </a:cxn>
                    <a:cxn ang="T128">
                      <a:pos x="T48" y="T49"/>
                    </a:cxn>
                    <a:cxn ang="T129">
                      <a:pos x="T50" y="T51"/>
                    </a:cxn>
                    <a:cxn ang="T130">
                      <a:pos x="T52" y="T53"/>
                    </a:cxn>
                    <a:cxn ang="T131">
                      <a:pos x="T54" y="T55"/>
                    </a:cxn>
                    <a:cxn ang="T132">
                      <a:pos x="T56" y="T57"/>
                    </a:cxn>
                    <a:cxn ang="T133">
                      <a:pos x="T58" y="T59"/>
                    </a:cxn>
                    <a:cxn ang="T134">
                      <a:pos x="T60" y="T61"/>
                    </a:cxn>
                    <a:cxn ang="T135">
                      <a:pos x="T62" y="T63"/>
                    </a:cxn>
                    <a:cxn ang="T136">
                      <a:pos x="T64" y="T65"/>
                    </a:cxn>
                    <a:cxn ang="T137">
                      <a:pos x="T66" y="T67"/>
                    </a:cxn>
                    <a:cxn ang="T138">
                      <a:pos x="T68" y="T69"/>
                    </a:cxn>
                    <a:cxn ang="T139">
                      <a:pos x="T70" y="T71"/>
                    </a:cxn>
                    <a:cxn ang="T140">
                      <a:pos x="T72" y="T73"/>
                    </a:cxn>
                    <a:cxn ang="T141">
                      <a:pos x="T74" y="T75"/>
                    </a:cxn>
                    <a:cxn ang="T142">
                      <a:pos x="T76" y="T77"/>
                    </a:cxn>
                    <a:cxn ang="T143">
                      <a:pos x="T78" y="T79"/>
                    </a:cxn>
                    <a:cxn ang="T144">
                      <a:pos x="T80" y="T81"/>
                    </a:cxn>
                    <a:cxn ang="T145">
                      <a:pos x="T82" y="T83"/>
                    </a:cxn>
                    <a:cxn ang="T146">
                      <a:pos x="T84" y="T85"/>
                    </a:cxn>
                    <a:cxn ang="T147">
                      <a:pos x="T86" y="T87"/>
                    </a:cxn>
                    <a:cxn ang="T148">
                      <a:pos x="T88" y="T89"/>
                    </a:cxn>
                    <a:cxn ang="T149">
                      <a:pos x="T90" y="T91"/>
                    </a:cxn>
                    <a:cxn ang="T150">
                      <a:pos x="T92" y="T93"/>
                    </a:cxn>
                    <a:cxn ang="T151">
                      <a:pos x="T94" y="T95"/>
                    </a:cxn>
                    <a:cxn ang="T152">
                      <a:pos x="T96" y="T97"/>
                    </a:cxn>
                    <a:cxn ang="T153">
                      <a:pos x="T98" y="T99"/>
                    </a:cxn>
                    <a:cxn ang="T154">
                      <a:pos x="T100" y="T101"/>
                    </a:cxn>
                    <a:cxn ang="T155">
                      <a:pos x="T102" y="T103"/>
                    </a:cxn>
                  </a:cxnLst>
                  <a:rect l="T156" t="T157" r="T158" b="T159"/>
                  <a:pathLst>
                    <a:path w="516" h="557">
                      <a:moveTo>
                        <a:pt x="492" y="498"/>
                      </a:moveTo>
                      <a:lnTo>
                        <a:pt x="487" y="493"/>
                      </a:lnTo>
                      <a:lnTo>
                        <a:pt x="485" y="490"/>
                      </a:lnTo>
                      <a:lnTo>
                        <a:pt x="490" y="488"/>
                      </a:lnTo>
                      <a:lnTo>
                        <a:pt x="492" y="474"/>
                      </a:lnTo>
                      <a:lnTo>
                        <a:pt x="489" y="474"/>
                      </a:lnTo>
                      <a:lnTo>
                        <a:pt x="489" y="471"/>
                      </a:lnTo>
                      <a:lnTo>
                        <a:pt x="490" y="464"/>
                      </a:lnTo>
                      <a:lnTo>
                        <a:pt x="485" y="462"/>
                      </a:lnTo>
                      <a:lnTo>
                        <a:pt x="487" y="464"/>
                      </a:lnTo>
                      <a:lnTo>
                        <a:pt x="487" y="466"/>
                      </a:lnTo>
                      <a:lnTo>
                        <a:pt x="487" y="468"/>
                      </a:lnTo>
                      <a:lnTo>
                        <a:pt x="487" y="469"/>
                      </a:lnTo>
                      <a:lnTo>
                        <a:pt x="487" y="468"/>
                      </a:lnTo>
                      <a:lnTo>
                        <a:pt x="485" y="464"/>
                      </a:lnTo>
                      <a:lnTo>
                        <a:pt x="482" y="457"/>
                      </a:lnTo>
                      <a:lnTo>
                        <a:pt x="480" y="449"/>
                      </a:lnTo>
                      <a:lnTo>
                        <a:pt x="480" y="446"/>
                      </a:lnTo>
                      <a:lnTo>
                        <a:pt x="480" y="444"/>
                      </a:lnTo>
                      <a:lnTo>
                        <a:pt x="482" y="444"/>
                      </a:lnTo>
                      <a:lnTo>
                        <a:pt x="485" y="446"/>
                      </a:lnTo>
                      <a:lnTo>
                        <a:pt x="487" y="449"/>
                      </a:lnTo>
                      <a:lnTo>
                        <a:pt x="489" y="451"/>
                      </a:lnTo>
                      <a:lnTo>
                        <a:pt x="489" y="432"/>
                      </a:lnTo>
                      <a:lnTo>
                        <a:pt x="485" y="425"/>
                      </a:lnTo>
                      <a:lnTo>
                        <a:pt x="487" y="427"/>
                      </a:lnTo>
                      <a:lnTo>
                        <a:pt x="489" y="427"/>
                      </a:lnTo>
                      <a:lnTo>
                        <a:pt x="490" y="427"/>
                      </a:lnTo>
                      <a:lnTo>
                        <a:pt x="494" y="427"/>
                      </a:lnTo>
                      <a:lnTo>
                        <a:pt x="496" y="427"/>
                      </a:lnTo>
                      <a:lnTo>
                        <a:pt x="497" y="427"/>
                      </a:lnTo>
                      <a:lnTo>
                        <a:pt x="497" y="418"/>
                      </a:lnTo>
                      <a:lnTo>
                        <a:pt x="497" y="412"/>
                      </a:lnTo>
                      <a:lnTo>
                        <a:pt x="497" y="407"/>
                      </a:lnTo>
                      <a:lnTo>
                        <a:pt x="497" y="403"/>
                      </a:lnTo>
                      <a:lnTo>
                        <a:pt x="497" y="400"/>
                      </a:lnTo>
                      <a:lnTo>
                        <a:pt x="499" y="398"/>
                      </a:lnTo>
                      <a:lnTo>
                        <a:pt x="504" y="398"/>
                      </a:lnTo>
                      <a:lnTo>
                        <a:pt x="506" y="396"/>
                      </a:lnTo>
                      <a:lnTo>
                        <a:pt x="507" y="395"/>
                      </a:lnTo>
                      <a:lnTo>
                        <a:pt x="507" y="393"/>
                      </a:lnTo>
                      <a:lnTo>
                        <a:pt x="507" y="391"/>
                      </a:lnTo>
                      <a:lnTo>
                        <a:pt x="506" y="391"/>
                      </a:lnTo>
                      <a:lnTo>
                        <a:pt x="506" y="390"/>
                      </a:lnTo>
                      <a:lnTo>
                        <a:pt x="504" y="390"/>
                      </a:lnTo>
                      <a:lnTo>
                        <a:pt x="499" y="386"/>
                      </a:lnTo>
                      <a:lnTo>
                        <a:pt x="497" y="385"/>
                      </a:lnTo>
                      <a:lnTo>
                        <a:pt x="496" y="383"/>
                      </a:lnTo>
                      <a:lnTo>
                        <a:pt x="497" y="381"/>
                      </a:lnTo>
                      <a:lnTo>
                        <a:pt x="499" y="380"/>
                      </a:lnTo>
                      <a:lnTo>
                        <a:pt x="501" y="380"/>
                      </a:lnTo>
                      <a:lnTo>
                        <a:pt x="502" y="380"/>
                      </a:lnTo>
                      <a:lnTo>
                        <a:pt x="504" y="378"/>
                      </a:lnTo>
                      <a:lnTo>
                        <a:pt x="501" y="371"/>
                      </a:lnTo>
                      <a:lnTo>
                        <a:pt x="501" y="364"/>
                      </a:lnTo>
                      <a:lnTo>
                        <a:pt x="502" y="361"/>
                      </a:lnTo>
                      <a:lnTo>
                        <a:pt x="504" y="356"/>
                      </a:lnTo>
                      <a:lnTo>
                        <a:pt x="506" y="354"/>
                      </a:lnTo>
                      <a:lnTo>
                        <a:pt x="507" y="352"/>
                      </a:lnTo>
                      <a:lnTo>
                        <a:pt x="509" y="352"/>
                      </a:lnTo>
                      <a:lnTo>
                        <a:pt x="509" y="351"/>
                      </a:lnTo>
                      <a:lnTo>
                        <a:pt x="509" y="344"/>
                      </a:lnTo>
                      <a:lnTo>
                        <a:pt x="516" y="339"/>
                      </a:lnTo>
                      <a:lnTo>
                        <a:pt x="514" y="330"/>
                      </a:lnTo>
                      <a:lnTo>
                        <a:pt x="506" y="329"/>
                      </a:lnTo>
                      <a:lnTo>
                        <a:pt x="502" y="324"/>
                      </a:lnTo>
                      <a:lnTo>
                        <a:pt x="504" y="324"/>
                      </a:lnTo>
                      <a:lnTo>
                        <a:pt x="504" y="322"/>
                      </a:lnTo>
                      <a:lnTo>
                        <a:pt x="502" y="320"/>
                      </a:lnTo>
                      <a:lnTo>
                        <a:pt x="502" y="319"/>
                      </a:lnTo>
                      <a:lnTo>
                        <a:pt x="502" y="317"/>
                      </a:lnTo>
                      <a:lnTo>
                        <a:pt x="502" y="315"/>
                      </a:lnTo>
                      <a:lnTo>
                        <a:pt x="502" y="314"/>
                      </a:lnTo>
                      <a:lnTo>
                        <a:pt x="502" y="312"/>
                      </a:lnTo>
                      <a:lnTo>
                        <a:pt x="501" y="298"/>
                      </a:lnTo>
                      <a:lnTo>
                        <a:pt x="496" y="288"/>
                      </a:lnTo>
                      <a:lnTo>
                        <a:pt x="490" y="280"/>
                      </a:lnTo>
                      <a:lnTo>
                        <a:pt x="484" y="271"/>
                      </a:lnTo>
                      <a:lnTo>
                        <a:pt x="477" y="266"/>
                      </a:lnTo>
                      <a:lnTo>
                        <a:pt x="470" y="263"/>
                      </a:lnTo>
                      <a:lnTo>
                        <a:pt x="467" y="259"/>
                      </a:lnTo>
                      <a:lnTo>
                        <a:pt x="465" y="258"/>
                      </a:lnTo>
                      <a:lnTo>
                        <a:pt x="463" y="242"/>
                      </a:lnTo>
                      <a:lnTo>
                        <a:pt x="460" y="232"/>
                      </a:lnTo>
                      <a:lnTo>
                        <a:pt x="453" y="224"/>
                      </a:lnTo>
                      <a:lnTo>
                        <a:pt x="446" y="219"/>
                      </a:lnTo>
                      <a:lnTo>
                        <a:pt x="440" y="215"/>
                      </a:lnTo>
                      <a:lnTo>
                        <a:pt x="435" y="214"/>
                      </a:lnTo>
                      <a:lnTo>
                        <a:pt x="430" y="212"/>
                      </a:lnTo>
                      <a:lnTo>
                        <a:pt x="428" y="212"/>
                      </a:lnTo>
                      <a:lnTo>
                        <a:pt x="428" y="210"/>
                      </a:lnTo>
                      <a:lnTo>
                        <a:pt x="424" y="209"/>
                      </a:lnTo>
                      <a:lnTo>
                        <a:pt x="419" y="204"/>
                      </a:lnTo>
                      <a:lnTo>
                        <a:pt x="414" y="200"/>
                      </a:lnTo>
                      <a:lnTo>
                        <a:pt x="409" y="195"/>
                      </a:lnTo>
                      <a:lnTo>
                        <a:pt x="406" y="190"/>
                      </a:lnTo>
                      <a:lnTo>
                        <a:pt x="402" y="187"/>
                      </a:lnTo>
                      <a:lnTo>
                        <a:pt x="401" y="183"/>
                      </a:lnTo>
                      <a:lnTo>
                        <a:pt x="397" y="175"/>
                      </a:lnTo>
                      <a:lnTo>
                        <a:pt x="392" y="168"/>
                      </a:lnTo>
                      <a:lnTo>
                        <a:pt x="389" y="163"/>
                      </a:lnTo>
                      <a:lnTo>
                        <a:pt x="384" y="161"/>
                      </a:lnTo>
                      <a:lnTo>
                        <a:pt x="380" y="160"/>
                      </a:lnTo>
                      <a:lnTo>
                        <a:pt x="377" y="160"/>
                      </a:lnTo>
                      <a:lnTo>
                        <a:pt x="374" y="160"/>
                      </a:lnTo>
                      <a:lnTo>
                        <a:pt x="372" y="158"/>
                      </a:lnTo>
                      <a:lnTo>
                        <a:pt x="370" y="154"/>
                      </a:lnTo>
                      <a:lnTo>
                        <a:pt x="367" y="153"/>
                      </a:lnTo>
                      <a:lnTo>
                        <a:pt x="365" y="149"/>
                      </a:lnTo>
                      <a:lnTo>
                        <a:pt x="362" y="143"/>
                      </a:lnTo>
                      <a:lnTo>
                        <a:pt x="358" y="138"/>
                      </a:lnTo>
                      <a:lnTo>
                        <a:pt x="355" y="134"/>
                      </a:lnTo>
                      <a:lnTo>
                        <a:pt x="352" y="132"/>
                      </a:lnTo>
                      <a:lnTo>
                        <a:pt x="348" y="131"/>
                      </a:lnTo>
                      <a:lnTo>
                        <a:pt x="347" y="132"/>
                      </a:lnTo>
                      <a:lnTo>
                        <a:pt x="343" y="132"/>
                      </a:lnTo>
                      <a:lnTo>
                        <a:pt x="336" y="131"/>
                      </a:lnTo>
                      <a:lnTo>
                        <a:pt x="331" y="129"/>
                      </a:lnTo>
                      <a:lnTo>
                        <a:pt x="328" y="124"/>
                      </a:lnTo>
                      <a:lnTo>
                        <a:pt x="325" y="119"/>
                      </a:lnTo>
                      <a:lnTo>
                        <a:pt x="321" y="114"/>
                      </a:lnTo>
                      <a:lnTo>
                        <a:pt x="320" y="110"/>
                      </a:lnTo>
                      <a:lnTo>
                        <a:pt x="318" y="107"/>
                      </a:lnTo>
                      <a:lnTo>
                        <a:pt x="318" y="105"/>
                      </a:lnTo>
                      <a:lnTo>
                        <a:pt x="313" y="102"/>
                      </a:lnTo>
                      <a:lnTo>
                        <a:pt x="306" y="95"/>
                      </a:lnTo>
                      <a:lnTo>
                        <a:pt x="301" y="88"/>
                      </a:lnTo>
                      <a:lnTo>
                        <a:pt x="296" y="82"/>
                      </a:lnTo>
                      <a:lnTo>
                        <a:pt x="292" y="75"/>
                      </a:lnTo>
                      <a:lnTo>
                        <a:pt x="291" y="68"/>
                      </a:lnTo>
                      <a:lnTo>
                        <a:pt x="287" y="65"/>
                      </a:lnTo>
                      <a:lnTo>
                        <a:pt x="287" y="63"/>
                      </a:lnTo>
                      <a:lnTo>
                        <a:pt x="287" y="61"/>
                      </a:lnTo>
                      <a:lnTo>
                        <a:pt x="284" y="61"/>
                      </a:lnTo>
                      <a:lnTo>
                        <a:pt x="282" y="61"/>
                      </a:lnTo>
                      <a:lnTo>
                        <a:pt x="281" y="60"/>
                      </a:lnTo>
                      <a:lnTo>
                        <a:pt x="274" y="60"/>
                      </a:lnTo>
                      <a:lnTo>
                        <a:pt x="267" y="58"/>
                      </a:lnTo>
                      <a:lnTo>
                        <a:pt x="262" y="56"/>
                      </a:lnTo>
                      <a:lnTo>
                        <a:pt x="259" y="55"/>
                      </a:lnTo>
                      <a:lnTo>
                        <a:pt x="255" y="53"/>
                      </a:lnTo>
                      <a:lnTo>
                        <a:pt x="254" y="51"/>
                      </a:lnTo>
                      <a:lnTo>
                        <a:pt x="252" y="50"/>
                      </a:lnTo>
                      <a:lnTo>
                        <a:pt x="240" y="48"/>
                      </a:lnTo>
                      <a:lnTo>
                        <a:pt x="235" y="43"/>
                      </a:lnTo>
                      <a:lnTo>
                        <a:pt x="235" y="34"/>
                      </a:lnTo>
                      <a:lnTo>
                        <a:pt x="237" y="24"/>
                      </a:lnTo>
                      <a:lnTo>
                        <a:pt x="242" y="16"/>
                      </a:lnTo>
                      <a:lnTo>
                        <a:pt x="248" y="7"/>
                      </a:lnTo>
                      <a:lnTo>
                        <a:pt x="252" y="2"/>
                      </a:lnTo>
                      <a:lnTo>
                        <a:pt x="254" y="0"/>
                      </a:lnTo>
                      <a:lnTo>
                        <a:pt x="130" y="19"/>
                      </a:lnTo>
                      <a:lnTo>
                        <a:pt x="0" y="33"/>
                      </a:lnTo>
                      <a:lnTo>
                        <a:pt x="73" y="290"/>
                      </a:lnTo>
                      <a:lnTo>
                        <a:pt x="89" y="327"/>
                      </a:lnTo>
                      <a:lnTo>
                        <a:pt x="91" y="329"/>
                      </a:lnTo>
                      <a:lnTo>
                        <a:pt x="93" y="330"/>
                      </a:lnTo>
                      <a:lnTo>
                        <a:pt x="95" y="334"/>
                      </a:lnTo>
                      <a:lnTo>
                        <a:pt x="96" y="337"/>
                      </a:lnTo>
                      <a:lnTo>
                        <a:pt x="100" y="341"/>
                      </a:lnTo>
                      <a:lnTo>
                        <a:pt x="100" y="347"/>
                      </a:lnTo>
                      <a:lnTo>
                        <a:pt x="100" y="352"/>
                      </a:lnTo>
                      <a:lnTo>
                        <a:pt x="101" y="354"/>
                      </a:lnTo>
                      <a:lnTo>
                        <a:pt x="103" y="356"/>
                      </a:lnTo>
                      <a:lnTo>
                        <a:pt x="105" y="356"/>
                      </a:lnTo>
                      <a:lnTo>
                        <a:pt x="108" y="358"/>
                      </a:lnTo>
                      <a:lnTo>
                        <a:pt x="108" y="361"/>
                      </a:lnTo>
                      <a:lnTo>
                        <a:pt x="108" y="364"/>
                      </a:lnTo>
                      <a:lnTo>
                        <a:pt x="105" y="369"/>
                      </a:lnTo>
                      <a:lnTo>
                        <a:pt x="98" y="376"/>
                      </a:lnTo>
                      <a:lnTo>
                        <a:pt x="98" y="378"/>
                      </a:lnTo>
                      <a:lnTo>
                        <a:pt x="96" y="378"/>
                      </a:lnTo>
                      <a:lnTo>
                        <a:pt x="96" y="381"/>
                      </a:lnTo>
                      <a:lnTo>
                        <a:pt x="96" y="383"/>
                      </a:lnTo>
                      <a:lnTo>
                        <a:pt x="95" y="388"/>
                      </a:lnTo>
                      <a:lnTo>
                        <a:pt x="95" y="393"/>
                      </a:lnTo>
                      <a:lnTo>
                        <a:pt x="95" y="400"/>
                      </a:lnTo>
                      <a:lnTo>
                        <a:pt x="95" y="407"/>
                      </a:lnTo>
                      <a:lnTo>
                        <a:pt x="95" y="410"/>
                      </a:lnTo>
                      <a:lnTo>
                        <a:pt x="93" y="413"/>
                      </a:lnTo>
                      <a:lnTo>
                        <a:pt x="93" y="418"/>
                      </a:lnTo>
                      <a:lnTo>
                        <a:pt x="93" y="424"/>
                      </a:lnTo>
                      <a:lnTo>
                        <a:pt x="93" y="432"/>
                      </a:lnTo>
                      <a:lnTo>
                        <a:pt x="95" y="439"/>
                      </a:lnTo>
                      <a:lnTo>
                        <a:pt x="98" y="446"/>
                      </a:lnTo>
                      <a:lnTo>
                        <a:pt x="103" y="451"/>
                      </a:lnTo>
                      <a:lnTo>
                        <a:pt x="103" y="454"/>
                      </a:lnTo>
                      <a:lnTo>
                        <a:pt x="103" y="457"/>
                      </a:lnTo>
                      <a:lnTo>
                        <a:pt x="105" y="464"/>
                      </a:lnTo>
                      <a:lnTo>
                        <a:pt x="105" y="471"/>
                      </a:lnTo>
                      <a:lnTo>
                        <a:pt x="105" y="478"/>
                      </a:lnTo>
                      <a:lnTo>
                        <a:pt x="105" y="483"/>
                      </a:lnTo>
                      <a:lnTo>
                        <a:pt x="105" y="488"/>
                      </a:lnTo>
                      <a:lnTo>
                        <a:pt x="105" y="490"/>
                      </a:lnTo>
                      <a:lnTo>
                        <a:pt x="122" y="522"/>
                      </a:lnTo>
                      <a:lnTo>
                        <a:pt x="139" y="554"/>
                      </a:lnTo>
                      <a:lnTo>
                        <a:pt x="418" y="535"/>
                      </a:lnTo>
                      <a:lnTo>
                        <a:pt x="428" y="557"/>
                      </a:lnTo>
                      <a:lnTo>
                        <a:pt x="443" y="557"/>
                      </a:lnTo>
                      <a:lnTo>
                        <a:pt x="443" y="556"/>
                      </a:lnTo>
                      <a:lnTo>
                        <a:pt x="441" y="552"/>
                      </a:lnTo>
                      <a:lnTo>
                        <a:pt x="441" y="549"/>
                      </a:lnTo>
                      <a:lnTo>
                        <a:pt x="441" y="544"/>
                      </a:lnTo>
                      <a:lnTo>
                        <a:pt x="440" y="539"/>
                      </a:lnTo>
                      <a:lnTo>
                        <a:pt x="440" y="534"/>
                      </a:lnTo>
                      <a:lnTo>
                        <a:pt x="440" y="530"/>
                      </a:lnTo>
                      <a:lnTo>
                        <a:pt x="440" y="528"/>
                      </a:lnTo>
                      <a:lnTo>
                        <a:pt x="435" y="520"/>
                      </a:lnTo>
                      <a:lnTo>
                        <a:pt x="435" y="512"/>
                      </a:lnTo>
                      <a:lnTo>
                        <a:pt x="435" y="506"/>
                      </a:lnTo>
                      <a:lnTo>
                        <a:pt x="438" y="503"/>
                      </a:lnTo>
                      <a:lnTo>
                        <a:pt x="441" y="500"/>
                      </a:lnTo>
                      <a:lnTo>
                        <a:pt x="443" y="498"/>
                      </a:lnTo>
                      <a:lnTo>
                        <a:pt x="446" y="498"/>
                      </a:lnTo>
                      <a:lnTo>
                        <a:pt x="448" y="498"/>
                      </a:lnTo>
                      <a:lnTo>
                        <a:pt x="453" y="501"/>
                      </a:lnTo>
                      <a:lnTo>
                        <a:pt x="462" y="503"/>
                      </a:lnTo>
                      <a:lnTo>
                        <a:pt x="468" y="505"/>
                      </a:lnTo>
                      <a:lnTo>
                        <a:pt x="475" y="506"/>
                      </a:lnTo>
                      <a:lnTo>
                        <a:pt x="482" y="506"/>
                      </a:lnTo>
                      <a:lnTo>
                        <a:pt x="485" y="506"/>
                      </a:lnTo>
                      <a:lnTo>
                        <a:pt x="489" y="506"/>
                      </a:lnTo>
                      <a:lnTo>
                        <a:pt x="490" y="506"/>
                      </a:lnTo>
                      <a:lnTo>
                        <a:pt x="492" y="498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440" name="Group 183"/>
              <p:cNvGrpSpPr>
                <a:grpSpLocks/>
              </p:cNvGrpSpPr>
              <p:nvPr/>
            </p:nvGrpSpPr>
            <p:grpSpPr bwMode="auto">
              <a:xfrm>
                <a:off x="4720" y="1593"/>
                <a:ext cx="332" cy="182"/>
                <a:chOff x="4972" y="1195"/>
                <a:chExt cx="342" cy="188"/>
              </a:xfrm>
            </p:grpSpPr>
            <p:sp>
              <p:nvSpPr>
                <p:cNvPr id="444" name="Freeform 184"/>
                <p:cNvSpPr>
                  <a:spLocks/>
                </p:cNvSpPr>
                <p:nvPr/>
              </p:nvSpPr>
              <p:spPr bwMode="auto">
                <a:xfrm>
                  <a:off x="5289" y="1356"/>
                  <a:ext cx="25" cy="17"/>
                </a:xfrm>
                <a:custGeom>
                  <a:avLst/>
                  <a:gdLst>
                    <a:gd name="T0" fmla="*/ 0 w 25"/>
                    <a:gd name="T1" fmla="*/ 17 h 17"/>
                    <a:gd name="T2" fmla="*/ 2 w 25"/>
                    <a:gd name="T3" fmla="*/ 17 h 17"/>
                    <a:gd name="T4" fmla="*/ 7 w 25"/>
                    <a:gd name="T5" fmla="*/ 17 h 17"/>
                    <a:gd name="T6" fmla="*/ 12 w 25"/>
                    <a:gd name="T7" fmla="*/ 17 h 17"/>
                    <a:gd name="T8" fmla="*/ 19 w 25"/>
                    <a:gd name="T9" fmla="*/ 15 h 17"/>
                    <a:gd name="T10" fmla="*/ 24 w 25"/>
                    <a:gd name="T11" fmla="*/ 13 h 17"/>
                    <a:gd name="T12" fmla="*/ 25 w 25"/>
                    <a:gd name="T13" fmla="*/ 10 h 17"/>
                    <a:gd name="T14" fmla="*/ 24 w 25"/>
                    <a:gd name="T15" fmla="*/ 6 h 17"/>
                    <a:gd name="T16" fmla="*/ 19 w 25"/>
                    <a:gd name="T17" fmla="*/ 1 h 17"/>
                    <a:gd name="T18" fmla="*/ 19 w 25"/>
                    <a:gd name="T19" fmla="*/ 0 h 17"/>
                    <a:gd name="T20" fmla="*/ 17 w 25"/>
                    <a:gd name="T21" fmla="*/ 0 h 17"/>
                    <a:gd name="T22" fmla="*/ 15 w 25"/>
                    <a:gd name="T23" fmla="*/ 3 h 17"/>
                    <a:gd name="T24" fmla="*/ 15 w 25"/>
                    <a:gd name="T25" fmla="*/ 8 h 17"/>
                    <a:gd name="T26" fmla="*/ 13 w 25"/>
                    <a:gd name="T27" fmla="*/ 8 h 17"/>
                    <a:gd name="T28" fmla="*/ 12 w 25"/>
                    <a:gd name="T29" fmla="*/ 8 h 17"/>
                    <a:gd name="T30" fmla="*/ 8 w 25"/>
                    <a:gd name="T31" fmla="*/ 8 h 17"/>
                    <a:gd name="T32" fmla="*/ 7 w 25"/>
                    <a:gd name="T33" fmla="*/ 8 h 17"/>
                    <a:gd name="T34" fmla="*/ 3 w 25"/>
                    <a:gd name="T35" fmla="*/ 10 h 17"/>
                    <a:gd name="T36" fmla="*/ 0 w 25"/>
                    <a:gd name="T37" fmla="*/ 12 h 17"/>
                    <a:gd name="T38" fmla="*/ 0 w 25"/>
                    <a:gd name="T39" fmla="*/ 13 h 17"/>
                    <a:gd name="T40" fmla="*/ 0 w 25"/>
                    <a:gd name="T41" fmla="*/ 17 h 17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25"/>
                    <a:gd name="T64" fmla="*/ 0 h 17"/>
                    <a:gd name="T65" fmla="*/ 25 w 25"/>
                    <a:gd name="T66" fmla="*/ 17 h 17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25" h="17">
                      <a:moveTo>
                        <a:pt x="0" y="17"/>
                      </a:moveTo>
                      <a:lnTo>
                        <a:pt x="2" y="17"/>
                      </a:lnTo>
                      <a:lnTo>
                        <a:pt x="7" y="17"/>
                      </a:lnTo>
                      <a:lnTo>
                        <a:pt x="12" y="17"/>
                      </a:lnTo>
                      <a:lnTo>
                        <a:pt x="19" y="15"/>
                      </a:lnTo>
                      <a:lnTo>
                        <a:pt x="24" y="13"/>
                      </a:lnTo>
                      <a:lnTo>
                        <a:pt x="25" y="10"/>
                      </a:lnTo>
                      <a:lnTo>
                        <a:pt x="24" y="6"/>
                      </a:lnTo>
                      <a:lnTo>
                        <a:pt x="19" y="1"/>
                      </a:lnTo>
                      <a:lnTo>
                        <a:pt x="19" y="0"/>
                      </a:lnTo>
                      <a:lnTo>
                        <a:pt x="17" y="0"/>
                      </a:lnTo>
                      <a:lnTo>
                        <a:pt x="15" y="3"/>
                      </a:lnTo>
                      <a:lnTo>
                        <a:pt x="15" y="8"/>
                      </a:lnTo>
                      <a:lnTo>
                        <a:pt x="13" y="8"/>
                      </a:lnTo>
                      <a:lnTo>
                        <a:pt x="12" y="8"/>
                      </a:lnTo>
                      <a:lnTo>
                        <a:pt x="8" y="8"/>
                      </a:lnTo>
                      <a:lnTo>
                        <a:pt x="7" y="8"/>
                      </a:lnTo>
                      <a:lnTo>
                        <a:pt x="3" y="10"/>
                      </a:lnTo>
                      <a:lnTo>
                        <a:pt x="0" y="12"/>
                      </a:lnTo>
                      <a:lnTo>
                        <a:pt x="0" y="13"/>
                      </a:lnTo>
                      <a:lnTo>
                        <a:pt x="0" y="17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45" name="Freeform 185"/>
                <p:cNvSpPr>
                  <a:spLocks/>
                </p:cNvSpPr>
                <p:nvPr/>
              </p:nvSpPr>
              <p:spPr bwMode="auto">
                <a:xfrm>
                  <a:off x="5289" y="1356"/>
                  <a:ext cx="25" cy="17"/>
                </a:xfrm>
                <a:custGeom>
                  <a:avLst/>
                  <a:gdLst>
                    <a:gd name="T0" fmla="*/ 0 w 25"/>
                    <a:gd name="T1" fmla="*/ 17 h 17"/>
                    <a:gd name="T2" fmla="*/ 0 w 25"/>
                    <a:gd name="T3" fmla="*/ 17 h 17"/>
                    <a:gd name="T4" fmla="*/ 2 w 25"/>
                    <a:gd name="T5" fmla="*/ 17 h 17"/>
                    <a:gd name="T6" fmla="*/ 7 w 25"/>
                    <a:gd name="T7" fmla="*/ 17 h 17"/>
                    <a:gd name="T8" fmla="*/ 12 w 25"/>
                    <a:gd name="T9" fmla="*/ 17 h 17"/>
                    <a:gd name="T10" fmla="*/ 19 w 25"/>
                    <a:gd name="T11" fmla="*/ 15 h 17"/>
                    <a:gd name="T12" fmla="*/ 24 w 25"/>
                    <a:gd name="T13" fmla="*/ 13 h 17"/>
                    <a:gd name="T14" fmla="*/ 25 w 25"/>
                    <a:gd name="T15" fmla="*/ 10 h 17"/>
                    <a:gd name="T16" fmla="*/ 24 w 25"/>
                    <a:gd name="T17" fmla="*/ 6 h 17"/>
                    <a:gd name="T18" fmla="*/ 19 w 25"/>
                    <a:gd name="T19" fmla="*/ 1 h 17"/>
                    <a:gd name="T20" fmla="*/ 19 w 25"/>
                    <a:gd name="T21" fmla="*/ 1 h 17"/>
                    <a:gd name="T22" fmla="*/ 19 w 25"/>
                    <a:gd name="T23" fmla="*/ 0 h 17"/>
                    <a:gd name="T24" fmla="*/ 17 w 25"/>
                    <a:gd name="T25" fmla="*/ 0 h 17"/>
                    <a:gd name="T26" fmla="*/ 15 w 25"/>
                    <a:gd name="T27" fmla="*/ 3 h 17"/>
                    <a:gd name="T28" fmla="*/ 15 w 25"/>
                    <a:gd name="T29" fmla="*/ 8 h 17"/>
                    <a:gd name="T30" fmla="*/ 15 w 25"/>
                    <a:gd name="T31" fmla="*/ 8 h 17"/>
                    <a:gd name="T32" fmla="*/ 13 w 25"/>
                    <a:gd name="T33" fmla="*/ 8 h 17"/>
                    <a:gd name="T34" fmla="*/ 12 w 25"/>
                    <a:gd name="T35" fmla="*/ 8 h 17"/>
                    <a:gd name="T36" fmla="*/ 8 w 25"/>
                    <a:gd name="T37" fmla="*/ 8 h 17"/>
                    <a:gd name="T38" fmla="*/ 7 w 25"/>
                    <a:gd name="T39" fmla="*/ 8 h 17"/>
                    <a:gd name="T40" fmla="*/ 3 w 25"/>
                    <a:gd name="T41" fmla="*/ 10 h 17"/>
                    <a:gd name="T42" fmla="*/ 0 w 25"/>
                    <a:gd name="T43" fmla="*/ 12 h 17"/>
                    <a:gd name="T44" fmla="*/ 0 w 25"/>
                    <a:gd name="T45" fmla="*/ 13 h 17"/>
                    <a:gd name="T46" fmla="*/ 0 w 25"/>
                    <a:gd name="T47" fmla="*/ 17 h 17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w 25"/>
                    <a:gd name="T73" fmla="*/ 0 h 17"/>
                    <a:gd name="T74" fmla="*/ 25 w 25"/>
                    <a:gd name="T75" fmla="*/ 17 h 17"/>
                  </a:gdLst>
                  <a:ahLst/>
                  <a:cxnLst>
                    <a:cxn ang="T48">
                      <a:pos x="T0" y="T1"/>
                    </a:cxn>
                    <a:cxn ang="T49">
                      <a:pos x="T2" y="T3"/>
                    </a:cxn>
                    <a:cxn ang="T50">
                      <a:pos x="T4" y="T5"/>
                    </a:cxn>
                    <a:cxn ang="T51">
                      <a:pos x="T6" y="T7"/>
                    </a:cxn>
                    <a:cxn ang="T52">
                      <a:pos x="T8" y="T9"/>
                    </a:cxn>
                    <a:cxn ang="T53">
                      <a:pos x="T10" y="T11"/>
                    </a:cxn>
                    <a:cxn ang="T54">
                      <a:pos x="T12" y="T13"/>
                    </a:cxn>
                    <a:cxn ang="T55">
                      <a:pos x="T14" y="T15"/>
                    </a:cxn>
                    <a:cxn ang="T56">
                      <a:pos x="T16" y="T17"/>
                    </a:cxn>
                    <a:cxn ang="T57">
                      <a:pos x="T18" y="T19"/>
                    </a:cxn>
                    <a:cxn ang="T58">
                      <a:pos x="T20" y="T21"/>
                    </a:cxn>
                    <a:cxn ang="T59">
                      <a:pos x="T22" y="T23"/>
                    </a:cxn>
                    <a:cxn ang="T60">
                      <a:pos x="T24" y="T25"/>
                    </a:cxn>
                    <a:cxn ang="T61">
                      <a:pos x="T26" y="T27"/>
                    </a:cxn>
                    <a:cxn ang="T62">
                      <a:pos x="T28" y="T29"/>
                    </a:cxn>
                    <a:cxn ang="T63">
                      <a:pos x="T30" y="T31"/>
                    </a:cxn>
                    <a:cxn ang="T64">
                      <a:pos x="T32" y="T33"/>
                    </a:cxn>
                    <a:cxn ang="T65">
                      <a:pos x="T34" y="T35"/>
                    </a:cxn>
                    <a:cxn ang="T66">
                      <a:pos x="T36" y="T37"/>
                    </a:cxn>
                    <a:cxn ang="T67">
                      <a:pos x="T38" y="T39"/>
                    </a:cxn>
                    <a:cxn ang="T68">
                      <a:pos x="T40" y="T41"/>
                    </a:cxn>
                    <a:cxn ang="T69">
                      <a:pos x="T42" y="T43"/>
                    </a:cxn>
                    <a:cxn ang="T70">
                      <a:pos x="T44" y="T45"/>
                    </a:cxn>
                    <a:cxn ang="T71">
                      <a:pos x="T46" y="T47"/>
                    </a:cxn>
                  </a:cxnLst>
                  <a:rect l="T72" t="T73" r="T74" b="T75"/>
                  <a:pathLst>
                    <a:path w="25" h="17">
                      <a:moveTo>
                        <a:pt x="0" y="17"/>
                      </a:moveTo>
                      <a:lnTo>
                        <a:pt x="0" y="17"/>
                      </a:lnTo>
                      <a:lnTo>
                        <a:pt x="2" y="17"/>
                      </a:lnTo>
                      <a:lnTo>
                        <a:pt x="7" y="17"/>
                      </a:lnTo>
                      <a:lnTo>
                        <a:pt x="12" y="17"/>
                      </a:lnTo>
                      <a:lnTo>
                        <a:pt x="19" y="15"/>
                      </a:lnTo>
                      <a:lnTo>
                        <a:pt x="24" y="13"/>
                      </a:lnTo>
                      <a:lnTo>
                        <a:pt x="25" y="10"/>
                      </a:lnTo>
                      <a:lnTo>
                        <a:pt x="24" y="6"/>
                      </a:lnTo>
                      <a:lnTo>
                        <a:pt x="19" y="1"/>
                      </a:lnTo>
                      <a:lnTo>
                        <a:pt x="19" y="0"/>
                      </a:lnTo>
                      <a:lnTo>
                        <a:pt x="17" y="0"/>
                      </a:lnTo>
                      <a:lnTo>
                        <a:pt x="15" y="3"/>
                      </a:lnTo>
                      <a:lnTo>
                        <a:pt x="15" y="8"/>
                      </a:lnTo>
                      <a:lnTo>
                        <a:pt x="13" y="8"/>
                      </a:lnTo>
                      <a:lnTo>
                        <a:pt x="12" y="8"/>
                      </a:lnTo>
                      <a:lnTo>
                        <a:pt x="8" y="8"/>
                      </a:lnTo>
                      <a:lnTo>
                        <a:pt x="7" y="8"/>
                      </a:lnTo>
                      <a:lnTo>
                        <a:pt x="3" y="10"/>
                      </a:lnTo>
                      <a:lnTo>
                        <a:pt x="0" y="12"/>
                      </a:lnTo>
                      <a:lnTo>
                        <a:pt x="0" y="13"/>
                      </a:lnTo>
                      <a:lnTo>
                        <a:pt x="0" y="17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46" name="Freeform 186"/>
                <p:cNvSpPr>
                  <a:spLocks/>
                </p:cNvSpPr>
                <p:nvPr/>
              </p:nvSpPr>
              <p:spPr bwMode="auto">
                <a:xfrm>
                  <a:off x="5235" y="1357"/>
                  <a:ext cx="29" cy="26"/>
                </a:xfrm>
                <a:custGeom>
                  <a:avLst/>
                  <a:gdLst>
                    <a:gd name="T0" fmla="*/ 0 w 29"/>
                    <a:gd name="T1" fmla="*/ 19 h 26"/>
                    <a:gd name="T2" fmla="*/ 3 w 29"/>
                    <a:gd name="T3" fmla="*/ 26 h 26"/>
                    <a:gd name="T4" fmla="*/ 5 w 29"/>
                    <a:gd name="T5" fmla="*/ 26 h 26"/>
                    <a:gd name="T6" fmla="*/ 7 w 29"/>
                    <a:gd name="T7" fmla="*/ 24 h 26"/>
                    <a:gd name="T8" fmla="*/ 8 w 29"/>
                    <a:gd name="T9" fmla="*/ 21 h 26"/>
                    <a:gd name="T10" fmla="*/ 12 w 29"/>
                    <a:gd name="T11" fmla="*/ 19 h 26"/>
                    <a:gd name="T12" fmla="*/ 17 w 29"/>
                    <a:gd name="T13" fmla="*/ 16 h 26"/>
                    <a:gd name="T14" fmla="*/ 20 w 29"/>
                    <a:gd name="T15" fmla="*/ 12 h 26"/>
                    <a:gd name="T16" fmla="*/ 25 w 29"/>
                    <a:gd name="T17" fmla="*/ 12 h 26"/>
                    <a:gd name="T18" fmla="*/ 29 w 29"/>
                    <a:gd name="T19" fmla="*/ 11 h 26"/>
                    <a:gd name="T20" fmla="*/ 29 w 29"/>
                    <a:gd name="T21" fmla="*/ 9 h 26"/>
                    <a:gd name="T22" fmla="*/ 29 w 29"/>
                    <a:gd name="T23" fmla="*/ 5 h 26"/>
                    <a:gd name="T24" fmla="*/ 27 w 29"/>
                    <a:gd name="T25" fmla="*/ 4 h 26"/>
                    <a:gd name="T26" fmla="*/ 22 w 29"/>
                    <a:gd name="T27" fmla="*/ 4 h 26"/>
                    <a:gd name="T28" fmla="*/ 20 w 29"/>
                    <a:gd name="T29" fmla="*/ 4 h 26"/>
                    <a:gd name="T30" fmla="*/ 18 w 29"/>
                    <a:gd name="T31" fmla="*/ 2 h 26"/>
                    <a:gd name="T32" fmla="*/ 15 w 29"/>
                    <a:gd name="T33" fmla="*/ 0 h 26"/>
                    <a:gd name="T34" fmla="*/ 13 w 29"/>
                    <a:gd name="T35" fmla="*/ 0 h 26"/>
                    <a:gd name="T36" fmla="*/ 10 w 29"/>
                    <a:gd name="T37" fmla="*/ 4 h 26"/>
                    <a:gd name="T38" fmla="*/ 10 w 29"/>
                    <a:gd name="T39" fmla="*/ 7 h 26"/>
                    <a:gd name="T40" fmla="*/ 8 w 29"/>
                    <a:gd name="T41" fmla="*/ 11 h 26"/>
                    <a:gd name="T42" fmla="*/ 8 w 29"/>
                    <a:gd name="T43" fmla="*/ 14 h 26"/>
                    <a:gd name="T44" fmla="*/ 3 w 29"/>
                    <a:gd name="T45" fmla="*/ 17 h 26"/>
                    <a:gd name="T46" fmla="*/ 0 w 29"/>
                    <a:gd name="T47" fmla="*/ 19 h 2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w 29"/>
                    <a:gd name="T73" fmla="*/ 0 h 26"/>
                    <a:gd name="T74" fmla="*/ 29 w 29"/>
                    <a:gd name="T75" fmla="*/ 26 h 26"/>
                  </a:gdLst>
                  <a:ahLst/>
                  <a:cxnLst>
                    <a:cxn ang="T48">
                      <a:pos x="T0" y="T1"/>
                    </a:cxn>
                    <a:cxn ang="T49">
                      <a:pos x="T2" y="T3"/>
                    </a:cxn>
                    <a:cxn ang="T50">
                      <a:pos x="T4" y="T5"/>
                    </a:cxn>
                    <a:cxn ang="T51">
                      <a:pos x="T6" y="T7"/>
                    </a:cxn>
                    <a:cxn ang="T52">
                      <a:pos x="T8" y="T9"/>
                    </a:cxn>
                    <a:cxn ang="T53">
                      <a:pos x="T10" y="T11"/>
                    </a:cxn>
                    <a:cxn ang="T54">
                      <a:pos x="T12" y="T13"/>
                    </a:cxn>
                    <a:cxn ang="T55">
                      <a:pos x="T14" y="T15"/>
                    </a:cxn>
                    <a:cxn ang="T56">
                      <a:pos x="T16" y="T17"/>
                    </a:cxn>
                    <a:cxn ang="T57">
                      <a:pos x="T18" y="T19"/>
                    </a:cxn>
                    <a:cxn ang="T58">
                      <a:pos x="T20" y="T21"/>
                    </a:cxn>
                    <a:cxn ang="T59">
                      <a:pos x="T22" y="T23"/>
                    </a:cxn>
                    <a:cxn ang="T60">
                      <a:pos x="T24" y="T25"/>
                    </a:cxn>
                    <a:cxn ang="T61">
                      <a:pos x="T26" y="T27"/>
                    </a:cxn>
                    <a:cxn ang="T62">
                      <a:pos x="T28" y="T29"/>
                    </a:cxn>
                    <a:cxn ang="T63">
                      <a:pos x="T30" y="T31"/>
                    </a:cxn>
                    <a:cxn ang="T64">
                      <a:pos x="T32" y="T33"/>
                    </a:cxn>
                    <a:cxn ang="T65">
                      <a:pos x="T34" y="T35"/>
                    </a:cxn>
                    <a:cxn ang="T66">
                      <a:pos x="T36" y="T37"/>
                    </a:cxn>
                    <a:cxn ang="T67">
                      <a:pos x="T38" y="T39"/>
                    </a:cxn>
                    <a:cxn ang="T68">
                      <a:pos x="T40" y="T41"/>
                    </a:cxn>
                    <a:cxn ang="T69">
                      <a:pos x="T42" y="T43"/>
                    </a:cxn>
                    <a:cxn ang="T70">
                      <a:pos x="T44" y="T45"/>
                    </a:cxn>
                    <a:cxn ang="T71">
                      <a:pos x="T46" y="T47"/>
                    </a:cxn>
                  </a:cxnLst>
                  <a:rect l="T72" t="T73" r="T74" b="T75"/>
                  <a:pathLst>
                    <a:path w="29" h="26">
                      <a:moveTo>
                        <a:pt x="0" y="19"/>
                      </a:moveTo>
                      <a:lnTo>
                        <a:pt x="3" y="26"/>
                      </a:lnTo>
                      <a:lnTo>
                        <a:pt x="5" y="26"/>
                      </a:lnTo>
                      <a:lnTo>
                        <a:pt x="7" y="24"/>
                      </a:lnTo>
                      <a:lnTo>
                        <a:pt x="8" y="21"/>
                      </a:lnTo>
                      <a:lnTo>
                        <a:pt x="12" y="19"/>
                      </a:lnTo>
                      <a:lnTo>
                        <a:pt x="17" y="16"/>
                      </a:lnTo>
                      <a:lnTo>
                        <a:pt x="20" y="12"/>
                      </a:lnTo>
                      <a:lnTo>
                        <a:pt x="25" y="12"/>
                      </a:lnTo>
                      <a:lnTo>
                        <a:pt x="29" y="11"/>
                      </a:lnTo>
                      <a:lnTo>
                        <a:pt x="29" y="9"/>
                      </a:lnTo>
                      <a:lnTo>
                        <a:pt x="29" y="5"/>
                      </a:lnTo>
                      <a:lnTo>
                        <a:pt x="27" y="4"/>
                      </a:lnTo>
                      <a:lnTo>
                        <a:pt x="22" y="4"/>
                      </a:lnTo>
                      <a:lnTo>
                        <a:pt x="20" y="4"/>
                      </a:lnTo>
                      <a:lnTo>
                        <a:pt x="18" y="2"/>
                      </a:lnTo>
                      <a:lnTo>
                        <a:pt x="15" y="0"/>
                      </a:lnTo>
                      <a:lnTo>
                        <a:pt x="13" y="0"/>
                      </a:lnTo>
                      <a:lnTo>
                        <a:pt x="10" y="4"/>
                      </a:lnTo>
                      <a:lnTo>
                        <a:pt x="10" y="7"/>
                      </a:lnTo>
                      <a:lnTo>
                        <a:pt x="8" y="11"/>
                      </a:lnTo>
                      <a:lnTo>
                        <a:pt x="8" y="14"/>
                      </a:lnTo>
                      <a:lnTo>
                        <a:pt x="3" y="17"/>
                      </a:lnTo>
                      <a:lnTo>
                        <a:pt x="0" y="19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47" name="Freeform 187"/>
                <p:cNvSpPr>
                  <a:spLocks/>
                </p:cNvSpPr>
                <p:nvPr/>
              </p:nvSpPr>
              <p:spPr bwMode="auto">
                <a:xfrm>
                  <a:off x="5235" y="1357"/>
                  <a:ext cx="29" cy="26"/>
                </a:xfrm>
                <a:custGeom>
                  <a:avLst/>
                  <a:gdLst>
                    <a:gd name="T0" fmla="*/ 0 w 29"/>
                    <a:gd name="T1" fmla="*/ 19 h 26"/>
                    <a:gd name="T2" fmla="*/ 3 w 29"/>
                    <a:gd name="T3" fmla="*/ 26 h 26"/>
                    <a:gd name="T4" fmla="*/ 3 w 29"/>
                    <a:gd name="T5" fmla="*/ 26 h 26"/>
                    <a:gd name="T6" fmla="*/ 5 w 29"/>
                    <a:gd name="T7" fmla="*/ 26 h 26"/>
                    <a:gd name="T8" fmla="*/ 7 w 29"/>
                    <a:gd name="T9" fmla="*/ 24 h 26"/>
                    <a:gd name="T10" fmla="*/ 8 w 29"/>
                    <a:gd name="T11" fmla="*/ 21 h 26"/>
                    <a:gd name="T12" fmla="*/ 12 w 29"/>
                    <a:gd name="T13" fmla="*/ 19 h 26"/>
                    <a:gd name="T14" fmla="*/ 17 w 29"/>
                    <a:gd name="T15" fmla="*/ 16 h 26"/>
                    <a:gd name="T16" fmla="*/ 20 w 29"/>
                    <a:gd name="T17" fmla="*/ 12 h 26"/>
                    <a:gd name="T18" fmla="*/ 25 w 29"/>
                    <a:gd name="T19" fmla="*/ 12 h 26"/>
                    <a:gd name="T20" fmla="*/ 29 w 29"/>
                    <a:gd name="T21" fmla="*/ 11 h 26"/>
                    <a:gd name="T22" fmla="*/ 29 w 29"/>
                    <a:gd name="T23" fmla="*/ 11 h 26"/>
                    <a:gd name="T24" fmla="*/ 29 w 29"/>
                    <a:gd name="T25" fmla="*/ 9 h 26"/>
                    <a:gd name="T26" fmla="*/ 29 w 29"/>
                    <a:gd name="T27" fmla="*/ 5 h 26"/>
                    <a:gd name="T28" fmla="*/ 27 w 29"/>
                    <a:gd name="T29" fmla="*/ 4 h 26"/>
                    <a:gd name="T30" fmla="*/ 22 w 29"/>
                    <a:gd name="T31" fmla="*/ 4 h 26"/>
                    <a:gd name="T32" fmla="*/ 22 w 29"/>
                    <a:gd name="T33" fmla="*/ 4 h 26"/>
                    <a:gd name="T34" fmla="*/ 20 w 29"/>
                    <a:gd name="T35" fmla="*/ 4 h 26"/>
                    <a:gd name="T36" fmla="*/ 18 w 29"/>
                    <a:gd name="T37" fmla="*/ 2 h 26"/>
                    <a:gd name="T38" fmla="*/ 15 w 29"/>
                    <a:gd name="T39" fmla="*/ 0 h 26"/>
                    <a:gd name="T40" fmla="*/ 13 w 29"/>
                    <a:gd name="T41" fmla="*/ 0 h 26"/>
                    <a:gd name="T42" fmla="*/ 10 w 29"/>
                    <a:gd name="T43" fmla="*/ 4 h 26"/>
                    <a:gd name="T44" fmla="*/ 10 w 29"/>
                    <a:gd name="T45" fmla="*/ 7 h 26"/>
                    <a:gd name="T46" fmla="*/ 8 w 29"/>
                    <a:gd name="T47" fmla="*/ 11 h 26"/>
                    <a:gd name="T48" fmla="*/ 8 w 29"/>
                    <a:gd name="T49" fmla="*/ 14 h 26"/>
                    <a:gd name="T50" fmla="*/ 3 w 29"/>
                    <a:gd name="T51" fmla="*/ 17 h 26"/>
                    <a:gd name="T52" fmla="*/ 0 w 29"/>
                    <a:gd name="T53" fmla="*/ 19 h 2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w 29"/>
                    <a:gd name="T82" fmla="*/ 0 h 26"/>
                    <a:gd name="T83" fmla="*/ 29 w 29"/>
                    <a:gd name="T84" fmla="*/ 26 h 26"/>
                  </a:gdLst>
                  <a:ahLst/>
                  <a:cxnLst>
                    <a:cxn ang="T54">
                      <a:pos x="T0" y="T1"/>
                    </a:cxn>
                    <a:cxn ang="T55">
                      <a:pos x="T2" y="T3"/>
                    </a:cxn>
                    <a:cxn ang="T56">
                      <a:pos x="T4" y="T5"/>
                    </a:cxn>
                    <a:cxn ang="T57">
                      <a:pos x="T6" y="T7"/>
                    </a:cxn>
                    <a:cxn ang="T58">
                      <a:pos x="T8" y="T9"/>
                    </a:cxn>
                    <a:cxn ang="T59">
                      <a:pos x="T10" y="T11"/>
                    </a:cxn>
                    <a:cxn ang="T60">
                      <a:pos x="T12" y="T13"/>
                    </a:cxn>
                    <a:cxn ang="T61">
                      <a:pos x="T14" y="T15"/>
                    </a:cxn>
                    <a:cxn ang="T62">
                      <a:pos x="T16" y="T17"/>
                    </a:cxn>
                    <a:cxn ang="T63">
                      <a:pos x="T18" y="T19"/>
                    </a:cxn>
                    <a:cxn ang="T64">
                      <a:pos x="T20" y="T21"/>
                    </a:cxn>
                    <a:cxn ang="T65">
                      <a:pos x="T22" y="T23"/>
                    </a:cxn>
                    <a:cxn ang="T66">
                      <a:pos x="T24" y="T25"/>
                    </a:cxn>
                    <a:cxn ang="T67">
                      <a:pos x="T26" y="T27"/>
                    </a:cxn>
                    <a:cxn ang="T68">
                      <a:pos x="T28" y="T29"/>
                    </a:cxn>
                    <a:cxn ang="T69">
                      <a:pos x="T30" y="T31"/>
                    </a:cxn>
                    <a:cxn ang="T70">
                      <a:pos x="T32" y="T33"/>
                    </a:cxn>
                    <a:cxn ang="T71">
                      <a:pos x="T34" y="T35"/>
                    </a:cxn>
                    <a:cxn ang="T72">
                      <a:pos x="T36" y="T37"/>
                    </a:cxn>
                    <a:cxn ang="T73">
                      <a:pos x="T38" y="T39"/>
                    </a:cxn>
                    <a:cxn ang="T74">
                      <a:pos x="T40" y="T41"/>
                    </a:cxn>
                    <a:cxn ang="T75">
                      <a:pos x="T42" y="T43"/>
                    </a:cxn>
                    <a:cxn ang="T76">
                      <a:pos x="T44" y="T45"/>
                    </a:cxn>
                    <a:cxn ang="T77">
                      <a:pos x="T46" y="T47"/>
                    </a:cxn>
                    <a:cxn ang="T78">
                      <a:pos x="T48" y="T49"/>
                    </a:cxn>
                    <a:cxn ang="T79">
                      <a:pos x="T50" y="T51"/>
                    </a:cxn>
                    <a:cxn ang="T80">
                      <a:pos x="T52" y="T53"/>
                    </a:cxn>
                  </a:cxnLst>
                  <a:rect l="T81" t="T82" r="T83" b="T84"/>
                  <a:pathLst>
                    <a:path w="29" h="26">
                      <a:moveTo>
                        <a:pt x="0" y="19"/>
                      </a:moveTo>
                      <a:lnTo>
                        <a:pt x="3" y="26"/>
                      </a:lnTo>
                      <a:lnTo>
                        <a:pt x="5" y="26"/>
                      </a:lnTo>
                      <a:lnTo>
                        <a:pt x="7" y="24"/>
                      </a:lnTo>
                      <a:lnTo>
                        <a:pt x="8" y="21"/>
                      </a:lnTo>
                      <a:lnTo>
                        <a:pt x="12" y="19"/>
                      </a:lnTo>
                      <a:lnTo>
                        <a:pt x="17" y="16"/>
                      </a:lnTo>
                      <a:lnTo>
                        <a:pt x="20" y="12"/>
                      </a:lnTo>
                      <a:lnTo>
                        <a:pt x="25" y="12"/>
                      </a:lnTo>
                      <a:lnTo>
                        <a:pt x="29" y="11"/>
                      </a:lnTo>
                      <a:lnTo>
                        <a:pt x="29" y="9"/>
                      </a:lnTo>
                      <a:lnTo>
                        <a:pt x="29" y="5"/>
                      </a:lnTo>
                      <a:lnTo>
                        <a:pt x="27" y="4"/>
                      </a:lnTo>
                      <a:lnTo>
                        <a:pt x="22" y="4"/>
                      </a:lnTo>
                      <a:lnTo>
                        <a:pt x="20" y="4"/>
                      </a:lnTo>
                      <a:lnTo>
                        <a:pt x="18" y="2"/>
                      </a:lnTo>
                      <a:lnTo>
                        <a:pt x="15" y="0"/>
                      </a:lnTo>
                      <a:lnTo>
                        <a:pt x="13" y="0"/>
                      </a:lnTo>
                      <a:lnTo>
                        <a:pt x="10" y="4"/>
                      </a:lnTo>
                      <a:lnTo>
                        <a:pt x="10" y="7"/>
                      </a:lnTo>
                      <a:lnTo>
                        <a:pt x="8" y="11"/>
                      </a:lnTo>
                      <a:lnTo>
                        <a:pt x="8" y="14"/>
                      </a:lnTo>
                      <a:lnTo>
                        <a:pt x="3" y="17"/>
                      </a:lnTo>
                      <a:lnTo>
                        <a:pt x="0" y="19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448" name="Freeform 188"/>
                <p:cNvSpPr>
                  <a:spLocks/>
                </p:cNvSpPr>
                <p:nvPr/>
              </p:nvSpPr>
              <p:spPr bwMode="auto">
                <a:xfrm>
                  <a:off x="4972" y="1195"/>
                  <a:ext cx="329" cy="167"/>
                </a:xfrm>
                <a:custGeom>
                  <a:avLst/>
                  <a:gdLst>
                    <a:gd name="T0" fmla="*/ 2 w 329"/>
                    <a:gd name="T1" fmla="*/ 69 h 167"/>
                    <a:gd name="T2" fmla="*/ 17 w 329"/>
                    <a:gd name="T3" fmla="*/ 68 h 167"/>
                    <a:gd name="T4" fmla="*/ 43 w 329"/>
                    <a:gd name="T5" fmla="*/ 61 h 167"/>
                    <a:gd name="T6" fmla="*/ 63 w 329"/>
                    <a:gd name="T7" fmla="*/ 56 h 167"/>
                    <a:gd name="T8" fmla="*/ 171 w 329"/>
                    <a:gd name="T9" fmla="*/ 32 h 167"/>
                    <a:gd name="T10" fmla="*/ 182 w 329"/>
                    <a:gd name="T11" fmla="*/ 20 h 167"/>
                    <a:gd name="T12" fmla="*/ 197 w 329"/>
                    <a:gd name="T13" fmla="*/ 3 h 167"/>
                    <a:gd name="T14" fmla="*/ 210 w 329"/>
                    <a:gd name="T15" fmla="*/ 0 h 167"/>
                    <a:gd name="T16" fmla="*/ 210 w 329"/>
                    <a:gd name="T17" fmla="*/ 2 h 167"/>
                    <a:gd name="T18" fmla="*/ 215 w 329"/>
                    <a:gd name="T19" fmla="*/ 13 h 167"/>
                    <a:gd name="T20" fmla="*/ 227 w 329"/>
                    <a:gd name="T21" fmla="*/ 22 h 167"/>
                    <a:gd name="T22" fmla="*/ 232 w 329"/>
                    <a:gd name="T23" fmla="*/ 27 h 167"/>
                    <a:gd name="T24" fmla="*/ 220 w 329"/>
                    <a:gd name="T25" fmla="*/ 41 h 167"/>
                    <a:gd name="T26" fmla="*/ 217 w 329"/>
                    <a:gd name="T27" fmla="*/ 52 h 167"/>
                    <a:gd name="T28" fmla="*/ 214 w 329"/>
                    <a:gd name="T29" fmla="*/ 73 h 167"/>
                    <a:gd name="T30" fmla="*/ 242 w 329"/>
                    <a:gd name="T31" fmla="*/ 78 h 167"/>
                    <a:gd name="T32" fmla="*/ 254 w 329"/>
                    <a:gd name="T33" fmla="*/ 91 h 167"/>
                    <a:gd name="T34" fmla="*/ 259 w 329"/>
                    <a:gd name="T35" fmla="*/ 107 h 167"/>
                    <a:gd name="T36" fmla="*/ 268 w 329"/>
                    <a:gd name="T37" fmla="*/ 107 h 167"/>
                    <a:gd name="T38" fmla="*/ 268 w 329"/>
                    <a:gd name="T39" fmla="*/ 112 h 167"/>
                    <a:gd name="T40" fmla="*/ 280 w 329"/>
                    <a:gd name="T41" fmla="*/ 120 h 167"/>
                    <a:gd name="T42" fmla="*/ 305 w 329"/>
                    <a:gd name="T43" fmla="*/ 120 h 167"/>
                    <a:gd name="T44" fmla="*/ 319 w 329"/>
                    <a:gd name="T45" fmla="*/ 105 h 167"/>
                    <a:gd name="T46" fmla="*/ 312 w 329"/>
                    <a:gd name="T47" fmla="*/ 91 h 167"/>
                    <a:gd name="T48" fmla="*/ 298 w 329"/>
                    <a:gd name="T49" fmla="*/ 81 h 167"/>
                    <a:gd name="T50" fmla="*/ 293 w 329"/>
                    <a:gd name="T51" fmla="*/ 85 h 167"/>
                    <a:gd name="T52" fmla="*/ 292 w 329"/>
                    <a:gd name="T53" fmla="*/ 78 h 167"/>
                    <a:gd name="T54" fmla="*/ 310 w 329"/>
                    <a:gd name="T55" fmla="*/ 81 h 167"/>
                    <a:gd name="T56" fmla="*/ 329 w 329"/>
                    <a:gd name="T57" fmla="*/ 113 h 167"/>
                    <a:gd name="T58" fmla="*/ 329 w 329"/>
                    <a:gd name="T59" fmla="*/ 122 h 167"/>
                    <a:gd name="T60" fmla="*/ 329 w 329"/>
                    <a:gd name="T61" fmla="*/ 125 h 167"/>
                    <a:gd name="T62" fmla="*/ 322 w 329"/>
                    <a:gd name="T63" fmla="*/ 123 h 167"/>
                    <a:gd name="T64" fmla="*/ 308 w 329"/>
                    <a:gd name="T65" fmla="*/ 132 h 167"/>
                    <a:gd name="T66" fmla="*/ 297 w 329"/>
                    <a:gd name="T67" fmla="*/ 135 h 167"/>
                    <a:gd name="T68" fmla="*/ 286 w 329"/>
                    <a:gd name="T69" fmla="*/ 147 h 167"/>
                    <a:gd name="T70" fmla="*/ 273 w 329"/>
                    <a:gd name="T71" fmla="*/ 157 h 167"/>
                    <a:gd name="T72" fmla="*/ 270 w 329"/>
                    <a:gd name="T73" fmla="*/ 134 h 167"/>
                    <a:gd name="T74" fmla="*/ 259 w 329"/>
                    <a:gd name="T75" fmla="*/ 130 h 167"/>
                    <a:gd name="T76" fmla="*/ 258 w 329"/>
                    <a:gd name="T77" fmla="*/ 152 h 167"/>
                    <a:gd name="T78" fmla="*/ 258 w 329"/>
                    <a:gd name="T79" fmla="*/ 145 h 167"/>
                    <a:gd name="T80" fmla="*/ 246 w 329"/>
                    <a:gd name="T81" fmla="*/ 151 h 167"/>
                    <a:gd name="T82" fmla="*/ 246 w 329"/>
                    <a:gd name="T83" fmla="*/ 159 h 167"/>
                    <a:gd name="T84" fmla="*/ 232 w 329"/>
                    <a:gd name="T85" fmla="*/ 167 h 167"/>
                    <a:gd name="T86" fmla="*/ 229 w 329"/>
                    <a:gd name="T87" fmla="*/ 161 h 167"/>
                    <a:gd name="T88" fmla="*/ 227 w 329"/>
                    <a:gd name="T89" fmla="*/ 156 h 167"/>
                    <a:gd name="T90" fmla="*/ 200 w 329"/>
                    <a:gd name="T91" fmla="*/ 129 h 167"/>
                    <a:gd name="T92" fmla="*/ 154 w 329"/>
                    <a:gd name="T93" fmla="*/ 122 h 167"/>
                    <a:gd name="T94" fmla="*/ 66 w 329"/>
                    <a:gd name="T95" fmla="*/ 144 h 167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w 329"/>
                    <a:gd name="T145" fmla="*/ 0 h 167"/>
                    <a:gd name="T146" fmla="*/ 329 w 329"/>
                    <a:gd name="T147" fmla="*/ 167 h 167"/>
                  </a:gdLst>
                  <a:ahLst/>
                  <a:cxnLst>
                    <a:cxn ang="T96">
                      <a:pos x="T0" y="T1"/>
                    </a:cxn>
                    <a:cxn ang="T97">
                      <a:pos x="T2" y="T3"/>
                    </a:cxn>
                    <a:cxn ang="T98">
                      <a:pos x="T4" y="T5"/>
                    </a:cxn>
                    <a:cxn ang="T99">
                      <a:pos x="T6" y="T7"/>
                    </a:cxn>
                    <a:cxn ang="T100">
                      <a:pos x="T8" y="T9"/>
                    </a:cxn>
                    <a:cxn ang="T101">
                      <a:pos x="T10" y="T11"/>
                    </a:cxn>
                    <a:cxn ang="T102">
                      <a:pos x="T12" y="T13"/>
                    </a:cxn>
                    <a:cxn ang="T103">
                      <a:pos x="T14" y="T15"/>
                    </a:cxn>
                    <a:cxn ang="T104">
                      <a:pos x="T16" y="T17"/>
                    </a:cxn>
                    <a:cxn ang="T105">
                      <a:pos x="T18" y="T19"/>
                    </a:cxn>
                    <a:cxn ang="T106">
                      <a:pos x="T20" y="T21"/>
                    </a:cxn>
                    <a:cxn ang="T107">
                      <a:pos x="T22" y="T23"/>
                    </a:cxn>
                    <a:cxn ang="T108">
                      <a:pos x="T24" y="T25"/>
                    </a:cxn>
                    <a:cxn ang="T109">
                      <a:pos x="T26" y="T27"/>
                    </a:cxn>
                    <a:cxn ang="T110">
                      <a:pos x="T28" y="T29"/>
                    </a:cxn>
                    <a:cxn ang="T111">
                      <a:pos x="T30" y="T31"/>
                    </a:cxn>
                    <a:cxn ang="T112">
                      <a:pos x="T32" y="T33"/>
                    </a:cxn>
                    <a:cxn ang="T113">
                      <a:pos x="T34" y="T35"/>
                    </a:cxn>
                    <a:cxn ang="T114">
                      <a:pos x="T36" y="T37"/>
                    </a:cxn>
                    <a:cxn ang="T115">
                      <a:pos x="T38" y="T39"/>
                    </a:cxn>
                    <a:cxn ang="T116">
                      <a:pos x="T40" y="T41"/>
                    </a:cxn>
                    <a:cxn ang="T117">
                      <a:pos x="T42" y="T43"/>
                    </a:cxn>
                    <a:cxn ang="T118">
                      <a:pos x="T44" y="T45"/>
                    </a:cxn>
                    <a:cxn ang="T119">
                      <a:pos x="T46" y="T47"/>
                    </a:cxn>
                    <a:cxn ang="T120">
                      <a:pos x="T48" y="T49"/>
                    </a:cxn>
                    <a:cxn ang="T121">
                      <a:pos x="T50" y="T51"/>
                    </a:cxn>
                    <a:cxn ang="T122">
                      <a:pos x="T52" y="T53"/>
                    </a:cxn>
                    <a:cxn ang="T123">
                      <a:pos x="T54" y="T55"/>
                    </a:cxn>
                    <a:cxn ang="T124">
                      <a:pos x="T56" y="T57"/>
                    </a:cxn>
                    <a:cxn ang="T125">
                      <a:pos x="T58" y="T59"/>
                    </a:cxn>
                    <a:cxn ang="T126">
                      <a:pos x="T60" y="T61"/>
                    </a:cxn>
                    <a:cxn ang="T127">
                      <a:pos x="T62" y="T63"/>
                    </a:cxn>
                    <a:cxn ang="T128">
                      <a:pos x="T64" y="T65"/>
                    </a:cxn>
                    <a:cxn ang="T129">
                      <a:pos x="T66" y="T67"/>
                    </a:cxn>
                    <a:cxn ang="T130">
                      <a:pos x="T68" y="T69"/>
                    </a:cxn>
                    <a:cxn ang="T131">
                      <a:pos x="T70" y="T71"/>
                    </a:cxn>
                    <a:cxn ang="T132">
                      <a:pos x="T72" y="T73"/>
                    </a:cxn>
                    <a:cxn ang="T133">
                      <a:pos x="T74" y="T75"/>
                    </a:cxn>
                    <a:cxn ang="T134">
                      <a:pos x="T76" y="T77"/>
                    </a:cxn>
                    <a:cxn ang="T135">
                      <a:pos x="T78" y="T79"/>
                    </a:cxn>
                    <a:cxn ang="T136">
                      <a:pos x="T80" y="T81"/>
                    </a:cxn>
                    <a:cxn ang="T137">
                      <a:pos x="T82" y="T83"/>
                    </a:cxn>
                    <a:cxn ang="T138">
                      <a:pos x="T84" y="T85"/>
                    </a:cxn>
                    <a:cxn ang="T139">
                      <a:pos x="T86" y="T87"/>
                    </a:cxn>
                    <a:cxn ang="T140">
                      <a:pos x="T88" y="T89"/>
                    </a:cxn>
                    <a:cxn ang="T141">
                      <a:pos x="T90" y="T91"/>
                    </a:cxn>
                    <a:cxn ang="T142">
                      <a:pos x="T92" y="T93"/>
                    </a:cxn>
                    <a:cxn ang="T143">
                      <a:pos x="T94" y="T95"/>
                    </a:cxn>
                  </a:cxnLst>
                  <a:rect l="T144" t="T145" r="T146" b="T147"/>
                  <a:pathLst>
                    <a:path w="329" h="167">
                      <a:moveTo>
                        <a:pt x="6" y="157"/>
                      </a:moveTo>
                      <a:lnTo>
                        <a:pt x="0" y="157"/>
                      </a:lnTo>
                      <a:lnTo>
                        <a:pt x="2" y="71"/>
                      </a:lnTo>
                      <a:lnTo>
                        <a:pt x="2" y="69"/>
                      </a:lnTo>
                      <a:lnTo>
                        <a:pt x="6" y="69"/>
                      </a:lnTo>
                      <a:lnTo>
                        <a:pt x="9" y="69"/>
                      </a:lnTo>
                      <a:lnTo>
                        <a:pt x="12" y="68"/>
                      </a:lnTo>
                      <a:lnTo>
                        <a:pt x="17" y="68"/>
                      </a:lnTo>
                      <a:lnTo>
                        <a:pt x="24" y="66"/>
                      </a:lnTo>
                      <a:lnTo>
                        <a:pt x="29" y="64"/>
                      </a:lnTo>
                      <a:lnTo>
                        <a:pt x="36" y="63"/>
                      </a:lnTo>
                      <a:lnTo>
                        <a:pt x="43" y="61"/>
                      </a:lnTo>
                      <a:lnTo>
                        <a:pt x="48" y="59"/>
                      </a:lnTo>
                      <a:lnTo>
                        <a:pt x="55" y="57"/>
                      </a:lnTo>
                      <a:lnTo>
                        <a:pt x="60" y="56"/>
                      </a:lnTo>
                      <a:lnTo>
                        <a:pt x="63" y="56"/>
                      </a:lnTo>
                      <a:lnTo>
                        <a:pt x="66" y="54"/>
                      </a:lnTo>
                      <a:lnTo>
                        <a:pt x="68" y="54"/>
                      </a:lnTo>
                      <a:lnTo>
                        <a:pt x="70" y="54"/>
                      </a:lnTo>
                      <a:lnTo>
                        <a:pt x="171" y="32"/>
                      </a:lnTo>
                      <a:lnTo>
                        <a:pt x="178" y="25"/>
                      </a:lnTo>
                      <a:lnTo>
                        <a:pt x="180" y="25"/>
                      </a:lnTo>
                      <a:lnTo>
                        <a:pt x="180" y="22"/>
                      </a:lnTo>
                      <a:lnTo>
                        <a:pt x="182" y="20"/>
                      </a:lnTo>
                      <a:lnTo>
                        <a:pt x="183" y="19"/>
                      </a:lnTo>
                      <a:lnTo>
                        <a:pt x="187" y="12"/>
                      </a:lnTo>
                      <a:lnTo>
                        <a:pt x="192" y="7"/>
                      </a:lnTo>
                      <a:lnTo>
                        <a:pt x="197" y="3"/>
                      </a:lnTo>
                      <a:lnTo>
                        <a:pt x="202" y="0"/>
                      </a:lnTo>
                      <a:lnTo>
                        <a:pt x="205" y="0"/>
                      </a:lnTo>
                      <a:lnTo>
                        <a:pt x="209" y="0"/>
                      </a:lnTo>
                      <a:lnTo>
                        <a:pt x="210" y="0"/>
                      </a:lnTo>
                      <a:lnTo>
                        <a:pt x="212" y="0"/>
                      </a:lnTo>
                      <a:lnTo>
                        <a:pt x="210" y="0"/>
                      </a:lnTo>
                      <a:lnTo>
                        <a:pt x="210" y="2"/>
                      </a:lnTo>
                      <a:lnTo>
                        <a:pt x="210" y="3"/>
                      </a:lnTo>
                      <a:lnTo>
                        <a:pt x="212" y="7"/>
                      </a:lnTo>
                      <a:lnTo>
                        <a:pt x="214" y="10"/>
                      </a:lnTo>
                      <a:lnTo>
                        <a:pt x="215" y="13"/>
                      </a:lnTo>
                      <a:lnTo>
                        <a:pt x="220" y="17"/>
                      </a:lnTo>
                      <a:lnTo>
                        <a:pt x="226" y="22"/>
                      </a:lnTo>
                      <a:lnTo>
                        <a:pt x="227" y="22"/>
                      </a:lnTo>
                      <a:lnTo>
                        <a:pt x="231" y="22"/>
                      </a:lnTo>
                      <a:lnTo>
                        <a:pt x="232" y="24"/>
                      </a:lnTo>
                      <a:lnTo>
                        <a:pt x="234" y="24"/>
                      </a:lnTo>
                      <a:lnTo>
                        <a:pt x="232" y="27"/>
                      </a:lnTo>
                      <a:lnTo>
                        <a:pt x="229" y="30"/>
                      </a:lnTo>
                      <a:lnTo>
                        <a:pt x="220" y="35"/>
                      </a:lnTo>
                      <a:lnTo>
                        <a:pt x="220" y="37"/>
                      </a:lnTo>
                      <a:lnTo>
                        <a:pt x="220" y="41"/>
                      </a:lnTo>
                      <a:lnTo>
                        <a:pt x="220" y="46"/>
                      </a:lnTo>
                      <a:lnTo>
                        <a:pt x="219" y="47"/>
                      </a:lnTo>
                      <a:lnTo>
                        <a:pt x="217" y="52"/>
                      </a:lnTo>
                      <a:lnTo>
                        <a:pt x="214" y="57"/>
                      </a:lnTo>
                      <a:lnTo>
                        <a:pt x="212" y="64"/>
                      </a:lnTo>
                      <a:lnTo>
                        <a:pt x="212" y="69"/>
                      </a:lnTo>
                      <a:lnTo>
                        <a:pt x="214" y="73"/>
                      </a:lnTo>
                      <a:lnTo>
                        <a:pt x="219" y="73"/>
                      </a:lnTo>
                      <a:lnTo>
                        <a:pt x="227" y="71"/>
                      </a:lnTo>
                      <a:lnTo>
                        <a:pt x="234" y="73"/>
                      </a:lnTo>
                      <a:lnTo>
                        <a:pt x="242" y="78"/>
                      </a:lnTo>
                      <a:lnTo>
                        <a:pt x="248" y="86"/>
                      </a:lnTo>
                      <a:lnTo>
                        <a:pt x="253" y="86"/>
                      </a:lnTo>
                      <a:lnTo>
                        <a:pt x="253" y="88"/>
                      </a:lnTo>
                      <a:lnTo>
                        <a:pt x="254" y="91"/>
                      </a:lnTo>
                      <a:lnTo>
                        <a:pt x="254" y="95"/>
                      </a:lnTo>
                      <a:lnTo>
                        <a:pt x="256" y="100"/>
                      </a:lnTo>
                      <a:lnTo>
                        <a:pt x="258" y="103"/>
                      </a:lnTo>
                      <a:lnTo>
                        <a:pt x="259" y="107"/>
                      </a:lnTo>
                      <a:lnTo>
                        <a:pt x="261" y="107"/>
                      </a:lnTo>
                      <a:lnTo>
                        <a:pt x="264" y="105"/>
                      </a:lnTo>
                      <a:lnTo>
                        <a:pt x="266" y="105"/>
                      </a:lnTo>
                      <a:lnTo>
                        <a:pt x="268" y="107"/>
                      </a:lnTo>
                      <a:lnTo>
                        <a:pt x="268" y="108"/>
                      </a:lnTo>
                      <a:lnTo>
                        <a:pt x="268" y="110"/>
                      </a:lnTo>
                      <a:lnTo>
                        <a:pt x="268" y="112"/>
                      </a:lnTo>
                      <a:lnTo>
                        <a:pt x="270" y="113"/>
                      </a:lnTo>
                      <a:lnTo>
                        <a:pt x="271" y="115"/>
                      </a:lnTo>
                      <a:lnTo>
                        <a:pt x="275" y="118"/>
                      </a:lnTo>
                      <a:lnTo>
                        <a:pt x="280" y="120"/>
                      </a:lnTo>
                      <a:lnTo>
                        <a:pt x="288" y="122"/>
                      </a:lnTo>
                      <a:lnTo>
                        <a:pt x="298" y="122"/>
                      </a:lnTo>
                      <a:lnTo>
                        <a:pt x="302" y="120"/>
                      </a:lnTo>
                      <a:lnTo>
                        <a:pt x="305" y="120"/>
                      </a:lnTo>
                      <a:lnTo>
                        <a:pt x="308" y="117"/>
                      </a:lnTo>
                      <a:lnTo>
                        <a:pt x="314" y="113"/>
                      </a:lnTo>
                      <a:lnTo>
                        <a:pt x="317" y="110"/>
                      </a:lnTo>
                      <a:lnTo>
                        <a:pt x="319" y="105"/>
                      </a:lnTo>
                      <a:lnTo>
                        <a:pt x="319" y="101"/>
                      </a:lnTo>
                      <a:lnTo>
                        <a:pt x="315" y="96"/>
                      </a:lnTo>
                      <a:lnTo>
                        <a:pt x="314" y="95"/>
                      </a:lnTo>
                      <a:lnTo>
                        <a:pt x="312" y="91"/>
                      </a:lnTo>
                      <a:lnTo>
                        <a:pt x="308" y="90"/>
                      </a:lnTo>
                      <a:lnTo>
                        <a:pt x="305" y="85"/>
                      </a:lnTo>
                      <a:lnTo>
                        <a:pt x="302" y="83"/>
                      </a:lnTo>
                      <a:lnTo>
                        <a:pt x="298" y="81"/>
                      </a:lnTo>
                      <a:lnTo>
                        <a:pt x="297" y="81"/>
                      </a:lnTo>
                      <a:lnTo>
                        <a:pt x="293" y="85"/>
                      </a:lnTo>
                      <a:lnTo>
                        <a:pt x="292" y="86"/>
                      </a:lnTo>
                      <a:lnTo>
                        <a:pt x="292" y="78"/>
                      </a:lnTo>
                      <a:lnTo>
                        <a:pt x="295" y="76"/>
                      </a:lnTo>
                      <a:lnTo>
                        <a:pt x="298" y="76"/>
                      </a:lnTo>
                      <a:lnTo>
                        <a:pt x="305" y="78"/>
                      </a:lnTo>
                      <a:lnTo>
                        <a:pt x="310" y="81"/>
                      </a:lnTo>
                      <a:lnTo>
                        <a:pt x="317" y="88"/>
                      </a:lnTo>
                      <a:lnTo>
                        <a:pt x="324" y="98"/>
                      </a:lnTo>
                      <a:lnTo>
                        <a:pt x="329" y="113"/>
                      </a:lnTo>
                      <a:lnTo>
                        <a:pt x="329" y="115"/>
                      </a:lnTo>
                      <a:lnTo>
                        <a:pt x="329" y="117"/>
                      </a:lnTo>
                      <a:lnTo>
                        <a:pt x="329" y="120"/>
                      </a:lnTo>
                      <a:lnTo>
                        <a:pt x="329" y="122"/>
                      </a:lnTo>
                      <a:lnTo>
                        <a:pt x="329" y="123"/>
                      </a:lnTo>
                      <a:lnTo>
                        <a:pt x="329" y="125"/>
                      </a:lnTo>
                      <a:lnTo>
                        <a:pt x="327" y="125"/>
                      </a:lnTo>
                      <a:lnTo>
                        <a:pt x="325" y="123"/>
                      </a:lnTo>
                      <a:lnTo>
                        <a:pt x="324" y="123"/>
                      </a:lnTo>
                      <a:lnTo>
                        <a:pt x="322" y="123"/>
                      </a:lnTo>
                      <a:lnTo>
                        <a:pt x="319" y="125"/>
                      </a:lnTo>
                      <a:lnTo>
                        <a:pt x="314" y="127"/>
                      </a:lnTo>
                      <a:lnTo>
                        <a:pt x="310" y="130"/>
                      </a:lnTo>
                      <a:lnTo>
                        <a:pt x="308" y="132"/>
                      </a:lnTo>
                      <a:lnTo>
                        <a:pt x="307" y="132"/>
                      </a:lnTo>
                      <a:lnTo>
                        <a:pt x="303" y="132"/>
                      </a:lnTo>
                      <a:lnTo>
                        <a:pt x="300" y="134"/>
                      </a:lnTo>
                      <a:lnTo>
                        <a:pt x="297" y="135"/>
                      </a:lnTo>
                      <a:lnTo>
                        <a:pt x="293" y="139"/>
                      </a:lnTo>
                      <a:lnTo>
                        <a:pt x="290" y="142"/>
                      </a:lnTo>
                      <a:lnTo>
                        <a:pt x="286" y="145"/>
                      </a:lnTo>
                      <a:lnTo>
                        <a:pt x="286" y="147"/>
                      </a:lnTo>
                      <a:lnTo>
                        <a:pt x="285" y="147"/>
                      </a:lnTo>
                      <a:lnTo>
                        <a:pt x="283" y="147"/>
                      </a:lnTo>
                      <a:lnTo>
                        <a:pt x="283" y="149"/>
                      </a:lnTo>
                      <a:lnTo>
                        <a:pt x="273" y="157"/>
                      </a:lnTo>
                      <a:lnTo>
                        <a:pt x="268" y="154"/>
                      </a:lnTo>
                      <a:lnTo>
                        <a:pt x="270" y="140"/>
                      </a:lnTo>
                      <a:lnTo>
                        <a:pt x="270" y="137"/>
                      </a:lnTo>
                      <a:lnTo>
                        <a:pt x="270" y="134"/>
                      </a:lnTo>
                      <a:lnTo>
                        <a:pt x="268" y="132"/>
                      </a:lnTo>
                      <a:lnTo>
                        <a:pt x="264" y="129"/>
                      </a:lnTo>
                      <a:lnTo>
                        <a:pt x="263" y="129"/>
                      </a:lnTo>
                      <a:lnTo>
                        <a:pt x="259" y="130"/>
                      </a:lnTo>
                      <a:lnTo>
                        <a:pt x="258" y="135"/>
                      </a:lnTo>
                      <a:lnTo>
                        <a:pt x="258" y="142"/>
                      </a:lnTo>
                      <a:lnTo>
                        <a:pt x="258" y="151"/>
                      </a:lnTo>
                      <a:lnTo>
                        <a:pt x="258" y="152"/>
                      </a:lnTo>
                      <a:lnTo>
                        <a:pt x="258" y="154"/>
                      </a:lnTo>
                      <a:lnTo>
                        <a:pt x="258" y="152"/>
                      </a:lnTo>
                      <a:lnTo>
                        <a:pt x="258" y="149"/>
                      </a:lnTo>
                      <a:lnTo>
                        <a:pt x="258" y="145"/>
                      </a:lnTo>
                      <a:lnTo>
                        <a:pt x="258" y="144"/>
                      </a:lnTo>
                      <a:lnTo>
                        <a:pt x="258" y="142"/>
                      </a:lnTo>
                      <a:lnTo>
                        <a:pt x="249" y="151"/>
                      </a:lnTo>
                      <a:lnTo>
                        <a:pt x="246" y="151"/>
                      </a:lnTo>
                      <a:lnTo>
                        <a:pt x="246" y="152"/>
                      </a:lnTo>
                      <a:lnTo>
                        <a:pt x="246" y="156"/>
                      </a:lnTo>
                      <a:lnTo>
                        <a:pt x="246" y="159"/>
                      </a:lnTo>
                      <a:lnTo>
                        <a:pt x="244" y="162"/>
                      </a:lnTo>
                      <a:lnTo>
                        <a:pt x="241" y="166"/>
                      </a:lnTo>
                      <a:lnTo>
                        <a:pt x="237" y="167"/>
                      </a:lnTo>
                      <a:lnTo>
                        <a:pt x="232" y="167"/>
                      </a:lnTo>
                      <a:lnTo>
                        <a:pt x="231" y="167"/>
                      </a:lnTo>
                      <a:lnTo>
                        <a:pt x="231" y="166"/>
                      </a:lnTo>
                      <a:lnTo>
                        <a:pt x="231" y="164"/>
                      </a:lnTo>
                      <a:lnTo>
                        <a:pt x="229" y="161"/>
                      </a:lnTo>
                      <a:lnTo>
                        <a:pt x="227" y="159"/>
                      </a:lnTo>
                      <a:lnTo>
                        <a:pt x="227" y="157"/>
                      </a:lnTo>
                      <a:lnTo>
                        <a:pt x="227" y="156"/>
                      </a:lnTo>
                      <a:lnTo>
                        <a:pt x="220" y="151"/>
                      </a:lnTo>
                      <a:lnTo>
                        <a:pt x="212" y="145"/>
                      </a:lnTo>
                      <a:lnTo>
                        <a:pt x="205" y="144"/>
                      </a:lnTo>
                      <a:lnTo>
                        <a:pt x="200" y="129"/>
                      </a:lnTo>
                      <a:lnTo>
                        <a:pt x="193" y="129"/>
                      </a:lnTo>
                      <a:lnTo>
                        <a:pt x="188" y="115"/>
                      </a:lnTo>
                      <a:lnTo>
                        <a:pt x="154" y="123"/>
                      </a:lnTo>
                      <a:lnTo>
                        <a:pt x="154" y="122"/>
                      </a:lnTo>
                      <a:lnTo>
                        <a:pt x="70" y="144"/>
                      </a:lnTo>
                      <a:lnTo>
                        <a:pt x="72" y="147"/>
                      </a:lnTo>
                      <a:lnTo>
                        <a:pt x="66" y="149"/>
                      </a:lnTo>
                      <a:lnTo>
                        <a:pt x="66" y="144"/>
                      </a:lnTo>
                      <a:lnTo>
                        <a:pt x="6" y="157"/>
                      </a:lnTo>
                      <a:close/>
                    </a:path>
                  </a:pathLst>
                </a:custGeom>
                <a:solidFill>
                  <a:srgbClr val="2D73FF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441" name="Freeform 189"/>
              <p:cNvSpPr>
                <a:spLocks/>
              </p:cNvSpPr>
              <p:nvPr/>
            </p:nvSpPr>
            <p:spPr bwMode="auto">
              <a:xfrm>
                <a:off x="4725" y="1711"/>
                <a:ext cx="165" cy="162"/>
              </a:xfrm>
              <a:custGeom>
                <a:avLst/>
                <a:gdLst>
                  <a:gd name="T0" fmla="*/ 114 w 169"/>
                  <a:gd name="T1" fmla="*/ 57 h 167"/>
                  <a:gd name="T2" fmla="*/ 112 w 169"/>
                  <a:gd name="T3" fmla="*/ 58 h 167"/>
                  <a:gd name="T4" fmla="*/ 110 w 169"/>
                  <a:gd name="T5" fmla="*/ 59 h 167"/>
                  <a:gd name="T6" fmla="*/ 105 w 169"/>
                  <a:gd name="T7" fmla="*/ 60 h 167"/>
                  <a:gd name="T8" fmla="*/ 101 w 169"/>
                  <a:gd name="T9" fmla="*/ 63 h 167"/>
                  <a:gd name="T10" fmla="*/ 97 w 169"/>
                  <a:gd name="T11" fmla="*/ 65 h 167"/>
                  <a:gd name="T12" fmla="*/ 93 w 169"/>
                  <a:gd name="T13" fmla="*/ 66 h 167"/>
                  <a:gd name="T14" fmla="*/ 90 w 169"/>
                  <a:gd name="T15" fmla="*/ 68 h 167"/>
                  <a:gd name="T16" fmla="*/ 89 w 169"/>
                  <a:gd name="T17" fmla="*/ 68 h 167"/>
                  <a:gd name="T18" fmla="*/ 82 w 169"/>
                  <a:gd name="T19" fmla="*/ 71 h 167"/>
                  <a:gd name="T20" fmla="*/ 75 w 169"/>
                  <a:gd name="T21" fmla="*/ 73 h 167"/>
                  <a:gd name="T22" fmla="*/ 66 w 169"/>
                  <a:gd name="T23" fmla="*/ 76 h 167"/>
                  <a:gd name="T24" fmla="*/ 60 w 169"/>
                  <a:gd name="T25" fmla="*/ 77 h 167"/>
                  <a:gd name="T26" fmla="*/ 57 w 169"/>
                  <a:gd name="T27" fmla="*/ 77 h 167"/>
                  <a:gd name="T28" fmla="*/ 54 w 169"/>
                  <a:gd name="T29" fmla="*/ 79 h 167"/>
                  <a:gd name="T30" fmla="*/ 53 w 169"/>
                  <a:gd name="T31" fmla="*/ 79 h 167"/>
                  <a:gd name="T32" fmla="*/ 53 w 169"/>
                  <a:gd name="T33" fmla="*/ 79 h 167"/>
                  <a:gd name="T34" fmla="*/ 30 w 169"/>
                  <a:gd name="T35" fmla="*/ 93 h 167"/>
                  <a:gd name="T36" fmla="*/ 28 w 169"/>
                  <a:gd name="T37" fmla="*/ 93 h 167"/>
                  <a:gd name="T38" fmla="*/ 20 w 169"/>
                  <a:gd name="T39" fmla="*/ 106 h 167"/>
                  <a:gd name="T40" fmla="*/ 13 w 169"/>
                  <a:gd name="T41" fmla="*/ 109 h 167"/>
                  <a:gd name="T42" fmla="*/ 13 w 169"/>
                  <a:gd name="T43" fmla="*/ 109 h 167"/>
                  <a:gd name="T44" fmla="*/ 6 w 169"/>
                  <a:gd name="T45" fmla="*/ 102 h 167"/>
                  <a:gd name="T46" fmla="*/ 20 w 169"/>
                  <a:gd name="T47" fmla="*/ 91 h 167"/>
                  <a:gd name="T48" fmla="*/ 13 w 169"/>
                  <a:gd name="T49" fmla="*/ 84 h 167"/>
                  <a:gd name="T50" fmla="*/ 0 w 169"/>
                  <a:gd name="T51" fmla="*/ 21 h 167"/>
                  <a:gd name="T52" fmla="*/ 46 w 169"/>
                  <a:gd name="T53" fmla="*/ 16 h 167"/>
                  <a:gd name="T54" fmla="*/ 46 w 169"/>
                  <a:gd name="T55" fmla="*/ 16 h 167"/>
                  <a:gd name="T56" fmla="*/ 50 w 169"/>
                  <a:gd name="T57" fmla="*/ 16 h 167"/>
                  <a:gd name="T58" fmla="*/ 49 w 169"/>
                  <a:gd name="T59" fmla="*/ 16 h 167"/>
                  <a:gd name="T60" fmla="*/ 105 w 169"/>
                  <a:gd name="T61" fmla="*/ 0 h 167"/>
                  <a:gd name="T62" fmla="*/ 105 w 169"/>
                  <a:gd name="T63" fmla="*/ 1 h 167"/>
                  <a:gd name="T64" fmla="*/ 121 w 169"/>
                  <a:gd name="T65" fmla="*/ 47 h 167"/>
                  <a:gd name="T66" fmla="*/ 117 w 169"/>
                  <a:gd name="T67" fmla="*/ 49 h 167"/>
                  <a:gd name="T68" fmla="*/ 117 w 169"/>
                  <a:gd name="T69" fmla="*/ 49 h 167"/>
                  <a:gd name="T70" fmla="*/ 117 w 169"/>
                  <a:gd name="T71" fmla="*/ 50 h 167"/>
                  <a:gd name="T72" fmla="*/ 117 w 169"/>
                  <a:gd name="T73" fmla="*/ 51 h 167"/>
                  <a:gd name="T74" fmla="*/ 117 w 169"/>
                  <a:gd name="T75" fmla="*/ 53 h 167"/>
                  <a:gd name="T76" fmla="*/ 117 w 169"/>
                  <a:gd name="T77" fmla="*/ 55 h 167"/>
                  <a:gd name="T78" fmla="*/ 117 w 169"/>
                  <a:gd name="T79" fmla="*/ 57 h 167"/>
                  <a:gd name="T80" fmla="*/ 117 w 169"/>
                  <a:gd name="T81" fmla="*/ 57 h 167"/>
                  <a:gd name="T82" fmla="*/ 118 w 169"/>
                  <a:gd name="T83" fmla="*/ 58 h 167"/>
                  <a:gd name="T84" fmla="*/ 114 w 169"/>
                  <a:gd name="T85" fmla="*/ 57 h 167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w 169"/>
                  <a:gd name="T130" fmla="*/ 0 h 167"/>
                  <a:gd name="T131" fmla="*/ 169 w 169"/>
                  <a:gd name="T132" fmla="*/ 167 h 167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T129" t="T130" r="T131" b="T132"/>
                <a:pathLst>
                  <a:path w="169" h="167">
                    <a:moveTo>
                      <a:pt x="159" y="86"/>
                    </a:moveTo>
                    <a:lnTo>
                      <a:pt x="157" y="88"/>
                    </a:lnTo>
                    <a:lnTo>
                      <a:pt x="154" y="89"/>
                    </a:lnTo>
                    <a:lnTo>
                      <a:pt x="148" y="91"/>
                    </a:lnTo>
                    <a:lnTo>
                      <a:pt x="142" y="95"/>
                    </a:lnTo>
                    <a:lnTo>
                      <a:pt x="135" y="98"/>
                    </a:lnTo>
                    <a:lnTo>
                      <a:pt x="130" y="100"/>
                    </a:lnTo>
                    <a:lnTo>
                      <a:pt x="125" y="103"/>
                    </a:lnTo>
                    <a:lnTo>
                      <a:pt x="123" y="103"/>
                    </a:lnTo>
                    <a:lnTo>
                      <a:pt x="113" y="108"/>
                    </a:lnTo>
                    <a:lnTo>
                      <a:pt x="103" y="111"/>
                    </a:lnTo>
                    <a:lnTo>
                      <a:pt x="94" y="115"/>
                    </a:lnTo>
                    <a:lnTo>
                      <a:pt x="86" y="117"/>
                    </a:lnTo>
                    <a:lnTo>
                      <a:pt x="79" y="118"/>
                    </a:lnTo>
                    <a:lnTo>
                      <a:pt x="74" y="120"/>
                    </a:lnTo>
                    <a:lnTo>
                      <a:pt x="72" y="120"/>
                    </a:lnTo>
                    <a:lnTo>
                      <a:pt x="71" y="120"/>
                    </a:lnTo>
                    <a:lnTo>
                      <a:pt x="44" y="142"/>
                    </a:lnTo>
                    <a:lnTo>
                      <a:pt x="42" y="142"/>
                    </a:lnTo>
                    <a:lnTo>
                      <a:pt x="20" y="162"/>
                    </a:lnTo>
                    <a:lnTo>
                      <a:pt x="13" y="167"/>
                    </a:lnTo>
                    <a:lnTo>
                      <a:pt x="6" y="155"/>
                    </a:lnTo>
                    <a:lnTo>
                      <a:pt x="20" y="139"/>
                    </a:lnTo>
                    <a:lnTo>
                      <a:pt x="13" y="130"/>
                    </a:lnTo>
                    <a:lnTo>
                      <a:pt x="0" y="35"/>
                    </a:lnTo>
                    <a:lnTo>
                      <a:pt x="60" y="22"/>
                    </a:lnTo>
                    <a:lnTo>
                      <a:pt x="60" y="27"/>
                    </a:lnTo>
                    <a:lnTo>
                      <a:pt x="66" y="25"/>
                    </a:lnTo>
                    <a:lnTo>
                      <a:pt x="64" y="22"/>
                    </a:lnTo>
                    <a:lnTo>
                      <a:pt x="148" y="0"/>
                    </a:lnTo>
                    <a:lnTo>
                      <a:pt x="148" y="1"/>
                    </a:lnTo>
                    <a:lnTo>
                      <a:pt x="169" y="73"/>
                    </a:lnTo>
                    <a:lnTo>
                      <a:pt x="164" y="76"/>
                    </a:lnTo>
                    <a:lnTo>
                      <a:pt x="164" y="78"/>
                    </a:lnTo>
                    <a:lnTo>
                      <a:pt x="164" y="79"/>
                    </a:lnTo>
                    <a:lnTo>
                      <a:pt x="164" y="81"/>
                    </a:lnTo>
                    <a:lnTo>
                      <a:pt x="164" y="83"/>
                    </a:lnTo>
                    <a:lnTo>
                      <a:pt x="164" y="86"/>
                    </a:lnTo>
                    <a:lnTo>
                      <a:pt x="165" y="88"/>
                    </a:lnTo>
                    <a:lnTo>
                      <a:pt x="159" y="86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442" name="Freeform 190"/>
              <p:cNvSpPr>
                <a:spLocks/>
              </p:cNvSpPr>
              <p:nvPr/>
            </p:nvSpPr>
            <p:spPr bwMode="auto">
              <a:xfrm>
                <a:off x="4869" y="1704"/>
                <a:ext cx="76" cy="93"/>
              </a:xfrm>
              <a:custGeom>
                <a:avLst/>
                <a:gdLst>
                  <a:gd name="T0" fmla="*/ 19 w 78"/>
                  <a:gd name="T1" fmla="*/ 61 h 95"/>
                  <a:gd name="T2" fmla="*/ 16 w 78"/>
                  <a:gd name="T3" fmla="*/ 63 h 95"/>
                  <a:gd name="T4" fmla="*/ 16 w 78"/>
                  <a:gd name="T5" fmla="*/ 63 h 95"/>
                  <a:gd name="T6" fmla="*/ 16 w 78"/>
                  <a:gd name="T7" fmla="*/ 63 h 95"/>
                  <a:gd name="T8" fmla="*/ 16 w 78"/>
                  <a:gd name="T9" fmla="*/ 64 h 95"/>
                  <a:gd name="T10" fmla="*/ 16 w 78"/>
                  <a:gd name="T11" fmla="*/ 64 h 95"/>
                  <a:gd name="T12" fmla="*/ 16 w 78"/>
                  <a:gd name="T13" fmla="*/ 65 h 95"/>
                  <a:gd name="T14" fmla="*/ 16 w 78"/>
                  <a:gd name="T15" fmla="*/ 66 h 95"/>
                  <a:gd name="T16" fmla="*/ 16 w 78"/>
                  <a:gd name="T17" fmla="*/ 68 h 95"/>
                  <a:gd name="T18" fmla="*/ 16 w 78"/>
                  <a:gd name="T19" fmla="*/ 68 h 95"/>
                  <a:gd name="T20" fmla="*/ 17 w 78"/>
                  <a:gd name="T21" fmla="*/ 69 h 95"/>
                  <a:gd name="T22" fmla="*/ 17 w 78"/>
                  <a:gd name="T23" fmla="*/ 69 h 95"/>
                  <a:gd name="T24" fmla="*/ 19 w 78"/>
                  <a:gd name="T25" fmla="*/ 69 h 95"/>
                  <a:gd name="T26" fmla="*/ 19 w 78"/>
                  <a:gd name="T27" fmla="*/ 68 h 95"/>
                  <a:gd name="T28" fmla="*/ 19 w 78"/>
                  <a:gd name="T29" fmla="*/ 66 h 95"/>
                  <a:gd name="T30" fmla="*/ 22 w 78"/>
                  <a:gd name="T31" fmla="*/ 64 h 95"/>
                  <a:gd name="T32" fmla="*/ 25 w 78"/>
                  <a:gd name="T33" fmla="*/ 63 h 95"/>
                  <a:gd name="T34" fmla="*/ 27 w 78"/>
                  <a:gd name="T35" fmla="*/ 61 h 95"/>
                  <a:gd name="T36" fmla="*/ 29 w 78"/>
                  <a:gd name="T37" fmla="*/ 60 h 95"/>
                  <a:gd name="T38" fmla="*/ 30 w 78"/>
                  <a:gd name="T39" fmla="*/ 59 h 95"/>
                  <a:gd name="T40" fmla="*/ 36 w 78"/>
                  <a:gd name="T41" fmla="*/ 59 h 95"/>
                  <a:gd name="T42" fmla="*/ 36 w 78"/>
                  <a:gd name="T43" fmla="*/ 50 h 95"/>
                  <a:gd name="T44" fmla="*/ 25 w 78"/>
                  <a:gd name="T45" fmla="*/ 23 h 95"/>
                  <a:gd name="T46" fmla="*/ 34 w 78"/>
                  <a:gd name="T47" fmla="*/ 23 h 95"/>
                  <a:gd name="T48" fmla="*/ 41 w 78"/>
                  <a:gd name="T49" fmla="*/ 23 h 95"/>
                  <a:gd name="T50" fmla="*/ 44 w 78"/>
                  <a:gd name="T51" fmla="*/ 23 h 95"/>
                  <a:gd name="T52" fmla="*/ 44 w 78"/>
                  <a:gd name="T53" fmla="*/ 23 h 95"/>
                  <a:gd name="T54" fmla="*/ 45 w 78"/>
                  <a:gd name="T55" fmla="*/ 23 h 95"/>
                  <a:gd name="T56" fmla="*/ 45 w 78"/>
                  <a:gd name="T57" fmla="*/ 23 h 95"/>
                  <a:gd name="T58" fmla="*/ 47 w 78"/>
                  <a:gd name="T59" fmla="*/ 25 h 95"/>
                  <a:gd name="T60" fmla="*/ 48 w 78"/>
                  <a:gd name="T61" fmla="*/ 28 h 95"/>
                  <a:gd name="T62" fmla="*/ 48 w 78"/>
                  <a:gd name="T63" fmla="*/ 28 h 95"/>
                  <a:gd name="T64" fmla="*/ 49 w 78"/>
                  <a:gd name="T65" fmla="*/ 38 h 95"/>
                  <a:gd name="T66" fmla="*/ 51 w 78"/>
                  <a:gd name="T67" fmla="*/ 44 h 95"/>
                  <a:gd name="T68" fmla="*/ 51 w 78"/>
                  <a:gd name="T69" fmla="*/ 47 h 95"/>
                  <a:gd name="T70" fmla="*/ 52 w 78"/>
                  <a:gd name="T71" fmla="*/ 45 h 95"/>
                  <a:gd name="T72" fmla="*/ 53 w 78"/>
                  <a:gd name="T73" fmla="*/ 44 h 95"/>
                  <a:gd name="T74" fmla="*/ 53 w 78"/>
                  <a:gd name="T75" fmla="*/ 40 h 95"/>
                  <a:gd name="T76" fmla="*/ 54 w 78"/>
                  <a:gd name="T77" fmla="*/ 38 h 95"/>
                  <a:gd name="T78" fmla="*/ 54 w 78"/>
                  <a:gd name="T79" fmla="*/ 37 h 95"/>
                  <a:gd name="T80" fmla="*/ 54 w 78"/>
                  <a:gd name="T81" fmla="*/ 38 h 95"/>
                  <a:gd name="T82" fmla="*/ 54 w 78"/>
                  <a:gd name="T83" fmla="*/ 38 h 95"/>
                  <a:gd name="T84" fmla="*/ 53 w 78"/>
                  <a:gd name="T85" fmla="*/ 38 h 95"/>
                  <a:gd name="T86" fmla="*/ 53 w 78"/>
                  <a:gd name="T87" fmla="*/ 37 h 95"/>
                  <a:gd name="T88" fmla="*/ 53 w 78"/>
                  <a:gd name="T89" fmla="*/ 35 h 95"/>
                  <a:gd name="T90" fmla="*/ 52 w 78"/>
                  <a:gd name="T91" fmla="*/ 32 h 95"/>
                  <a:gd name="T92" fmla="*/ 51 w 78"/>
                  <a:gd name="T93" fmla="*/ 30 h 95"/>
                  <a:gd name="T94" fmla="*/ 51 w 78"/>
                  <a:gd name="T95" fmla="*/ 28 h 95"/>
                  <a:gd name="T96" fmla="*/ 51 w 78"/>
                  <a:gd name="T97" fmla="*/ 27 h 95"/>
                  <a:gd name="T98" fmla="*/ 51 w 78"/>
                  <a:gd name="T99" fmla="*/ 27 h 95"/>
                  <a:gd name="T100" fmla="*/ 48 w 78"/>
                  <a:gd name="T101" fmla="*/ 23 h 95"/>
                  <a:gd name="T102" fmla="*/ 44 w 78"/>
                  <a:gd name="T103" fmla="*/ 23 h 95"/>
                  <a:gd name="T104" fmla="*/ 37 w 78"/>
                  <a:gd name="T105" fmla="*/ 23 h 95"/>
                  <a:gd name="T106" fmla="*/ 32 w 78"/>
                  <a:gd name="T107" fmla="*/ 14 h 95"/>
                  <a:gd name="T108" fmla="*/ 25 w 78"/>
                  <a:gd name="T109" fmla="*/ 14 h 95"/>
                  <a:gd name="T110" fmla="*/ 20 w 78"/>
                  <a:gd name="T111" fmla="*/ 0 h 95"/>
                  <a:gd name="T112" fmla="*/ 0 w 78"/>
                  <a:gd name="T113" fmla="*/ 8 h 95"/>
                  <a:gd name="T114" fmla="*/ 19 w 78"/>
                  <a:gd name="T115" fmla="*/ 61 h 95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78"/>
                  <a:gd name="T175" fmla="*/ 0 h 95"/>
                  <a:gd name="T176" fmla="*/ 78 w 78"/>
                  <a:gd name="T177" fmla="*/ 95 h 95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78" h="95">
                    <a:moveTo>
                      <a:pt x="21" y="80"/>
                    </a:moveTo>
                    <a:lnTo>
                      <a:pt x="16" y="83"/>
                    </a:lnTo>
                    <a:lnTo>
                      <a:pt x="16" y="85"/>
                    </a:lnTo>
                    <a:lnTo>
                      <a:pt x="16" y="86"/>
                    </a:lnTo>
                    <a:lnTo>
                      <a:pt x="16" y="88"/>
                    </a:lnTo>
                    <a:lnTo>
                      <a:pt x="16" y="90"/>
                    </a:lnTo>
                    <a:lnTo>
                      <a:pt x="16" y="93"/>
                    </a:lnTo>
                    <a:lnTo>
                      <a:pt x="17" y="95"/>
                    </a:lnTo>
                    <a:lnTo>
                      <a:pt x="22" y="95"/>
                    </a:lnTo>
                    <a:lnTo>
                      <a:pt x="28" y="93"/>
                    </a:lnTo>
                    <a:lnTo>
                      <a:pt x="31" y="90"/>
                    </a:lnTo>
                    <a:lnTo>
                      <a:pt x="36" y="86"/>
                    </a:lnTo>
                    <a:lnTo>
                      <a:pt x="39" y="83"/>
                    </a:lnTo>
                    <a:lnTo>
                      <a:pt x="41" y="80"/>
                    </a:lnTo>
                    <a:lnTo>
                      <a:pt x="43" y="78"/>
                    </a:lnTo>
                    <a:lnTo>
                      <a:pt x="44" y="76"/>
                    </a:lnTo>
                    <a:lnTo>
                      <a:pt x="50" y="76"/>
                    </a:lnTo>
                    <a:lnTo>
                      <a:pt x="50" y="64"/>
                    </a:lnTo>
                    <a:lnTo>
                      <a:pt x="39" y="30"/>
                    </a:lnTo>
                    <a:lnTo>
                      <a:pt x="48" y="29"/>
                    </a:lnTo>
                    <a:lnTo>
                      <a:pt x="55" y="36"/>
                    </a:lnTo>
                    <a:lnTo>
                      <a:pt x="58" y="36"/>
                    </a:lnTo>
                    <a:lnTo>
                      <a:pt x="60" y="36"/>
                    </a:lnTo>
                    <a:lnTo>
                      <a:pt x="61" y="37"/>
                    </a:lnTo>
                    <a:lnTo>
                      <a:pt x="65" y="39"/>
                    </a:lnTo>
                    <a:lnTo>
                      <a:pt x="66" y="42"/>
                    </a:lnTo>
                    <a:lnTo>
                      <a:pt x="68" y="52"/>
                    </a:lnTo>
                    <a:lnTo>
                      <a:pt x="72" y="58"/>
                    </a:lnTo>
                    <a:lnTo>
                      <a:pt x="73" y="61"/>
                    </a:lnTo>
                    <a:lnTo>
                      <a:pt x="75" y="59"/>
                    </a:lnTo>
                    <a:lnTo>
                      <a:pt x="77" y="58"/>
                    </a:lnTo>
                    <a:lnTo>
                      <a:pt x="77" y="54"/>
                    </a:lnTo>
                    <a:lnTo>
                      <a:pt x="78" y="52"/>
                    </a:lnTo>
                    <a:lnTo>
                      <a:pt x="78" y="51"/>
                    </a:lnTo>
                    <a:lnTo>
                      <a:pt x="78" y="52"/>
                    </a:lnTo>
                    <a:lnTo>
                      <a:pt x="77" y="52"/>
                    </a:lnTo>
                    <a:lnTo>
                      <a:pt x="77" y="51"/>
                    </a:lnTo>
                    <a:lnTo>
                      <a:pt x="77" y="49"/>
                    </a:lnTo>
                    <a:lnTo>
                      <a:pt x="75" y="46"/>
                    </a:lnTo>
                    <a:lnTo>
                      <a:pt x="73" y="44"/>
                    </a:lnTo>
                    <a:lnTo>
                      <a:pt x="73" y="42"/>
                    </a:lnTo>
                    <a:lnTo>
                      <a:pt x="73" y="41"/>
                    </a:lnTo>
                    <a:lnTo>
                      <a:pt x="66" y="36"/>
                    </a:lnTo>
                    <a:lnTo>
                      <a:pt x="58" y="30"/>
                    </a:lnTo>
                    <a:lnTo>
                      <a:pt x="51" y="29"/>
                    </a:lnTo>
                    <a:lnTo>
                      <a:pt x="46" y="14"/>
                    </a:lnTo>
                    <a:lnTo>
                      <a:pt x="39" y="14"/>
                    </a:lnTo>
                    <a:lnTo>
                      <a:pt x="34" y="0"/>
                    </a:lnTo>
                    <a:lnTo>
                      <a:pt x="0" y="8"/>
                    </a:lnTo>
                    <a:lnTo>
                      <a:pt x="21" y="8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</p:grpSp>
        <p:sp>
          <p:nvSpPr>
            <p:cNvPr id="572" name="TextBox 571"/>
            <p:cNvSpPr txBox="1"/>
            <p:nvPr/>
          </p:nvSpPr>
          <p:spPr>
            <a:xfrm>
              <a:off x="4110007" y="3125890"/>
              <a:ext cx="1163786" cy="40506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ctr" defTabSz="78363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867" b="1" i="1" dirty="0">
                  <a:solidFill>
                    <a:srgbClr val="9A3B26"/>
                  </a:solidFill>
                  <a:latin typeface="Calibri" panose="020F0502020204030204" pitchFamily="34" charset="0"/>
                </a:rPr>
                <a:t>C. </a:t>
              </a:r>
              <a:r>
                <a:rPr lang="en-US" sz="1867" b="1" i="1" dirty="0" err="1">
                  <a:solidFill>
                    <a:srgbClr val="9A3B26"/>
                  </a:solidFill>
                  <a:latin typeface="Calibri" panose="020F0502020204030204" pitchFamily="34" charset="0"/>
                </a:rPr>
                <a:t>auris</a:t>
              </a:r>
              <a:endParaRPr lang="en-US" sz="1867" b="1" i="1" dirty="0">
                <a:solidFill>
                  <a:srgbClr val="9A3B26"/>
                </a:solidFill>
                <a:latin typeface="Calibri" panose="020F0502020204030204" pitchFamily="34" charset="0"/>
              </a:endParaRPr>
            </a:p>
          </p:txBody>
        </p:sp>
      </p:grpSp>
      <p:grpSp>
        <p:nvGrpSpPr>
          <p:cNvPr id="14" name="Group 13"/>
          <p:cNvGrpSpPr/>
          <p:nvPr/>
        </p:nvGrpSpPr>
        <p:grpSpPr>
          <a:xfrm>
            <a:off x="8812439" y="3337624"/>
            <a:ext cx="2466975" cy="2024947"/>
            <a:chOff x="8800002" y="3125889"/>
            <a:chExt cx="2632097" cy="2160485"/>
          </a:xfrm>
        </p:grpSpPr>
        <p:grpSp>
          <p:nvGrpSpPr>
            <p:cNvPr id="573" name="Group 5" descr="Map of the US showing the three Public Reporting States in 2004. "/>
            <p:cNvGrpSpPr>
              <a:grpSpLocks noChangeAspect="1"/>
            </p:cNvGrpSpPr>
            <p:nvPr/>
          </p:nvGrpSpPr>
          <p:grpSpPr bwMode="auto">
            <a:xfrm>
              <a:off x="8800002" y="3514819"/>
              <a:ext cx="2632097" cy="1771555"/>
              <a:chOff x="192" y="850"/>
              <a:chExt cx="4988" cy="3134"/>
            </a:xfrm>
          </p:grpSpPr>
          <p:sp>
            <p:nvSpPr>
              <p:cNvPr id="577" name="Freeform 9"/>
              <p:cNvSpPr>
                <a:spLocks/>
              </p:cNvSpPr>
              <p:nvPr/>
            </p:nvSpPr>
            <p:spPr bwMode="auto">
              <a:xfrm>
                <a:off x="4479" y="2181"/>
                <a:ext cx="22" cy="24"/>
              </a:xfrm>
              <a:custGeom>
                <a:avLst/>
                <a:gdLst>
                  <a:gd name="T0" fmla="*/ 0 w 22"/>
                  <a:gd name="T1" fmla="*/ 7 h 25"/>
                  <a:gd name="T2" fmla="*/ 9 w 22"/>
                  <a:gd name="T3" fmla="*/ 0 h 25"/>
                  <a:gd name="T4" fmla="*/ 22 w 22"/>
                  <a:gd name="T5" fmla="*/ 10 h 25"/>
                  <a:gd name="T6" fmla="*/ 12 w 22"/>
                  <a:gd name="T7" fmla="*/ 12 h 25"/>
                  <a:gd name="T8" fmla="*/ 12 w 22"/>
                  <a:gd name="T9" fmla="*/ 12 h 25"/>
                  <a:gd name="T10" fmla="*/ 12 w 22"/>
                  <a:gd name="T11" fmla="*/ 12 h 25"/>
                  <a:gd name="T12" fmla="*/ 12 w 22"/>
                  <a:gd name="T13" fmla="*/ 12 h 25"/>
                  <a:gd name="T14" fmla="*/ 12 w 22"/>
                  <a:gd name="T15" fmla="*/ 12 h 25"/>
                  <a:gd name="T16" fmla="*/ 11 w 22"/>
                  <a:gd name="T17" fmla="*/ 12 h 25"/>
                  <a:gd name="T18" fmla="*/ 9 w 22"/>
                  <a:gd name="T19" fmla="*/ 12 h 25"/>
                  <a:gd name="T20" fmla="*/ 7 w 22"/>
                  <a:gd name="T21" fmla="*/ 12 h 25"/>
                  <a:gd name="T22" fmla="*/ 2 w 22"/>
                  <a:gd name="T23" fmla="*/ 8 h 25"/>
                  <a:gd name="T24" fmla="*/ 2 w 22"/>
                  <a:gd name="T25" fmla="*/ 8 h 25"/>
                  <a:gd name="T26" fmla="*/ 0 w 22"/>
                  <a:gd name="T27" fmla="*/ 8 h 25"/>
                  <a:gd name="T28" fmla="*/ 0 w 22"/>
                  <a:gd name="T29" fmla="*/ 7 h 25"/>
                  <a:gd name="T30" fmla="*/ 0 w 22"/>
                  <a:gd name="T31" fmla="*/ 7 h 25"/>
                  <a:gd name="T32" fmla="*/ 0 60000 65536"/>
                  <a:gd name="T33" fmla="*/ 0 60000 65536"/>
                  <a:gd name="T34" fmla="*/ 0 60000 65536"/>
                  <a:gd name="T35" fmla="*/ 0 60000 65536"/>
                  <a:gd name="T36" fmla="*/ 0 60000 65536"/>
                  <a:gd name="T37" fmla="*/ 0 60000 65536"/>
                  <a:gd name="T38" fmla="*/ 0 60000 65536"/>
                  <a:gd name="T39" fmla="*/ 0 60000 65536"/>
                  <a:gd name="T40" fmla="*/ 0 60000 65536"/>
                  <a:gd name="T41" fmla="*/ 0 60000 65536"/>
                  <a:gd name="T42" fmla="*/ 0 60000 65536"/>
                  <a:gd name="T43" fmla="*/ 0 60000 65536"/>
                  <a:gd name="T44" fmla="*/ 0 60000 65536"/>
                  <a:gd name="T45" fmla="*/ 0 60000 65536"/>
                  <a:gd name="T46" fmla="*/ 0 60000 65536"/>
                  <a:gd name="T47" fmla="*/ 0 60000 65536"/>
                  <a:gd name="T48" fmla="*/ 0 w 22"/>
                  <a:gd name="T49" fmla="*/ 0 h 25"/>
                  <a:gd name="T50" fmla="*/ 22 w 22"/>
                  <a:gd name="T51" fmla="*/ 25 h 25"/>
                </a:gdLst>
                <a:ahLst/>
                <a:cxnLst>
                  <a:cxn ang="T32">
                    <a:pos x="T0" y="T1"/>
                  </a:cxn>
                  <a:cxn ang="T33">
                    <a:pos x="T2" y="T3"/>
                  </a:cxn>
                  <a:cxn ang="T34">
                    <a:pos x="T4" y="T5"/>
                  </a:cxn>
                  <a:cxn ang="T35">
                    <a:pos x="T6" y="T7"/>
                  </a:cxn>
                  <a:cxn ang="T36">
                    <a:pos x="T8" y="T9"/>
                  </a:cxn>
                  <a:cxn ang="T37">
                    <a:pos x="T10" y="T11"/>
                  </a:cxn>
                  <a:cxn ang="T38">
                    <a:pos x="T12" y="T13"/>
                  </a:cxn>
                  <a:cxn ang="T39">
                    <a:pos x="T14" y="T15"/>
                  </a:cxn>
                  <a:cxn ang="T40">
                    <a:pos x="T16" y="T17"/>
                  </a:cxn>
                  <a:cxn ang="T41">
                    <a:pos x="T18" y="T19"/>
                  </a:cxn>
                  <a:cxn ang="T42">
                    <a:pos x="T20" y="T21"/>
                  </a:cxn>
                  <a:cxn ang="T43">
                    <a:pos x="T22" y="T23"/>
                  </a:cxn>
                  <a:cxn ang="T44">
                    <a:pos x="T24" y="T25"/>
                  </a:cxn>
                  <a:cxn ang="T45">
                    <a:pos x="T26" y="T27"/>
                  </a:cxn>
                  <a:cxn ang="T46">
                    <a:pos x="T28" y="T29"/>
                  </a:cxn>
                  <a:cxn ang="T47">
                    <a:pos x="T30" y="T31"/>
                  </a:cxn>
                </a:cxnLst>
                <a:rect l="T48" t="T49" r="T50" b="T51"/>
                <a:pathLst>
                  <a:path w="22" h="25">
                    <a:moveTo>
                      <a:pt x="0" y="7"/>
                    </a:moveTo>
                    <a:lnTo>
                      <a:pt x="9" y="0"/>
                    </a:lnTo>
                    <a:lnTo>
                      <a:pt x="22" y="10"/>
                    </a:lnTo>
                    <a:lnTo>
                      <a:pt x="12" y="25"/>
                    </a:lnTo>
                    <a:lnTo>
                      <a:pt x="12" y="23"/>
                    </a:lnTo>
                    <a:lnTo>
                      <a:pt x="12" y="22"/>
                    </a:lnTo>
                    <a:lnTo>
                      <a:pt x="12" y="20"/>
                    </a:lnTo>
                    <a:lnTo>
                      <a:pt x="12" y="18"/>
                    </a:lnTo>
                    <a:lnTo>
                      <a:pt x="11" y="17"/>
                    </a:lnTo>
                    <a:lnTo>
                      <a:pt x="9" y="13"/>
                    </a:lnTo>
                    <a:lnTo>
                      <a:pt x="7" y="12"/>
                    </a:lnTo>
                    <a:lnTo>
                      <a:pt x="2" y="8"/>
                    </a:lnTo>
                    <a:lnTo>
                      <a:pt x="0" y="8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ysClr val="windowText" lastClr="000000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578" name="Group 10"/>
              <p:cNvGrpSpPr>
                <a:grpSpLocks/>
              </p:cNvGrpSpPr>
              <p:nvPr/>
            </p:nvGrpSpPr>
            <p:grpSpPr bwMode="auto">
              <a:xfrm>
                <a:off x="4431" y="2166"/>
                <a:ext cx="169" cy="106"/>
                <a:chOff x="4655" y="1801"/>
                <a:chExt cx="172" cy="109"/>
              </a:xfrm>
            </p:grpSpPr>
            <p:sp>
              <p:nvSpPr>
                <p:cNvPr id="757" name="Freeform 11"/>
                <p:cNvSpPr>
                  <a:spLocks/>
                </p:cNvSpPr>
                <p:nvPr/>
              </p:nvSpPr>
              <p:spPr bwMode="auto">
                <a:xfrm>
                  <a:off x="4725" y="1801"/>
                  <a:ext cx="22" cy="25"/>
                </a:xfrm>
                <a:custGeom>
                  <a:avLst/>
                  <a:gdLst>
                    <a:gd name="T0" fmla="*/ 0 w 22"/>
                    <a:gd name="T1" fmla="*/ 7 h 25"/>
                    <a:gd name="T2" fmla="*/ 9 w 22"/>
                    <a:gd name="T3" fmla="*/ 0 h 25"/>
                    <a:gd name="T4" fmla="*/ 22 w 22"/>
                    <a:gd name="T5" fmla="*/ 10 h 25"/>
                    <a:gd name="T6" fmla="*/ 12 w 22"/>
                    <a:gd name="T7" fmla="*/ 25 h 25"/>
                    <a:gd name="T8" fmla="*/ 12 w 22"/>
                    <a:gd name="T9" fmla="*/ 25 h 25"/>
                    <a:gd name="T10" fmla="*/ 12 w 22"/>
                    <a:gd name="T11" fmla="*/ 23 h 25"/>
                    <a:gd name="T12" fmla="*/ 12 w 22"/>
                    <a:gd name="T13" fmla="*/ 22 h 25"/>
                    <a:gd name="T14" fmla="*/ 12 w 22"/>
                    <a:gd name="T15" fmla="*/ 20 h 25"/>
                    <a:gd name="T16" fmla="*/ 12 w 22"/>
                    <a:gd name="T17" fmla="*/ 18 h 25"/>
                    <a:gd name="T18" fmla="*/ 11 w 22"/>
                    <a:gd name="T19" fmla="*/ 17 h 25"/>
                    <a:gd name="T20" fmla="*/ 9 w 22"/>
                    <a:gd name="T21" fmla="*/ 13 h 25"/>
                    <a:gd name="T22" fmla="*/ 7 w 22"/>
                    <a:gd name="T23" fmla="*/ 12 h 25"/>
                    <a:gd name="T24" fmla="*/ 2 w 22"/>
                    <a:gd name="T25" fmla="*/ 8 h 25"/>
                    <a:gd name="T26" fmla="*/ 2 w 22"/>
                    <a:gd name="T27" fmla="*/ 8 h 25"/>
                    <a:gd name="T28" fmla="*/ 2 w 22"/>
                    <a:gd name="T29" fmla="*/ 8 h 25"/>
                    <a:gd name="T30" fmla="*/ 0 w 22"/>
                    <a:gd name="T31" fmla="*/ 8 h 25"/>
                    <a:gd name="T32" fmla="*/ 0 w 22"/>
                    <a:gd name="T33" fmla="*/ 7 h 25"/>
                    <a:gd name="T34" fmla="*/ 0 w 22"/>
                    <a:gd name="T35" fmla="*/ 7 h 25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w 22"/>
                    <a:gd name="T55" fmla="*/ 0 h 25"/>
                    <a:gd name="T56" fmla="*/ 22 w 22"/>
                    <a:gd name="T57" fmla="*/ 25 h 25"/>
                  </a:gdLst>
                  <a:ahLst/>
                  <a:cxnLst>
                    <a:cxn ang="T36">
                      <a:pos x="T0" y="T1"/>
                    </a:cxn>
                    <a:cxn ang="T37">
                      <a:pos x="T2" y="T3"/>
                    </a:cxn>
                    <a:cxn ang="T38">
                      <a:pos x="T4" y="T5"/>
                    </a:cxn>
                    <a:cxn ang="T39">
                      <a:pos x="T6" y="T7"/>
                    </a:cxn>
                    <a:cxn ang="T40">
                      <a:pos x="T8" y="T9"/>
                    </a:cxn>
                    <a:cxn ang="T41">
                      <a:pos x="T10" y="T11"/>
                    </a:cxn>
                    <a:cxn ang="T42">
                      <a:pos x="T12" y="T13"/>
                    </a:cxn>
                    <a:cxn ang="T43">
                      <a:pos x="T14" y="T15"/>
                    </a:cxn>
                    <a:cxn ang="T44">
                      <a:pos x="T16" y="T17"/>
                    </a:cxn>
                    <a:cxn ang="T45">
                      <a:pos x="T18" y="T19"/>
                    </a:cxn>
                    <a:cxn ang="T46">
                      <a:pos x="T20" y="T21"/>
                    </a:cxn>
                    <a:cxn ang="T47">
                      <a:pos x="T22" y="T23"/>
                    </a:cxn>
                    <a:cxn ang="T48">
                      <a:pos x="T24" y="T25"/>
                    </a:cxn>
                    <a:cxn ang="T49">
                      <a:pos x="T26" y="T27"/>
                    </a:cxn>
                    <a:cxn ang="T50">
                      <a:pos x="T28" y="T29"/>
                    </a:cxn>
                    <a:cxn ang="T51">
                      <a:pos x="T30" y="T31"/>
                    </a:cxn>
                    <a:cxn ang="T52">
                      <a:pos x="T32" y="T33"/>
                    </a:cxn>
                    <a:cxn ang="T53">
                      <a:pos x="T34" y="T35"/>
                    </a:cxn>
                  </a:cxnLst>
                  <a:rect l="T54" t="T55" r="T56" b="T57"/>
                  <a:pathLst>
                    <a:path w="22" h="25">
                      <a:moveTo>
                        <a:pt x="0" y="7"/>
                      </a:moveTo>
                      <a:lnTo>
                        <a:pt x="9" y="0"/>
                      </a:lnTo>
                      <a:lnTo>
                        <a:pt x="22" y="10"/>
                      </a:lnTo>
                      <a:lnTo>
                        <a:pt x="12" y="25"/>
                      </a:lnTo>
                      <a:lnTo>
                        <a:pt x="12" y="23"/>
                      </a:lnTo>
                      <a:lnTo>
                        <a:pt x="12" y="22"/>
                      </a:lnTo>
                      <a:lnTo>
                        <a:pt x="12" y="20"/>
                      </a:lnTo>
                      <a:lnTo>
                        <a:pt x="12" y="18"/>
                      </a:lnTo>
                      <a:lnTo>
                        <a:pt x="11" y="17"/>
                      </a:lnTo>
                      <a:lnTo>
                        <a:pt x="9" y="13"/>
                      </a:lnTo>
                      <a:lnTo>
                        <a:pt x="7" y="12"/>
                      </a:lnTo>
                      <a:lnTo>
                        <a:pt x="2" y="8"/>
                      </a:lnTo>
                      <a:lnTo>
                        <a:pt x="0" y="8"/>
                      </a:lnTo>
                      <a:lnTo>
                        <a:pt x="0" y="7"/>
                      </a:lnTo>
                    </a:path>
                  </a:pathLst>
                </a:custGeom>
                <a:solidFill>
                  <a:sysClr val="windowText" lastClr="000000"/>
                </a:solidFill>
                <a:ln w="3175">
                  <a:solidFill>
                    <a:srgbClr val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58" name="Rectangle 12"/>
                <p:cNvSpPr>
                  <a:spLocks noChangeArrowheads="1"/>
                </p:cNvSpPr>
                <p:nvPr/>
              </p:nvSpPr>
              <p:spPr bwMode="auto">
                <a:xfrm>
                  <a:off x="4655" y="1804"/>
                  <a:ext cx="172" cy="106"/>
                </a:xfrm>
                <a:prstGeom prst="rect">
                  <a:avLst/>
                </a:prstGeom>
                <a:noFill/>
                <a:ln w="9525">
                  <a:noFill/>
                  <a:miter lim="800000"/>
                  <a:headEnd/>
                  <a:tailEnd/>
                </a:ln>
              </p:spPr>
              <p:txBody>
                <a:bodyPr wrap="none" lIns="0" tIns="0" rIns="0" bIns="0">
                  <a:spAutoFit/>
                </a:bodyPr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313" b="1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Helvetica" pitchFamily="34" charset="0"/>
                      <a:ea typeface="+mn-ea"/>
                      <a:cs typeface="+mn-cs"/>
                    </a:rPr>
                    <a:t>DC*</a:t>
                  </a:r>
                  <a:endParaRPr kumimoji="0" lang="en-US" sz="313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Times New Roman" pitchFamily="18" charset="0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579" name="Freeform 13"/>
              <p:cNvSpPr>
                <a:spLocks/>
              </p:cNvSpPr>
              <p:nvPr/>
            </p:nvSpPr>
            <p:spPr bwMode="auto">
              <a:xfrm>
                <a:off x="3980" y="2710"/>
                <a:ext cx="478" cy="363"/>
              </a:xfrm>
              <a:custGeom>
                <a:avLst/>
                <a:gdLst>
                  <a:gd name="T0" fmla="*/ 178 w 492"/>
                  <a:gd name="T1" fmla="*/ 243 h 374"/>
                  <a:gd name="T2" fmla="*/ 178 w 492"/>
                  <a:gd name="T3" fmla="*/ 240 h 374"/>
                  <a:gd name="T4" fmla="*/ 178 w 492"/>
                  <a:gd name="T5" fmla="*/ 239 h 374"/>
                  <a:gd name="T6" fmla="*/ 171 w 492"/>
                  <a:gd name="T7" fmla="*/ 217 h 374"/>
                  <a:gd name="T8" fmla="*/ 157 w 492"/>
                  <a:gd name="T9" fmla="*/ 207 h 374"/>
                  <a:gd name="T10" fmla="*/ 153 w 492"/>
                  <a:gd name="T11" fmla="*/ 192 h 374"/>
                  <a:gd name="T12" fmla="*/ 142 w 492"/>
                  <a:gd name="T13" fmla="*/ 177 h 374"/>
                  <a:gd name="T14" fmla="*/ 130 w 492"/>
                  <a:gd name="T15" fmla="*/ 173 h 374"/>
                  <a:gd name="T16" fmla="*/ 126 w 492"/>
                  <a:gd name="T17" fmla="*/ 171 h 374"/>
                  <a:gd name="T18" fmla="*/ 116 w 492"/>
                  <a:gd name="T19" fmla="*/ 162 h 374"/>
                  <a:gd name="T20" fmla="*/ 111 w 492"/>
                  <a:gd name="T21" fmla="*/ 153 h 374"/>
                  <a:gd name="T22" fmla="*/ 104 w 492"/>
                  <a:gd name="T23" fmla="*/ 141 h 374"/>
                  <a:gd name="T24" fmla="*/ 95 w 492"/>
                  <a:gd name="T25" fmla="*/ 139 h 374"/>
                  <a:gd name="T26" fmla="*/ 91 w 492"/>
                  <a:gd name="T27" fmla="*/ 137 h 374"/>
                  <a:gd name="T28" fmla="*/ 86 w 492"/>
                  <a:gd name="T29" fmla="*/ 132 h 374"/>
                  <a:gd name="T30" fmla="*/ 81 w 492"/>
                  <a:gd name="T31" fmla="*/ 121 h 374"/>
                  <a:gd name="T32" fmla="*/ 75 w 492"/>
                  <a:gd name="T33" fmla="*/ 120 h 374"/>
                  <a:gd name="T34" fmla="*/ 68 w 492"/>
                  <a:gd name="T35" fmla="*/ 119 h 374"/>
                  <a:gd name="T36" fmla="*/ 61 w 492"/>
                  <a:gd name="T37" fmla="*/ 111 h 374"/>
                  <a:gd name="T38" fmla="*/ 55 w 492"/>
                  <a:gd name="T39" fmla="*/ 104 h 374"/>
                  <a:gd name="T40" fmla="*/ 47 w 492"/>
                  <a:gd name="T41" fmla="*/ 96 h 374"/>
                  <a:gd name="T42" fmla="*/ 40 w 492"/>
                  <a:gd name="T43" fmla="*/ 82 h 374"/>
                  <a:gd name="T44" fmla="*/ 38 w 492"/>
                  <a:gd name="T45" fmla="*/ 75 h 374"/>
                  <a:gd name="T46" fmla="*/ 33 w 492"/>
                  <a:gd name="T47" fmla="*/ 74 h 374"/>
                  <a:gd name="T48" fmla="*/ 18 w 492"/>
                  <a:gd name="T49" fmla="*/ 72 h 374"/>
                  <a:gd name="T50" fmla="*/ 17 w 492"/>
                  <a:gd name="T51" fmla="*/ 69 h 374"/>
                  <a:gd name="T52" fmla="*/ 17 w 492"/>
                  <a:gd name="T53" fmla="*/ 67 h 374"/>
                  <a:gd name="T54" fmla="*/ 0 w 492"/>
                  <a:gd name="T55" fmla="*/ 56 h 374"/>
                  <a:gd name="T56" fmla="*/ 13 w 492"/>
                  <a:gd name="T57" fmla="*/ 39 h 374"/>
                  <a:gd name="T58" fmla="*/ 17 w 492"/>
                  <a:gd name="T59" fmla="*/ 37 h 374"/>
                  <a:gd name="T60" fmla="*/ 17 w 492"/>
                  <a:gd name="T61" fmla="*/ 35 h 374"/>
                  <a:gd name="T62" fmla="*/ 21 w 492"/>
                  <a:gd name="T63" fmla="*/ 25 h 374"/>
                  <a:gd name="T64" fmla="*/ 38 w 492"/>
                  <a:gd name="T65" fmla="*/ 17 h 374"/>
                  <a:gd name="T66" fmla="*/ 50 w 492"/>
                  <a:gd name="T67" fmla="*/ 17 h 374"/>
                  <a:gd name="T68" fmla="*/ 71 w 492"/>
                  <a:gd name="T69" fmla="*/ 10 h 374"/>
                  <a:gd name="T70" fmla="*/ 139 w 492"/>
                  <a:gd name="T71" fmla="*/ 1 h 374"/>
                  <a:gd name="T72" fmla="*/ 149 w 492"/>
                  <a:gd name="T73" fmla="*/ 0 h 374"/>
                  <a:gd name="T74" fmla="*/ 162 w 492"/>
                  <a:gd name="T75" fmla="*/ 12 h 374"/>
                  <a:gd name="T76" fmla="*/ 242 w 492"/>
                  <a:gd name="T77" fmla="*/ 17 h 374"/>
                  <a:gd name="T78" fmla="*/ 328 w 492"/>
                  <a:gd name="T79" fmla="*/ 77 h 374"/>
                  <a:gd name="T80" fmla="*/ 323 w 492"/>
                  <a:gd name="T81" fmla="*/ 81 h 374"/>
                  <a:gd name="T82" fmla="*/ 315 w 492"/>
                  <a:gd name="T83" fmla="*/ 87 h 374"/>
                  <a:gd name="T84" fmla="*/ 306 w 492"/>
                  <a:gd name="T85" fmla="*/ 100 h 374"/>
                  <a:gd name="T86" fmla="*/ 298 w 492"/>
                  <a:gd name="T87" fmla="*/ 114 h 374"/>
                  <a:gd name="T88" fmla="*/ 293 w 492"/>
                  <a:gd name="T89" fmla="*/ 126 h 374"/>
                  <a:gd name="T90" fmla="*/ 290 w 492"/>
                  <a:gd name="T91" fmla="*/ 123 h 374"/>
                  <a:gd name="T92" fmla="*/ 288 w 492"/>
                  <a:gd name="T93" fmla="*/ 126 h 374"/>
                  <a:gd name="T94" fmla="*/ 289 w 492"/>
                  <a:gd name="T95" fmla="*/ 132 h 374"/>
                  <a:gd name="T96" fmla="*/ 294 w 492"/>
                  <a:gd name="T97" fmla="*/ 134 h 374"/>
                  <a:gd name="T98" fmla="*/ 295 w 492"/>
                  <a:gd name="T99" fmla="*/ 139 h 374"/>
                  <a:gd name="T100" fmla="*/ 292 w 492"/>
                  <a:gd name="T101" fmla="*/ 145 h 374"/>
                  <a:gd name="T102" fmla="*/ 286 w 492"/>
                  <a:gd name="T103" fmla="*/ 148 h 374"/>
                  <a:gd name="T104" fmla="*/ 276 w 492"/>
                  <a:gd name="T105" fmla="*/ 154 h 374"/>
                  <a:gd name="T106" fmla="*/ 266 w 492"/>
                  <a:gd name="T107" fmla="*/ 171 h 374"/>
                  <a:gd name="T108" fmla="*/ 263 w 492"/>
                  <a:gd name="T109" fmla="*/ 173 h 374"/>
                  <a:gd name="T110" fmla="*/ 259 w 492"/>
                  <a:gd name="T111" fmla="*/ 177 h 374"/>
                  <a:gd name="T112" fmla="*/ 251 w 492"/>
                  <a:gd name="T113" fmla="*/ 179 h 374"/>
                  <a:gd name="T114" fmla="*/ 240 w 492"/>
                  <a:gd name="T115" fmla="*/ 196 h 374"/>
                  <a:gd name="T116" fmla="*/ 236 w 492"/>
                  <a:gd name="T117" fmla="*/ 201 h 374"/>
                  <a:gd name="T118" fmla="*/ 214 w 492"/>
                  <a:gd name="T119" fmla="*/ 207 h 374"/>
                  <a:gd name="T120" fmla="*/ 194 w 492"/>
                  <a:gd name="T121" fmla="*/ 221 h 374"/>
                  <a:gd name="T122" fmla="*/ 187 w 492"/>
                  <a:gd name="T123" fmla="*/ 245 h 374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w 492"/>
                  <a:gd name="T187" fmla="*/ 0 h 374"/>
                  <a:gd name="T188" fmla="*/ 492 w 492"/>
                  <a:gd name="T189" fmla="*/ 374 h 374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T186" t="T187" r="T188" b="T189"/>
                <a:pathLst>
                  <a:path w="492" h="374">
                    <a:moveTo>
                      <a:pt x="269" y="374"/>
                    </a:moveTo>
                    <a:lnTo>
                      <a:pt x="269" y="372"/>
                    </a:lnTo>
                    <a:lnTo>
                      <a:pt x="267" y="370"/>
                    </a:lnTo>
                    <a:lnTo>
                      <a:pt x="267" y="369"/>
                    </a:lnTo>
                    <a:lnTo>
                      <a:pt x="267" y="367"/>
                    </a:lnTo>
                    <a:lnTo>
                      <a:pt x="267" y="365"/>
                    </a:lnTo>
                    <a:lnTo>
                      <a:pt x="267" y="364"/>
                    </a:lnTo>
                    <a:lnTo>
                      <a:pt x="267" y="362"/>
                    </a:lnTo>
                    <a:lnTo>
                      <a:pt x="266" y="348"/>
                    </a:lnTo>
                    <a:lnTo>
                      <a:pt x="261" y="338"/>
                    </a:lnTo>
                    <a:lnTo>
                      <a:pt x="255" y="330"/>
                    </a:lnTo>
                    <a:lnTo>
                      <a:pt x="249" y="321"/>
                    </a:lnTo>
                    <a:lnTo>
                      <a:pt x="242" y="316"/>
                    </a:lnTo>
                    <a:lnTo>
                      <a:pt x="235" y="313"/>
                    </a:lnTo>
                    <a:lnTo>
                      <a:pt x="232" y="309"/>
                    </a:lnTo>
                    <a:lnTo>
                      <a:pt x="230" y="308"/>
                    </a:lnTo>
                    <a:lnTo>
                      <a:pt x="228" y="292"/>
                    </a:lnTo>
                    <a:lnTo>
                      <a:pt x="225" y="282"/>
                    </a:lnTo>
                    <a:lnTo>
                      <a:pt x="218" y="274"/>
                    </a:lnTo>
                    <a:lnTo>
                      <a:pt x="211" y="269"/>
                    </a:lnTo>
                    <a:lnTo>
                      <a:pt x="205" y="265"/>
                    </a:lnTo>
                    <a:lnTo>
                      <a:pt x="200" y="264"/>
                    </a:lnTo>
                    <a:lnTo>
                      <a:pt x="195" y="262"/>
                    </a:lnTo>
                    <a:lnTo>
                      <a:pt x="193" y="262"/>
                    </a:lnTo>
                    <a:lnTo>
                      <a:pt x="193" y="260"/>
                    </a:lnTo>
                    <a:lnTo>
                      <a:pt x="189" y="259"/>
                    </a:lnTo>
                    <a:lnTo>
                      <a:pt x="184" y="254"/>
                    </a:lnTo>
                    <a:lnTo>
                      <a:pt x="179" y="250"/>
                    </a:lnTo>
                    <a:lnTo>
                      <a:pt x="174" y="245"/>
                    </a:lnTo>
                    <a:lnTo>
                      <a:pt x="171" y="240"/>
                    </a:lnTo>
                    <a:lnTo>
                      <a:pt x="167" y="237"/>
                    </a:lnTo>
                    <a:lnTo>
                      <a:pt x="166" y="233"/>
                    </a:lnTo>
                    <a:lnTo>
                      <a:pt x="162" y="225"/>
                    </a:lnTo>
                    <a:lnTo>
                      <a:pt x="157" y="218"/>
                    </a:lnTo>
                    <a:lnTo>
                      <a:pt x="154" y="213"/>
                    </a:lnTo>
                    <a:lnTo>
                      <a:pt x="149" y="211"/>
                    </a:lnTo>
                    <a:lnTo>
                      <a:pt x="145" y="210"/>
                    </a:lnTo>
                    <a:lnTo>
                      <a:pt x="142" y="210"/>
                    </a:lnTo>
                    <a:lnTo>
                      <a:pt x="139" y="210"/>
                    </a:lnTo>
                    <a:lnTo>
                      <a:pt x="137" y="208"/>
                    </a:lnTo>
                    <a:lnTo>
                      <a:pt x="135" y="204"/>
                    </a:lnTo>
                    <a:lnTo>
                      <a:pt x="132" y="203"/>
                    </a:lnTo>
                    <a:lnTo>
                      <a:pt x="130" y="199"/>
                    </a:lnTo>
                    <a:lnTo>
                      <a:pt x="127" y="193"/>
                    </a:lnTo>
                    <a:lnTo>
                      <a:pt x="123" y="188"/>
                    </a:lnTo>
                    <a:lnTo>
                      <a:pt x="120" y="184"/>
                    </a:lnTo>
                    <a:lnTo>
                      <a:pt x="117" y="182"/>
                    </a:lnTo>
                    <a:lnTo>
                      <a:pt x="113" y="181"/>
                    </a:lnTo>
                    <a:lnTo>
                      <a:pt x="112" y="182"/>
                    </a:lnTo>
                    <a:lnTo>
                      <a:pt x="108" y="182"/>
                    </a:lnTo>
                    <a:lnTo>
                      <a:pt x="101" y="181"/>
                    </a:lnTo>
                    <a:lnTo>
                      <a:pt x="96" y="179"/>
                    </a:lnTo>
                    <a:lnTo>
                      <a:pt x="93" y="174"/>
                    </a:lnTo>
                    <a:lnTo>
                      <a:pt x="90" y="169"/>
                    </a:lnTo>
                    <a:lnTo>
                      <a:pt x="86" y="164"/>
                    </a:lnTo>
                    <a:lnTo>
                      <a:pt x="85" y="160"/>
                    </a:lnTo>
                    <a:lnTo>
                      <a:pt x="83" y="157"/>
                    </a:lnTo>
                    <a:lnTo>
                      <a:pt x="83" y="155"/>
                    </a:lnTo>
                    <a:lnTo>
                      <a:pt x="78" y="152"/>
                    </a:lnTo>
                    <a:lnTo>
                      <a:pt x="71" y="145"/>
                    </a:lnTo>
                    <a:lnTo>
                      <a:pt x="66" y="138"/>
                    </a:lnTo>
                    <a:lnTo>
                      <a:pt x="61" y="132"/>
                    </a:lnTo>
                    <a:lnTo>
                      <a:pt x="57" y="125"/>
                    </a:lnTo>
                    <a:lnTo>
                      <a:pt x="56" y="118"/>
                    </a:lnTo>
                    <a:lnTo>
                      <a:pt x="52" y="115"/>
                    </a:lnTo>
                    <a:lnTo>
                      <a:pt x="52" y="113"/>
                    </a:lnTo>
                    <a:lnTo>
                      <a:pt x="52" y="111"/>
                    </a:lnTo>
                    <a:lnTo>
                      <a:pt x="49" y="111"/>
                    </a:lnTo>
                    <a:lnTo>
                      <a:pt x="47" y="111"/>
                    </a:lnTo>
                    <a:lnTo>
                      <a:pt x="46" y="110"/>
                    </a:lnTo>
                    <a:lnTo>
                      <a:pt x="39" y="110"/>
                    </a:lnTo>
                    <a:lnTo>
                      <a:pt x="32" y="108"/>
                    </a:lnTo>
                    <a:lnTo>
                      <a:pt x="27" y="106"/>
                    </a:lnTo>
                    <a:lnTo>
                      <a:pt x="24" y="105"/>
                    </a:lnTo>
                    <a:lnTo>
                      <a:pt x="20" y="103"/>
                    </a:lnTo>
                    <a:lnTo>
                      <a:pt x="19" y="101"/>
                    </a:lnTo>
                    <a:lnTo>
                      <a:pt x="17" y="100"/>
                    </a:lnTo>
                    <a:lnTo>
                      <a:pt x="5" y="98"/>
                    </a:lnTo>
                    <a:lnTo>
                      <a:pt x="0" y="93"/>
                    </a:lnTo>
                    <a:lnTo>
                      <a:pt x="0" y="84"/>
                    </a:lnTo>
                    <a:lnTo>
                      <a:pt x="2" y="74"/>
                    </a:lnTo>
                    <a:lnTo>
                      <a:pt x="7" y="66"/>
                    </a:lnTo>
                    <a:lnTo>
                      <a:pt x="13" y="57"/>
                    </a:lnTo>
                    <a:lnTo>
                      <a:pt x="17" y="52"/>
                    </a:lnTo>
                    <a:lnTo>
                      <a:pt x="19" y="50"/>
                    </a:lnTo>
                    <a:lnTo>
                      <a:pt x="20" y="52"/>
                    </a:lnTo>
                    <a:lnTo>
                      <a:pt x="22" y="50"/>
                    </a:lnTo>
                    <a:lnTo>
                      <a:pt x="24" y="49"/>
                    </a:lnTo>
                    <a:lnTo>
                      <a:pt x="27" y="45"/>
                    </a:lnTo>
                    <a:lnTo>
                      <a:pt x="30" y="42"/>
                    </a:lnTo>
                    <a:lnTo>
                      <a:pt x="35" y="39"/>
                    </a:lnTo>
                    <a:lnTo>
                      <a:pt x="41" y="35"/>
                    </a:lnTo>
                    <a:lnTo>
                      <a:pt x="47" y="32"/>
                    </a:lnTo>
                    <a:lnTo>
                      <a:pt x="52" y="28"/>
                    </a:lnTo>
                    <a:lnTo>
                      <a:pt x="61" y="23"/>
                    </a:lnTo>
                    <a:lnTo>
                      <a:pt x="68" y="20"/>
                    </a:lnTo>
                    <a:lnTo>
                      <a:pt x="76" y="17"/>
                    </a:lnTo>
                    <a:lnTo>
                      <a:pt x="85" y="15"/>
                    </a:lnTo>
                    <a:lnTo>
                      <a:pt x="95" y="13"/>
                    </a:lnTo>
                    <a:lnTo>
                      <a:pt x="105" y="10"/>
                    </a:lnTo>
                    <a:lnTo>
                      <a:pt x="113" y="10"/>
                    </a:lnTo>
                    <a:lnTo>
                      <a:pt x="206" y="1"/>
                    </a:lnTo>
                    <a:lnTo>
                      <a:pt x="208" y="1"/>
                    </a:lnTo>
                    <a:lnTo>
                      <a:pt x="210" y="0"/>
                    </a:lnTo>
                    <a:lnTo>
                      <a:pt x="215" y="0"/>
                    </a:lnTo>
                    <a:lnTo>
                      <a:pt x="222" y="0"/>
                    </a:lnTo>
                    <a:lnTo>
                      <a:pt x="228" y="1"/>
                    </a:lnTo>
                    <a:lnTo>
                      <a:pt x="235" y="5"/>
                    </a:lnTo>
                    <a:lnTo>
                      <a:pt x="242" y="12"/>
                    </a:lnTo>
                    <a:lnTo>
                      <a:pt x="250" y="23"/>
                    </a:lnTo>
                    <a:lnTo>
                      <a:pt x="254" y="37"/>
                    </a:lnTo>
                    <a:lnTo>
                      <a:pt x="362" y="20"/>
                    </a:lnTo>
                    <a:lnTo>
                      <a:pt x="492" y="115"/>
                    </a:lnTo>
                    <a:lnTo>
                      <a:pt x="491" y="115"/>
                    </a:lnTo>
                    <a:lnTo>
                      <a:pt x="489" y="118"/>
                    </a:lnTo>
                    <a:lnTo>
                      <a:pt x="486" y="120"/>
                    </a:lnTo>
                    <a:lnTo>
                      <a:pt x="484" y="122"/>
                    </a:lnTo>
                    <a:lnTo>
                      <a:pt x="481" y="125"/>
                    </a:lnTo>
                    <a:lnTo>
                      <a:pt x="475" y="130"/>
                    </a:lnTo>
                    <a:lnTo>
                      <a:pt x="472" y="133"/>
                    </a:lnTo>
                    <a:lnTo>
                      <a:pt x="467" y="140"/>
                    </a:lnTo>
                    <a:lnTo>
                      <a:pt x="464" y="145"/>
                    </a:lnTo>
                    <a:lnTo>
                      <a:pt x="459" y="150"/>
                    </a:lnTo>
                    <a:lnTo>
                      <a:pt x="455" y="159"/>
                    </a:lnTo>
                    <a:lnTo>
                      <a:pt x="450" y="166"/>
                    </a:lnTo>
                    <a:lnTo>
                      <a:pt x="447" y="174"/>
                    </a:lnTo>
                    <a:lnTo>
                      <a:pt x="443" y="182"/>
                    </a:lnTo>
                    <a:lnTo>
                      <a:pt x="440" y="191"/>
                    </a:lnTo>
                    <a:lnTo>
                      <a:pt x="437" y="189"/>
                    </a:lnTo>
                    <a:lnTo>
                      <a:pt x="435" y="188"/>
                    </a:lnTo>
                    <a:lnTo>
                      <a:pt x="435" y="186"/>
                    </a:lnTo>
                    <a:lnTo>
                      <a:pt x="433" y="186"/>
                    </a:lnTo>
                    <a:lnTo>
                      <a:pt x="433" y="188"/>
                    </a:lnTo>
                    <a:lnTo>
                      <a:pt x="431" y="191"/>
                    </a:lnTo>
                    <a:lnTo>
                      <a:pt x="431" y="194"/>
                    </a:lnTo>
                    <a:lnTo>
                      <a:pt x="431" y="198"/>
                    </a:lnTo>
                    <a:lnTo>
                      <a:pt x="433" y="199"/>
                    </a:lnTo>
                    <a:lnTo>
                      <a:pt x="435" y="201"/>
                    </a:lnTo>
                    <a:lnTo>
                      <a:pt x="440" y="203"/>
                    </a:lnTo>
                    <a:lnTo>
                      <a:pt x="442" y="203"/>
                    </a:lnTo>
                    <a:lnTo>
                      <a:pt x="442" y="204"/>
                    </a:lnTo>
                    <a:lnTo>
                      <a:pt x="443" y="206"/>
                    </a:lnTo>
                    <a:lnTo>
                      <a:pt x="443" y="210"/>
                    </a:lnTo>
                    <a:lnTo>
                      <a:pt x="443" y="213"/>
                    </a:lnTo>
                    <a:lnTo>
                      <a:pt x="440" y="216"/>
                    </a:lnTo>
                    <a:lnTo>
                      <a:pt x="437" y="221"/>
                    </a:lnTo>
                    <a:lnTo>
                      <a:pt x="431" y="225"/>
                    </a:lnTo>
                    <a:lnTo>
                      <a:pt x="430" y="225"/>
                    </a:lnTo>
                    <a:lnTo>
                      <a:pt x="428" y="225"/>
                    </a:lnTo>
                    <a:lnTo>
                      <a:pt x="423" y="228"/>
                    </a:lnTo>
                    <a:lnTo>
                      <a:pt x="418" y="230"/>
                    </a:lnTo>
                    <a:lnTo>
                      <a:pt x="413" y="235"/>
                    </a:lnTo>
                    <a:lnTo>
                      <a:pt x="408" y="240"/>
                    </a:lnTo>
                    <a:lnTo>
                      <a:pt x="403" y="248"/>
                    </a:lnTo>
                    <a:lnTo>
                      <a:pt x="398" y="259"/>
                    </a:lnTo>
                    <a:lnTo>
                      <a:pt x="396" y="260"/>
                    </a:lnTo>
                    <a:lnTo>
                      <a:pt x="394" y="262"/>
                    </a:lnTo>
                    <a:lnTo>
                      <a:pt x="393" y="265"/>
                    </a:lnTo>
                    <a:lnTo>
                      <a:pt x="391" y="267"/>
                    </a:lnTo>
                    <a:lnTo>
                      <a:pt x="389" y="269"/>
                    </a:lnTo>
                    <a:lnTo>
                      <a:pt x="387" y="270"/>
                    </a:lnTo>
                    <a:lnTo>
                      <a:pt x="376" y="272"/>
                    </a:lnTo>
                    <a:lnTo>
                      <a:pt x="376" y="277"/>
                    </a:lnTo>
                    <a:lnTo>
                      <a:pt x="384" y="279"/>
                    </a:lnTo>
                    <a:lnTo>
                      <a:pt x="359" y="299"/>
                    </a:lnTo>
                    <a:lnTo>
                      <a:pt x="354" y="291"/>
                    </a:lnTo>
                    <a:lnTo>
                      <a:pt x="349" y="299"/>
                    </a:lnTo>
                    <a:lnTo>
                      <a:pt x="354" y="304"/>
                    </a:lnTo>
                    <a:lnTo>
                      <a:pt x="343" y="316"/>
                    </a:lnTo>
                    <a:lnTo>
                      <a:pt x="335" y="314"/>
                    </a:lnTo>
                    <a:lnTo>
                      <a:pt x="320" y="314"/>
                    </a:lnTo>
                    <a:lnTo>
                      <a:pt x="305" y="316"/>
                    </a:lnTo>
                    <a:lnTo>
                      <a:pt x="296" y="320"/>
                    </a:lnTo>
                    <a:lnTo>
                      <a:pt x="291" y="336"/>
                    </a:lnTo>
                    <a:lnTo>
                      <a:pt x="303" y="348"/>
                    </a:lnTo>
                    <a:lnTo>
                      <a:pt x="289" y="374"/>
                    </a:lnTo>
                    <a:lnTo>
                      <a:pt x="281" y="372"/>
                    </a:lnTo>
                    <a:lnTo>
                      <a:pt x="269" y="374"/>
                    </a:lnTo>
                    <a:close/>
                  </a:path>
                </a:pathLst>
              </a:custGeom>
              <a:solidFill>
                <a:srgbClr val="0033CC"/>
              </a:solidFill>
              <a:ln w="9525">
                <a:solidFill>
                  <a:sysClr val="window" lastClr="FFFFFF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580" name="Freeform 14"/>
              <p:cNvSpPr>
                <a:spLocks/>
              </p:cNvSpPr>
              <p:nvPr/>
            </p:nvSpPr>
            <p:spPr bwMode="auto">
              <a:xfrm>
                <a:off x="4869" y="1704"/>
                <a:ext cx="76" cy="93"/>
              </a:xfrm>
              <a:custGeom>
                <a:avLst/>
                <a:gdLst>
                  <a:gd name="T0" fmla="*/ 19 w 78"/>
                  <a:gd name="T1" fmla="*/ 61 h 95"/>
                  <a:gd name="T2" fmla="*/ 16 w 78"/>
                  <a:gd name="T3" fmla="*/ 63 h 95"/>
                  <a:gd name="T4" fmla="*/ 16 w 78"/>
                  <a:gd name="T5" fmla="*/ 63 h 95"/>
                  <a:gd name="T6" fmla="*/ 16 w 78"/>
                  <a:gd name="T7" fmla="*/ 64 h 95"/>
                  <a:gd name="T8" fmla="*/ 16 w 78"/>
                  <a:gd name="T9" fmla="*/ 64 h 95"/>
                  <a:gd name="T10" fmla="*/ 16 w 78"/>
                  <a:gd name="T11" fmla="*/ 65 h 95"/>
                  <a:gd name="T12" fmla="*/ 16 w 78"/>
                  <a:gd name="T13" fmla="*/ 66 h 95"/>
                  <a:gd name="T14" fmla="*/ 16 w 78"/>
                  <a:gd name="T15" fmla="*/ 68 h 95"/>
                  <a:gd name="T16" fmla="*/ 16 w 78"/>
                  <a:gd name="T17" fmla="*/ 68 h 95"/>
                  <a:gd name="T18" fmla="*/ 17 w 78"/>
                  <a:gd name="T19" fmla="*/ 69 h 95"/>
                  <a:gd name="T20" fmla="*/ 19 w 78"/>
                  <a:gd name="T21" fmla="*/ 69 h 95"/>
                  <a:gd name="T22" fmla="*/ 19 w 78"/>
                  <a:gd name="T23" fmla="*/ 68 h 95"/>
                  <a:gd name="T24" fmla="*/ 19 w 78"/>
                  <a:gd name="T25" fmla="*/ 66 h 95"/>
                  <a:gd name="T26" fmla="*/ 22 w 78"/>
                  <a:gd name="T27" fmla="*/ 64 h 95"/>
                  <a:gd name="T28" fmla="*/ 25 w 78"/>
                  <a:gd name="T29" fmla="*/ 63 h 95"/>
                  <a:gd name="T30" fmla="*/ 27 w 78"/>
                  <a:gd name="T31" fmla="*/ 61 h 95"/>
                  <a:gd name="T32" fmla="*/ 29 w 78"/>
                  <a:gd name="T33" fmla="*/ 60 h 95"/>
                  <a:gd name="T34" fmla="*/ 30 w 78"/>
                  <a:gd name="T35" fmla="*/ 59 h 95"/>
                  <a:gd name="T36" fmla="*/ 36 w 78"/>
                  <a:gd name="T37" fmla="*/ 59 h 95"/>
                  <a:gd name="T38" fmla="*/ 36 w 78"/>
                  <a:gd name="T39" fmla="*/ 50 h 95"/>
                  <a:gd name="T40" fmla="*/ 25 w 78"/>
                  <a:gd name="T41" fmla="*/ 23 h 95"/>
                  <a:gd name="T42" fmla="*/ 34 w 78"/>
                  <a:gd name="T43" fmla="*/ 23 h 95"/>
                  <a:gd name="T44" fmla="*/ 41 w 78"/>
                  <a:gd name="T45" fmla="*/ 23 h 95"/>
                  <a:gd name="T46" fmla="*/ 44 w 78"/>
                  <a:gd name="T47" fmla="*/ 23 h 95"/>
                  <a:gd name="T48" fmla="*/ 45 w 78"/>
                  <a:gd name="T49" fmla="*/ 23 h 95"/>
                  <a:gd name="T50" fmla="*/ 45 w 78"/>
                  <a:gd name="T51" fmla="*/ 23 h 95"/>
                  <a:gd name="T52" fmla="*/ 47 w 78"/>
                  <a:gd name="T53" fmla="*/ 25 h 95"/>
                  <a:gd name="T54" fmla="*/ 48 w 78"/>
                  <a:gd name="T55" fmla="*/ 28 h 95"/>
                  <a:gd name="T56" fmla="*/ 49 w 78"/>
                  <a:gd name="T57" fmla="*/ 38 h 95"/>
                  <a:gd name="T58" fmla="*/ 51 w 78"/>
                  <a:gd name="T59" fmla="*/ 44 h 95"/>
                  <a:gd name="T60" fmla="*/ 51 w 78"/>
                  <a:gd name="T61" fmla="*/ 47 h 95"/>
                  <a:gd name="T62" fmla="*/ 52 w 78"/>
                  <a:gd name="T63" fmla="*/ 45 h 95"/>
                  <a:gd name="T64" fmla="*/ 53 w 78"/>
                  <a:gd name="T65" fmla="*/ 44 h 95"/>
                  <a:gd name="T66" fmla="*/ 53 w 78"/>
                  <a:gd name="T67" fmla="*/ 40 h 95"/>
                  <a:gd name="T68" fmla="*/ 54 w 78"/>
                  <a:gd name="T69" fmla="*/ 38 h 95"/>
                  <a:gd name="T70" fmla="*/ 54 w 78"/>
                  <a:gd name="T71" fmla="*/ 37 h 95"/>
                  <a:gd name="T72" fmla="*/ 54 w 78"/>
                  <a:gd name="T73" fmla="*/ 38 h 95"/>
                  <a:gd name="T74" fmla="*/ 53 w 78"/>
                  <a:gd name="T75" fmla="*/ 38 h 95"/>
                  <a:gd name="T76" fmla="*/ 53 w 78"/>
                  <a:gd name="T77" fmla="*/ 37 h 95"/>
                  <a:gd name="T78" fmla="*/ 53 w 78"/>
                  <a:gd name="T79" fmla="*/ 35 h 95"/>
                  <a:gd name="T80" fmla="*/ 52 w 78"/>
                  <a:gd name="T81" fmla="*/ 32 h 95"/>
                  <a:gd name="T82" fmla="*/ 51 w 78"/>
                  <a:gd name="T83" fmla="*/ 30 h 95"/>
                  <a:gd name="T84" fmla="*/ 51 w 78"/>
                  <a:gd name="T85" fmla="*/ 28 h 95"/>
                  <a:gd name="T86" fmla="*/ 51 w 78"/>
                  <a:gd name="T87" fmla="*/ 27 h 95"/>
                  <a:gd name="T88" fmla="*/ 51 w 78"/>
                  <a:gd name="T89" fmla="*/ 27 h 95"/>
                  <a:gd name="T90" fmla="*/ 48 w 78"/>
                  <a:gd name="T91" fmla="*/ 23 h 95"/>
                  <a:gd name="T92" fmla="*/ 44 w 78"/>
                  <a:gd name="T93" fmla="*/ 23 h 95"/>
                  <a:gd name="T94" fmla="*/ 37 w 78"/>
                  <a:gd name="T95" fmla="*/ 23 h 95"/>
                  <a:gd name="T96" fmla="*/ 32 w 78"/>
                  <a:gd name="T97" fmla="*/ 14 h 95"/>
                  <a:gd name="T98" fmla="*/ 25 w 78"/>
                  <a:gd name="T99" fmla="*/ 14 h 95"/>
                  <a:gd name="T100" fmla="*/ 20 w 78"/>
                  <a:gd name="T101" fmla="*/ 0 h 95"/>
                  <a:gd name="T102" fmla="*/ 0 w 78"/>
                  <a:gd name="T103" fmla="*/ 8 h 95"/>
                  <a:gd name="T104" fmla="*/ 19 w 78"/>
                  <a:gd name="T105" fmla="*/ 61 h 95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w 78"/>
                  <a:gd name="T160" fmla="*/ 0 h 95"/>
                  <a:gd name="T161" fmla="*/ 78 w 78"/>
                  <a:gd name="T162" fmla="*/ 95 h 95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T159" t="T160" r="T161" b="T162"/>
                <a:pathLst>
                  <a:path w="78" h="95">
                    <a:moveTo>
                      <a:pt x="21" y="80"/>
                    </a:moveTo>
                    <a:lnTo>
                      <a:pt x="16" y="83"/>
                    </a:lnTo>
                    <a:lnTo>
                      <a:pt x="16" y="85"/>
                    </a:lnTo>
                    <a:lnTo>
                      <a:pt x="16" y="86"/>
                    </a:lnTo>
                    <a:lnTo>
                      <a:pt x="16" y="88"/>
                    </a:lnTo>
                    <a:lnTo>
                      <a:pt x="16" y="90"/>
                    </a:lnTo>
                    <a:lnTo>
                      <a:pt x="16" y="93"/>
                    </a:lnTo>
                    <a:lnTo>
                      <a:pt x="17" y="95"/>
                    </a:lnTo>
                    <a:lnTo>
                      <a:pt x="22" y="95"/>
                    </a:lnTo>
                    <a:lnTo>
                      <a:pt x="28" y="93"/>
                    </a:lnTo>
                    <a:lnTo>
                      <a:pt x="31" y="90"/>
                    </a:lnTo>
                    <a:lnTo>
                      <a:pt x="36" y="86"/>
                    </a:lnTo>
                    <a:lnTo>
                      <a:pt x="39" y="83"/>
                    </a:lnTo>
                    <a:lnTo>
                      <a:pt x="41" y="80"/>
                    </a:lnTo>
                    <a:lnTo>
                      <a:pt x="43" y="78"/>
                    </a:lnTo>
                    <a:lnTo>
                      <a:pt x="44" y="76"/>
                    </a:lnTo>
                    <a:lnTo>
                      <a:pt x="50" y="76"/>
                    </a:lnTo>
                    <a:lnTo>
                      <a:pt x="50" y="64"/>
                    </a:lnTo>
                    <a:lnTo>
                      <a:pt x="39" y="30"/>
                    </a:lnTo>
                    <a:lnTo>
                      <a:pt x="48" y="29"/>
                    </a:lnTo>
                    <a:lnTo>
                      <a:pt x="55" y="36"/>
                    </a:lnTo>
                    <a:lnTo>
                      <a:pt x="58" y="36"/>
                    </a:lnTo>
                    <a:lnTo>
                      <a:pt x="60" y="36"/>
                    </a:lnTo>
                    <a:lnTo>
                      <a:pt x="61" y="37"/>
                    </a:lnTo>
                    <a:lnTo>
                      <a:pt x="65" y="39"/>
                    </a:lnTo>
                    <a:lnTo>
                      <a:pt x="66" y="42"/>
                    </a:lnTo>
                    <a:lnTo>
                      <a:pt x="68" y="52"/>
                    </a:lnTo>
                    <a:lnTo>
                      <a:pt x="72" y="58"/>
                    </a:lnTo>
                    <a:lnTo>
                      <a:pt x="73" y="61"/>
                    </a:lnTo>
                    <a:lnTo>
                      <a:pt x="75" y="59"/>
                    </a:lnTo>
                    <a:lnTo>
                      <a:pt x="77" y="58"/>
                    </a:lnTo>
                    <a:lnTo>
                      <a:pt x="77" y="54"/>
                    </a:lnTo>
                    <a:lnTo>
                      <a:pt x="78" y="52"/>
                    </a:lnTo>
                    <a:lnTo>
                      <a:pt x="78" y="51"/>
                    </a:lnTo>
                    <a:lnTo>
                      <a:pt x="78" y="52"/>
                    </a:lnTo>
                    <a:lnTo>
                      <a:pt x="77" y="52"/>
                    </a:lnTo>
                    <a:lnTo>
                      <a:pt x="77" y="51"/>
                    </a:lnTo>
                    <a:lnTo>
                      <a:pt x="77" y="49"/>
                    </a:lnTo>
                    <a:lnTo>
                      <a:pt x="75" y="46"/>
                    </a:lnTo>
                    <a:lnTo>
                      <a:pt x="73" y="44"/>
                    </a:lnTo>
                    <a:lnTo>
                      <a:pt x="73" y="42"/>
                    </a:lnTo>
                    <a:lnTo>
                      <a:pt x="73" y="41"/>
                    </a:lnTo>
                    <a:lnTo>
                      <a:pt x="66" y="36"/>
                    </a:lnTo>
                    <a:lnTo>
                      <a:pt x="58" y="30"/>
                    </a:lnTo>
                    <a:lnTo>
                      <a:pt x="51" y="29"/>
                    </a:lnTo>
                    <a:lnTo>
                      <a:pt x="46" y="14"/>
                    </a:lnTo>
                    <a:lnTo>
                      <a:pt x="39" y="14"/>
                    </a:lnTo>
                    <a:lnTo>
                      <a:pt x="34" y="0"/>
                    </a:lnTo>
                    <a:lnTo>
                      <a:pt x="0" y="8"/>
                    </a:lnTo>
                    <a:lnTo>
                      <a:pt x="21" y="80"/>
                    </a:lnTo>
                    <a:close/>
                  </a:path>
                </a:pathLst>
              </a:custGeom>
              <a:solidFill>
                <a:srgbClr val="00FF00"/>
              </a:solidFill>
              <a:ln w="9525">
                <a:solidFill>
                  <a:sysClr val="window" lastClr="FFFFFF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581" name="Group 15"/>
              <p:cNvGrpSpPr>
                <a:grpSpLocks/>
              </p:cNvGrpSpPr>
              <p:nvPr/>
            </p:nvGrpSpPr>
            <p:grpSpPr bwMode="auto">
              <a:xfrm>
                <a:off x="2752" y="1791"/>
                <a:ext cx="1909" cy="2193"/>
                <a:chOff x="2691" y="1840"/>
                <a:chExt cx="1909" cy="2193"/>
              </a:xfrm>
            </p:grpSpPr>
            <p:grpSp>
              <p:nvGrpSpPr>
                <p:cNvPr id="723" name="Group 16"/>
                <p:cNvGrpSpPr>
                  <a:grpSpLocks/>
                </p:cNvGrpSpPr>
                <p:nvPr/>
              </p:nvGrpSpPr>
              <p:grpSpPr bwMode="auto">
                <a:xfrm>
                  <a:off x="3537" y="3290"/>
                  <a:ext cx="873" cy="743"/>
                  <a:chOff x="3822" y="2894"/>
                  <a:chExt cx="897" cy="765"/>
                </a:xfrm>
              </p:grpSpPr>
              <p:sp>
                <p:nvSpPr>
                  <p:cNvPr id="729" name="Freeform 17"/>
                  <p:cNvSpPr>
                    <a:spLocks/>
                  </p:cNvSpPr>
                  <p:nvPr/>
                </p:nvSpPr>
                <p:spPr bwMode="auto">
                  <a:xfrm>
                    <a:off x="3822" y="2894"/>
                    <a:ext cx="890" cy="684"/>
                  </a:xfrm>
                  <a:custGeom>
                    <a:avLst/>
                    <a:gdLst>
                      <a:gd name="T0" fmla="*/ 641 w 890"/>
                      <a:gd name="T1" fmla="*/ 49 h 684"/>
                      <a:gd name="T2" fmla="*/ 641 w 890"/>
                      <a:gd name="T3" fmla="*/ 69 h 684"/>
                      <a:gd name="T4" fmla="*/ 682 w 890"/>
                      <a:gd name="T5" fmla="*/ 112 h 684"/>
                      <a:gd name="T6" fmla="*/ 717 w 890"/>
                      <a:gd name="T7" fmla="*/ 161 h 684"/>
                      <a:gd name="T8" fmla="*/ 732 w 890"/>
                      <a:gd name="T9" fmla="*/ 190 h 684"/>
                      <a:gd name="T10" fmla="*/ 721 w 890"/>
                      <a:gd name="T11" fmla="*/ 183 h 684"/>
                      <a:gd name="T12" fmla="*/ 758 w 890"/>
                      <a:gd name="T13" fmla="*/ 235 h 684"/>
                      <a:gd name="T14" fmla="*/ 773 w 890"/>
                      <a:gd name="T15" fmla="*/ 279 h 684"/>
                      <a:gd name="T16" fmla="*/ 832 w 890"/>
                      <a:gd name="T17" fmla="*/ 381 h 684"/>
                      <a:gd name="T18" fmla="*/ 856 w 890"/>
                      <a:gd name="T19" fmla="*/ 420 h 684"/>
                      <a:gd name="T20" fmla="*/ 875 w 890"/>
                      <a:gd name="T21" fmla="*/ 450 h 684"/>
                      <a:gd name="T22" fmla="*/ 888 w 890"/>
                      <a:gd name="T23" fmla="*/ 479 h 684"/>
                      <a:gd name="T24" fmla="*/ 890 w 890"/>
                      <a:gd name="T25" fmla="*/ 564 h 684"/>
                      <a:gd name="T26" fmla="*/ 876 w 890"/>
                      <a:gd name="T27" fmla="*/ 609 h 684"/>
                      <a:gd name="T28" fmla="*/ 878 w 890"/>
                      <a:gd name="T29" fmla="*/ 641 h 684"/>
                      <a:gd name="T30" fmla="*/ 842 w 890"/>
                      <a:gd name="T31" fmla="*/ 674 h 684"/>
                      <a:gd name="T32" fmla="*/ 800 w 890"/>
                      <a:gd name="T33" fmla="*/ 684 h 684"/>
                      <a:gd name="T34" fmla="*/ 798 w 890"/>
                      <a:gd name="T35" fmla="*/ 668 h 684"/>
                      <a:gd name="T36" fmla="*/ 807 w 890"/>
                      <a:gd name="T37" fmla="*/ 635 h 684"/>
                      <a:gd name="T38" fmla="*/ 797 w 890"/>
                      <a:gd name="T39" fmla="*/ 653 h 684"/>
                      <a:gd name="T40" fmla="*/ 749 w 890"/>
                      <a:gd name="T41" fmla="*/ 606 h 684"/>
                      <a:gd name="T42" fmla="*/ 714 w 890"/>
                      <a:gd name="T43" fmla="*/ 597 h 684"/>
                      <a:gd name="T44" fmla="*/ 697 w 890"/>
                      <a:gd name="T45" fmla="*/ 564 h 684"/>
                      <a:gd name="T46" fmla="*/ 661 w 890"/>
                      <a:gd name="T47" fmla="*/ 498 h 684"/>
                      <a:gd name="T48" fmla="*/ 633 w 890"/>
                      <a:gd name="T49" fmla="*/ 472 h 684"/>
                      <a:gd name="T50" fmla="*/ 631 w 890"/>
                      <a:gd name="T51" fmla="*/ 491 h 684"/>
                      <a:gd name="T52" fmla="*/ 584 w 890"/>
                      <a:gd name="T53" fmla="*/ 425 h 684"/>
                      <a:gd name="T54" fmla="*/ 587 w 890"/>
                      <a:gd name="T55" fmla="*/ 408 h 684"/>
                      <a:gd name="T56" fmla="*/ 578 w 890"/>
                      <a:gd name="T57" fmla="*/ 359 h 684"/>
                      <a:gd name="T58" fmla="*/ 575 w 890"/>
                      <a:gd name="T59" fmla="*/ 399 h 684"/>
                      <a:gd name="T60" fmla="*/ 556 w 890"/>
                      <a:gd name="T61" fmla="*/ 374 h 684"/>
                      <a:gd name="T62" fmla="*/ 562 w 890"/>
                      <a:gd name="T63" fmla="*/ 316 h 684"/>
                      <a:gd name="T64" fmla="*/ 560 w 890"/>
                      <a:gd name="T65" fmla="*/ 267 h 684"/>
                      <a:gd name="T66" fmla="*/ 555 w 890"/>
                      <a:gd name="T67" fmla="*/ 247 h 684"/>
                      <a:gd name="T68" fmla="*/ 521 w 890"/>
                      <a:gd name="T69" fmla="*/ 222 h 684"/>
                      <a:gd name="T70" fmla="*/ 467 w 890"/>
                      <a:gd name="T71" fmla="*/ 179 h 684"/>
                      <a:gd name="T72" fmla="*/ 424 w 890"/>
                      <a:gd name="T73" fmla="*/ 139 h 684"/>
                      <a:gd name="T74" fmla="*/ 355 w 890"/>
                      <a:gd name="T75" fmla="*/ 132 h 684"/>
                      <a:gd name="T76" fmla="*/ 320 w 890"/>
                      <a:gd name="T77" fmla="*/ 164 h 684"/>
                      <a:gd name="T78" fmla="*/ 308 w 890"/>
                      <a:gd name="T79" fmla="*/ 168 h 684"/>
                      <a:gd name="T80" fmla="*/ 277 w 890"/>
                      <a:gd name="T81" fmla="*/ 181 h 684"/>
                      <a:gd name="T82" fmla="*/ 245 w 890"/>
                      <a:gd name="T83" fmla="*/ 179 h 684"/>
                      <a:gd name="T84" fmla="*/ 238 w 890"/>
                      <a:gd name="T85" fmla="*/ 142 h 684"/>
                      <a:gd name="T86" fmla="*/ 206 w 890"/>
                      <a:gd name="T87" fmla="*/ 125 h 684"/>
                      <a:gd name="T88" fmla="*/ 172 w 890"/>
                      <a:gd name="T89" fmla="*/ 118 h 684"/>
                      <a:gd name="T90" fmla="*/ 127 w 890"/>
                      <a:gd name="T91" fmla="*/ 113 h 684"/>
                      <a:gd name="T92" fmla="*/ 157 w 890"/>
                      <a:gd name="T93" fmla="*/ 110 h 684"/>
                      <a:gd name="T94" fmla="*/ 101 w 890"/>
                      <a:gd name="T95" fmla="*/ 113 h 684"/>
                      <a:gd name="T96" fmla="*/ 52 w 890"/>
                      <a:gd name="T97" fmla="*/ 125 h 684"/>
                      <a:gd name="T98" fmla="*/ 67 w 890"/>
                      <a:gd name="T99" fmla="*/ 105 h 684"/>
                      <a:gd name="T100" fmla="*/ 51 w 890"/>
                      <a:gd name="T101" fmla="*/ 113 h 684"/>
                      <a:gd name="T102" fmla="*/ 22 w 890"/>
                      <a:gd name="T103" fmla="*/ 137 h 684"/>
                      <a:gd name="T104" fmla="*/ 23 w 890"/>
                      <a:gd name="T105" fmla="*/ 117 h 684"/>
                      <a:gd name="T106" fmla="*/ 25 w 890"/>
                      <a:gd name="T107" fmla="*/ 93 h 684"/>
                      <a:gd name="T108" fmla="*/ 572 w 890"/>
                      <a:gd name="T109" fmla="*/ 37 h 684"/>
                      <a:gd name="T110" fmla="*/ 594 w 890"/>
                      <a:gd name="T111" fmla="*/ 30 h 684"/>
                      <a:gd name="T112" fmla="*/ 616 w 890"/>
                      <a:gd name="T113" fmla="*/ 5 h 684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60000 65536"/>
                      <a:gd name="T169" fmla="*/ 0 60000 65536"/>
                      <a:gd name="T170" fmla="*/ 0 60000 65536"/>
                      <a:gd name="T171" fmla="*/ 0 w 890"/>
                      <a:gd name="T172" fmla="*/ 0 h 684"/>
                      <a:gd name="T173" fmla="*/ 890 w 890"/>
                      <a:gd name="T174" fmla="*/ 684 h 684"/>
                    </a:gdLst>
                    <a:ahLst/>
                    <a:cxnLst>
                      <a:cxn ang="T114">
                        <a:pos x="T0" y="T1"/>
                      </a:cxn>
                      <a:cxn ang="T115">
                        <a:pos x="T2" y="T3"/>
                      </a:cxn>
                      <a:cxn ang="T116">
                        <a:pos x="T4" y="T5"/>
                      </a:cxn>
                      <a:cxn ang="T117">
                        <a:pos x="T6" y="T7"/>
                      </a:cxn>
                      <a:cxn ang="T118">
                        <a:pos x="T8" y="T9"/>
                      </a:cxn>
                      <a:cxn ang="T119">
                        <a:pos x="T10" y="T11"/>
                      </a:cxn>
                      <a:cxn ang="T120">
                        <a:pos x="T12" y="T13"/>
                      </a:cxn>
                      <a:cxn ang="T121">
                        <a:pos x="T14" y="T15"/>
                      </a:cxn>
                      <a:cxn ang="T122">
                        <a:pos x="T16" y="T17"/>
                      </a:cxn>
                      <a:cxn ang="T123">
                        <a:pos x="T18" y="T19"/>
                      </a:cxn>
                      <a:cxn ang="T124">
                        <a:pos x="T20" y="T21"/>
                      </a:cxn>
                      <a:cxn ang="T125">
                        <a:pos x="T22" y="T23"/>
                      </a:cxn>
                      <a:cxn ang="T126">
                        <a:pos x="T24" y="T25"/>
                      </a:cxn>
                      <a:cxn ang="T127">
                        <a:pos x="T26" y="T27"/>
                      </a:cxn>
                      <a:cxn ang="T128">
                        <a:pos x="T28" y="T29"/>
                      </a:cxn>
                      <a:cxn ang="T129">
                        <a:pos x="T30" y="T31"/>
                      </a:cxn>
                      <a:cxn ang="T130">
                        <a:pos x="T32" y="T33"/>
                      </a:cxn>
                      <a:cxn ang="T131">
                        <a:pos x="T34" y="T35"/>
                      </a:cxn>
                      <a:cxn ang="T132">
                        <a:pos x="T36" y="T37"/>
                      </a:cxn>
                      <a:cxn ang="T133">
                        <a:pos x="T38" y="T39"/>
                      </a:cxn>
                      <a:cxn ang="T134">
                        <a:pos x="T40" y="T41"/>
                      </a:cxn>
                      <a:cxn ang="T135">
                        <a:pos x="T42" y="T43"/>
                      </a:cxn>
                      <a:cxn ang="T136">
                        <a:pos x="T44" y="T45"/>
                      </a:cxn>
                      <a:cxn ang="T137">
                        <a:pos x="T46" y="T47"/>
                      </a:cxn>
                      <a:cxn ang="T138">
                        <a:pos x="T48" y="T49"/>
                      </a:cxn>
                      <a:cxn ang="T139">
                        <a:pos x="T50" y="T51"/>
                      </a:cxn>
                      <a:cxn ang="T140">
                        <a:pos x="T52" y="T53"/>
                      </a:cxn>
                      <a:cxn ang="T141">
                        <a:pos x="T54" y="T55"/>
                      </a:cxn>
                      <a:cxn ang="T142">
                        <a:pos x="T56" y="T57"/>
                      </a:cxn>
                      <a:cxn ang="T143">
                        <a:pos x="T58" y="T59"/>
                      </a:cxn>
                      <a:cxn ang="T144">
                        <a:pos x="T60" y="T61"/>
                      </a:cxn>
                      <a:cxn ang="T145">
                        <a:pos x="T62" y="T63"/>
                      </a:cxn>
                      <a:cxn ang="T146">
                        <a:pos x="T64" y="T65"/>
                      </a:cxn>
                      <a:cxn ang="T147">
                        <a:pos x="T66" y="T67"/>
                      </a:cxn>
                      <a:cxn ang="T148">
                        <a:pos x="T68" y="T69"/>
                      </a:cxn>
                      <a:cxn ang="T149">
                        <a:pos x="T70" y="T71"/>
                      </a:cxn>
                      <a:cxn ang="T150">
                        <a:pos x="T72" y="T73"/>
                      </a:cxn>
                      <a:cxn ang="T151">
                        <a:pos x="T74" y="T75"/>
                      </a:cxn>
                      <a:cxn ang="T152">
                        <a:pos x="T76" y="T77"/>
                      </a:cxn>
                      <a:cxn ang="T153">
                        <a:pos x="T78" y="T79"/>
                      </a:cxn>
                      <a:cxn ang="T154">
                        <a:pos x="T80" y="T81"/>
                      </a:cxn>
                      <a:cxn ang="T155">
                        <a:pos x="T82" y="T83"/>
                      </a:cxn>
                      <a:cxn ang="T156">
                        <a:pos x="T84" y="T85"/>
                      </a:cxn>
                      <a:cxn ang="T157">
                        <a:pos x="T86" y="T87"/>
                      </a:cxn>
                      <a:cxn ang="T158">
                        <a:pos x="T88" y="T89"/>
                      </a:cxn>
                      <a:cxn ang="T159">
                        <a:pos x="T90" y="T91"/>
                      </a:cxn>
                      <a:cxn ang="T160">
                        <a:pos x="T92" y="T93"/>
                      </a:cxn>
                      <a:cxn ang="T161">
                        <a:pos x="T94" y="T95"/>
                      </a:cxn>
                      <a:cxn ang="T162">
                        <a:pos x="T96" y="T97"/>
                      </a:cxn>
                      <a:cxn ang="T163">
                        <a:pos x="T98" y="T99"/>
                      </a:cxn>
                      <a:cxn ang="T164">
                        <a:pos x="T100" y="T101"/>
                      </a:cxn>
                      <a:cxn ang="T165">
                        <a:pos x="T102" y="T103"/>
                      </a:cxn>
                      <a:cxn ang="T166">
                        <a:pos x="T104" y="T105"/>
                      </a:cxn>
                      <a:cxn ang="T167">
                        <a:pos x="T106" y="T107"/>
                      </a:cxn>
                      <a:cxn ang="T168">
                        <a:pos x="T108" y="T109"/>
                      </a:cxn>
                      <a:cxn ang="T169">
                        <a:pos x="T110" y="T111"/>
                      </a:cxn>
                      <a:cxn ang="T170">
                        <a:pos x="T112" y="T113"/>
                      </a:cxn>
                    </a:cxnLst>
                    <a:rect l="T171" t="T172" r="T173" b="T174"/>
                    <a:pathLst>
                      <a:path w="890" h="684">
                        <a:moveTo>
                          <a:pt x="650" y="14"/>
                        </a:moveTo>
                        <a:lnTo>
                          <a:pt x="650" y="32"/>
                        </a:lnTo>
                        <a:lnTo>
                          <a:pt x="655" y="32"/>
                        </a:lnTo>
                        <a:lnTo>
                          <a:pt x="656" y="42"/>
                        </a:lnTo>
                        <a:lnTo>
                          <a:pt x="655" y="42"/>
                        </a:lnTo>
                        <a:lnTo>
                          <a:pt x="653" y="44"/>
                        </a:lnTo>
                        <a:lnTo>
                          <a:pt x="651" y="44"/>
                        </a:lnTo>
                        <a:lnTo>
                          <a:pt x="648" y="46"/>
                        </a:lnTo>
                        <a:lnTo>
                          <a:pt x="643" y="46"/>
                        </a:lnTo>
                        <a:lnTo>
                          <a:pt x="641" y="49"/>
                        </a:lnTo>
                        <a:lnTo>
                          <a:pt x="638" y="52"/>
                        </a:lnTo>
                        <a:lnTo>
                          <a:pt x="636" y="58"/>
                        </a:lnTo>
                        <a:lnTo>
                          <a:pt x="636" y="63"/>
                        </a:lnTo>
                        <a:lnTo>
                          <a:pt x="636" y="68"/>
                        </a:lnTo>
                        <a:lnTo>
                          <a:pt x="636" y="69"/>
                        </a:lnTo>
                        <a:lnTo>
                          <a:pt x="636" y="71"/>
                        </a:lnTo>
                        <a:lnTo>
                          <a:pt x="638" y="71"/>
                        </a:lnTo>
                        <a:lnTo>
                          <a:pt x="641" y="71"/>
                        </a:lnTo>
                        <a:lnTo>
                          <a:pt x="641" y="69"/>
                        </a:lnTo>
                        <a:lnTo>
                          <a:pt x="643" y="61"/>
                        </a:lnTo>
                        <a:lnTo>
                          <a:pt x="644" y="54"/>
                        </a:lnTo>
                        <a:lnTo>
                          <a:pt x="648" y="51"/>
                        </a:lnTo>
                        <a:lnTo>
                          <a:pt x="651" y="47"/>
                        </a:lnTo>
                        <a:lnTo>
                          <a:pt x="656" y="47"/>
                        </a:lnTo>
                        <a:lnTo>
                          <a:pt x="660" y="47"/>
                        </a:lnTo>
                        <a:lnTo>
                          <a:pt x="661" y="47"/>
                        </a:lnTo>
                        <a:lnTo>
                          <a:pt x="663" y="49"/>
                        </a:lnTo>
                        <a:lnTo>
                          <a:pt x="683" y="95"/>
                        </a:lnTo>
                        <a:lnTo>
                          <a:pt x="682" y="112"/>
                        </a:lnTo>
                        <a:lnTo>
                          <a:pt x="692" y="132"/>
                        </a:lnTo>
                        <a:lnTo>
                          <a:pt x="697" y="127"/>
                        </a:lnTo>
                        <a:lnTo>
                          <a:pt x="699" y="129"/>
                        </a:lnTo>
                        <a:lnTo>
                          <a:pt x="700" y="132"/>
                        </a:lnTo>
                        <a:lnTo>
                          <a:pt x="704" y="137"/>
                        </a:lnTo>
                        <a:lnTo>
                          <a:pt x="707" y="144"/>
                        </a:lnTo>
                        <a:lnTo>
                          <a:pt x="710" y="149"/>
                        </a:lnTo>
                        <a:lnTo>
                          <a:pt x="714" y="154"/>
                        </a:lnTo>
                        <a:lnTo>
                          <a:pt x="716" y="159"/>
                        </a:lnTo>
                        <a:lnTo>
                          <a:pt x="717" y="161"/>
                        </a:lnTo>
                        <a:lnTo>
                          <a:pt x="726" y="174"/>
                        </a:lnTo>
                        <a:lnTo>
                          <a:pt x="732" y="184"/>
                        </a:lnTo>
                        <a:lnTo>
                          <a:pt x="738" y="191"/>
                        </a:lnTo>
                        <a:lnTo>
                          <a:pt x="741" y="196"/>
                        </a:lnTo>
                        <a:lnTo>
                          <a:pt x="741" y="200"/>
                        </a:lnTo>
                        <a:lnTo>
                          <a:pt x="738" y="196"/>
                        </a:lnTo>
                        <a:lnTo>
                          <a:pt x="736" y="193"/>
                        </a:lnTo>
                        <a:lnTo>
                          <a:pt x="732" y="190"/>
                        </a:lnTo>
                        <a:lnTo>
                          <a:pt x="729" y="186"/>
                        </a:lnTo>
                        <a:lnTo>
                          <a:pt x="726" y="181"/>
                        </a:lnTo>
                        <a:lnTo>
                          <a:pt x="722" y="178"/>
                        </a:lnTo>
                        <a:lnTo>
                          <a:pt x="721" y="174"/>
                        </a:lnTo>
                        <a:lnTo>
                          <a:pt x="719" y="173"/>
                        </a:lnTo>
                        <a:lnTo>
                          <a:pt x="714" y="174"/>
                        </a:lnTo>
                        <a:lnTo>
                          <a:pt x="716" y="174"/>
                        </a:lnTo>
                        <a:lnTo>
                          <a:pt x="717" y="178"/>
                        </a:lnTo>
                        <a:lnTo>
                          <a:pt x="721" y="183"/>
                        </a:lnTo>
                        <a:lnTo>
                          <a:pt x="724" y="188"/>
                        </a:lnTo>
                        <a:lnTo>
                          <a:pt x="729" y="195"/>
                        </a:lnTo>
                        <a:lnTo>
                          <a:pt x="732" y="200"/>
                        </a:lnTo>
                        <a:lnTo>
                          <a:pt x="734" y="203"/>
                        </a:lnTo>
                        <a:lnTo>
                          <a:pt x="736" y="205"/>
                        </a:lnTo>
                        <a:lnTo>
                          <a:pt x="748" y="217"/>
                        </a:lnTo>
                        <a:lnTo>
                          <a:pt x="754" y="225"/>
                        </a:lnTo>
                        <a:lnTo>
                          <a:pt x="760" y="232"/>
                        </a:lnTo>
                        <a:lnTo>
                          <a:pt x="760" y="235"/>
                        </a:lnTo>
                        <a:lnTo>
                          <a:pt x="758" y="235"/>
                        </a:lnTo>
                        <a:lnTo>
                          <a:pt x="756" y="235"/>
                        </a:lnTo>
                        <a:lnTo>
                          <a:pt x="754" y="235"/>
                        </a:lnTo>
                        <a:lnTo>
                          <a:pt x="753" y="235"/>
                        </a:lnTo>
                        <a:lnTo>
                          <a:pt x="754" y="235"/>
                        </a:lnTo>
                        <a:lnTo>
                          <a:pt x="760" y="250"/>
                        </a:lnTo>
                        <a:lnTo>
                          <a:pt x="766" y="266"/>
                        </a:lnTo>
                        <a:lnTo>
                          <a:pt x="773" y="279"/>
                        </a:lnTo>
                        <a:lnTo>
                          <a:pt x="780" y="293"/>
                        </a:lnTo>
                        <a:lnTo>
                          <a:pt x="787" y="305"/>
                        </a:lnTo>
                        <a:lnTo>
                          <a:pt x="793" y="318"/>
                        </a:lnTo>
                        <a:lnTo>
                          <a:pt x="800" y="328"/>
                        </a:lnTo>
                        <a:lnTo>
                          <a:pt x="805" y="338"/>
                        </a:lnTo>
                        <a:lnTo>
                          <a:pt x="812" y="349"/>
                        </a:lnTo>
                        <a:lnTo>
                          <a:pt x="817" y="357"/>
                        </a:lnTo>
                        <a:lnTo>
                          <a:pt x="822" y="366"/>
                        </a:lnTo>
                        <a:lnTo>
                          <a:pt x="827" y="374"/>
                        </a:lnTo>
                        <a:lnTo>
                          <a:pt x="832" y="381"/>
                        </a:lnTo>
                        <a:lnTo>
                          <a:pt x="836" y="386"/>
                        </a:lnTo>
                        <a:lnTo>
                          <a:pt x="837" y="391"/>
                        </a:lnTo>
                        <a:lnTo>
                          <a:pt x="839" y="394"/>
                        </a:lnTo>
                        <a:lnTo>
                          <a:pt x="842" y="398"/>
                        </a:lnTo>
                        <a:lnTo>
                          <a:pt x="846" y="403"/>
                        </a:lnTo>
                        <a:lnTo>
                          <a:pt x="849" y="406"/>
                        </a:lnTo>
                        <a:lnTo>
                          <a:pt x="851" y="411"/>
                        </a:lnTo>
                        <a:lnTo>
                          <a:pt x="853" y="415"/>
                        </a:lnTo>
                        <a:lnTo>
                          <a:pt x="854" y="418"/>
                        </a:lnTo>
                        <a:lnTo>
                          <a:pt x="856" y="420"/>
                        </a:lnTo>
                        <a:lnTo>
                          <a:pt x="858" y="420"/>
                        </a:lnTo>
                        <a:lnTo>
                          <a:pt x="863" y="425"/>
                        </a:lnTo>
                        <a:lnTo>
                          <a:pt x="868" y="428"/>
                        </a:lnTo>
                        <a:lnTo>
                          <a:pt x="870" y="432"/>
                        </a:lnTo>
                        <a:lnTo>
                          <a:pt x="871" y="435"/>
                        </a:lnTo>
                        <a:lnTo>
                          <a:pt x="871" y="438"/>
                        </a:lnTo>
                        <a:lnTo>
                          <a:pt x="870" y="442"/>
                        </a:lnTo>
                        <a:lnTo>
                          <a:pt x="870" y="443"/>
                        </a:lnTo>
                        <a:lnTo>
                          <a:pt x="870" y="445"/>
                        </a:lnTo>
                        <a:lnTo>
                          <a:pt x="875" y="450"/>
                        </a:lnTo>
                        <a:lnTo>
                          <a:pt x="878" y="454"/>
                        </a:lnTo>
                        <a:lnTo>
                          <a:pt x="880" y="457"/>
                        </a:lnTo>
                        <a:lnTo>
                          <a:pt x="880" y="460"/>
                        </a:lnTo>
                        <a:lnTo>
                          <a:pt x="880" y="462"/>
                        </a:lnTo>
                        <a:lnTo>
                          <a:pt x="880" y="464"/>
                        </a:lnTo>
                        <a:lnTo>
                          <a:pt x="878" y="464"/>
                        </a:lnTo>
                        <a:lnTo>
                          <a:pt x="888" y="474"/>
                        </a:lnTo>
                        <a:lnTo>
                          <a:pt x="888" y="476"/>
                        </a:lnTo>
                        <a:lnTo>
                          <a:pt x="888" y="479"/>
                        </a:lnTo>
                        <a:lnTo>
                          <a:pt x="890" y="484"/>
                        </a:lnTo>
                        <a:lnTo>
                          <a:pt x="890" y="491"/>
                        </a:lnTo>
                        <a:lnTo>
                          <a:pt x="890" y="498"/>
                        </a:lnTo>
                        <a:lnTo>
                          <a:pt x="890" y="508"/>
                        </a:lnTo>
                        <a:lnTo>
                          <a:pt x="890" y="518"/>
                        </a:lnTo>
                        <a:lnTo>
                          <a:pt x="890" y="526"/>
                        </a:lnTo>
                        <a:lnTo>
                          <a:pt x="890" y="536"/>
                        </a:lnTo>
                        <a:lnTo>
                          <a:pt x="890" y="547"/>
                        </a:lnTo>
                        <a:lnTo>
                          <a:pt x="890" y="555"/>
                        </a:lnTo>
                        <a:lnTo>
                          <a:pt x="890" y="564"/>
                        </a:lnTo>
                        <a:lnTo>
                          <a:pt x="890" y="570"/>
                        </a:lnTo>
                        <a:lnTo>
                          <a:pt x="890" y="575"/>
                        </a:lnTo>
                        <a:lnTo>
                          <a:pt x="890" y="580"/>
                        </a:lnTo>
                        <a:lnTo>
                          <a:pt x="886" y="586"/>
                        </a:lnTo>
                        <a:lnTo>
                          <a:pt x="883" y="589"/>
                        </a:lnTo>
                        <a:lnTo>
                          <a:pt x="881" y="594"/>
                        </a:lnTo>
                        <a:lnTo>
                          <a:pt x="880" y="599"/>
                        </a:lnTo>
                        <a:lnTo>
                          <a:pt x="878" y="604"/>
                        </a:lnTo>
                        <a:lnTo>
                          <a:pt x="876" y="609"/>
                        </a:lnTo>
                        <a:lnTo>
                          <a:pt x="876" y="614"/>
                        </a:lnTo>
                        <a:lnTo>
                          <a:pt x="876" y="619"/>
                        </a:lnTo>
                        <a:lnTo>
                          <a:pt x="876" y="623"/>
                        </a:lnTo>
                        <a:lnTo>
                          <a:pt x="876" y="628"/>
                        </a:lnTo>
                        <a:lnTo>
                          <a:pt x="876" y="631"/>
                        </a:lnTo>
                        <a:lnTo>
                          <a:pt x="876" y="635"/>
                        </a:lnTo>
                        <a:lnTo>
                          <a:pt x="876" y="638"/>
                        </a:lnTo>
                        <a:lnTo>
                          <a:pt x="876" y="640"/>
                        </a:lnTo>
                        <a:lnTo>
                          <a:pt x="878" y="641"/>
                        </a:lnTo>
                        <a:lnTo>
                          <a:pt x="876" y="650"/>
                        </a:lnTo>
                        <a:lnTo>
                          <a:pt x="875" y="657"/>
                        </a:lnTo>
                        <a:lnTo>
                          <a:pt x="871" y="660"/>
                        </a:lnTo>
                        <a:lnTo>
                          <a:pt x="868" y="662"/>
                        </a:lnTo>
                        <a:lnTo>
                          <a:pt x="864" y="663"/>
                        </a:lnTo>
                        <a:lnTo>
                          <a:pt x="861" y="663"/>
                        </a:lnTo>
                        <a:lnTo>
                          <a:pt x="858" y="663"/>
                        </a:lnTo>
                        <a:lnTo>
                          <a:pt x="856" y="663"/>
                        </a:lnTo>
                        <a:lnTo>
                          <a:pt x="849" y="668"/>
                        </a:lnTo>
                        <a:lnTo>
                          <a:pt x="842" y="674"/>
                        </a:lnTo>
                        <a:lnTo>
                          <a:pt x="837" y="675"/>
                        </a:lnTo>
                        <a:lnTo>
                          <a:pt x="834" y="675"/>
                        </a:lnTo>
                        <a:lnTo>
                          <a:pt x="831" y="675"/>
                        </a:lnTo>
                        <a:lnTo>
                          <a:pt x="827" y="674"/>
                        </a:lnTo>
                        <a:lnTo>
                          <a:pt x="826" y="674"/>
                        </a:lnTo>
                        <a:lnTo>
                          <a:pt x="817" y="680"/>
                        </a:lnTo>
                        <a:lnTo>
                          <a:pt x="810" y="684"/>
                        </a:lnTo>
                        <a:lnTo>
                          <a:pt x="805" y="684"/>
                        </a:lnTo>
                        <a:lnTo>
                          <a:pt x="800" y="684"/>
                        </a:lnTo>
                        <a:lnTo>
                          <a:pt x="797" y="684"/>
                        </a:lnTo>
                        <a:lnTo>
                          <a:pt x="793" y="680"/>
                        </a:lnTo>
                        <a:lnTo>
                          <a:pt x="792" y="680"/>
                        </a:lnTo>
                        <a:lnTo>
                          <a:pt x="792" y="679"/>
                        </a:lnTo>
                        <a:lnTo>
                          <a:pt x="787" y="670"/>
                        </a:lnTo>
                        <a:lnTo>
                          <a:pt x="787" y="667"/>
                        </a:lnTo>
                        <a:lnTo>
                          <a:pt x="788" y="663"/>
                        </a:lnTo>
                        <a:lnTo>
                          <a:pt x="790" y="665"/>
                        </a:lnTo>
                        <a:lnTo>
                          <a:pt x="795" y="667"/>
                        </a:lnTo>
                        <a:lnTo>
                          <a:pt x="798" y="668"/>
                        </a:lnTo>
                        <a:lnTo>
                          <a:pt x="802" y="670"/>
                        </a:lnTo>
                        <a:lnTo>
                          <a:pt x="802" y="672"/>
                        </a:lnTo>
                        <a:lnTo>
                          <a:pt x="820" y="665"/>
                        </a:lnTo>
                        <a:lnTo>
                          <a:pt x="810" y="653"/>
                        </a:lnTo>
                        <a:lnTo>
                          <a:pt x="812" y="652"/>
                        </a:lnTo>
                        <a:lnTo>
                          <a:pt x="814" y="650"/>
                        </a:lnTo>
                        <a:lnTo>
                          <a:pt x="815" y="648"/>
                        </a:lnTo>
                        <a:lnTo>
                          <a:pt x="810" y="640"/>
                        </a:lnTo>
                        <a:lnTo>
                          <a:pt x="807" y="635"/>
                        </a:lnTo>
                        <a:lnTo>
                          <a:pt x="804" y="633"/>
                        </a:lnTo>
                        <a:lnTo>
                          <a:pt x="802" y="631"/>
                        </a:lnTo>
                        <a:lnTo>
                          <a:pt x="800" y="633"/>
                        </a:lnTo>
                        <a:lnTo>
                          <a:pt x="798" y="635"/>
                        </a:lnTo>
                        <a:lnTo>
                          <a:pt x="798" y="636"/>
                        </a:lnTo>
                        <a:lnTo>
                          <a:pt x="798" y="638"/>
                        </a:lnTo>
                        <a:lnTo>
                          <a:pt x="802" y="645"/>
                        </a:lnTo>
                        <a:lnTo>
                          <a:pt x="802" y="650"/>
                        </a:lnTo>
                        <a:lnTo>
                          <a:pt x="800" y="652"/>
                        </a:lnTo>
                        <a:lnTo>
                          <a:pt x="797" y="653"/>
                        </a:lnTo>
                        <a:lnTo>
                          <a:pt x="793" y="653"/>
                        </a:lnTo>
                        <a:lnTo>
                          <a:pt x="790" y="653"/>
                        </a:lnTo>
                        <a:lnTo>
                          <a:pt x="788" y="652"/>
                        </a:lnTo>
                        <a:lnTo>
                          <a:pt x="787" y="652"/>
                        </a:lnTo>
                        <a:lnTo>
                          <a:pt x="780" y="640"/>
                        </a:lnTo>
                        <a:lnTo>
                          <a:pt x="775" y="630"/>
                        </a:lnTo>
                        <a:lnTo>
                          <a:pt x="768" y="621"/>
                        </a:lnTo>
                        <a:lnTo>
                          <a:pt x="763" y="614"/>
                        </a:lnTo>
                        <a:lnTo>
                          <a:pt x="756" y="609"/>
                        </a:lnTo>
                        <a:lnTo>
                          <a:pt x="749" y="606"/>
                        </a:lnTo>
                        <a:lnTo>
                          <a:pt x="744" y="602"/>
                        </a:lnTo>
                        <a:lnTo>
                          <a:pt x="739" y="599"/>
                        </a:lnTo>
                        <a:lnTo>
                          <a:pt x="734" y="597"/>
                        </a:lnTo>
                        <a:lnTo>
                          <a:pt x="729" y="597"/>
                        </a:lnTo>
                        <a:lnTo>
                          <a:pt x="724" y="597"/>
                        </a:lnTo>
                        <a:lnTo>
                          <a:pt x="721" y="597"/>
                        </a:lnTo>
                        <a:lnTo>
                          <a:pt x="719" y="597"/>
                        </a:lnTo>
                        <a:lnTo>
                          <a:pt x="716" y="597"/>
                        </a:lnTo>
                        <a:lnTo>
                          <a:pt x="714" y="597"/>
                        </a:lnTo>
                        <a:lnTo>
                          <a:pt x="714" y="599"/>
                        </a:lnTo>
                        <a:lnTo>
                          <a:pt x="712" y="597"/>
                        </a:lnTo>
                        <a:lnTo>
                          <a:pt x="710" y="594"/>
                        </a:lnTo>
                        <a:lnTo>
                          <a:pt x="707" y="592"/>
                        </a:lnTo>
                        <a:lnTo>
                          <a:pt x="705" y="589"/>
                        </a:lnTo>
                        <a:lnTo>
                          <a:pt x="704" y="586"/>
                        </a:lnTo>
                        <a:lnTo>
                          <a:pt x="702" y="584"/>
                        </a:lnTo>
                        <a:lnTo>
                          <a:pt x="700" y="580"/>
                        </a:lnTo>
                        <a:lnTo>
                          <a:pt x="697" y="564"/>
                        </a:lnTo>
                        <a:lnTo>
                          <a:pt x="692" y="550"/>
                        </a:lnTo>
                        <a:lnTo>
                          <a:pt x="687" y="542"/>
                        </a:lnTo>
                        <a:lnTo>
                          <a:pt x="683" y="536"/>
                        </a:lnTo>
                        <a:lnTo>
                          <a:pt x="680" y="535"/>
                        </a:lnTo>
                        <a:lnTo>
                          <a:pt x="677" y="535"/>
                        </a:lnTo>
                        <a:lnTo>
                          <a:pt x="675" y="535"/>
                        </a:lnTo>
                        <a:lnTo>
                          <a:pt x="666" y="526"/>
                        </a:lnTo>
                        <a:lnTo>
                          <a:pt x="661" y="514"/>
                        </a:lnTo>
                        <a:lnTo>
                          <a:pt x="661" y="498"/>
                        </a:lnTo>
                        <a:lnTo>
                          <a:pt x="653" y="486"/>
                        </a:lnTo>
                        <a:lnTo>
                          <a:pt x="661" y="472"/>
                        </a:lnTo>
                        <a:lnTo>
                          <a:pt x="646" y="481"/>
                        </a:lnTo>
                        <a:lnTo>
                          <a:pt x="646" y="479"/>
                        </a:lnTo>
                        <a:lnTo>
                          <a:pt x="644" y="479"/>
                        </a:lnTo>
                        <a:lnTo>
                          <a:pt x="641" y="477"/>
                        </a:lnTo>
                        <a:lnTo>
                          <a:pt x="639" y="476"/>
                        </a:lnTo>
                        <a:lnTo>
                          <a:pt x="636" y="474"/>
                        </a:lnTo>
                        <a:lnTo>
                          <a:pt x="634" y="474"/>
                        </a:lnTo>
                        <a:lnTo>
                          <a:pt x="633" y="472"/>
                        </a:lnTo>
                        <a:lnTo>
                          <a:pt x="633" y="474"/>
                        </a:lnTo>
                        <a:lnTo>
                          <a:pt x="638" y="482"/>
                        </a:lnTo>
                        <a:lnTo>
                          <a:pt x="643" y="489"/>
                        </a:lnTo>
                        <a:lnTo>
                          <a:pt x="644" y="494"/>
                        </a:lnTo>
                        <a:lnTo>
                          <a:pt x="644" y="498"/>
                        </a:lnTo>
                        <a:lnTo>
                          <a:pt x="643" y="498"/>
                        </a:lnTo>
                        <a:lnTo>
                          <a:pt x="641" y="498"/>
                        </a:lnTo>
                        <a:lnTo>
                          <a:pt x="638" y="496"/>
                        </a:lnTo>
                        <a:lnTo>
                          <a:pt x="636" y="494"/>
                        </a:lnTo>
                        <a:lnTo>
                          <a:pt x="631" y="491"/>
                        </a:lnTo>
                        <a:lnTo>
                          <a:pt x="628" y="487"/>
                        </a:lnTo>
                        <a:lnTo>
                          <a:pt x="622" y="484"/>
                        </a:lnTo>
                        <a:lnTo>
                          <a:pt x="619" y="481"/>
                        </a:lnTo>
                        <a:lnTo>
                          <a:pt x="616" y="477"/>
                        </a:lnTo>
                        <a:lnTo>
                          <a:pt x="612" y="474"/>
                        </a:lnTo>
                        <a:lnTo>
                          <a:pt x="611" y="472"/>
                        </a:lnTo>
                        <a:lnTo>
                          <a:pt x="607" y="457"/>
                        </a:lnTo>
                        <a:lnTo>
                          <a:pt x="582" y="425"/>
                        </a:lnTo>
                        <a:lnTo>
                          <a:pt x="584" y="425"/>
                        </a:lnTo>
                        <a:lnTo>
                          <a:pt x="585" y="423"/>
                        </a:lnTo>
                        <a:lnTo>
                          <a:pt x="587" y="423"/>
                        </a:lnTo>
                        <a:lnTo>
                          <a:pt x="589" y="421"/>
                        </a:lnTo>
                        <a:lnTo>
                          <a:pt x="590" y="421"/>
                        </a:lnTo>
                        <a:lnTo>
                          <a:pt x="592" y="420"/>
                        </a:lnTo>
                        <a:lnTo>
                          <a:pt x="594" y="420"/>
                        </a:lnTo>
                        <a:lnTo>
                          <a:pt x="589" y="418"/>
                        </a:lnTo>
                        <a:lnTo>
                          <a:pt x="587" y="413"/>
                        </a:lnTo>
                        <a:lnTo>
                          <a:pt x="587" y="408"/>
                        </a:lnTo>
                        <a:lnTo>
                          <a:pt x="587" y="401"/>
                        </a:lnTo>
                        <a:lnTo>
                          <a:pt x="589" y="394"/>
                        </a:lnTo>
                        <a:lnTo>
                          <a:pt x="590" y="388"/>
                        </a:lnTo>
                        <a:lnTo>
                          <a:pt x="590" y="382"/>
                        </a:lnTo>
                        <a:lnTo>
                          <a:pt x="590" y="379"/>
                        </a:lnTo>
                        <a:lnTo>
                          <a:pt x="587" y="371"/>
                        </a:lnTo>
                        <a:lnTo>
                          <a:pt x="585" y="364"/>
                        </a:lnTo>
                        <a:lnTo>
                          <a:pt x="582" y="360"/>
                        </a:lnTo>
                        <a:lnTo>
                          <a:pt x="580" y="359"/>
                        </a:lnTo>
                        <a:lnTo>
                          <a:pt x="578" y="359"/>
                        </a:lnTo>
                        <a:lnTo>
                          <a:pt x="577" y="360"/>
                        </a:lnTo>
                        <a:lnTo>
                          <a:pt x="577" y="364"/>
                        </a:lnTo>
                        <a:lnTo>
                          <a:pt x="575" y="367"/>
                        </a:lnTo>
                        <a:lnTo>
                          <a:pt x="575" y="372"/>
                        </a:lnTo>
                        <a:lnTo>
                          <a:pt x="575" y="377"/>
                        </a:lnTo>
                        <a:lnTo>
                          <a:pt x="575" y="382"/>
                        </a:lnTo>
                        <a:lnTo>
                          <a:pt x="575" y="388"/>
                        </a:lnTo>
                        <a:lnTo>
                          <a:pt x="575" y="393"/>
                        </a:lnTo>
                        <a:lnTo>
                          <a:pt x="575" y="396"/>
                        </a:lnTo>
                        <a:lnTo>
                          <a:pt x="575" y="399"/>
                        </a:lnTo>
                        <a:lnTo>
                          <a:pt x="572" y="398"/>
                        </a:lnTo>
                        <a:lnTo>
                          <a:pt x="568" y="394"/>
                        </a:lnTo>
                        <a:lnTo>
                          <a:pt x="565" y="391"/>
                        </a:lnTo>
                        <a:lnTo>
                          <a:pt x="560" y="388"/>
                        </a:lnTo>
                        <a:lnTo>
                          <a:pt x="558" y="384"/>
                        </a:lnTo>
                        <a:lnTo>
                          <a:pt x="555" y="382"/>
                        </a:lnTo>
                        <a:lnTo>
                          <a:pt x="555" y="381"/>
                        </a:lnTo>
                        <a:lnTo>
                          <a:pt x="556" y="374"/>
                        </a:lnTo>
                        <a:lnTo>
                          <a:pt x="558" y="366"/>
                        </a:lnTo>
                        <a:lnTo>
                          <a:pt x="558" y="359"/>
                        </a:lnTo>
                        <a:lnTo>
                          <a:pt x="558" y="352"/>
                        </a:lnTo>
                        <a:lnTo>
                          <a:pt x="556" y="345"/>
                        </a:lnTo>
                        <a:lnTo>
                          <a:pt x="556" y="340"/>
                        </a:lnTo>
                        <a:lnTo>
                          <a:pt x="555" y="337"/>
                        </a:lnTo>
                        <a:lnTo>
                          <a:pt x="555" y="335"/>
                        </a:lnTo>
                        <a:lnTo>
                          <a:pt x="558" y="328"/>
                        </a:lnTo>
                        <a:lnTo>
                          <a:pt x="560" y="323"/>
                        </a:lnTo>
                        <a:lnTo>
                          <a:pt x="562" y="316"/>
                        </a:lnTo>
                        <a:lnTo>
                          <a:pt x="562" y="311"/>
                        </a:lnTo>
                        <a:lnTo>
                          <a:pt x="563" y="305"/>
                        </a:lnTo>
                        <a:lnTo>
                          <a:pt x="563" y="300"/>
                        </a:lnTo>
                        <a:lnTo>
                          <a:pt x="563" y="293"/>
                        </a:lnTo>
                        <a:lnTo>
                          <a:pt x="563" y="288"/>
                        </a:lnTo>
                        <a:lnTo>
                          <a:pt x="562" y="283"/>
                        </a:lnTo>
                        <a:lnTo>
                          <a:pt x="562" y="278"/>
                        </a:lnTo>
                        <a:lnTo>
                          <a:pt x="560" y="274"/>
                        </a:lnTo>
                        <a:lnTo>
                          <a:pt x="560" y="269"/>
                        </a:lnTo>
                        <a:lnTo>
                          <a:pt x="560" y="267"/>
                        </a:lnTo>
                        <a:lnTo>
                          <a:pt x="558" y="264"/>
                        </a:lnTo>
                        <a:lnTo>
                          <a:pt x="558" y="262"/>
                        </a:lnTo>
                        <a:lnTo>
                          <a:pt x="558" y="261"/>
                        </a:lnTo>
                        <a:lnTo>
                          <a:pt x="558" y="257"/>
                        </a:lnTo>
                        <a:lnTo>
                          <a:pt x="558" y="256"/>
                        </a:lnTo>
                        <a:lnTo>
                          <a:pt x="556" y="252"/>
                        </a:lnTo>
                        <a:lnTo>
                          <a:pt x="556" y="249"/>
                        </a:lnTo>
                        <a:lnTo>
                          <a:pt x="555" y="247"/>
                        </a:lnTo>
                        <a:lnTo>
                          <a:pt x="551" y="245"/>
                        </a:lnTo>
                        <a:lnTo>
                          <a:pt x="548" y="242"/>
                        </a:lnTo>
                        <a:lnTo>
                          <a:pt x="545" y="239"/>
                        </a:lnTo>
                        <a:lnTo>
                          <a:pt x="541" y="232"/>
                        </a:lnTo>
                        <a:lnTo>
                          <a:pt x="538" y="227"/>
                        </a:lnTo>
                        <a:lnTo>
                          <a:pt x="534" y="223"/>
                        </a:lnTo>
                        <a:lnTo>
                          <a:pt x="533" y="220"/>
                        </a:lnTo>
                        <a:lnTo>
                          <a:pt x="533" y="218"/>
                        </a:lnTo>
                        <a:lnTo>
                          <a:pt x="521" y="222"/>
                        </a:lnTo>
                        <a:lnTo>
                          <a:pt x="514" y="222"/>
                        </a:lnTo>
                        <a:lnTo>
                          <a:pt x="509" y="222"/>
                        </a:lnTo>
                        <a:lnTo>
                          <a:pt x="507" y="220"/>
                        </a:lnTo>
                        <a:lnTo>
                          <a:pt x="506" y="217"/>
                        </a:lnTo>
                        <a:lnTo>
                          <a:pt x="506" y="215"/>
                        </a:lnTo>
                        <a:lnTo>
                          <a:pt x="507" y="215"/>
                        </a:lnTo>
                        <a:lnTo>
                          <a:pt x="507" y="213"/>
                        </a:lnTo>
                        <a:lnTo>
                          <a:pt x="497" y="206"/>
                        </a:lnTo>
                        <a:lnTo>
                          <a:pt x="484" y="191"/>
                        </a:lnTo>
                        <a:lnTo>
                          <a:pt x="467" y="179"/>
                        </a:lnTo>
                        <a:lnTo>
                          <a:pt x="465" y="179"/>
                        </a:lnTo>
                        <a:lnTo>
                          <a:pt x="463" y="176"/>
                        </a:lnTo>
                        <a:lnTo>
                          <a:pt x="458" y="173"/>
                        </a:lnTo>
                        <a:lnTo>
                          <a:pt x="455" y="168"/>
                        </a:lnTo>
                        <a:lnTo>
                          <a:pt x="450" y="162"/>
                        </a:lnTo>
                        <a:lnTo>
                          <a:pt x="446" y="157"/>
                        </a:lnTo>
                        <a:lnTo>
                          <a:pt x="445" y="154"/>
                        </a:lnTo>
                        <a:lnTo>
                          <a:pt x="443" y="152"/>
                        </a:lnTo>
                        <a:lnTo>
                          <a:pt x="433" y="144"/>
                        </a:lnTo>
                        <a:lnTo>
                          <a:pt x="424" y="139"/>
                        </a:lnTo>
                        <a:lnTo>
                          <a:pt x="418" y="132"/>
                        </a:lnTo>
                        <a:lnTo>
                          <a:pt x="411" y="129"/>
                        </a:lnTo>
                        <a:lnTo>
                          <a:pt x="404" y="125"/>
                        </a:lnTo>
                        <a:lnTo>
                          <a:pt x="399" y="124"/>
                        </a:lnTo>
                        <a:lnTo>
                          <a:pt x="396" y="124"/>
                        </a:lnTo>
                        <a:lnTo>
                          <a:pt x="394" y="122"/>
                        </a:lnTo>
                        <a:lnTo>
                          <a:pt x="377" y="122"/>
                        </a:lnTo>
                        <a:lnTo>
                          <a:pt x="367" y="122"/>
                        </a:lnTo>
                        <a:lnTo>
                          <a:pt x="360" y="127"/>
                        </a:lnTo>
                        <a:lnTo>
                          <a:pt x="355" y="132"/>
                        </a:lnTo>
                        <a:lnTo>
                          <a:pt x="355" y="139"/>
                        </a:lnTo>
                        <a:lnTo>
                          <a:pt x="355" y="144"/>
                        </a:lnTo>
                        <a:lnTo>
                          <a:pt x="357" y="147"/>
                        </a:lnTo>
                        <a:lnTo>
                          <a:pt x="357" y="149"/>
                        </a:lnTo>
                        <a:lnTo>
                          <a:pt x="350" y="147"/>
                        </a:lnTo>
                        <a:lnTo>
                          <a:pt x="342" y="149"/>
                        </a:lnTo>
                        <a:lnTo>
                          <a:pt x="335" y="152"/>
                        </a:lnTo>
                        <a:lnTo>
                          <a:pt x="330" y="156"/>
                        </a:lnTo>
                        <a:lnTo>
                          <a:pt x="325" y="161"/>
                        </a:lnTo>
                        <a:lnTo>
                          <a:pt x="320" y="164"/>
                        </a:lnTo>
                        <a:lnTo>
                          <a:pt x="316" y="168"/>
                        </a:lnTo>
                        <a:lnTo>
                          <a:pt x="316" y="169"/>
                        </a:lnTo>
                        <a:lnTo>
                          <a:pt x="309" y="176"/>
                        </a:lnTo>
                        <a:lnTo>
                          <a:pt x="306" y="178"/>
                        </a:lnTo>
                        <a:lnTo>
                          <a:pt x="304" y="178"/>
                        </a:lnTo>
                        <a:lnTo>
                          <a:pt x="304" y="176"/>
                        </a:lnTo>
                        <a:lnTo>
                          <a:pt x="304" y="174"/>
                        </a:lnTo>
                        <a:lnTo>
                          <a:pt x="306" y="171"/>
                        </a:lnTo>
                        <a:lnTo>
                          <a:pt x="308" y="169"/>
                        </a:lnTo>
                        <a:lnTo>
                          <a:pt x="308" y="168"/>
                        </a:lnTo>
                        <a:lnTo>
                          <a:pt x="306" y="168"/>
                        </a:lnTo>
                        <a:lnTo>
                          <a:pt x="306" y="169"/>
                        </a:lnTo>
                        <a:lnTo>
                          <a:pt x="303" y="173"/>
                        </a:lnTo>
                        <a:lnTo>
                          <a:pt x="299" y="174"/>
                        </a:lnTo>
                        <a:lnTo>
                          <a:pt x="298" y="178"/>
                        </a:lnTo>
                        <a:lnTo>
                          <a:pt x="294" y="179"/>
                        </a:lnTo>
                        <a:lnTo>
                          <a:pt x="293" y="181"/>
                        </a:lnTo>
                        <a:lnTo>
                          <a:pt x="291" y="183"/>
                        </a:lnTo>
                        <a:lnTo>
                          <a:pt x="284" y="181"/>
                        </a:lnTo>
                        <a:lnTo>
                          <a:pt x="277" y="181"/>
                        </a:lnTo>
                        <a:lnTo>
                          <a:pt x="271" y="183"/>
                        </a:lnTo>
                        <a:lnTo>
                          <a:pt x="265" y="186"/>
                        </a:lnTo>
                        <a:lnTo>
                          <a:pt x="260" y="188"/>
                        </a:lnTo>
                        <a:lnTo>
                          <a:pt x="257" y="190"/>
                        </a:lnTo>
                        <a:lnTo>
                          <a:pt x="254" y="191"/>
                        </a:lnTo>
                        <a:lnTo>
                          <a:pt x="247" y="184"/>
                        </a:lnTo>
                        <a:lnTo>
                          <a:pt x="243" y="179"/>
                        </a:lnTo>
                        <a:lnTo>
                          <a:pt x="245" y="179"/>
                        </a:lnTo>
                        <a:lnTo>
                          <a:pt x="249" y="181"/>
                        </a:lnTo>
                        <a:lnTo>
                          <a:pt x="252" y="184"/>
                        </a:lnTo>
                        <a:lnTo>
                          <a:pt x="255" y="186"/>
                        </a:lnTo>
                        <a:lnTo>
                          <a:pt x="257" y="186"/>
                        </a:lnTo>
                        <a:lnTo>
                          <a:pt x="257" y="176"/>
                        </a:lnTo>
                        <a:lnTo>
                          <a:pt x="247" y="162"/>
                        </a:lnTo>
                        <a:lnTo>
                          <a:pt x="218" y="140"/>
                        </a:lnTo>
                        <a:lnTo>
                          <a:pt x="232" y="142"/>
                        </a:lnTo>
                        <a:lnTo>
                          <a:pt x="238" y="144"/>
                        </a:lnTo>
                        <a:lnTo>
                          <a:pt x="238" y="142"/>
                        </a:lnTo>
                        <a:lnTo>
                          <a:pt x="235" y="140"/>
                        </a:lnTo>
                        <a:lnTo>
                          <a:pt x="230" y="137"/>
                        </a:lnTo>
                        <a:lnTo>
                          <a:pt x="223" y="135"/>
                        </a:lnTo>
                        <a:lnTo>
                          <a:pt x="218" y="132"/>
                        </a:lnTo>
                        <a:lnTo>
                          <a:pt x="216" y="132"/>
                        </a:lnTo>
                        <a:lnTo>
                          <a:pt x="223" y="117"/>
                        </a:lnTo>
                        <a:lnTo>
                          <a:pt x="205" y="120"/>
                        </a:lnTo>
                        <a:lnTo>
                          <a:pt x="205" y="122"/>
                        </a:lnTo>
                        <a:lnTo>
                          <a:pt x="206" y="125"/>
                        </a:lnTo>
                        <a:lnTo>
                          <a:pt x="206" y="127"/>
                        </a:lnTo>
                        <a:lnTo>
                          <a:pt x="206" y="130"/>
                        </a:lnTo>
                        <a:lnTo>
                          <a:pt x="208" y="134"/>
                        </a:lnTo>
                        <a:lnTo>
                          <a:pt x="208" y="135"/>
                        </a:lnTo>
                        <a:lnTo>
                          <a:pt x="201" y="130"/>
                        </a:lnTo>
                        <a:lnTo>
                          <a:pt x="193" y="127"/>
                        </a:lnTo>
                        <a:lnTo>
                          <a:pt x="186" y="124"/>
                        </a:lnTo>
                        <a:lnTo>
                          <a:pt x="179" y="122"/>
                        </a:lnTo>
                        <a:lnTo>
                          <a:pt x="172" y="118"/>
                        </a:lnTo>
                        <a:lnTo>
                          <a:pt x="164" y="117"/>
                        </a:lnTo>
                        <a:lnTo>
                          <a:pt x="159" y="115"/>
                        </a:lnTo>
                        <a:lnTo>
                          <a:pt x="152" y="115"/>
                        </a:lnTo>
                        <a:lnTo>
                          <a:pt x="147" y="113"/>
                        </a:lnTo>
                        <a:lnTo>
                          <a:pt x="142" y="113"/>
                        </a:lnTo>
                        <a:lnTo>
                          <a:pt x="137" y="113"/>
                        </a:lnTo>
                        <a:lnTo>
                          <a:pt x="133" y="113"/>
                        </a:lnTo>
                        <a:lnTo>
                          <a:pt x="130" y="113"/>
                        </a:lnTo>
                        <a:lnTo>
                          <a:pt x="128" y="113"/>
                        </a:lnTo>
                        <a:lnTo>
                          <a:pt x="127" y="113"/>
                        </a:lnTo>
                        <a:lnTo>
                          <a:pt x="128" y="113"/>
                        </a:lnTo>
                        <a:lnTo>
                          <a:pt x="130" y="112"/>
                        </a:lnTo>
                        <a:lnTo>
                          <a:pt x="133" y="112"/>
                        </a:lnTo>
                        <a:lnTo>
                          <a:pt x="137" y="112"/>
                        </a:lnTo>
                        <a:lnTo>
                          <a:pt x="140" y="110"/>
                        </a:lnTo>
                        <a:lnTo>
                          <a:pt x="142" y="110"/>
                        </a:lnTo>
                        <a:lnTo>
                          <a:pt x="144" y="110"/>
                        </a:lnTo>
                        <a:lnTo>
                          <a:pt x="157" y="110"/>
                        </a:lnTo>
                        <a:lnTo>
                          <a:pt x="164" y="108"/>
                        </a:lnTo>
                        <a:lnTo>
                          <a:pt x="162" y="105"/>
                        </a:lnTo>
                        <a:lnTo>
                          <a:pt x="155" y="105"/>
                        </a:lnTo>
                        <a:lnTo>
                          <a:pt x="149" y="103"/>
                        </a:lnTo>
                        <a:lnTo>
                          <a:pt x="145" y="102"/>
                        </a:lnTo>
                        <a:lnTo>
                          <a:pt x="142" y="102"/>
                        </a:lnTo>
                        <a:lnTo>
                          <a:pt x="111" y="108"/>
                        </a:lnTo>
                        <a:lnTo>
                          <a:pt x="101" y="113"/>
                        </a:lnTo>
                        <a:lnTo>
                          <a:pt x="98" y="115"/>
                        </a:lnTo>
                        <a:lnTo>
                          <a:pt x="95" y="115"/>
                        </a:lnTo>
                        <a:lnTo>
                          <a:pt x="89" y="115"/>
                        </a:lnTo>
                        <a:lnTo>
                          <a:pt x="86" y="115"/>
                        </a:lnTo>
                        <a:lnTo>
                          <a:pt x="81" y="115"/>
                        </a:lnTo>
                        <a:lnTo>
                          <a:pt x="79" y="117"/>
                        </a:lnTo>
                        <a:lnTo>
                          <a:pt x="78" y="117"/>
                        </a:lnTo>
                        <a:lnTo>
                          <a:pt x="64" y="122"/>
                        </a:lnTo>
                        <a:lnTo>
                          <a:pt x="56" y="125"/>
                        </a:lnTo>
                        <a:lnTo>
                          <a:pt x="52" y="125"/>
                        </a:lnTo>
                        <a:lnTo>
                          <a:pt x="54" y="124"/>
                        </a:lnTo>
                        <a:lnTo>
                          <a:pt x="57" y="122"/>
                        </a:lnTo>
                        <a:lnTo>
                          <a:pt x="62" y="118"/>
                        </a:lnTo>
                        <a:lnTo>
                          <a:pt x="66" y="117"/>
                        </a:lnTo>
                        <a:lnTo>
                          <a:pt x="67" y="115"/>
                        </a:lnTo>
                        <a:lnTo>
                          <a:pt x="73" y="110"/>
                        </a:lnTo>
                        <a:lnTo>
                          <a:pt x="74" y="107"/>
                        </a:lnTo>
                        <a:lnTo>
                          <a:pt x="74" y="105"/>
                        </a:lnTo>
                        <a:lnTo>
                          <a:pt x="71" y="105"/>
                        </a:lnTo>
                        <a:lnTo>
                          <a:pt x="67" y="105"/>
                        </a:lnTo>
                        <a:lnTo>
                          <a:pt x="64" y="107"/>
                        </a:lnTo>
                        <a:lnTo>
                          <a:pt x="61" y="107"/>
                        </a:lnTo>
                        <a:lnTo>
                          <a:pt x="59" y="107"/>
                        </a:lnTo>
                        <a:lnTo>
                          <a:pt x="51" y="100"/>
                        </a:lnTo>
                        <a:lnTo>
                          <a:pt x="45" y="96"/>
                        </a:lnTo>
                        <a:lnTo>
                          <a:pt x="44" y="98"/>
                        </a:lnTo>
                        <a:lnTo>
                          <a:pt x="44" y="102"/>
                        </a:lnTo>
                        <a:lnTo>
                          <a:pt x="45" y="105"/>
                        </a:lnTo>
                        <a:lnTo>
                          <a:pt x="49" y="110"/>
                        </a:lnTo>
                        <a:lnTo>
                          <a:pt x="51" y="113"/>
                        </a:lnTo>
                        <a:lnTo>
                          <a:pt x="51" y="115"/>
                        </a:lnTo>
                        <a:lnTo>
                          <a:pt x="44" y="122"/>
                        </a:lnTo>
                        <a:lnTo>
                          <a:pt x="37" y="130"/>
                        </a:lnTo>
                        <a:lnTo>
                          <a:pt x="35" y="132"/>
                        </a:lnTo>
                        <a:lnTo>
                          <a:pt x="32" y="132"/>
                        </a:lnTo>
                        <a:lnTo>
                          <a:pt x="29" y="134"/>
                        </a:lnTo>
                        <a:lnTo>
                          <a:pt x="27" y="135"/>
                        </a:lnTo>
                        <a:lnTo>
                          <a:pt x="23" y="137"/>
                        </a:lnTo>
                        <a:lnTo>
                          <a:pt x="22" y="137"/>
                        </a:lnTo>
                        <a:lnTo>
                          <a:pt x="27" y="130"/>
                        </a:lnTo>
                        <a:lnTo>
                          <a:pt x="29" y="127"/>
                        </a:lnTo>
                        <a:lnTo>
                          <a:pt x="30" y="122"/>
                        </a:lnTo>
                        <a:lnTo>
                          <a:pt x="29" y="120"/>
                        </a:lnTo>
                        <a:lnTo>
                          <a:pt x="27" y="117"/>
                        </a:lnTo>
                        <a:lnTo>
                          <a:pt x="25" y="117"/>
                        </a:lnTo>
                        <a:lnTo>
                          <a:pt x="23" y="115"/>
                        </a:lnTo>
                        <a:lnTo>
                          <a:pt x="23" y="117"/>
                        </a:lnTo>
                        <a:lnTo>
                          <a:pt x="23" y="115"/>
                        </a:lnTo>
                        <a:lnTo>
                          <a:pt x="23" y="113"/>
                        </a:lnTo>
                        <a:lnTo>
                          <a:pt x="23" y="112"/>
                        </a:lnTo>
                        <a:lnTo>
                          <a:pt x="22" y="108"/>
                        </a:lnTo>
                        <a:lnTo>
                          <a:pt x="22" y="107"/>
                        </a:lnTo>
                        <a:lnTo>
                          <a:pt x="22" y="105"/>
                        </a:lnTo>
                        <a:lnTo>
                          <a:pt x="25" y="100"/>
                        </a:lnTo>
                        <a:lnTo>
                          <a:pt x="25" y="93"/>
                        </a:lnTo>
                        <a:lnTo>
                          <a:pt x="22" y="88"/>
                        </a:lnTo>
                        <a:lnTo>
                          <a:pt x="17" y="83"/>
                        </a:lnTo>
                        <a:lnTo>
                          <a:pt x="12" y="80"/>
                        </a:lnTo>
                        <a:lnTo>
                          <a:pt x="7" y="74"/>
                        </a:lnTo>
                        <a:lnTo>
                          <a:pt x="3" y="73"/>
                        </a:lnTo>
                        <a:lnTo>
                          <a:pt x="1" y="73"/>
                        </a:lnTo>
                        <a:lnTo>
                          <a:pt x="0" y="51"/>
                        </a:lnTo>
                        <a:lnTo>
                          <a:pt x="276" y="24"/>
                        </a:lnTo>
                        <a:lnTo>
                          <a:pt x="293" y="56"/>
                        </a:lnTo>
                        <a:lnTo>
                          <a:pt x="572" y="37"/>
                        </a:lnTo>
                        <a:lnTo>
                          <a:pt x="582" y="59"/>
                        </a:lnTo>
                        <a:lnTo>
                          <a:pt x="597" y="59"/>
                        </a:lnTo>
                        <a:lnTo>
                          <a:pt x="597" y="58"/>
                        </a:lnTo>
                        <a:lnTo>
                          <a:pt x="595" y="54"/>
                        </a:lnTo>
                        <a:lnTo>
                          <a:pt x="595" y="51"/>
                        </a:lnTo>
                        <a:lnTo>
                          <a:pt x="595" y="46"/>
                        </a:lnTo>
                        <a:lnTo>
                          <a:pt x="594" y="41"/>
                        </a:lnTo>
                        <a:lnTo>
                          <a:pt x="594" y="36"/>
                        </a:lnTo>
                        <a:lnTo>
                          <a:pt x="594" y="32"/>
                        </a:lnTo>
                        <a:lnTo>
                          <a:pt x="594" y="30"/>
                        </a:lnTo>
                        <a:lnTo>
                          <a:pt x="589" y="22"/>
                        </a:lnTo>
                        <a:lnTo>
                          <a:pt x="589" y="14"/>
                        </a:lnTo>
                        <a:lnTo>
                          <a:pt x="589" y="8"/>
                        </a:lnTo>
                        <a:lnTo>
                          <a:pt x="592" y="5"/>
                        </a:lnTo>
                        <a:lnTo>
                          <a:pt x="595" y="2"/>
                        </a:lnTo>
                        <a:lnTo>
                          <a:pt x="597" y="0"/>
                        </a:lnTo>
                        <a:lnTo>
                          <a:pt x="600" y="0"/>
                        </a:lnTo>
                        <a:lnTo>
                          <a:pt x="602" y="0"/>
                        </a:lnTo>
                        <a:lnTo>
                          <a:pt x="607" y="3"/>
                        </a:lnTo>
                        <a:lnTo>
                          <a:pt x="616" y="5"/>
                        </a:lnTo>
                        <a:lnTo>
                          <a:pt x="622" y="7"/>
                        </a:lnTo>
                        <a:lnTo>
                          <a:pt x="629" y="8"/>
                        </a:lnTo>
                        <a:lnTo>
                          <a:pt x="636" y="8"/>
                        </a:lnTo>
                        <a:lnTo>
                          <a:pt x="639" y="8"/>
                        </a:lnTo>
                        <a:lnTo>
                          <a:pt x="643" y="8"/>
                        </a:lnTo>
                        <a:lnTo>
                          <a:pt x="644" y="8"/>
                        </a:lnTo>
                        <a:lnTo>
                          <a:pt x="650" y="14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30" name="Freeform 18"/>
                  <p:cNvSpPr>
                    <a:spLocks/>
                  </p:cNvSpPr>
                  <p:nvPr/>
                </p:nvSpPr>
                <p:spPr bwMode="auto">
                  <a:xfrm>
                    <a:off x="3822" y="2894"/>
                    <a:ext cx="890" cy="684"/>
                  </a:xfrm>
                  <a:custGeom>
                    <a:avLst/>
                    <a:gdLst>
                      <a:gd name="T0" fmla="*/ 648 w 890"/>
                      <a:gd name="T1" fmla="*/ 46 h 684"/>
                      <a:gd name="T2" fmla="*/ 636 w 890"/>
                      <a:gd name="T3" fmla="*/ 71 h 684"/>
                      <a:gd name="T4" fmla="*/ 660 w 890"/>
                      <a:gd name="T5" fmla="*/ 47 h 684"/>
                      <a:gd name="T6" fmla="*/ 704 w 890"/>
                      <a:gd name="T7" fmla="*/ 137 h 684"/>
                      <a:gd name="T8" fmla="*/ 741 w 890"/>
                      <a:gd name="T9" fmla="*/ 196 h 684"/>
                      <a:gd name="T10" fmla="*/ 721 w 890"/>
                      <a:gd name="T11" fmla="*/ 174 h 684"/>
                      <a:gd name="T12" fmla="*/ 732 w 890"/>
                      <a:gd name="T13" fmla="*/ 200 h 684"/>
                      <a:gd name="T14" fmla="*/ 754 w 890"/>
                      <a:gd name="T15" fmla="*/ 235 h 684"/>
                      <a:gd name="T16" fmla="*/ 773 w 890"/>
                      <a:gd name="T17" fmla="*/ 279 h 684"/>
                      <a:gd name="T18" fmla="*/ 832 w 890"/>
                      <a:gd name="T19" fmla="*/ 381 h 684"/>
                      <a:gd name="T20" fmla="*/ 854 w 890"/>
                      <a:gd name="T21" fmla="*/ 418 h 684"/>
                      <a:gd name="T22" fmla="*/ 870 w 890"/>
                      <a:gd name="T23" fmla="*/ 443 h 684"/>
                      <a:gd name="T24" fmla="*/ 878 w 890"/>
                      <a:gd name="T25" fmla="*/ 464 h 684"/>
                      <a:gd name="T26" fmla="*/ 890 w 890"/>
                      <a:gd name="T27" fmla="*/ 526 h 684"/>
                      <a:gd name="T28" fmla="*/ 886 w 890"/>
                      <a:gd name="T29" fmla="*/ 586 h 684"/>
                      <a:gd name="T30" fmla="*/ 876 w 890"/>
                      <a:gd name="T31" fmla="*/ 631 h 684"/>
                      <a:gd name="T32" fmla="*/ 868 w 890"/>
                      <a:gd name="T33" fmla="*/ 662 h 684"/>
                      <a:gd name="T34" fmla="*/ 831 w 890"/>
                      <a:gd name="T35" fmla="*/ 675 h 684"/>
                      <a:gd name="T36" fmla="*/ 793 w 890"/>
                      <a:gd name="T37" fmla="*/ 680 h 684"/>
                      <a:gd name="T38" fmla="*/ 802 w 890"/>
                      <a:gd name="T39" fmla="*/ 670 h 684"/>
                      <a:gd name="T40" fmla="*/ 810 w 890"/>
                      <a:gd name="T41" fmla="*/ 640 h 684"/>
                      <a:gd name="T42" fmla="*/ 802 w 890"/>
                      <a:gd name="T43" fmla="*/ 650 h 684"/>
                      <a:gd name="T44" fmla="*/ 768 w 890"/>
                      <a:gd name="T45" fmla="*/ 621 h 684"/>
                      <a:gd name="T46" fmla="*/ 719 w 890"/>
                      <a:gd name="T47" fmla="*/ 597 h 684"/>
                      <a:gd name="T48" fmla="*/ 705 w 890"/>
                      <a:gd name="T49" fmla="*/ 589 h 684"/>
                      <a:gd name="T50" fmla="*/ 677 w 890"/>
                      <a:gd name="T51" fmla="*/ 535 h 684"/>
                      <a:gd name="T52" fmla="*/ 646 w 890"/>
                      <a:gd name="T53" fmla="*/ 479 h 684"/>
                      <a:gd name="T54" fmla="*/ 643 w 890"/>
                      <a:gd name="T55" fmla="*/ 489 h 684"/>
                      <a:gd name="T56" fmla="*/ 619 w 890"/>
                      <a:gd name="T57" fmla="*/ 481 h 684"/>
                      <a:gd name="T58" fmla="*/ 587 w 890"/>
                      <a:gd name="T59" fmla="*/ 423 h 684"/>
                      <a:gd name="T60" fmla="*/ 587 w 890"/>
                      <a:gd name="T61" fmla="*/ 401 h 684"/>
                      <a:gd name="T62" fmla="*/ 578 w 890"/>
                      <a:gd name="T63" fmla="*/ 359 h 684"/>
                      <a:gd name="T64" fmla="*/ 575 w 890"/>
                      <a:gd name="T65" fmla="*/ 399 h 684"/>
                      <a:gd name="T66" fmla="*/ 555 w 890"/>
                      <a:gd name="T67" fmla="*/ 381 h 684"/>
                      <a:gd name="T68" fmla="*/ 555 w 890"/>
                      <a:gd name="T69" fmla="*/ 335 h 684"/>
                      <a:gd name="T70" fmla="*/ 562 w 890"/>
                      <a:gd name="T71" fmla="*/ 278 h 684"/>
                      <a:gd name="T72" fmla="*/ 558 w 890"/>
                      <a:gd name="T73" fmla="*/ 257 h 684"/>
                      <a:gd name="T74" fmla="*/ 541 w 890"/>
                      <a:gd name="T75" fmla="*/ 232 h 684"/>
                      <a:gd name="T76" fmla="*/ 506 w 890"/>
                      <a:gd name="T77" fmla="*/ 217 h 684"/>
                      <a:gd name="T78" fmla="*/ 458 w 890"/>
                      <a:gd name="T79" fmla="*/ 173 h 684"/>
                      <a:gd name="T80" fmla="*/ 411 w 890"/>
                      <a:gd name="T81" fmla="*/ 129 h 684"/>
                      <a:gd name="T82" fmla="*/ 355 w 890"/>
                      <a:gd name="T83" fmla="*/ 139 h 684"/>
                      <a:gd name="T84" fmla="*/ 320 w 890"/>
                      <a:gd name="T85" fmla="*/ 164 h 684"/>
                      <a:gd name="T86" fmla="*/ 308 w 890"/>
                      <a:gd name="T87" fmla="*/ 169 h 684"/>
                      <a:gd name="T88" fmla="*/ 291 w 890"/>
                      <a:gd name="T89" fmla="*/ 183 h 684"/>
                      <a:gd name="T90" fmla="*/ 254 w 890"/>
                      <a:gd name="T91" fmla="*/ 191 h 684"/>
                      <a:gd name="T92" fmla="*/ 247 w 890"/>
                      <a:gd name="T93" fmla="*/ 162 h 684"/>
                      <a:gd name="T94" fmla="*/ 216 w 890"/>
                      <a:gd name="T95" fmla="*/ 132 h 684"/>
                      <a:gd name="T96" fmla="*/ 208 w 890"/>
                      <a:gd name="T97" fmla="*/ 135 h 684"/>
                      <a:gd name="T98" fmla="*/ 152 w 890"/>
                      <a:gd name="T99" fmla="*/ 115 h 684"/>
                      <a:gd name="T100" fmla="*/ 127 w 890"/>
                      <a:gd name="T101" fmla="*/ 113 h 684"/>
                      <a:gd name="T102" fmla="*/ 164 w 890"/>
                      <a:gd name="T103" fmla="*/ 108 h 684"/>
                      <a:gd name="T104" fmla="*/ 101 w 890"/>
                      <a:gd name="T105" fmla="*/ 113 h 684"/>
                      <a:gd name="T106" fmla="*/ 56 w 890"/>
                      <a:gd name="T107" fmla="*/ 125 h 684"/>
                      <a:gd name="T108" fmla="*/ 74 w 890"/>
                      <a:gd name="T109" fmla="*/ 105 h 684"/>
                      <a:gd name="T110" fmla="*/ 44 w 890"/>
                      <a:gd name="T111" fmla="*/ 102 h 684"/>
                      <a:gd name="T112" fmla="*/ 32 w 890"/>
                      <a:gd name="T113" fmla="*/ 132 h 684"/>
                      <a:gd name="T114" fmla="*/ 29 w 890"/>
                      <a:gd name="T115" fmla="*/ 120 h 684"/>
                      <a:gd name="T116" fmla="*/ 23 w 890"/>
                      <a:gd name="T117" fmla="*/ 112 h 684"/>
                      <a:gd name="T118" fmla="*/ 12 w 890"/>
                      <a:gd name="T119" fmla="*/ 80 h 684"/>
                      <a:gd name="T120" fmla="*/ 597 w 890"/>
                      <a:gd name="T121" fmla="*/ 59 h 684"/>
                      <a:gd name="T122" fmla="*/ 589 w 890"/>
                      <a:gd name="T123" fmla="*/ 22 h 684"/>
                      <a:gd name="T124" fmla="*/ 616 w 890"/>
                      <a:gd name="T125" fmla="*/ 5 h 684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60000 65536"/>
                      <a:gd name="T169" fmla="*/ 0 60000 65536"/>
                      <a:gd name="T170" fmla="*/ 0 60000 65536"/>
                      <a:gd name="T171" fmla="*/ 0 60000 65536"/>
                      <a:gd name="T172" fmla="*/ 0 60000 65536"/>
                      <a:gd name="T173" fmla="*/ 0 60000 65536"/>
                      <a:gd name="T174" fmla="*/ 0 60000 65536"/>
                      <a:gd name="T175" fmla="*/ 0 60000 65536"/>
                      <a:gd name="T176" fmla="*/ 0 60000 65536"/>
                      <a:gd name="T177" fmla="*/ 0 60000 65536"/>
                      <a:gd name="T178" fmla="*/ 0 60000 65536"/>
                      <a:gd name="T179" fmla="*/ 0 60000 65536"/>
                      <a:gd name="T180" fmla="*/ 0 60000 65536"/>
                      <a:gd name="T181" fmla="*/ 0 60000 65536"/>
                      <a:gd name="T182" fmla="*/ 0 60000 65536"/>
                      <a:gd name="T183" fmla="*/ 0 60000 65536"/>
                      <a:gd name="T184" fmla="*/ 0 60000 65536"/>
                      <a:gd name="T185" fmla="*/ 0 60000 65536"/>
                      <a:gd name="T186" fmla="*/ 0 60000 65536"/>
                      <a:gd name="T187" fmla="*/ 0 60000 65536"/>
                      <a:gd name="T188" fmla="*/ 0 60000 65536"/>
                      <a:gd name="T189" fmla="*/ 0 w 890"/>
                      <a:gd name="T190" fmla="*/ 0 h 684"/>
                      <a:gd name="T191" fmla="*/ 890 w 890"/>
                      <a:gd name="T192" fmla="*/ 684 h 684"/>
                    </a:gdLst>
                    <a:ahLst/>
                    <a:cxnLst>
                      <a:cxn ang="T126">
                        <a:pos x="T0" y="T1"/>
                      </a:cxn>
                      <a:cxn ang="T127">
                        <a:pos x="T2" y="T3"/>
                      </a:cxn>
                      <a:cxn ang="T128">
                        <a:pos x="T4" y="T5"/>
                      </a:cxn>
                      <a:cxn ang="T129">
                        <a:pos x="T6" y="T7"/>
                      </a:cxn>
                      <a:cxn ang="T130">
                        <a:pos x="T8" y="T9"/>
                      </a:cxn>
                      <a:cxn ang="T131">
                        <a:pos x="T10" y="T11"/>
                      </a:cxn>
                      <a:cxn ang="T132">
                        <a:pos x="T12" y="T13"/>
                      </a:cxn>
                      <a:cxn ang="T133">
                        <a:pos x="T14" y="T15"/>
                      </a:cxn>
                      <a:cxn ang="T134">
                        <a:pos x="T16" y="T17"/>
                      </a:cxn>
                      <a:cxn ang="T135">
                        <a:pos x="T18" y="T19"/>
                      </a:cxn>
                      <a:cxn ang="T136">
                        <a:pos x="T20" y="T21"/>
                      </a:cxn>
                      <a:cxn ang="T137">
                        <a:pos x="T22" y="T23"/>
                      </a:cxn>
                      <a:cxn ang="T138">
                        <a:pos x="T24" y="T25"/>
                      </a:cxn>
                      <a:cxn ang="T139">
                        <a:pos x="T26" y="T27"/>
                      </a:cxn>
                      <a:cxn ang="T140">
                        <a:pos x="T28" y="T29"/>
                      </a:cxn>
                      <a:cxn ang="T141">
                        <a:pos x="T30" y="T31"/>
                      </a:cxn>
                      <a:cxn ang="T142">
                        <a:pos x="T32" y="T33"/>
                      </a:cxn>
                      <a:cxn ang="T143">
                        <a:pos x="T34" y="T35"/>
                      </a:cxn>
                      <a:cxn ang="T144">
                        <a:pos x="T36" y="T37"/>
                      </a:cxn>
                      <a:cxn ang="T145">
                        <a:pos x="T38" y="T39"/>
                      </a:cxn>
                      <a:cxn ang="T146">
                        <a:pos x="T40" y="T41"/>
                      </a:cxn>
                      <a:cxn ang="T147">
                        <a:pos x="T42" y="T43"/>
                      </a:cxn>
                      <a:cxn ang="T148">
                        <a:pos x="T44" y="T45"/>
                      </a:cxn>
                      <a:cxn ang="T149">
                        <a:pos x="T46" y="T47"/>
                      </a:cxn>
                      <a:cxn ang="T150">
                        <a:pos x="T48" y="T49"/>
                      </a:cxn>
                      <a:cxn ang="T151">
                        <a:pos x="T50" y="T51"/>
                      </a:cxn>
                      <a:cxn ang="T152">
                        <a:pos x="T52" y="T53"/>
                      </a:cxn>
                      <a:cxn ang="T153">
                        <a:pos x="T54" y="T55"/>
                      </a:cxn>
                      <a:cxn ang="T154">
                        <a:pos x="T56" y="T57"/>
                      </a:cxn>
                      <a:cxn ang="T155">
                        <a:pos x="T58" y="T59"/>
                      </a:cxn>
                      <a:cxn ang="T156">
                        <a:pos x="T60" y="T61"/>
                      </a:cxn>
                      <a:cxn ang="T157">
                        <a:pos x="T62" y="T63"/>
                      </a:cxn>
                      <a:cxn ang="T158">
                        <a:pos x="T64" y="T65"/>
                      </a:cxn>
                      <a:cxn ang="T159">
                        <a:pos x="T66" y="T67"/>
                      </a:cxn>
                      <a:cxn ang="T160">
                        <a:pos x="T68" y="T69"/>
                      </a:cxn>
                      <a:cxn ang="T161">
                        <a:pos x="T70" y="T71"/>
                      </a:cxn>
                      <a:cxn ang="T162">
                        <a:pos x="T72" y="T73"/>
                      </a:cxn>
                      <a:cxn ang="T163">
                        <a:pos x="T74" y="T75"/>
                      </a:cxn>
                      <a:cxn ang="T164">
                        <a:pos x="T76" y="T77"/>
                      </a:cxn>
                      <a:cxn ang="T165">
                        <a:pos x="T78" y="T79"/>
                      </a:cxn>
                      <a:cxn ang="T166">
                        <a:pos x="T80" y="T81"/>
                      </a:cxn>
                      <a:cxn ang="T167">
                        <a:pos x="T82" y="T83"/>
                      </a:cxn>
                      <a:cxn ang="T168">
                        <a:pos x="T84" y="T85"/>
                      </a:cxn>
                      <a:cxn ang="T169">
                        <a:pos x="T86" y="T87"/>
                      </a:cxn>
                      <a:cxn ang="T170">
                        <a:pos x="T88" y="T89"/>
                      </a:cxn>
                      <a:cxn ang="T171">
                        <a:pos x="T90" y="T91"/>
                      </a:cxn>
                      <a:cxn ang="T172">
                        <a:pos x="T92" y="T93"/>
                      </a:cxn>
                      <a:cxn ang="T173">
                        <a:pos x="T94" y="T95"/>
                      </a:cxn>
                      <a:cxn ang="T174">
                        <a:pos x="T96" y="T97"/>
                      </a:cxn>
                      <a:cxn ang="T175">
                        <a:pos x="T98" y="T99"/>
                      </a:cxn>
                      <a:cxn ang="T176">
                        <a:pos x="T100" y="T101"/>
                      </a:cxn>
                      <a:cxn ang="T177">
                        <a:pos x="T102" y="T103"/>
                      </a:cxn>
                      <a:cxn ang="T178">
                        <a:pos x="T104" y="T105"/>
                      </a:cxn>
                      <a:cxn ang="T179">
                        <a:pos x="T106" y="T107"/>
                      </a:cxn>
                      <a:cxn ang="T180">
                        <a:pos x="T108" y="T109"/>
                      </a:cxn>
                      <a:cxn ang="T181">
                        <a:pos x="T110" y="T111"/>
                      </a:cxn>
                      <a:cxn ang="T182">
                        <a:pos x="T112" y="T113"/>
                      </a:cxn>
                      <a:cxn ang="T183">
                        <a:pos x="T114" y="T115"/>
                      </a:cxn>
                      <a:cxn ang="T184">
                        <a:pos x="T116" y="T117"/>
                      </a:cxn>
                      <a:cxn ang="T185">
                        <a:pos x="T118" y="T119"/>
                      </a:cxn>
                      <a:cxn ang="T186">
                        <a:pos x="T120" y="T121"/>
                      </a:cxn>
                      <a:cxn ang="T187">
                        <a:pos x="T122" y="T123"/>
                      </a:cxn>
                      <a:cxn ang="T188">
                        <a:pos x="T124" y="T125"/>
                      </a:cxn>
                    </a:cxnLst>
                    <a:rect l="T189" t="T190" r="T191" b="T192"/>
                    <a:pathLst>
                      <a:path w="890" h="684">
                        <a:moveTo>
                          <a:pt x="650" y="14"/>
                        </a:moveTo>
                        <a:lnTo>
                          <a:pt x="650" y="32"/>
                        </a:lnTo>
                        <a:lnTo>
                          <a:pt x="655" y="32"/>
                        </a:lnTo>
                        <a:lnTo>
                          <a:pt x="656" y="42"/>
                        </a:lnTo>
                        <a:lnTo>
                          <a:pt x="655" y="42"/>
                        </a:lnTo>
                        <a:lnTo>
                          <a:pt x="653" y="44"/>
                        </a:lnTo>
                        <a:lnTo>
                          <a:pt x="651" y="44"/>
                        </a:lnTo>
                        <a:lnTo>
                          <a:pt x="648" y="46"/>
                        </a:lnTo>
                        <a:lnTo>
                          <a:pt x="643" y="46"/>
                        </a:lnTo>
                        <a:lnTo>
                          <a:pt x="641" y="49"/>
                        </a:lnTo>
                        <a:lnTo>
                          <a:pt x="638" y="52"/>
                        </a:lnTo>
                        <a:lnTo>
                          <a:pt x="636" y="58"/>
                        </a:lnTo>
                        <a:lnTo>
                          <a:pt x="636" y="63"/>
                        </a:lnTo>
                        <a:lnTo>
                          <a:pt x="636" y="68"/>
                        </a:lnTo>
                        <a:lnTo>
                          <a:pt x="636" y="69"/>
                        </a:lnTo>
                        <a:lnTo>
                          <a:pt x="636" y="71"/>
                        </a:lnTo>
                        <a:lnTo>
                          <a:pt x="638" y="71"/>
                        </a:lnTo>
                        <a:lnTo>
                          <a:pt x="641" y="71"/>
                        </a:lnTo>
                        <a:lnTo>
                          <a:pt x="641" y="69"/>
                        </a:lnTo>
                        <a:lnTo>
                          <a:pt x="643" y="61"/>
                        </a:lnTo>
                        <a:lnTo>
                          <a:pt x="644" y="54"/>
                        </a:lnTo>
                        <a:lnTo>
                          <a:pt x="648" y="51"/>
                        </a:lnTo>
                        <a:lnTo>
                          <a:pt x="651" y="47"/>
                        </a:lnTo>
                        <a:lnTo>
                          <a:pt x="656" y="47"/>
                        </a:lnTo>
                        <a:lnTo>
                          <a:pt x="660" y="47"/>
                        </a:lnTo>
                        <a:lnTo>
                          <a:pt x="661" y="47"/>
                        </a:lnTo>
                        <a:lnTo>
                          <a:pt x="663" y="49"/>
                        </a:lnTo>
                        <a:lnTo>
                          <a:pt x="683" y="95"/>
                        </a:lnTo>
                        <a:lnTo>
                          <a:pt x="682" y="112"/>
                        </a:lnTo>
                        <a:lnTo>
                          <a:pt x="692" y="132"/>
                        </a:lnTo>
                        <a:lnTo>
                          <a:pt x="697" y="127"/>
                        </a:lnTo>
                        <a:lnTo>
                          <a:pt x="699" y="129"/>
                        </a:lnTo>
                        <a:lnTo>
                          <a:pt x="700" y="132"/>
                        </a:lnTo>
                        <a:lnTo>
                          <a:pt x="704" y="137"/>
                        </a:lnTo>
                        <a:lnTo>
                          <a:pt x="707" y="144"/>
                        </a:lnTo>
                        <a:lnTo>
                          <a:pt x="710" y="149"/>
                        </a:lnTo>
                        <a:lnTo>
                          <a:pt x="714" y="154"/>
                        </a:lnTo>
                        <a:lnTo>
                          <a:pt x="716" y="159"/>
                        </a:lnTo>
                        <a:lnTo>
                          <a:pt x="717" y="161"/>
                        </a:lnTo>
                        <a:lnTo>
                          <a:pt x="726" y="174"/>
                        </a:lnTo>
                        <a:lnTo>
                          <a:pt x="732" y="184"/>
                        </a:lnTo>
                        <a:lnTo>
                          <a:pt x="738" y="191"/>
                        </a:lnTo>
                        <a:lnTo>
                          <a:pt x="741" y="196"/>
                        </a:lnTo>
                        <a:lnTo>
                          <a:pt x="741" y="200"/>
                        </a:lnTo>
                        <a:lnTo>
                          <a:pt x="738" y="196"/>
                        </a:lnTo>
                        <a:lnTo>
                          <a:pt x="736" y="193"/>
                        </a:lnTo>
                        <a:lnTo>
                          <a:pt x="732" y="190"/>
                        </a:lnTo>
                        <a:lnTo>
                          <a:pt x="729" y="186"/>
                        </a:lnTo>
                        <a:lnTo>
                          <a:pt x="726" y="181"/>
                        </a:lnTo>
                        <a:lnTo>
                          <a:pt x="722" y="178"/>
                        </a:lnTo>
                        <a:lnTo>
                          <a:pt x="721" y="174"/>
                        </a:lnTo>
                        <a:lnTo>
                          <a:pt x="719" y="173"/>
                        </a:lnTo>
                        <a:lnTo>
                          <a:pt x="714" y="174"/>
                        </a:lnTo>
                        <a:lnTo>
                          <a:pt x="716" y="174"/>
                        </a:lnTo>
                        <a:lnTo>
                          <a:pt x="717" y="178"/>
                        </a:lnTo>
                        <a:lnTo>
                          <a:pt x="721" y="183"/>
                        </a:lnTo>
                        <a:lnTo>
                          <a:pt x="724" y="188"/>
                        </a:lnTo>
                        <a:lnTo>
                          <a:pt x="729" y="195"/>
                        </a:lnTo>
                        <a:lnTo>
                          <a:pt x="732" y="200"/>
                        </a:lnTo>
                        <a:lnTo>
                          <a:pt x="734" y="203"/>
                        </a:lnTo>
                        <a:lnTo>
                          <a:pt x="736" y="205"/>
                        </a:lnTo>
                        <a:lnTo>
                          <a:pt x="748" y="217"/>
                        </a:lnTo>
                        <a:lnTo>
                          <a:pt x="754" y="225"/>
                        </a:lnTo>
                        <a:lnTo>
                          <a:pt x="760" y="232"/>
                        </a:lnTo>
                        <a:lnTo>
                          <a:pt x="760" y="235"/>
                        </a:lnTo>
                        <a:lnTo>
                          <a:pt x="758" y="235"/>
                        </a:lnTo>
                        <a:lnTo>
                          <a:pt x="756" y="235"/>
                        </a:lnTo>
                        <a:lnTo>
                          <a:pt x="754" y="235"/>
                        </a:lnTo>
                        <a:lnTo>
                          <a:pt x="753" y="235"/>
                        </a:lnTo>
                        <a:lnTo>
                          <a:pt x="754" y="235"/>
                        </a:lnTo>
                        <a:lnTo>
                          <a:pt x="760" y="250"/>
                        </a:lnTo>
                        <a:lnTo>
                          <a:pt x="766" y="266"/>
                        </a:lnTo>
                        <a:lnTo>
                          <a:pt x="773" y="279"/>
                        </a:lnTo>
                        <a:lnTo>
                          <a:pt x="780" y="293"/>
                        </a:lnTo>
                        <a:lnTo>
                          <a:pt x="787" y="305"/>
                        </a:lnTo>
                        <a:lnTo>
                          <a:pt x="793" y="318"/>
                        </a:lnTo>
                        <a:lnTo>
                          <a:pt x="800" y="328"/>
                        </a:lnTo>
                        <a:lnTo>
                          <a:pt x="805" y="338"/>
                        </a:lnTo>
                        <a:lnTo>
                          <a:pt x="812" y="349"/>
                        </a:lnTo>
                        <a:lnTo>
                          <a:pt x="817" y="357"/>
                        </a:lnTo>
                        <a:lnTo>
                          <a:pt x="822" y="366"/>
                        </a:lnTo>
                        <a:lnTo>
                          <a:pt x="827" y="374"/>
                        </a:lnTo>
                        <a:lnTo>
                          <a:pt x="832" y="381"/>
                        </a:lnTo>
                        <a:lnTo>
                          <a:pt x="836" y="386"/>
                        </a:lnTo>
                        <a:lnTo>
                          <a:pt x="837" y="391"/>
                        </a:lnTo>
                        <a:lnTo>
                          <a:pt x="839" y="394"/>
                        </a:lnTo>
                        <a:lnTo>
                          <a:pt x="842" y="398"/>
                        </a:lnTo>
                        <a:lnTo>
                          <a:pt x="846" y="403"/>
                        </a:lnTo>
                        <a:lnTo>
                          <a:pt x="849" y="406"/>
                        </a:lnTo>
                        <a:lnTo>
                          <a:pt x="851" y="411"/>
                        </a:lnTo>
                        <a:lnTo>
                          <a:pt x="853" y="415"/>
                        </a:lnTo>
                        <a:lnTo>
                          <a:pt x="854" y="418"/>
                        </a:lnTo>
                        <a:lnTo>
                          <a:pt x="856" y="420"/>
                        </a:lnTo>
                        <a:lnTo>
                          <a:pt x="858" y="420"/>
                        </a:lnTo>
                        <a:lnTo>
                          <a:pt x="863" y="425"/>
                        </a:lnTo>
                        <a:lnTo>
                          <a:pt x="868" y="428"/>
                        </a:lnTo>
                        <a:lnTo>
                          <a:pt x="870" y="432"/>
                        </a:lnTo>
                        <a:lnTo>
                          <a:pt x="871" y="435"/>
                        </a:lnTo>
                        <a:lnTo>
                          <a:pt x="871" y="438"/>
                        </a:lnTo>
                        <a:lnTo>
                          <a:pt x="870" y="442"/>
                        </a:lnTo>
                        <a:lnTo>
                          <a:pt x="870" y="443"/>
                        </a:lnTo>
                        <a:lnTo>
                          <a:pt x="870" y="445"/>
                        </a:lnTo>
                        <a:lnTo>
                          <a:pt x="875" y="450"/>
                        </a:lnTo>
                        <a:lnTo>
                          <a:pt x="878" y="454"/>
                        </a:lnTo>
                        <a:lnTo>
                          <a:pt x="880" y="457"/>
                        </a:lnTo>
                        <a:lnTo>
                          <a:pt x="880" y="460"/>
                        </a:lnTo>
                        <a:lnTo>
                          <a:pt x="880" y="462"/>
                        </a:lnTo>
                        <a:lnTo>
                          <a:pt x="880" y="464"/>
                        </a:lnTo>
                        <a:lnTo>
                          <a:pt x="878" y="464"/>
                        </a:lnTo>
                        <a:lnTo>
                          <a:pt x="888" y="474"/>
                        </a:lnTo>
                        <a:lnTo>
                          <a:pt x="888" y="476"/>
                        </a:lnTo>
                        <a:lnTo>
                          <a:pt x="888" y="479"/>
                        </a:lnTo>
                        <a:lnTo>
                          <a:pt x="890" y="484"/>
                        </a:lnTo>
                        <a:lnTo>
                          <a:pt x="890" y="491"/>
                        </a:lnTo>
                        <a:lnTo>
                          <a:pt x="890" y="498"/>
                        </a:lnTo>
                        <a:lnTo>
                          <a:pt x="890" y="508"/>
                        </a:lnTo>
                        <a:lnTo>
                          <a:pt x="890" y="518"/>
                        </a:lnTo>
                        <a:lnTo>
                          <a:pt x="890" y="526"/>
                        </a:lnTo>
                        <a:lnTo>
                          <a:pt x="890" y="536"/>
                        </a:lnTo>
                        <a:lnTo>
                          <a:pt x="890" y="547"/>
                        </a:lnTo>
                        <a:lnTo>
                          <a:pt x="890" y="555"/>
                        </a:lnTo>
                        <a:lnTo>
                          <a:pt x="890" y="564"/>
                        </a:lnTo>
                        <a:lnTo>
                          <a:pt x="890" y="570"/>
                        </a:lnTo>
                        <a:lnTo>
                          <a:pt x="890" y="575"/>
                        </a:lnTo>
                        <a:lnTo>
                          <a:pt x="890" y="580"/>
                        </a:lnTo>
                        <a:lnTo>
                          <a:pt x="886" y="586"/>
                        </a:lnTo>
                        <a:lnTo>
                          <a:pt x="883" y="589"/>
                        </a:lnTo>
                        <a:lnTo>
                          <a:pt x="881" y="594"/>
                        </a:lnTo>
                        <a:lnTo>
                          <a:pt x="880" y="599"/>
                        </a:lnTo>
                        <a:lnTo>
                          <a:pt x="878" y="604"/>
                        </a:lnTo>
                        <a:lnTo>
                          <a:pt x="876" y="609"/>
                        </a:lnTo>
                        <a:lnTo>
                          <a:pt x="876" y="614"/>
                        </a:lnTo>
                        <a:lnTo>
                          <a:pt x="876" y="619"/>
                        </a:lnTo>
                        <a:lnTo>
                          <a:pt x="876" y="623"/>
                        </a:lnTo>
                        <a:lnTo>
                          <a:pt x="876" y="628"/>
                        </a:lnTo>
                        <a:lnTo>
                          <a:pt x="876" y="631"/>
                        </a:lnTo>
                        <a:lnTo>
                          <a:pt x="876" y="635"/>
                        </a:lnTo>
                        <a:lnTo>
                          <a:pt x="876" y="638"/>
                        </a:lnTo>
                        <a:lnTo>
                          <a:pt x="876" y="640"/>
                        </a:lnTo>
                        <a:lnTo>
                          <a:pt x="878" y="641"/>
                        </a:lnTo>
                        <a:lnTo>
                          <a:pt x="876" y="650"/>
                        </a:lnTo>
                        <a:lnTo>
                          <a:pt x="875" y="657"/>
                        </a:lnTo>
                        <a:lnTo>
                          <a:pt x="871" y="660"/>
                        </a:lnTo>
                        <a:lnTo>
                          <a:pt x="868" y="662"/>
                        </a:lnTo>
                        <a:lnTo>
                          <a:pt x="864" y="663"/>
                        </a:lnTo>
                        <a:lnTo>
                          <a:pt x="861" y="663"/>
                        </a:lnTo>
                        <a:lnTo>
                          <a:pt x="858" y="663"/>
                        </a:lnTo>
                        <a:lnTo>
                          <a:pt x="856" y="663"/>
                        </a:lnTo>
                        <a:lnTo>
                          <a:pt x="849" y="668"/>
                        </a:lnTo>
                        <a:lnTo>
                          <a:pt x="842" y="674"/>
                        </a:lnTo>
                        <a:lnTo>
                          <a:pt x="837" y="675"/>
                        </a:lnTo>
                        <a:lnTo>
                          <a:pt x="834" y="675"/>
                        </a:lnTo>
                        <a:lnTo>
                          <a:pt x="831" y="675"/>
                        </a:lnTo>
                        <a:lnTo>
                          <a:pt x="827" y="674"/>
                        </a:lnTo>
                        <a:lnTo>
                          <a:pt x="826" y="674"/>
                        </a:lnTo>
                        <a:lnTo>
                          <a:pt x="817" y="680"/>
                        </a:lnTo>
                        <a:lnTo>
                          <a:pt x="810" y="684"/>
                        </a:lnTo>
                        <a:lnTo>
                          <a:pt x="805" y="684"/>
                        </a:lnTo>
                        <a:lnTo>
                          <a:pt x="800" y="684"/>
                        </a:lnTo>
                        <a:lnTo>
                          <a:pt x="797" y="684"/>
                        </a:lnTo>
                        <a:lnTo>
                          <a:pt x="793" y="680"/>
                        </a:lnTo>
                        <a:lnTo>
                          <a:pt x="792" y="680"/>
                        </a:lnTo>
                        <a:lnTo>
                          <a:pt x="792" y="679"/>
                        </a:lnTo>
                        <a:lnTo>
                          <a:pt x="787" y="670"/>
                        </a:lnTo>
                        <a:lnTo>
                          <a:pt x="787" y="667"/>
                        </a:lnTo>
                        <a:lnTo>
                          <a:pt x="788" y="663"/>
                        </a:lnTo>
                        <a:lnTo>
                          <a:pt x="790" y="665"/>
                        </a:lnTo>
                        <a:lnTo>
                          <a:pt x="795" y="667"/>
                        </a:lnTo>
                        <a:lnTo>
                          <a:pt x="798" y="668"/>
                        </a:lnTo>
                        <a:lnTo>
                          <a:pt x="802" y="670"/>
                        </a:lnTo>
                        <a:lnTo>
                          <a:pt x="802" y="672"/>
                        </a:lnTo>
                        <a:lnTo>
                          <a:pt x="820" y="665"/>
                        </a:lnTo>
                        <a:lnTo>
                          <a:pt x="810" y="653"/>
                        </a:lnTo>
                        <a:lnTo>
                          <a:pt x="812" y="652"/>
                        </a:lnTo>
                        <a:lnTo>
                          <a:pt x="814" y="650"/>
                        </a:lnTo>
                        <a:lnTo>
                          <a:pt x="815" y="648"/>
                        </a:lnTo>
                        <a:lnTo>
                          <a:pt x="810" y="640"/>
                        </a:lnTo>
                        <a:lnTo>
                          <a:pt x="807" y="635"/>
                        </a:lnTo>
                        <a:lnTo>
                          <a:pt x="804" y="633"/>
                        </a:lnTo>
                        <a:lnTo>
                          <a:pt x="802" y="631"/>
                        </a:lnTo>
                        <a:lnTo>
                          <a:pt x="800" y="633"/>
                        </a:lnTo>
                        <a:lnTo>
                          <a:pt x="798" y="635"/>
                        </a:lnTo>
                        <a:lnTo>
                          <a:pt x="798" y="636"/>
                        </a:lnTo>
                        <a:lnTo>
                          <a:pt x="798" y="638"/>
                        </a:lnTo>
                        <a:lnTo>
                          <a:pt x="802" y="645"/>
                        </a:lnTo>
                        <a:lnTo>
                          <a:pt x="802" y="650"/>
                        </a:lnTo>
                        <a:lnTo>
                          <a:pt x="800" y="652"/>
                        </a:lnTo>
                        <a:lnTo>
                          <a:pt x="797" y="653"/>
                        </a:lnTo>
                        <a:lnTo>
                          <a:pt x="793" y="653"/>
                        </a:lnTo>
                        <a:lnTo>
                          <a:pt x="790" y="653"/>
                        </a:lnTo>
                        <a:lnTo>
                          <a:pt x="788" y="652"/>
                        </a:lnTo>
                        <a:lnTo>
                          <a:pt x="787" y="652"/>
                        </a:lnTo>
                        <a:lnTo>
                          <a:pt x="780" y="640"/>
                        </a:lnTo>
                        <a:lnTo>
                          <a:pt x="775" y="630"/>
                        </a:lnTo>
                        <a:lnTo>
                          <a:pt x="768" y="621"/>
                        </a:lnTo>
                        <a:lnTo>
                          <a:pt x="763" y="614"/>
                        </a:lnTo>
                        <a:lnTo>
                          <a:pt x="756" y="609"/>
                        </a:lnTo>
                        <a:lnTo>
                          <a:pt x="749" y="606"/>
                        </a:lnTo>
                        <a:lnTo>
                          <a:pt x="744" y="602"/>
                        </a:lnTo>
                        <a:lnTo>
                          <a:pt x="739" y="599"/>
                        </a:lnTo>
                        <a:lnTo>
                          <a:pt x="734" y="597"/>
                        </a:lnTo>
                        <a:lnTo>
                          <a:pt x="729" y="597"/>
                        </a:lnTo>
                        <a:lnTo>
                          <a:pt x="724" y="597"/>
                        </a:lnTo>
                        <a:lnTo>
                          <a:pt x="721" y="597"/>
                        </a:lnTo>
                        <a:lnTo>
                          <a:pt x="719" y="597"/>
                        </a:lnTo>
                        <a:lnTo>
                          <a:pt x="716" y="597"/>
                        </a:lnTo>
                        <a:lnTo>
                          <a:pt x="714" y="597"/>
                        </a:lnTo>
                        <a:lnTo>
                          <a:pt x="714" y="599"/>
                        </a:lnTo>
                        <a:lnTo>
                          <a:pt x="712" y="597"/>
                        </a:lnTo>
                        <a:lnTo>
                          <a:pt x="710" y="594"/>
                        </a:lnTo>
                        <a:lnTo>
                          <a:pt x="707" y="592"/>
                        </a:lnTo>
                        <a:lnTo>
                          <a:pt x="705" y="589"/>
                        </a:lnTo>
                        <a:lnTo>
                          <a:pt x="704" y="586"/>
                        </a:lnTo>
                        <a:lnTo>
                          <a:pt x="702" y="584"/>
                        </a:lnTo>
                        <a:lnTo>
                          <a:pt x="700" y="580"/>
                        </a:lnTo>
                        <a:lnTo>
                          <a:pt x="697" y="564"/>
                        </a:lnTo>
                        <a:lnTo>
                          <a:pt x="692" y="550"/>
                        </a:lnTo>
                        <a:lnTo>
                          <a:pt x="687" y="542"/>
                        </a:lnTo>
                        <a:lnTo>
                          <a:pt x="683" y="536"/>
                        </a:lnTo>
                        <a:lnTo>
                          <a:pt x="680" y="535"/>
                        </a:lnTo>
                        <a:lnTo>
                          <a:pt x="677" y="535"/>
                        </a:lnTo>
                        <a:lnTo>
                          <a:pt x="675" y="535"/>
                        </a:lnTo>
                        <a:lnTo>
                          <a:pt x="666" y="526"/>
                        </a:lnTo>
                        <a:lnTo>
                          <a:pt x="661" y="514"/>
                        </a:lnTo>
                        <a:lnTo>
                          <a:pt x="661" y="498"/>
                        </a:lnTo>
                        <a:lnTo>
                          <a:pt x="653" y="486"/>
                        </a:lnTo>
                        <a:lnTo>
                          <a:pt x="661" y="472"/>
                        </a:lnTo>
                        <a:lnTo>
                          <a:pt x="646" y="481"/>
                        </a:lnTo>
                        <a:lnTo>
                          <a:pt x="646" y="479"/>
                        </a:lnTo>
                        <a:lnTo>
                          <a:pt x="644" y="479"/>
                        </a:lnTo>
                        <a:lnTo>
                          <a:pt x="641" y="477"/>
                        </a:lnTo>
                        <a:lnTo>
                          <a:pt x="639" y="476"/>
                        </a:lnTo>
                        <a:lnTo>
                          <a:pt x="636" y="474"/>
                        </a:lnTo>
                        <a:lnTo>
                          <a:pt x="634" y="474"/>
                        </a:lnTo>
                        <a:lnTo>
                          <a:pt x="633" y="472"/>
                        </a:lnTo>
                        <a:lnTo>
                          <a:pt x="633" y="474"/>
                        </a:lnTo>
                        <a:lnTo>
                          <a:pt x="638" y="482"/>
                        </a:lnTo>
                        <a:lnTo>
                          <a:pt x="643" y="489"/>
                        </a:lnTo>
                        <a:lnTo>
                          <a:pt x="644" y="494"/>
                        </a:lnTo>
                        <a:lnTo>
                          <a:pt x="644" y="498"/>
                        </a:lnTo>
                        <a:lnTo>
                          <a:pt x="643" y="498"/>
                        </a:lnTo>
                        <a:lnTo>
                          <a:pt x="641" y="498"/>
                        </a:lnTo>
                        <a:lnTo>
                          <a:pt x="638" y="496"/>
                        </a:lnTo>
                        <a:lnTo>
                          <a:pt x="636" y="494"/>
                        </a:lnTo>
                        <a:lnTo>
                          <a:pt x="631" y="491"/>
                        </a:lnTo>
                        <a:lnTo>
                          <a:pt x="628" y="487"/>
                        </a:lnTo>
                        <a:lnTo>
                          <a:pt x="622" y="484"/>
                        </a:lnTo>
                        <a:lnTo>
                          <a:pt x="619" y="481"/>
                        </a:lnTo>
                        <a:lnTo>
                          <a:pt x="616" y="477"/>
                        </a:lnTo>
                        <a:lnTo>
                          <a:pt x="612" y="474"/>
                        </a:lnTo>
                        <a:lnTo>
                          <a:pt x="611" y="472"/>
                        </a:lnTo>
                        <a:lnTo>
                          <a:pt x="607" y="457"/>
                        </a:lnTo>
                        <a:lnTo>
                          <a:pt x="582" y="425"/>
                        </a:lnTo>
                        <a:lnTo>
                          <a:pt x="584" y="425"/>
                        </a:lnTo>
                        <a:lnTo>
                          <a:pt x="585" y="423"/>
                        </a:lnTo>
                        <a:lnTo>
                          <a:pt x="587" y="423"/>
                        </a:lnTo>
                        <a:lnTo>
                          <a:pt x="589" y="421"/>
                        </a:lnTo>
                        <a:lnTo>
                          <a:pt x="590" y="421"/>
                        </a:lnTo>
                        <a:lnTo>
                          <a:pt x="592" y="420"/>
                        </a:lnTo>
                        <a:lnTo>
                          <a:pt x="594" y="420"/>
                        </a:lnTo>
                        <a:lnTo>
                          <a:pt x="589" y="418"/>
                        </a:lnTo>
                        <a:lnTo>
                          <a:pt x="587" y="413"/>
                        </a:lnTo>
                        <a:lnTo>
                          <a:pt x="587" y="408"/>
                        </a:lnTo>
                        <a:lnTo>
                          <a:pt x="587" y="401"/>
                        </a:lnTo>
                        <a:lnTo>
                          <a:pt x="589" y="394"/>
                        </a:lnTo>
                        <a:lnTo>
                          <a:pt x="590" y="388"/>
                        </a:lnTo>
                        <a:lnTo>
                          <a:pt x="590" y="382"/>
                        </a:lnTo>
                        <a:lnTo>
                          <a:pt x="590" y="379"/>
                        </a:lnTo>
                        <a:lnTo>
                          <a:pt x="587" y="371"/>
                        </a:lnTo>
                        <a:lnTo>
                          <a:pt x="585" y="364"/>
                        </a:lnTo>
                        <a:lnTo>
                          <a:pt x="582" y="360"/>
                        </a:lnTo>
                        <a:lnTo>
                          <a:pt x="580" y="359"/>
                        </a:lnTo>
                        <a:lnTo>
                          <a:pt x="578" y="359"/>
                        </a:lnTo>
                        <a:lnTo>
                          <a:pt x="577" y="360"/>
                        </a:lnTo>
                        <a:lnTo>
                          <a:pt x="577" y="364"/>
                        </a:lnTo>
                        <a:lnTo>
                          <a:pt x="575" y="367"/>
                        </a:lnTo>
                        <a:lnTo>
                          <a:pt x="575" y="372"/>
                        </a:lnTo>
                        <a:lnTo>
                          <a:pt x="575" y="377"/>
                        </a:lnTo>
                        <a:lnTo>
                          <a:pt x="575" y="382"/>
                        </a:lnTo>
                        <a:lnTo>
                          <a:pt x="575" y="388"/>
                        </a:lnTo>
                        <a:lnTo>
                          <a:pt x="575" y="393"/>
                        </a:lnTo>
                        <a:lnTo>
                          <a:pt x="575" y="396"/>
                        </a:lnTo>
                        <a:lnTo>
                          <a:pt x="575" y="399"/>
                        </a:lnTo>
                        <a:lnTo>
                          <a:pt x="572" y="398"/>
                        </a:lnTo>
                        <a:lnTo>
                          <a:pt x="568" y="394"/>
                        </a:lnTo>
                        <a:lnTo>
                          <a:pt x="565" y="391"/>
                        </a:lnTo>
                        <a:lnTo>
                          <a:pt x="560" y="388"/>
                        </a:lnTo>
                        <a:lnTo>
                          <a:pt x="558" y="384"/>
                        </a:lnTo>
                        <a:lnTo>
                          <a:pt x="555" y="382"/>
                        </a:lnTo>
                        <a:lnTo>
                          <a:pt x="555" y="381"/>
                        </a:lnTo>
                        <a:lnTo>
                          <a:pt x="556" y="374"/>
                        </a:lnTo>
                        <a:lnTo>
                          <a:pt x="558" y="366"/>
                        </a:lnTo>
                        <a:lnTo>
                          <a:pt x="558" y="359"/>
                        </a:lnTo>
                        <a:lnTo>
                          <a:pt x="558" y="352"/>
                        </a:lnTo>
                        <a:lnTo>
                          <a:pt x="556" y="345"/>
                        </a:lnTo>
                        <a:lnTo>
                          <a:pt x="556" y="340"/>
                        </a:lnTo>
                        <a:lnTo>
                          <a:pt x="555" y="337"/>
                        </a:lnTo>
                        <a:lnTo>
                          <a:pt x="555" y="335"/>
                        </a:lnTo>
                        <a:lnTo>
                          <a:pt x="558" y="328"/>
                        </a:lnTo>
                        <a:lnTo>
                          <a:pt x="560" y="323"/>
                        </a:lnTo>
                        <a:lnTo>
                          <a:pt x="562" y="316"/>
                        </a:lnTo>
                        <a:lnTo>
                          <a:pt x="562" y="311"/>
                        </a:lnTo>
                        <a:lnTo>
                          <a:pt x="563" y="305"/>
                        </a:lnTo>
                        <a:lnTo>
                          <a:pt x="563" y="300"/>
                        </a:lnTo>
                        <a:lnTo>
                          <a:pt x="563" y="293"/>
                        </a:lnTo>
                        <a:lnTo>
                          <a:pt x="563" y="288"/>
                        </a:lnTo>
                        <a:lnTo>
                          <a:pt x="562" y="283"/>
                        </a:lnTo>
                        <a:lnTo>
                          <a:pt x="562" y="278"/>
                        </a:lnTo>
                        <a:lnTo>
                          <a:pt x="560" y="274"/>
                        </a:lnTo>
                        <a:lnTo>
                          <a:pt x="560" y="269"/>
                        </a:lnTo>
                        <a:lnTo>
                          <a:pt x="560" y="267"/>
                        </a:lnTo>
                        <a:lnTo>
                          <a:pt x="558" y="264"/>
                        </a:lnTo>
                        <a:lnTo>
                          <a:pt x="558" y="262"/>
                        </a:lnTo>
                        <a:lnTo>
                          <a:pt x="558" y="261"/>
                        </a:lnTo>
                        <a:lnTo>
                          <a:pt x="558" y="257"/>
                        </a:lnTo>
                        <a:lnTo>
                          <a:pt x="558" y="256"/>
                        </a:lnTo>
                        <a:lnTo>
                          <a:pt x="556" y="252"/>
                        </a:lnTo>
                        <a:lnTo>
                          <a:pt x="556" y="249"/>
                        </a:lnTo>
                        <a:lnTo>
                          <a:pt x="555" y="247"/>
                        </a:lnTo>
                        <a:lnTo>
                          <a:pt x="551" y="245"/>
                        </a:lnTo>
                        <a:lnTo>
                          <a:pt x="548" y="242"/>
                        </a:lnTo>
                        <a:lnTo>
                          <a:pt x="545" y="239"/>
                        </a:lnTo>
                        <a:lnTo>
                          <a:pt x="541" y="232"/>
                        </a:lnTo>
                        <a:lnTo>
                          <a:pt x="538" y="227"/>
                        </a:lnTo>
                        <a:lnTo>
                          <a:pt x="534" y="223"/>
                        </a:lnTo>
                        <a:lnTo>
                          <a:pt x="533" y="220"/>
                        </a:lnTo>
                        <a:lnTo>
                          <a:pt x="533" y="218"/>
                        </a:lnTo>
                        <a:lnTo>
                          <a:pt x="521" y="222"/>
                        </a:lnTo>
                        <a:lnTo>
                          <a:pt x="514" y="222"/>
                        </a:lnTo>
                        <a:lnTo>
                          <a:pt x="509" y="222"/>
                        </a:lnTo>
                        <a:lnTo>
                          <a:pt x="507" y="220"/>
                        </a:lnTo>
                        <a:lnTo>
                          <a:pt x="506" y="217"/>
                        </a:lnTo>
                        <a:lnTo>
                          <a:pt x="506" y="215"/>
                        </a:lnTo>
                        <a:lnTo>
                          <a:pt x="507" y="215"/>
                        </a:lnTo>
                        <a:lnTo>
                          <a:pt x="507" y="213"/>
                        </a:lnTo>
                        <a:lnTo>
                          <a:pt x="497" y="206"/>
                        </a:lnTo>
                        <a:lnTo>
                          <a:pt x="484" y="191"/>
                        </a:lnTo>
                        <a:lnTo>
                          <a:pt x="467" y="179"/>
                        </a:lnTo>
                        <a:lnTo>
                          <a:pt x="465" y="179"/>
                        </a:lnTo>
                        <a:lnTo>
                          <a:pt x="463" y="176"/>
                        </a:lnTo>
                        <a:lnTo>
                          <a:pt x="458" y="173"/>
                        </a:lnTo>
                        <a:lnTo>
                          <a:pt x="455" y="168"/>
                        </a:lnTo>
                        <a:lnTo>
                          <a:pt x="450" y="162"/>
                        </a:lnTo>
                        <a:lnTo>
                          <a:pt x="446" y="157"/>
                        </a:lnTo>
                        <a:lnTo>
                          <a:pt x="445" y="154"/>
                        </a:lnTo>
                        <a:lnTo>
                          <a:pt x="443" y="152"/>
                        </a:lnTo>
                        <a:lnTo>
                          <a:pt x="433" y="144"/>
                        </a:lnTo>
                        <a:lnTo>
                          <a:pt x="424" y="139"/>
                        </a:lnTo>
                        <a:lnTo>
                          <a:pt x="418" y="132"/>
                        </a:lnTo>
                        <a:lnTo>
                          <a:pt x="411" y="129"/>
                        </a:lnTo>
                        <a:lnTo>
                          <a:pt x="404" y="125"/>
                        </a:lnTo>
                        <a:lnTo>
                          <a:pt x="399" y="124"/>
                        </a:lnTo>
                        <a:lnTo>
                          <a:pt x="396" y="124"/>
                        </a:lnTo>
                        <a:lnTo>
                          <a:pt x="394" y="122"/>
                        </a:lnTo>
                        <a:lnTo>
                          <a:pt x="377" y="122"/>
                        </a:lnTo>
                        <a:lnTo>
                          <a:pt x="367" y="122"/>
                        </a:lnTo>
                        <a:lnTo>
                          <a:pt x="360" y="127"/>
                        </a:lnTo>
                        <a:lnTo>
                          <a:pt x="355" y="132"/>
                        </a:lnTo>
                        <a:lnTo>
                          <a:pt x="355" y="139"/>
                        </a:lnTo>
                        <a:lnTo>
                          <a:pt x="355" y="144"/>
                        </a:lnTo>
                        <a:lnTo>
                          <a:pt x="357" y="147"/>
                        </a:lnTo>
                        <a:lnTo>
                          <a:pt x="357" y="149"/>
                        </a:lnTo>
                        <a:lnTo>
                          <a:pt x="350" y="147"/>
                        </a:lnTo>
                        <a:lnTo>
                          <a:pt x="342" y="149"/>
                        </a:lnTo>
                        <a:lnTo>
                          <a:pt x="335" y="152"/>
                        </a:lnTo>
                        <a:lnTo>
                          <a:pt x="330" y="156"/>
                        </a:lnTo>
                        <a:lnTo>
                          <a:pt x="325" y="161"/>
                        </a:lnTo>
                        <a:lnTo>
                          <a:pt x="320" y="164"/>
                        </a:lnTo>
                        <a:lnTo>
                          <a:pt x="316" y="168"/>
                        </a:lnTo>
                        <a:lnTo>
                          <a:pt x="316" y="169"/>
                        </a:lnTo>
                        <a:lnTo>
                          <a:pt x="309" y="176"/>
                        </a:lnTo>
                        <a:lnTo>
                          <a:pt x="306" y="178"/>
                        </a:lnTo>
                        <a:lnTo>
                          <a:pt x="304" y="178"/>
                        </a:lnTo>
                        <a:lnTo>
                          <a:pt x="304" y="176"/>
                        </a:lnTo>
                        <a:lnTo>
                          <a:pt x="304" y="174"/>
                        </a:lnTo>
                        <a:lnTo>
                          <a:pt x="306" y="171"/>
                        </a:lnTo>
                        <a:lnTo>
                          <a:pt x="308" y="169"/>
                        </a:lnTo>
                        <a:lnTo>
                          <a:pt x="308" y="168"/>
                        </a:lnTo>
                        <a:lnTo>
                          <a:pt x="306" y="168"/>
                        </a:lnTo>
                        <a:lnTo>
                          <a:pt x="306" y="169"/>
                        </a:lnTo>
                        <a:lnTo>
                          <a:pt x="303" y="173"/>
                        </a:lnTo>
                        <a:lnTo>
                          <a:pt x="299" y="174"/>
                        </a:lnTo>
                        <a:lnTo>
                          <a:pt x="298" y="178"/>
                        </a:lnTo>
                        <a:lnTo>
                          <a:pt x="294" y="179"/>
                        </a:lnTo>
                        <a:lnTo>
                          <a:pt x="293" y="181"/>
                        </a:lnTo>
                        <a:lnTo>
                          <a:pt x="291" y="183"/>
                        </a:lnTo>
                        <a:lnTo>
                          <a:pt x="284" y="181"/>
                        </a:lnTo>
                        <a:lnTo>
                          <a:pt x="277" y="181"/>
                        </a:lnTo>
                        <a:lnTo>
                          <a:pt x="271" y="183"/>
                        </a:lnTo>
                        <a:lnTo>
                          <a:pt x="265" y="186"/>
                        </a:lnTo>
                        <a:lnTo>
                          <a:pt x="260" y="188"/>
                        </a:lnTo>
                        <a:lnTo>
                          <a:pt x="257" y="190"/>
                        </a:lnTo>
                        <a:lnTo>
                          <a:pt x="254" y="191"/>
                        </a:lnTo>
                        <a:lnTo>
                          <a:pt x="247" y="184"/>
                        </a:lnTo>
                        <a:lnTo>
                          <a:pt x="243" y="179"/>
                        </a:lnTo>
                        <a:lnTo>
                          <a:pt x="245" y="179"/>
                        </a:lnTo>
                        <a:lnTo>
                          <a:pt x="249" y="181"/>
                        </a:lnTo>
                        <a:lnTo>
                          <a:pt x="252" y="184"/>
                        </a:lnTo>
                        <a:lnTo>
                          <a:pt x="255" y="186"/>
                        </a:lnTo>
                        <a:lnTo>
                          <a:pt x="257" y="186"/>
                        </a:lnTo>
                        <a:lnTo>
                          <a:pt x="257" y="176"/>
                        </a:lnTo>
                        <a:lnTo>
                          <a:pt x="247" y="162"/>
                        </a:lnTo>
                        <a:lnTo>
                          <a:pt x="218" y="140"/>
                        </a:lnTo>
                        <a:lnTo>
                          <a:pt x="232" y="142"/>
                        </a:lnTo>
                        <a:lnTo>
                          <a:pt x="238" y="144"/>
                        </a:lnTo>
                        <a:lnTo>
                          <a:pt x="238" y="142"/>
                        </a:lnTo>
                        <a:lnTo>
                          <a:pt x="235" y="140"/>
                        </a:lnTo>
                        <a:lnTo>
                          <a:pt x="230" y="137"/>
                        </a:lnTo>
                        <a:lnTo>
                          <a:pt x="223" y="135"/>
                        </a:lnTo>
                        <a:lnTo>
                          <a:pt x="218" y="132"/>
                        </a:lnTo>
                        <a:lnTo>
                          <a:pt x="216" y="132"/>
                        </a:lnTo>
                        <a:lnTo>
                          <a:pt x="223" y="117"/>
                        </a:lnTo>
                        <a:lnTo>
                          <a:pt x="205" y="120"/>
                        </a:lnTo>
                        <a:lnTo>
                          <a:pt x="205" y="122"/>
                        </a:lnTo>
                        <a:lnTo>
                          <a:pt x="206" y="125"/>
                        </a:lnTo>
                        <a:lnTo>
                          <a:pt x="206" y="127"/>
                        </a:lnTo>
                        <a:lnTo>
                          <a:pt x="206" y="130"/>
                        </a:lnTo>
                        <a:lnTo>
                          <a:pt x="208" y="134"/>
                        </a:lnTo>
                        <a:lnTo>
                          <a:pt x="208" y="135"/>
                        </a:lnTo>
                        <a:lnTo>
                          <a:pt x="201" y="130"/>
                        </a:lnTo>
                        <a:lnTo>
                          <a:pt x="193" y="127"/>
                        </a:lnTo>
                        <a:lnTo>
                          <a:pt x="186" y="124"/>
                        </a:lnTo>
                        <a:lnTo>
                          <a:pt x="179" y="122"/>
                        </a:lnTo>
                        <a:lnTo>
                          <a:pt x="172" y="118"/>
                        </a:lnTo>
                        <a:lnTo>
                          <a:pt x="164" y="117"/>
                        </a:lnTo>
                        <a:lnTo>
                          <a:pt x="159" y="115"/>
                        </a:lnTo>
                        <a:lnTo>
                          <a:pt x="152" y="115"/>
                        </a:lnTo>
                        <a:lnTo>
                          <a:pt x="147" y="113"/>
                        </a:lnTo>
                        <a:lnTo>
                          <a:pt x="142" y="113"/>
                        </a:lnTo>
                        <a:lnTo>
                          <a:pt x="137" y="113"/>
                        </a:lnTo>
                        <a:lnTo>
                          <a:pt x="133" y="113"/>
                        </a:lnTo>
                        <a:lnTo>
                          <a:pt x="130" y="113"/>
                        </a:lnTo>
                        <a:lnTo>
                          <a:pt x="128" y="113"/>
                        </a:lnTo>
                        <a:lnTo>
                          <a:pt x="127" y="113"/>
                        </a:lnTo>
                        <a:lnTo>
                          <a:pt x="128" y="113"/>
                        </a:lnTo>
                        <a:lnTo>
                          <a:pt x="130" y="112"/>
                        </a:lnTo>
                        <a:lnTo>
                          <a:pt x="133" y="112"/>
                        </a:lnTo>
                        <a:lnTo>
                          <a:pt x="137" y="112"/>
                        </a:lnTo>
                        <a:lnTo>
                          <a:pt x="140" y="110"/>
                        </a:lnTo>
                        <a:lnTo>
                          <a:pt x="142" y="110"/>
                        </a:lnTo>
                        <a:lnTo>
                          <a:pt x="144" y="110"/>
                        </a:lnTo>
                        <a:lnTo>
                          <a:pt x="157" y="110"/>
                        </a:lnTo>
                        <a:lnTo>
                          <a:pt x="164" y="108"/>
                        </a:lnTo>
                        <a:lnTo>
                          <a:pt x="162" y="105"/>
                        </a:lnTo>
                        <a:lnTo>
                          <a:pt x="155" y="105"/>
                        </a:lnTo>
                        <a:lnTo>
                          <a:pt x="149" y="103"/>
                        </a:lnTo>
                        <a:lnTo>
                          <a:pt x="145" y="102"/>
                        </a:lnTo>
                        <a:lnTo>
                          <a:pt x="142" y="102"/>
                        </a:lnTo>
                        <a:lnTo>
                          <a:pt x="111" y="108"/>
                        </a:lnTo>
                        <a:lnTo>
                          <a:pt x="101" y="113"/>
                        </a:lnTo>
                        <a:lnTo>
                          <a:pt x="98" y="115"/>
                        </a:lnTo>
                        <a:lnTo>
                          <a:pt x="95" y="115"/>
                        </a:lnTo>
                        <a:lnTo>
                          <a:pt x="89" y="115"/>
                        </a:lnTo>
                        <a:lnTo>
                          <a:pt x="86" y="115"/>
                        </a:lnTo>
                        <a:lnTo>
                          <a:pt x="81" y="115"/>
                        </a:lnTo>
                        <a:lnTo>
                          <a:pt x="79" y="117"/>
                        </a:lnTo>
                        <a:lnTo>
                          <a:pt x="78" y="117"/>
                        </a:lnTo>
                        <a:lnTo>
                          <a:pt x="64" y="122"/>
                        </a:lnTo>
                        <a:lnTo>
                          <a:pt x="56" y="125"/>
                        </a:lnTo>
                        <a:lnTo>
                          <a:pt x="52" y="125"/>
                        </a:lnTo>
                        <a:lnTo>
                          <a:pt x="54" y="124"/>
                        </a:lnTo>
                        <a:lnTo>
                          <a:pt x="57" y="122"/>
                        </a:lnTo>
                        <a:lnTo>
                          <a:pt x="62" y="118"/>
                        </a:lnTo>
                        <a:lnTo>
                          <a:pt x="66" y="117"/>
                        </a:lnTo>
                        <a:lnTo>
                          <a:pt x="67" y="115"/>
                        </a:lnTo>
                        <a:lnTo>
                          <a:pt x="73" y="110"/>
                        </a:lnTo>
                        <a:lnTo>
                          <a:pt x="74" y="107"/>
                        </a:lnTo>
                        <a:lnTo>
                          <a:pt x="74" y="105"/>
                        </a:lnTo>
                        <a:lnTo>
                          <a:pt x="71" y="105"/>
                        </a:lnTo>
                        <a:lnTo>
                          <a:pt x="67" y="105"/>
                        </a:lnTo>
                        <a:lnTo>
                          <a:pt x="64" y="107"/>
                        </a:lnTo>
                        <a:lnTo>
                          <a:pt x="61" y="107"/>
                        </a:lnTo>
                        <a:lnTo>
                          <a:pt x="59" y="107"/>
                        </a:lnTo>
                        <a:lnTo>
                          <a:pt x="51" y="100"/>
                        </a:lnTo>
                        <a:lnTo>
                          <a:pt x="45" y="96"/>
                        </a:lnTo>
                        <a:lnTo>
                          <a:pt x="44" y="98"/>
                        </a:lnTo>
                        <a:lnTo>
                          <a:pt x="44" y="102"/>
                        </a:lnTo>
                        <a:lnTo>
                          <a:pt x="45" y="105"/>
                        </a:lnTo>
                        <a:lnTo>
                          <a:pt x="49" y="110"/>
                        </a:lnTo>
                        <a:lnTo>
                          <a:pt x="51" y="113"/>
                        </a:lnTo>
                        <a:lnTo>
                          <a:pt x="51" y="115"/>
                        </a:lnTo>
                        <a:lnTo>
                          <a:pt x="44" y="122"/>
                        </a:lnTo>
                        <a:lnTo>
                          <a:pt x="37" y="130"/>
                        </a:lnTo>
                        <a:lnTo>
                          <a:pt x="35" y="132"/>
                        </a:lnTo>
                        <a:lnTo>
                          <a:pt x="32" y="132"/>
                        </a:lnTo>
                        <a:lnTo>
                          <a:pt x="29" y="134"/>
                        </a:lnTo>
                        <a:lnTo>
                          <a:pt x="27" y="135"/>
                        </a:lnTo>
                        <a:lnTo>
                          <a:pt x="23" y="137"/>
                        </a:lnTo>
                        <a:lnTo>
                          <a:pt x="22" y="137"/>
                        </a:lnTo>
                        <a:lnTo>
                          <a:pt x="27" y="130"/>
                        </a:lnTo>
                        <a:lnTo>
                          <a:pt x="29" y="127"/>
                        </a:lnTo>
                        <a:lnTo>
                          <a:pt x="30" y="122"/>
                        </a:lnTo>
                        <a:lnTo>
                          <a:pt x="29" y="120"/>
                        </a:lnTo>
                        <a:lnTo>
                          <a:pt x="27" y="117"/>
                        </a:lnTo>
                        <a:lnTo>
                          <a:pt x="25" y="117"/>
                        </a:lnTo>
                        <a:lnTo>
                          <a:pt x="23" y="115"/>
                        </a:lnTo>
                        <a:lnTo>
                          <a:pt x="23" y="117"/>
                        </a:lnTo>
                        <a:lnTo>
                          <a:pt x="23" y="115"/>
                        </a:lnTo>
                        <a:lnTo>
                          <a:pt x="23" y="113"/>
                        </a:lnTo>
                        <a:lnTo>
                          <a:pt x="23" y="112"/>
                        </a:lnTo>
                        <a:lnTo>
                          <a:pt x="22" y="108"/>
                        </a:lnTo>
                        <a:lnTo>
                          <a:pt x="22" y="107"/>
                        </a:lnTo>
                        <a:lnTo>
                          <a:pt x="22" y="105"/>
                        </a:lnTo>
                        <a:lnTo>
                          <a:pt x="25" y="100"/>
                        </a:lnTo>
                        <a:lnTo>
                          <a:pt x="25" y="93"/>
                        </a:lnTo>
                        <a:lnTo>
                          <a:pt x="22" y="88"/>
                        </a:lnTo>
                        <a:lnTo>
                          <a:pt x="17" y="83"/>
                        </a:lnTo>
                        <a:lnTo>
                          <a:pt x="12" y="80"/>
                        </a:lnTo>
                        <a:lnTo>
                          <a:pt x="7" y="74"/>
                        </a:lnTo>
                        <a:lnTo>
                          <a:pt x="3" y="73"/>
                        </a:lnTo>
                        <a:lnTo>
                          <a:pt x="1" y="73"/>
                        </a:lnTo>
                        <a:lnTo>
                          <a:pt x="0" y="51"/>
                        </a:lnTo>
                        <a:lnTo>
                          <a:pt x="276" y="24"/>
                        </a:lnTo>
                        <a:lnTo>
                          <a:pt x="293" y="56"/>
                        </a:lnTo>
                        <a:lnTo>
                          <a:pt x="572" y="37"/>
                        </a:lnTo>
                        <a:lnTo>
                          <a:pt x="582" y="59"/>
                        </a:lnTo>
                        <a:lnTo>
                          <a:pt x="597" y="59"/>
                        </a:lnTo>
                        <a:lnTo>
                          <a:pt x="597" y="58"/>
                        </a:lnTo>
                        <a:lnTo>
                          <a:pt x="595" y="54"/>
                        </a:lnTo>
                        <a:lnTo>
                          <a:pt x="595" y="51"/>
                        </a:lnTo>
                        <a:lnTo>
                          <a:pt x="595" y="46"/>
                        </a:lnTo>
                        <a:lnTo>
                          <a:pt x="594" y="41"/>
                        </a:lnTo>
                        <a:lnTo>
                          <a:pt x="594" y="36"/>
                        </a:lnTo>
                        <a:lnTo>
                          <a:pt x="594" y="32"/>
                        </a:lnTo>
                        <a:lnTo>
                          <a:pt x="594" y="30"/>
                        </a:lnTo>
                        <a:lnTo>
                          <a:pt x="589" y="22"/>
                        </a:lnTo>
                        <a:lnTo>
                          <a:pt x="589" y="14"/>
                        </a:lnTo>
                        <a:lnTo>
                          <a:pt x="589" y="8"/>
                        </a:lnTo>
                        <a:lnTo>
                          <a:pt x="592" y="5"/>
                        </a:lnTo>
                        <a:lnTo>
                          <a:pt x="595" y="2"/>
                        </a:lnTo>
                        <a:lnTo>
                          <a:pt x="597" y="0"/>
                        </a:lnTo>
                        <a:lnTo>
                          <a:pt x="600" y="0"/>
                        </a:lnTo>
                        <a:lnTo>
                          <a:pt x="602" y="0"/>
                        </a:lnTo>
                        <a:lnTo>
                          <a:pt x="607" y="3"/>
                        </a:lnTo>
                        <a:lnTo>
                          <a:pt x="616" y="5"/>
                        </a:lnTo>
                        <a:lnTo>
                          <a:pt x="622" y="7"/>
                        </a:lnTo>
                        <a:lnTo>
                          <a:pt x="629" y="8"/>
                        </a:lnTo>
                        <a:lnTo>
                          <a:pt x="636" y="8"/>
                        </a:lnTo>
                        <a:lnTo>
                          <a:pt x="639" y="8"/>
                        </a:lnTo>
                        <a:lnTo>
                          <a:pt x="643" y="8"/>
                        </a:lnTo>
                        <a:lnTo>
                          <a:pt x="644" y="8"/>
                        </a:lnTo>
                        <a:lnTo>
                          <a:pt x="650" y="14"/>
                        </a:lnTo>
                      </a:path>
                    </a:pathLst>
                  </a:custGeom>
                  <a:solidFill>
                    <a:schemeClr val="bg2">
                      <a:lumMod val="85000"/>
                    </a:schemeClr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31" name="Freeform 19"/>
                  <p:cNvSpPr>
                    <a:spLocks/>
                  </p:cNvSpPr>
                  <p:nvPr/>
                </p:nvSpPr>
                <p:spPr bwMode="auto">
                  <a:xfrm>
                    <a:off x="4568" y="3099"/>
                    <a:ext cx="95" cy="174"/>
                  </a:xfrm>
                  <a:custGeom>
                    <a:avLst/>
                    <a:gdLst>
                      <a:gd name="T0" fmla="*/ 34 w 95"/>
                      <a:gd name="T1" fmla="*/ 32 h 174"/>
                      <a:gd name="T2" fmla="*/ 0 w 95"/>
                      <a:gd name="T3" fmla="*/ 0 h 174"/>
                      <a:gd name="T4" fmla="*/ 2 w 95"/>
                      <a:gd name="T5" fmla="*/ 7 h 174"/>
                      <a:gd name="T6" fmla="*/ 29 w 95"/>
                      <a:gd name="T7" fmla="*/ 37 h 174"/>
                      <a:gd name="T8" fmla="*/ 27 w 95"/>
                      <a:gd name="T9" fmla="*/ 40 h 174"/>
                      <a:gd name="T10" fmla="*/ 25 w 95"/>
                      <a:gd name="T11" fmla="*/ 40 h 174"/>
                      <a:gd name="T12" fmla="*/ 24 w 95"/>
                      <a:gd name="T13" fmla="*/ 39 h 174"/>
                      <a:gd name="T14" fmla="*/ 20 w 95"/>
                      <a:gd name="T15" fmla="*/ 39 h 174"/>
                      <a:gd name="T16" fmla="*/ 17 w 95"/>
                      <a:gd name="T17" fmla="*/ 37 h 174"/>
                      <a:gd name="T18" fmla="*/ 15 w 95"/>
                      <a:gd name="T19" fmla="*/ 37 h 174"/>
                      <a:gd name="T20" fmla="*/ 15 w 95"/>
                      <a:gd name="T21" fmla="*/ 39 h 174"/>
                      <a:gd name="T22" fmla="*/ 17 w 95"/>
                      <a:gd name="T23" fmla="*/ 42 h 174"/>
                      <a:gd name="T24" fmla="*/ 24 w 95"/>
                      <a:gd name="T25" fmla="*/ 49 h 174"/>
                      <a:gd name="T26" fmla="*/ 25 w 95"/>
                      <a:gd name="T27" fmla="*/ 49 h 174"/>
                      <a:gd name="T28" fmla="*/ 29 w 95"/>
                      <a:gd name="T29" fmla="*/ 49 h 174"/>
                      <a:gd name="T30" fmla="*/ 32 w 95"/>
                      <a:gd name="T31" fmla="*/ 47 h 174"/>
                      <a:gd name="T32" fmla="*/ 34 w 95"/>
                      <a:gd name="T33" fmla="*/ 45 h 174"/>
                      <a:gd name="T34" fmla="*/ 34 w 95"/>
                      <a:gd name="T35" fmla="*/ 45 h 174"/>
                      <a:gd name="T36" fmla="*/ 36 w 95"/>
                      <a:gd name="T37" fmla="*/ 45 h 174"/>
                      <a:gd name="T38" fmla="*/ 37 w 95"/>
                      <a:gd name="T39" fmla="*/ 47 h 174"/>
                      <a:gd name="T40" fmla="*/ 39 w 95"/>
                      <a:gd name="T41" fmla="*/ 49 h 174"/>
                      <a:gd name="T42" fmla="*/ 41 w 95"/>
                      <a:gd name="T43" fmla="*/ 54 h 174"/>
                      <a:gd name="T44" fmla="*/ 41 w 95"/>
                      <a:gd name="T45" fmla="*/ 61 h 174"/>
                      <a:gd name="T46" fmla="*/ 42 w 95"/>
                      <a:gd name="T47" fmla="*/ 73 h 174"/>
                      <a:gd name="T48" fmla="*/ 42 w 95"/>
                      <a:gd name="T49" fmla="*/ 89 h 174"/>
                      <a:gd name="T50" fmla="*/ 42 w 95"/>
                      <a:gd name="T51" fmla="*/ 91 h 174"/>
                      <a:gd name="T52" fmla="*/ 44 w 95"/>
                      <a:gd name="T53" fmla="*/ 93 h 174"/>
                      <a:gd name="T54" fmla="*/ 46 w 95"/>
                      <a:gd name="T55" fmla="*/ 96 h 174"/>
                      <a:gd name="T56" fmla="*/ 47 w 95"/>
                      <a:gd name="T57" fmla="*/ 101 h 174"/>
                      <a:gd name="T58" fmla="*/ 47 w 95"/>
                      <a:gd name="T59" fmla="*/ 105 h 174"/>
                      <a:gd name="T60" fmla="*/ 49 w 95"/>
                      <a:gd name="T61" fmla="*/ 108 h 174"/>
                      <a:gd name="T62" fmla="*/ 51 w 95"/>
                      <a:gd name="T63" fmla="*/ 110 h 174"/>
                      <a:gd name="T64" fmla="*/ 51 w 95"/>
                      <a:gd name="T65" fmla="*/ 111 h 174"/>
                      <a:gd name="T66" fmla="*/ 69 w 95"/>
                      <a:gd name="T67" fmla="*/ 135 h 174"/>
                      <a:gd name="T68" fmla="*/ 88 w 95"/>
                      <a:gd name="T69" fmla="*/ 174 h 174"/>
                      <a:gd name="T70" fmla="*/ 95 w 95"/>
                      <a:gd name="T71" fmla="*/ 171 h 174"/>
                      <a:gd name="T72" fmla="*/ 73 w 95"/>
                      <a:gd name="T73" fmla="*/ 133 h 174"/>
                      <a:gd name="T74" fmla="*/ 73 w 95"/>
                      <a:gd name="T75" fmla="*/ 132 h 174"/>
                      <a:gd name="T76" fmla="*/ 71 w 95"/>
                      <a:gd name="T77" fmla="*/ 132 h 174"/>
                      <a:gd name="T78" fmla="*/ 69 w 95"/>
                      <a:gd name="T79" fmla="*/ 130 h 174"/>
                      <a:gd name="T80" fmla="*/ 68 w 95"/>
                      <a:gd name="T81" fmla="*/ 127 h 174"/>
                      <a:gd name="T82" fmla="*/ 66 w 95"/>
                      <a:gd name="T83" fmla="*/ 123 h 174"/>
                      <a:gd name="T84" fmla="*/ 63 w 95"/>
                      <a:gd name="T85" fmla="*/ 120 h 174"/>
                      <a:gd name="T86" fmla="*/ 61 w 95"/>
                      <a:gd name="T87" fmla="*/ 117 h 174"/>
                      <a:gd name="T88" fmla="*/ 58 w 95"/>
                      <a:gd name="T89" fmla="*/ 111 h 174"/>
                      <a:gd name="T90" fmla="*/ 56 w 95"/>
                      <a:gd name="T91" fmla="*/ 106 h 174"/>
                      <a:gd name="T92" fmla="*/ 52 w 95"/>
                      <a:gd name="T93" fmla="*/ 101 h 174"/>
                      <a:gd name="T94" fmla="*/ 51 w 95"/>
                      <a:gd name="T95" fmla="*/ 96 h 174"/>
                      <a:gd name="T96" fmla="*/ 49 w 95"/>
                      <a:gd name="T97" fmla="*/ 89 h 174"/>
                      <a:gd name="T98" fmla="*/ 47 w 95"/>
                      <a:gd name="T99" fmla="*/ 83 h 174"/>
                      <a:gd name="T100" fmla="*/ 47 w 95"/>
                      <a:gd name="T101" fmla="*/ 78 h 174"/>
                      <a:gd name="T102" fmla="*/ 47 w 95"/>
                      <a:gd name="T103" fmla="*/ 71 h 174"/>
                      <a:gd name="T104" fmla="*/ 49 w 95"/>
                      <a:gd name="T105" fmla="*/ 64 h 174"/>
                      <a:gd name="T106" fmla="*/ 49 w 95"/>
                      <a:gd name="T107" fmla="*/ 62 h 174"/>
                      <a:gd name="T108" fmla="*/ 49 w 95"/>
                      <a:gd name="T109" fmla="*/ 61 h 174"/>
                      <a:gd name="T110" fmla="*/ 47 w 95"/>
                      <a:gd name="T111" fmla="*/ 57 h 174"/>
                      <a:gd name="T112" fmla="*/ 47 w 95"/>
                      <a:gd name="T113" fmla="*/ 54 h 174"/>
                      <a:gd name="T114" fmla="*/ 46 w 95"/>
                      <a:gd name="T115" fmla="*/ 52 h 174"/>
                      <a:gd name="T116" fmla="*/ 46 w 95"/>
                      <a:gd name="T117" fmla="*/ 49 h 174"/>
                      <a:gd name="T118" fmla="*/ 44 w 95"/>
                      <a:gd name="T119" fmla="*/ 47 h 174"/>
                      <a:gd name="T120" fmla="*/ 44 w 95"/>
                      <a:gd name="T121" fmla="*/ 47 h 174"/>
                      <a:gd name="T122" fmla="*/ 39 w 95"/>
                      <a:gd name="T123" fmla="*/ 39 h 174"/>
                      <a:gd name="T124" fmla="*/ 34 w 95"/>
                      <a:gd name="T125" fmla="*/ 32 h 174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60000 65536"/>
                      <a:gd name="T145" fmla="*/ 0 60000 65536"/>
                      <a:gd name="T146" fmla="*/ 0 60000 65536"/>
                      <a:gd name="T147" fmla="*/ 0 60000 65536"/>
                      <a:gd name="T148" fmla="*/ 0 60000 65536"/>
                      <a:gd name="T149" fmla="*/ 0 60000 65536"/>
                      <a:gd name="T150" fmla="*/ 0 60000 65536"/>
                      <a:gd name="T151" fmla="*/ 0 60000 65536"/>
                      <a:gd name="T152" fmla="*/ 0 60000 65536"/>
                      <a:gd name="T153" fmla="*/ 0 60000 65536"/>
                      <a:gd name="T154" fmla="*/ 0 60000 65536"/>
                      <a:gd name="T155" fmla="*/ 0 60000 65536"/>
                      <a:gd name="T156" fmla="*/ 0 60000 65536"/>
                      <a:gd name="T157" fmla="*/ 0 60000 65536"/>
                      <a:gd name="T158" fmla="*/ 0 60000 65536"/>
                      <a:gd name="T159" fmla="*/ 0 60000 65536"/>
                      <a:gd name="T160" fmla="*/ 0 60000 65536"/>
                      <a:gd name="T161" fmla="*/ 0 60000 65536"/>
                      <a:gd name="T162" fmla="*/ 0 60000 65536"/>
                      <a:gd name="T163" fmla="*/ 0 60000 65536"/>
                      <a:gd name="T164" fmla="*/ 0 60000 65536"/>
                      <a:gd name="T165" fmla="*/ 0 60000 65536"/>
                      <a:gd name="T166" fmla="*/ 0 60000 65536"/>
                      <a:gd name="T167" fmla="*/ 0 60000 65536"/>
                      <a:gd name="T168" fmla="*/ 0 60000 65536"/>
                      <a:gd name="T169" fmla="*/ 0 60000 65536"/>
                      <a:gd name="T170" fmla="*/ 0 60000 65536"/>
                      <a:gd name="T171" fmla="*/ 0 60000 65536"/>
                      <a:gd name="T172" fmla="*/ 0 60000 65536"/>
                      <a:gd name="T173" fmla="*/ 0 60000 65536"/>
                      <a:gd name="T174" fmla="*/ 0 60000 65536"/>
                      <a:gd name="T175" fmla="*/ 0 60000 65536"/>
                      <a:gd name="T176" fmla="*/ 0 60000 65536"/>
                      <a:gd name="T177" fmla="*/ 0 60000 65536"/>
                      <a:gd name="T178" fmla="*/ 0 60000 65536"/>
                      <a:gd name="T179" fmla="*/ 0 60000 65536"/>
                      <a:gd name="T180" fmla="*/ 0 60000 65536"/>
                      <a:gd name="T181" fmla="*/ 0 60000 65536"/>
                      <a:gd name="T182" fmla="*/ 0 60000 65536"/>
                      <a:gd name="T183" fmla="*/ 0 60000 65536"/>
                      <a:gd name="T184" fmla="*/ 0 60000 65536"/>
                      <a:gd name="T185" fmla="*/ 0 60000 65536"/>
                      <a:gd name="T186" fmla="*/ 0 60000 65536"/>
                      <a:gd name="T187" fmla="*/ 0 60000 65536"/>
                      <a:gd name="T188" fmla="*/ 0 60000 65536"/>
                      <a:gd name="T189" fmla="*/ 0 w 95"/>
                      <a:gd name="T190" fmla="*/ 0 h 174"/>
                      <a:gd name="T191" fmla="*/ 95 w 95"/>
                      <a:gd name="T192" fmla="*/ 174 h 174"/>
                    </a:gdLst>
                    <a:ahLst/>
                    <a:cxnLst>
                      <a:cxn ang="T126">
                        <a:pos x="T0" y="T1"/>
                      </a:cxn>
                      <a:cxn ang="T127">
                        <a:pos x="T2" y="T3"/>
                      </a:cxn>
                      <a:cxn ang="T128">
                        <a:pos x="T4" y="T5"/>
                      </a:cxn>
                      <a:cxn ang="T129">
                        <a:pos x="T6" y="T7"/>
                      </a:cxn>
                      <a:cxn ang="T130">
                        <a:pos x="T8" y="T9"/>
                      </a:cxn>
                      <a:cxn ang="T131">
                        <a:pos x="T10" y="T11"/>
                      </a:cxn>
                      <a:cxn ang="T132">
                        <a:pos x="T12" y="T13"/>
                      </a:cxn>
                      <a:cxn ang="T133">
                        <a:pos x="T14" y="T15"/>
                      </a:cxn>
                      <a:cxn ang="T134">
                        <a:pos x="T16" y="T17"/>
                      </a:cxn>
                      <a:cxn ang="T135">
                        <a:pos x="T18" y="T19"/>
                      </a:cxn>
                      <a:cxn ang="T136">
                        <a:pos x="T20" y="T21"/>
                      </a:cxn>
                      <a:cxn ang="T137">
                        <a:pos x="T22" y="T23"/>
                      </a:cxn>
                      <a:cxn ang="T138">
                        <a:pos x="T24" y="T25"/>
                      </a:cxn>
                      <a:cxn ang="T139">
                        <a:pos x="T26" y="T27"/>
                      </a:cxn>
                      <a:cxn ang="T140">
                        <a:pos x="T28" y="T29"/>
                      </a:cxn>
                      <a:cxn ang="T141">
                        <a:pos x="T30" y="T31"/>
                      </a:cxn>
                      <a:cxn ang="T142">
                        <a:pos x="T32" y="T33"/>
                      </a:cxn>
                      <a:cxn ang="T143">
                        <a:pos x="T34" y="T35"/>
                      </a:cxn>
                      <a:cxn ang="T144">
                        <a:pos x="T36" y="T37"/>
                      </a:cxn>
                      <a:cxn ang="T145">
                        <a:pos x="T38" y="T39"/>
                      </a:cxn>
                      <a:cxn ang="T146">
                        <a:pos x="T40" y="T41"/>
                      </a:cxn>
                      <a:cxn ang="T147">
                        <a:pos x="T42" y="T43"/>
                      </a:cxn>
                      <a:cxn ang="T148">
                        <a:pos x="T44" y="T45"/>
                      </a:cxn>
                      <a:cxn ang="T149">
                        <a:pos x="T46" y="T47"/>
                      </a:cxn>
                      <a:cxn ang="T150">
                        <a:pos x="T48" y="T49"/>
                      </a:cxn>
                      <a:cxn ang="T151">
                        <a:pos x="T50" y="T51"/>
                      </a:cxn>
                      <a:cxn ang="T152">
                        <a:pos x="T52" y="T53"/>
                      </a:cxn>
                      <a:cxn ang="T153">
                        <a:pos x="T54" y="T55"/>
                      </a:cxn>
                      <a:cxn ang="T154">
                        <a:pos x="T56" y="T57"/>
                      </a:cxn>
                      <a:cxn ang="T155">
                        <a:pos x="T58" y="T59"/>
                      </a:cxn>
                      <a:cxn ang="T156">
                        <a:pos x="T60" y="T61"/>
                      </a:cxn>
                      <a:cxn ang="T157">
                        <a:pos x="T62" y="T63"/>
                      </a:cxn>
                      <a:cxn ang="T158">
                        <a:pos x="T64" y="T65"/>
                      </a:cxn>
                      <a:cxn ang="T159">
                        <a:pos x="T66" y="T67"/>
                      </a:cxn>
                      <a:cxn ang="T160">
                        <a:pos x="T68" y="T69"/>
                      </a:cxn>
                      <a:cxn ang="T161">
                        <a:pos x="T70" y="T71"/>
                      </a:cxn>
                      <a:cxn ang="T162">
                        <a:pos x="T72" y="T73"/>
                      </a:cxn>
                      <a:cxn ang="T163">
                        <a:pos x="T74" y="T75"/>
                      </a:cxn>
                      <a:cxn ang="T164">
                        <a:pos x="T76" y="T77"/>
                      </a:cxn>
                      <a:cxn ang="T165">
                        <a:pos x="T78" y="T79"/>
                      </a:cxn>
                      <a:cxn ang="T166">
                        <a:pos x="T80" y="T81"/>
                      </a:cxn>
                      <a:cxn ang="T167">
                        <a:pos x="T82" y="T83"/>
                      </a:cxn>
                      <a:cxn ang="T168">
                        <a:pos x="T84" y="T85"/>
                      </a:cxn>
                      <a:cxn ang="T169">
                        <a:pos x="T86" y="T87"/>
                      </a:cxn>
                      <a:cxn ang="T170">
                        <a:pos x="T88" y="T89"/>
                      </a:cxn>
                      <a:cxn ang="T171">
                        <a:pos x="T90" y="T91"/>
                      </a:cxn>
                      <a:cxn ang="T172">
                        <a:pos x="T92" y="T93"/>
                      </a:cxn>
                      <a:cxn ang="T173">
                        <a:pos x="T94" y="T95"/>
                      </a:cxn>
                      <a:cxn ang="T174">
                        <a:pos x="T96" y="T97"/>
                      </a:cxn>
                      <a:cxn ang="T175">
                        <a:pos x="T98" y="T99"/>
                      </a:cxn>
                      <a:cxn ang="T176">
                        <a:pos x="T100" y="T101"/>
                      </a:cxn>
                      <a:cxn ang="T177">
                        <a:pos x="T102" y="T103"/>
                      </a:cxn>
                      <a:cxn ang="T178">
                        <a:pos x="T104" y="T105"/>
                      </a:cxn>
                      <a:cxn ang="T179">
                        <a:pos x="T106" y="T107"/>
                      </a:cxn>
                      <a:cxn ang="T180">
                        <a:pos x="T108" y="T109"/>
                      </a:cxn>
                      <a:cxn ang="T181">
                        <a:pos x="T110" y="T111"/>
                      </a:cxn>
                      <a:cxn ang="T182">
                        <a:pos x="T112" y="T113"/>
                      </a:cxn>
                      <a:cxn ang="T183">
                        <a:pos x="T114" y="T115"/>
                      </a:cxn>
                      <a:cxn ang="T184">
                        <a:pos x="T116" y="T117"/>
                      </a:cxn>
                      <a:cxn ang="T185">
                        <a:pos x="T118" y="T119"/>
                      </a:cxn>
                      <a:cxn ang="T186">
                        <a:pos x="T120" y="T121"/>
                      </a:cxn>
                      <a:cxn ang="T187">
                        <a:pos x="T122" y="T123"/>
                      </a:cxn>
                      <a:cxn ang="T188">
                        <a:pos x="T124" y="T125"/>
                      </a:cxn>
                    </a:cxnLst>
                    <a:rect l="T189" t="T190" r="T191" b="T192"/>
                    <a:pathLst>
                      <a:path w="95" h="174">
                        <a:moveTo>
                          <a:pt x="34" y="32"/>
                        </a:moveTo>
                        <a:lnTo>
                          <a:pt x="0" y="0"/>
                        </a:lnTo>
                        <a:lnTo>
                          <a:pt x="2" y="7"/>
                        </a:lnTo>
                        <a:lnTo>
                          <a:pt x="29" y="37"/>
                        </a:lnTo>
                        <a:lnTo>
                          <a:pt x="27" y="40"/>
                        </a:lnTo>
                        <a:lnTo>
                          <a:pt x="25" y="40"/>
                        </a:lnTo>
                        <a:lnTo>
                          <a:pt x="24" y="39"/>
                        </a:lnTo>
                        <a:lnTo>
                          <a:pt x="20" y="39"/>
                        </a:lnTo>
                        <a:lnTo>
                          <a:pt x="17" y="37"/>
                        </a:lnTo>
                        <a:lnTo>
                          <a:pt x="15" y="37"/>
                        </a:lnTo>
                        <a:lnTo>
                          <a:pt x="15" y="39"/>
                        </a:lnTo>
                        <a:lnTo>
                          <a:pt x="17" y="42"/>
                        </a:lnTo>
                        <a:lnTo>
                          <a:pt x="24" y="49"/>
                        </a:lnTo>
                        <a:lnTo>
                          <a:pt x="25" y="49"/>
                        </a:lnTo>
                        <a:lnTo>
                          <a:pt x="29" y="49"/>
                        </a:lnTo>
                        <a:lnTo>
                          <a:pt x="32" y="47"/>
                        </a:lnTo>
                        <a:lnTo>
                          <a:pt x="34" y="45"/>
                        </a:lnTo>
                        <a:lnTo>
                          <a:pt x="36" y="45"/>
                        </a:lnTo>
                        <a:lnTo>
                          <a:pt x="37" y="47"/>
                        </a:lnTo>
                        <a:lnTo>
                          <a:pt x="39" y="49"/>
                        </a:lnTo>
                        <a:lnTo>
                          <a:pt x="41" y="54"/>
                        </a:lnTo>
                        <a:lnTo>
                          <a:pt x="41" y="61"/>
                        </a:lnTo>
                        <a:lnTo>
                          <a:pt x="42" y="73"/>
                        </a:lnTo>
                        <a:lnTo>
                          <a:pt x="42" y="89"/>
                        </a:lnTo>
                        <a:lnTo>
                          <a:pt x="42" y="91"/>
                        </a:lnTo>
                        <a:lnTo>
                          <a:pt x="44" y="93"/>
                        </a:lnTo>
                        <a:lnTo>
                          <a:pt x="46" y="96"/>
                        </a:lnTo>
                        <a:lnTo>
                          <a:pt x="47" y="101"/>
                        </a:lnTo>
                        <a:lnTo>
                          <a:pt x="47" y="105"/>
                        </a:lnTo>
                        <a:lnTo>
                          <a:pt x="49" y="108"/>
                        </a:lnTo>
                        <a:lnTo>
                          <a:pt x="51" y="110"/>
                        </a:lnTo>
                        <a:lnTo>
                          <a:pt x="51" y="111"/>
                        </a:lnTo>
                        <a:lnTo>
                          <a:pt x="69" y="135"/>
                        </a:lnTo>
                        <a:lnTo>
                          <a:pt x="88" y="174"/>
                        </a:lnTo>
                        <a:lnTo>
                          <a:pt x="95" y="171"/>
                        </a:lnTo>
                        <a:lnTo>
                          <a:pt x="73" y="133"/>
                        </a:lnTo>
                        <a:lnTo>
                          <a:pt x="73" y="132"/>
                        </a:lnTo>
                        <a:lnTo>
                          <a:pt x="71" y="132"/>
                        </a:lnTo>
                        <a:lnTo>
                          <a:pt x="69" y="130"/>
                        </a:lnTo>
                        <a:lnTo>
                          <a:pt x="68" y="127"/>
                        </a:lnTo>
                        <a:lnTo>
                          <a:pt x="66" y="123"/>
                        </a:lnTo>
                        <a:lnTo>
                          <a:pt x="63" y="120"/>
                        </a:lnTo>
                        <a:lnTo>
                          <a:pt x="61" y="117"/>
                        </a:lnTo>
                        <a:lnTo>
                          <a:pt x="58" y="111"/>
                        </a:lnTo>
                        <a:lnTo>
                          <a:pt x="56" y="106"/>
                        </a:lnTo>
                        <a:lnTo>
                          <a:pt x="52" y="101"/>
                        </a:lnTo>
                        <a:lnTo>
                          <a:pt x="51" y="96"/>
                        </a:lnTo>
                        <a:lnTo>
                          <a:pt x="49" y="89"/>
                        </a:lnTo>
                        <a:lnTo>
                          <a:pt x="47" y="83"/>
                        </a:lnTo>
                        <a:lnTo>
                          <a:pt x="47" y="78"/>
                        </a:lnTo>
                        <a:lnTo>
                          <a:pt x="47" y="71"/>
                        </a:lnTo>
                        <a:lnTo>
                          <a:pt x="49" y="64"/>
                        </a:lnTo>
                        <a:lnTo>
                          <a:pt x="49" y="62"/>
                        </a:lnTo>
                        <a:lnTo>
                          <a:pt x="49" y="61"/>
                        </a:lnTo>
                        <a:lnTo>
                          <a:pt x="47" y="57"/>
                        </a:lnTo>
                        <a:lnTo>
                          <a:pt x="47" y="54"/>
                        </a:lnTo>
                        <a:lnTo>
                          <a:pt x="46" y="52"/>
                        </a:lnTo>
                        <a:lnTo>
                          <a:pt x="46" y="49"/>
                        </a:lnTo>
                        <a:lnTo>
                          <a:pt x="44" y="47"/>
                        </a:lnTo>
                        <a:lnTo>
                          <a:pt x="39" y="39"/>
                        </a:lnTo>
                        <a:lnTo>
                          <a:pt x="34" y="32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32" name="Freeform 20"/>
                  <p:cNvSpPr>
                    <a:spLocks/>
                  </p:cNvSpPr>
                  <p:nvPr/>
                </p:nvSpPr>
                <p:spPr bwMode="auto">
                  <a:xfrm>
                    <a:off x="4568" y="3099"/>
                    <a:ext cx="95" cy="174"/>
                  </a:xfrm>
                  <a:custGeom>
                    <a:avLst/>
                    <a:gdLst>
                      <a:gd name="T0" fmla="*/ 0 w 95"/>
                      <a:gd name="T1" fmla="*/ 0 h 174"/>
                      <a:gd name="T2" fmla="*/ 29 w 95"/>
                      <a:gd name="T3" fmla="*/ 37 h 174"/>
                      <a:gd name="T4" fmla="*/ 27 w 95"/>
                      <a:gd name="T5" fmla="*/ 40 h 174"/>
                      <a:gd name="T6" fmla="*/ 24 w 95"/>
                      <a:gd name="T7" fmla="*/ 39 h 174"/>
                      <a:gd name="T8" fmla="*/ 17 w 95"/>
                      <a:gd name="T9" fmla="*/ 37 h 174"/>
                      <a:gd name="T10" fmla="*/ 15 w 95"/>
                      <a:gd name="T11" fmla="*/ 39 h 174"/>
                      <a:gd name="T12" fmla="*/ 24 w 95"/>
                      <a:gd name="T13" fmla="*/ 49 h 174"/>
                      <a:gd name="T14" fmla="*/ 25 w 95"/>
                      <a:gd name="T15" fmla="*/ 49 h 174"/>
                      <a:gd name="T16" fmla="*/ 32 w 95"/>
                      <a:gd name="T17" fmla="*/ 47 h 174"/>
                      <a:gd name="T18" fmla="*/ 34 w 95"/>
                      <a:gd name="T19" fmla="*/ 45 h 174"/>
                      <a:gd name="T20" fmla="*/ 36 w 95"/>
                      <a:gd name="T21" fmla="*/ 45 h 174"/>
                      <a:gd name="T22" fmla="*/ 39 w 95"/>
                      <a:gd name="T23" fmla="*/ 49 h 174"/>
                      <a:gd name="T24" fmla="*/ 41 w 95"/>
                      <a:gd name="T25" fmla="*/ 61 h 174"/>
                      <a:gd name="T26" fmla="*/ 42 w 95"/>
                      <a:gd name="T27" fmla="*/ 89 h 174"/>
                      <a:gd name="T28" fmla="*/ 42 w 95"/>
                      <a:gd name="T29" fmla="*/ 91 h 174"/>
                      <a:gd name="T30" fmla="*/ 46 w 95"/>
                      <a:gd name="T31" fmla="*/ 96 h 174"/>
                      <a:gd name="T32" fmla="*/ 47 w 95"/>
                      <a:gd name="T33" fmla="*/ 105 h 174"/>
                      <a:gd name="T34" fmla="*/ 51 w 95"/>
                      <a:gd name="T35" fmla="*/ 110 h 174"/>
                      <a:gd name="T36" fmla="*/ 69 w 95"/>
                      <a:gd name="T37" fmla="*/ 135 h 174"/>
                      <a:gd name="T38" fmla="*/ 95 w 95"/>
                      <a:gd name="T39" fmla="*/ 171 h 174"/>
                      <a:gd name="T40" fmla="*/ 73 w 95"/>
                      <a:gd name="T41" fmla="*/ 133 h 174"/>
                      <a:gd name="T42" fmla="*/ 71 w 95"/>
                      <a:gd name="T43" fmla="*/ 132 h 174"/>
                      <a:gd name="T44" fmla="*/ 68 w 95"/>
                      <a:gd name="T45" fmla="*/ 127 h 174"/>
                      <a:gd name="T46" fmla="*/ 63 w 95"/>
                      <a:gd name="T47" fmla="*/ 120 h 174"/>
                      <a:gd name="T48" fmla="*/ 58 w 95"/>
                      <a:gd name="T49" fmla="*/ 111 h 174"/>
                      <a:gd name="T50" fmla="*/ 52 w 95"/>
                      <a:gd name="T51" fmla="*/ 101 h 174"/>
                      <a:gd name="T52" fmla="*/ 49 w 95"/>
                      <a:gd name="T53" fmla="*/ 89 h 174"/>
                      <a:gd name="T54" fmla="*/ 47 w 95"/>
                      <a:gd name="T55" fmla="*/ 78 h 174"/>
                      <a:gd name="T56" fmla="*/ 49 w 95"/>
                      <a:gd name="T57" fmla="*/ 64 h 174"/>
                      <a:gd name="T58" fmla="*/ 49 w 95"/>
                      <a:gd name="T59" fmla="*/ 62 h 174"/>
                      <a:gd name="T60" fmla="*/ 47 w 95"/>
                      <a:gd name="T61" fmla="*/ 57 h 174"/>
                      <a:gd name="T62" fmla="*/ 46 w 95"/>
                      <a:gd name="T63" fmla="*/ 52 h 174"/>
                      <a:gd name="T64" fmla="*/ 44 w 95"/>
                      <a:gd name="T65" fmla="*/ 47 h 174"/>
                      <a:gd name="T66" fmla="*/ 39 w 95"/>
                      <a:gd name="T67" fmla="*/ 39 h 174"/>
                      <a:gd name="T68" fmla="*/ 0 60000 65536"/>
                      <a:gd name="T69" fmla="*/ 0 60000 65536"/>
                      <a:gd name="T70" fmla="*/ 0 60000 65536"/>
                      <a:gd name="T71" fmla="*/ 0 60000 65536"/>
                      <a:gd name="T72" fmla="*/ 0 60000 65536"/>
                      <a:gd name="T73" fmla="*/ 0 60000 65536"/>
                      <a:gd name="T74" fmla="*/ 0 60000 65536"/>
                      <a:gd name="T75" fmla="*/ 0 60000 65536"/>
                      <a:gd name="T76" fmla="*/ 0 60000 65536"/>
                      <a:gd name="T77" fmla="*/ 0 60000 65536"/>
                      <a:gd name="T78" fmla="*/ 0 60000 65536"/>
                      <a:gd name="T79" fmla="*/ 0 60000 65536"/>
                      <a:gd name="T80" fmla="*/ 0 60000 65536"/>
                      <a:gd name="T81" fmla="*/ 0 60000 65536"/>
                      <a:gd name="T82" fmla="*/ 0 60000 65536"/>
                      <a:gd name="T83" fmla="*/ 0 60000 65536"/>
                      <a:gd name="T84" fmla="*/ 0 60000 65536"/>
                      <a:gd name="T85" fmla="*/ 0 60000 65536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w 95"/>
                      <a:gd name="T103" fmla="*/ 0 h 174"/>
                      <a:gd name="T104" fmla="*/ 95 w 95"/>
                      <a:gd name="T105" fmla="*/ 174 h 174"/>
                    </a:gdLst>
                    <a:ahLst/>
                    <a:cxnLst>
                      <a:cxn ang="T68">
                        <a:pos x="T0" y="T1"/>
                      </a:cxn>
                      <a:cxn ang="T69">
                        <a:pos x="T2" y="T3"/>
                      </a:cxn>
                      <a:cxn ang="T70">
                        <a:pos x="T4" y="T5"/>
                      </a:cxn>
                      <a:cxn ang="T71">
                        <a:pos x="T6" y="T7"/>
                      </a:cxn>
                      <a:cxn ang="T72">
                        <a:pos x="T8" y="T9"/>
                      </a:cxn>
                      <a:cxn ang="T73">
                        <a:pos x="T10" y="T11"/>
                      </a:cxn>
                      <a:cxn ang="T74">
                        <a:pos x="T12" y="T13"/>
                      </a:cxn>
                      <a:cxn ang="T75">
                        <a:pos x="T14" y="T15"/>
                      </a:cxn>
                      <a:cxn ang="T76">
                        <a:pos x="T16" y="T17"/>
                      </a:cxn>
                      <a:cxn ang="T77">
                        <a:pos x="T18" y="T19"/>
                      </a:cxn>
                      <a:cxn ang="T78">
                        <a:pos x="T20" y="T21"/>
                      </a:cxn>
                      <a:cxn ang="T79">
                        <a:pos x="T22" y="T23"/>
                      </a:cxn>
                      <a:cxn ang="T80">
                        <a:pos x="T24" y="T25"/>
                      </a:cxn>
                      <a:cxn ang="T81">
                        <a:pos x="T26" y="T27"/>
                      </a:cxn>
                      <a:cxn ang="T82">
                        <a:pos x="T28" y="T29"/>
                      </a:cxn>
                      <a:cxn ang="T83">
                        <a:pos x="T30" y="T31"/>
                      </a:cxn>
                      <a:cxn ang="T84">
                        <a:pos x="T32" y="T33"/>
                      </a:cxn>
                      <a:cxn ang="T85">
                        <a:pos x="T34" y="T35"/>
                      </a:cxn>
                      <a:cxn ang="T86">
                        <a:pos x="T36" y="T37"/>
                      </a:cxn>
                      <a:cxn ang="T87">
                        <a:pos x="T38" y="T39"/>
                      </a:cxn>
                      <a:cxn ang="T88">
                        <a:pos x="T40" y="T41"/>
                      </a:cxn>
                      <a:cxn ang="T89">
                        <a:pos x="T42" y="T43"/>
                      </a:cxn>
                      <a:cxn ang="T90">
                        <a:pos x="T44" y="T45"/>
                      </a:cxn>
                      <a:cxn ang="T91">
                        <a:pos x="T46" y="T47"/>
                      </a:cxn>
                      <a:cxn ang="T92">
                        <a:pos x="T48" y="T49"/>
                      </a:cxn>
                      <a:cxn ang="T93">
                        <a:pos x="T50" y="T51"/>
                      </a:cxn>
                      <a:cxn ang="T94">
                        <a:pos x="T52" y="T53"/>
                      </a:cxn>
                      <a:cxn ang="T95">
                        <a:pos x="T54" y="T55"/>
                      </a:cxn>
                      <a:cxn ang="T96">
                        <a:pos x="T56" y="T57"/>
                      </a:cxn>
                      <a:cxn ang="T97">
                        <a:pos x="T58" y="T59"/>
                      </a:cxn>
                      <a:cxn ang="T98">
                        <a:pos x="T60" y="T61"/>
                      </a:cxn>
                      <a:cxn ang="T99">
                        <a:pos x="T62" y="T63"/>
                      </a:cxn>
                      <a:cxn ang="T100">
                        <a:pos x="T64" y="T65"/>
                      </a:cxn>
                      <a:cxn ang="T101">
                        <a:pos x="T66" y="T67"/>
                      </a:cxn>
                    </a:cxnLst>
                    <a:rect l="T102" t="T103" r="T104" b="T105"/>
                    <a:pathLst>
                      <a:path w="95" h="174">
                        <a:moveTo>
                          <a:pt x="34" y="32"/>
                        </a:moveTo>
                        <a:lnTo>
                          <a:pt x="0" y="0"/>
                        </a:lnTo>
                        <a:lnTo>
                          <a:pt x="2" y="7"/>
                        </a:lnTo>
                        <a:lnTo>
                          <a:pt x="29" y="37"/>
                        </a:lnTo>
                        <a:lnTo>
                          <a:pt x="27" y="40"/>
                        </a:lnTo>
                        <a:lnTo>
                          <a:pt x="25" y="40"/>
                        </a:lnTo>
                        <a:lnTo>
                          <a:pt x="24" y="39"/>
                        </a:lnTo>
                        <a:lnTo>
                          <a:pt x="20" y="39"/>
                        </a:lnTo>
                        <a:lnTo>
                          <a:pt x="17" y="37"/>
                        </a:lnTo>
                        <a:lnTo>
                          <a:pt x="15" y="37"/>
                        </a:lnTo>
                        <a:lnTo>
                          <a:pt x="15" y="39"/>
                        </a:lnTo>
                        <a:lnTo>
                          <a:pt x="17" y="42"/>
                        </a:lnTo>
                        <a:lnTo>
                          <a:pt x="24" y="49"/>
                        </a:lnTo>
                        <a:lnTo>
                          <a:pt x="25" y="49"/>
                        </a:lnTo>
                        <a:lnTo>
                          <a:pt x="29" y="49"/>
                        </a:lnTo>
                        <a:lnTo>
                          <a:pt x="32" y="47"/>
                        </a:lnTo>
                        <a:lnTo>
                          <a:pt x="34" y="45"/>
                        </a:lnTo>
                        <a:lnTo>
                          <a:pt x="36" y="45"/>
                        </a:lnTo>
                        <a:lnTo>
                          <a:pt x="37" y="47"/>
                        </a:lnTo>
                        <a:lnTo>
                          <a:pt x="39" y="49"/>
                        </a:lnTo>
                        <a:lnTo>
                          <a:pt x="41" y="54"/>
                        </a:lnTo>
                        <a:lnTo>
                          <a:pt x="41" y="61"/>
                        </a:lnTo>
                        <a:lnTo>
                          <a:pt x="42" y="73"/>
                        </a:lnTo>
                        <a:lnTo>
                          <a:pt x="42" y="89"/>
                        </a:lnTo>
                        <a:lnTo>
                          <a:pt x="42" y="91"/>
                        </a:lnTo>
                        <a:lnTo>
                          <a:pt x="44" y="93"/>
                        </a:lnTo>
                        <a:lnTo>
                          <a:pt x="46" y="96"/>
                        </a:lnTo>
                        <a:lnTo>
                          <a:pt x="47" y="101"/>
                        </a:lnTo>
                        <a:lnTo>
                          <a:pt x="47" y="105"/>
                        </a:lnTo>
                        <a:lnTo>
                          <a:pt x="49" y="108"/>
                        </a:lnTo>
                        <a:lnTo>
                          <a:pt x="51" y="110"/>
                        </a:lnTo>
                        <a:lnTo>
                          <a:pt x="51" y="111"/>
                        </a:lnTo>
                        <a:lnTo>
                          <a:pt x="69" y="135"/>
                        </a:lnTo>
                        <a:lnTo>
                          <a:pt x="88" y="174"/>
                        </a:lnTo>
                        <a:lnTo>
                          <a:pt x="95" y="171"/>
                        </a:lnTo>
                        <a:lnTo>
                          <a:pt x="73" y="133"/>
                        </a:lnTo>
                        <a:lnTo>
                          <a:pt x="73" y="132"/>
                        </a:lnTo>
                        <a:lnTo>
                          <a:pt x="71" y="132"/>
                        </a:lnTo>
                        <a:lnTo>
                          <a:pt x="69" y="130"/>
                        </a:lnTo>
                        <a:lnTo>
                          <a:pt x="68" y="127"/>
                        </a:lnTo>
                        <a:lnTo>
                          <a:pt x="66" y="123"/>
                        </a:lnTo>
                        <a:lnTo>
                          <a:pt x="63" y="120"/>
                        </a:lnTo>
                        <a:lnTo>
                          <a:pt x="61" y="117"/>
                        </a:lnTo>
                        <a:lnTo>
                          <a:pt x="58" y="111"/>
                        </a:lnTo>
                        <a:lnTo>
                          <a:pt x="56" y="106"/>
                        </a:lnTo>
                        <a:lnTo>
                          <a:pt x="52" y="101"/>
                        </a:lnTo>
                        <a:lnTo>
                          <a:pt x="51" y="96"/>
                        </a:lnTo>
                        <a:lnTo>
                          <a:pt x="49" y="89"/>
                        </a:lnTo>
                        <a:lnTo>
                          <a:pt x="47" y="83"/>
                        </a:lnTo>
                        <a:lnTo>
                          <a:pt x="47" y="78"/>
                        </a:lnTo>
                        <a:lnTo>
                          <a:pt x="47" y="71"/>
                        </a:lnTo>
                        <a:lnTo>
                          <a:pt x="49" y="64"/>
                        </a:lnTo>
                        <a:lnTo>
                          <a:pt x="49" y="62"/>
                        </a:lnTo>
                        <a:lnTo>
                          <a:pt x="49" y="61"/>
                        </a:lnTo>
                        <a:lnTo>
                          <a:pt x="47" y="57"/>
                        </a:lnTo>
                        <a:lnTo>
                          <a:pt x="47" y="54"/>
                        </a:lnTo>
                        <a:lnTo>
                          <a:pt x="46" y="52"/>
                        </a:lnTo>
                        <a:lnTo>
                          <a:pt x="46" y="49"/>
                        </a:lnTo>
                        <a:lnTo>
                          <a:pt x="44" y="47"/>
                        </a:lnTo>
                        <a:lnTo>
                          <a:pt x="39" y="39"/>
                        </a:lnTo>
                        <a:lnTo>
                          <a:pt x="34" y="32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33" name="Freeform 21"/>
                  <p:cNvSpPr>
                    <a:spLocks/>
                  </p:cNvSpPr>
                  <p:nvPr/>
                </p:nvSpPr>
                <p:spPr bwMode="auto">
                  <a:xfrm>
                    <a:off x="4595" y="3150"/>
                    <a:ext cx="12" cy="37"/>
                  </a:xfrm>
                  <a:custGeom>
                    <a:avLst/>
                    <a:gdLst>
                      <a:gd name="T0" fmla="*/ 10 w 12"/>
                      <a:gd name="T1" fmla="*/ 10 h 37"/>
                      <a:gd name="T2" fmla="*/ 10 w 12"/>
                      <a:gd name="T3" fmla="*/ 8 h 37"/>
                      <a:gd name="T4" fmla="*/ 9 w 12"/>
                      <a:gd name="T5" fmla="*/ 6 h 37"/>
                      <a:gd name="T6" fmla="*/ 9 w 12"/>
                      <a:gd name="T7" fmla="*/ 3 h 37"/>
                      <a:gd name="T8" fmla="*/ 9 w 12"/>
                      <a:gd name="T9" fmla="*/ 1 h 37"/>
                      <a:gd name="T10" fmla="*/ 7 w 12"/>
                      <a:gd name="T11" fmla="*/ 0 h 37"/>
                      <a:gd name="T12" fmla="*/ 5 w 12"/>
                      <a:gd name="T13" fmla="*/ 0 h 37"/>
                      <a:gd name="T14" fmla="*/ 2 w 12"/>
                      <a:gd name="T15" fmla="*/ 3 h 37"/>
                      <a:gd name="T16" fmla="*/ 0 w 12"/>
                      <a:gd name="T17" fmla="*/ 10 h 37"/>
                      <a:gd name="T18" fmla="*/ 0 w 12"/>
                      <a:gd name="T19" fmla="*/ 11 h 37"/>
                      <a:gd name="T20" fmla="*/ 0 w 12"/>
                      <a:gd name="T21" fmla="*/ 13 h 37"/>
                      <a:gd name="T22" fmla="*/ 2 w 12"/>
                      <a:gd name="T23" fmla="*/ 15 h 37"/>
                      <a:gd name="T24" fmla="*/ 2 w 12"/>
                      <a:gd name="T25" fmla="*/ 18 h 37"/>
                      <a:gd name="T26" fmla="*/ 3 w 12"/>
                      <a:gd name="T27" fmla="*/ 20 h 37"/>
                      <a:gd name="T28" fmla="*/ 3 w 12"/>
                      <a:gd name="T29" fmla="*/ 22 h 37"/>
                      <a:gd name="T30" fmla="*/ 5 w 12"/>
                      <a:gd name="T31" fmla="*/ 23 h 37"/>
                      <a:gd name="T32" fmla="*/ 5 w 12"/>
                      <a:gd name="T33" fmla="*/ 25 h 37"/>
                      <a:gd name="T34" fmla="*/ 12 w 12"/>
                      <a:gd name="T35" fmla="*/ 37 h 37"/>
                      <a:gd name="T36" fmla="*/ 10 w 12"/>
                      <a:gd name="T37" fmla="*/ 10 h 37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w 12"/>
                      <a:gd name="T58" fmla="*/ 0 h 37"/>
                      <a:gd name="T59" fmla="*/ 12 w 12"/>
                      <a:gd name="T60" fmla="*/ 37 h 37"/>
                    </a:gdLst>
                    <a:ahLst/>
                    <a:cxnLst>
                      <a:cxn ang="T38">
                        <a:pos x="T0" y="T1"/>
                      </a:cxn>
                      <a:cxn ang="T39">
                        <a:pos x="T2" y="T3"/>
                      </a:cxn>
                      <a:cxn ang="T40">
                        <a:pos x="T4" y="T5"/>
                      </a:cxn>
                      <a:cxn ang="T41">
                        <a:pos x="T6" y="T7"/>
                      </a:cxn>
                      <a:cxn ang="T42">
                        <a:pos x="T8" y="T9"/>
                      </a:cxn>
                      <a:cxn ang="T43">
                        <a:pos x="T10" y="T11"/>
                      </a:cxn>
                      <a:cxn ang="T44">
                        <a:pos x="T12" y="T13"/>
                      </a:cxn>
                      <a:cxn ang="T45">
                        <a:pos x="T14" y="T15"/>
                      </a:cxn>
                      <a:cxn ang="T46">
                        <a:pos x="T16" y="T17"/>
                      </a:cxn>
                      <a:cxn ang="T47">
                        <a:pos x="T18" y="T19"/>
                      </a:cxn>
                      <a:cxn ang="T48">
                        <a:pos x="T20" y="T21"/>
                      </a:cxn>
                      <a:cxn ang="T49">
                        <a:pos x="T22" y="T23"/>
                      </a:cxn>
                      <a:cxn ang="T50">
                        <a:pos x="T24" y="T25"/>
                      </a:cxn>
                      <a:cxn ang="T51">
                        <a:pos x="T26" y="T27"/>
                      </a:cxn>
                      <a:cxn ang="T52">
                        <a:pos x="T28" y="T29"/>
                      </a:cxn>
                      <a:cxn ang="T53">
                        <a:pos x="T30" y="T31"/>
                      </a:cxn>
                      <a:cxn ang="T54">
                        <a:pos x="T32" y="T33"/>
                      </a:cxn>
                      <a:cxn ang="T55">
                        <a:pos x="T34" y="T35"/>
                      </a:cxn>
                      <a:cxn ang="T56">
                        <a:pos x="T36" y="T37"/>
                      </a:cxn>
                    </a:cxnLst>
                    <a:rect l="T57" t="T58" r="T59" b="T60"/>
                    <a:pathLst>
                      <a:path w="12" h="37">
                        <a:moveTo>
                          <a:pt x="10" y="10"/>
                        </a:moveTo>
                        <a:lnTo>
                          <a:pt x="10" y="8"/>
                        </a:lnTo>
                        <a:lnTo>
                          <a:pt x="9" y="6"/>
                        </a:lnTo>
                        <a:lnTo>
                          <a:pt x="9" y="3"/>
                        </a:lnTo>
                        <a:lnTo>
                          <a:pt x="9" y="1"/>
                        </a:lnTo>
                        <a:lnTo>
                          <a:pt x="7" y="0"/>
                        </a:lnTo>
                        <a:lnTo>
                          <a:pt x="5" y="0"/>
                        </a:lnTo>
                        <a:lnTo>
                          <a:pt x="2" y="3"/>
                        </a:lnTo>
                        <a:lnTo>
                          <a:pt x="0" y="10"/>
                        </a:lnTo>
                        <a:lnTo>
                          <a:pt x="0" y="11"/>
                        </a:lnTo>
                        <a:lnTo>
                          <a:pt x="0" y="13"/>
                        </a:lnTo>
                        <a:lnTo>
                          <a:pt x="2" y="15"/>
                        </a:lnTo>
                        <a:lnTo>
                          <a:pt x="2" y="18"/>
                        </a:lnTo>
                        <a:lnTo>
                          <a:pt x="3" y="20"/>
                        </a:lnTo>
                        <a:lnTo>
                          <a:pt x="3" y="22"/>
                        </a:lnTo>
                        <a:lnTo>
                          <a:pt x="5" y="23"/>
                        </a:lnTo>
                        <a:lnTo>
                          <a:pt x="5" y="25"/>
                        </a:lnTo>
                        <a:lnTo>
                          <a:pt x="12" y="37"/>
                        </a:lnTo>
                        <a:lnTo>
                          <a:pt x="10" y="10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34" name="Freeform 22"/>
                  <p:cNvSpPr>
                    <a:spLocks/>
                  </p:cNvSpPr>
                  <p:nvPr/>
                </p:nvSpPr>
                <p:spPr bwMode="auto">
                  <a:xfrm>
                    <a:off x="4595" y="3150"/>
                    <a:ext cx="12" cy="37"/>
                  </a:xfrm>
                  <a:custGeom>
                    <a:avLst/>
                    <a:gdLst>
                      <a:gd name="T0" fmla="*/ 10 w 12"/>
                      <a:gd name="T1" fmla="*/ 10 h 37"/>
                      <a:gd name="T2" fmla="*/ 10 w 12"/>
                      <a:gd name="T3" fmla="*/ 10 h 37"/>
                      <a:gd name="T4" fmla="*/ 10 w 12"/>
                      <a:gd name="T5" fmla="*/ 8 h 37"/>
                      <a:gd name="T6" fmla="*/ 9 w 12"/>
                      <a:gd name="T7" fmla="*/ 6 h 37"/>
                      <a:gd name="T8" fmla="*/ 9 w 12"/>
                      <a:gd name="T9" fmla="*/ 3 h 37"/>
                      <a:gd name="T10" fmla="*/ 9 w 12"/>
                      <a:gd name="T11" fmla="*/ 1 h 37"/>
                      <a:gd name="T12" fmla="*/ 7 w 12"/>
                      <a:gd name="T13" fmla="*/ 0 h 37"/>
                      <a:gd name="T14" fmla="*/ 5 w 12"/>
                      <a:gd name="T15" fmla="*/ 0 h 37"/>
                      <a:gd name="T16" fmla="*/ 2 w 12"/>
                      <a:gd name="T17" fmla="*/ 3 h 37"/>
                      <a:gd name="T18" fmla="*/ 0 w 12"/>
                      <a:gd name="T19" fmla="*/ 10 h 37"/>
                      <a:gd name="T20" fmla="*/ 0 w 12"/>
                      <a:gd name="T21" fmla="*/ 10 h 37"/>
                      <a:gd name="T22" fmla="*/ 0 w 12"/>
                      <a:gd name="T23" fmla="*/ 11 h 37"/>
                      <a:gd name="T24" fmla="*/ 0 w 12"/>
                      <a:gd name="T25" fmla="*/ 13 h 37"/>
                      <a:gd name="T26" fmla="*/ 2 w 12"/>
                      <a:gd name="T27" fmla="*/ 15 h 37"/>
                      <a:gd name="T28" fmla="*/ 2 w 12"/>
                      <a:gd name="T29" fmla="*/ 18 h 37"/>
                      <a:gd name="T30" fmla="*/ 3 w 12"/>
                      <a:gd name="T31" fmla="*/ 20 h 37"/>
                      <a:gd name="T32" fmla="*/ 3 w 12"/>
                      <a:gd name="T33" fmla="*/ 22 h 37"/>
                      <a:gd name="T34" fmla="*/ 5 w 12"/>
                      <a:gd name="T35" fmla="*/ 23 h 37"/>
                      <a:gd name="T36" fmla="*/ 5 w 12"/>
                      <a:gd name="T37" fmla="*/ 25 h 37"/>
                      <a:gd name="T38" fmla="*/ 12 w 12"/>
                      <a:gd name="T39" fmla="*/ 37 h 37"/>
                      <a:gd name="T40" fmla="*/ 10 w 12"/>
                      <a:gd name="T41" fmla="*/ 10 h 37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12"/>
                      <a:gd name="T64" fmla="*/ 0 h 37"/>
                      <a:gd name="T65" fmla="*/ 12 w 12"/>
                      <a:gd name="T66" fmla="*/ 37 h 37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12" h="37">
                        <a:moveTo>
                          <a:pt x="10" y="10"/>
                        </a:moveTo>
                        <a:lnTo>
                          <a:pt x="10" y="10"/>
                        </a:lnTo>
                        <a:lnTo>
                          <a:pt x="10" y="8"/>
                        </a:lnTo>
                        <a:lnTo>
                          <a:pt x="9" y="6"/>
                        </a:lnTo>
                        <a:lnTo>
                          <a:pt x="9" y="3"/>
                        </a:lnTo>
                        <a:lnTo>
                          <a:pt x="9" y="1"/>
                        </a:lnTo>
                        <a:lnTo>
                          <a:pt x="7" y="0"/>
                        </a:lnTo>
                        <a:lnTo>
                          <a:pt x="5" y="0"/>
                        </a:lnTo>
                        <a:lnTo>
                          <a:pt x="2" y="3"/>
                        </a:lnTo>
                        <a:lnTo>
                          <a:pt x="0" y="10"/>
                        </a:lnTo>
                        <a:lnTo>
                          <a:pt x="0" y="11"/>
                        </a:lnTo>
                        <a:lnTo>
                          <a:pt x="0" y="13"/>
                        </a:lnTo>
                        <a:lnTo>
                          <a:pt x="2" y="15"/>
                        </a:lnTo>
                        <a:lnTo>
                          <a:pt x="2" y="18"/>
                        </a:lnTo>
                        <a:lnTo>
                          <a:pt x="3" y="20"/>
                        </a:lnTo>
                        <a:lnTo>
                          <a:pt x="3" y="22"/>
                        </a:lnTo>
                        <a:lnTo>
                          <a:pt x="5" y="23"/>
                        </a:lnTo>
                        <a:lnTo>
                          <a:pt x="5" y="25"/>
                        </a:lnTo>
                        <a:lnTo>
                          <a:pt x="12" y="37"/>
                        </a:lnTo>
                        <a:lnTo>
                          <a:pt x="10" y="10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35" name="Freeform 23"/>
                  <p:cNvSpPr>
                    <a:spLocks/>
                  </p:cNvSpPr>
                  <p:nvPr/>
                </p:nvSpPr>
                <p:spPr bwMode="auto">
                  <a:xfrm>
                    <a:off x="4673" y="3539"/>
                    <a:ext cx="35" cy="61"/>
                  </a:xfrm>
                  <a:custGeom>
                    <a:avLst/>
                    <a:gdLst>
                      <a:gd name="T0" fmla="*/ 35 w 35"/>
                      <a:gd name="T1" fmla="*/ 0 h 61"/>
                      <a:gd name="T2" fmla="*/ 35 w 35"/>
                      <a:gd name="T3" fmla="*/ 0 h 61"/>
                      <a:gd name="T4" fmla="*/ 35 w 35"/>
                      <a:gd name="T5" fmla="*/ 1 h 61"/>
                      <a:gd name="T6" fmla="*/ 35 w 35"/>
                      <a:gd name="T7" fmla="*/ 3 h 61"/>
                      <a:gd name="T8" fmla="*/ 35 w 35"/>
                      <a:gd name="T9" fmla="*/ 5 h 61"/>
                      <a:gd name="T10" fmla="*/ 34 w 35"/>
                      <a:gd name="T11" fmla="*/ 8 h 61"/>
                      <a:gd name="T12" fmla="*/ 34 w 35"/>
                      <a:gd name="T13" fmla="*/ 12 h 61"/>
                      <a:gd name="T14" fmla="*/ 32 w 35"/>
                      <a:gd name="T15" fmla="*/ 15 h 61"/>
                      <a:gd name="T16" fmla="*/ 30 w 35"/>
                      <a:gd name="T17" fmla="*/ 20 h 61"/>
                      <a:gd name="T18" fmla="*/ 29 w 35"/>
                      <a:gd name="T19" fmla="*/ 23 h 61"/>
                      <a:gd name="T20" fmla="*/ 27 w 35"/>
                      <a:gd name="T21" fmla="*/ 29 h 61"/>
                      <a:gd name="T22" fmla="*/ 24 w 35"/>
                      <a:gd name="T23" fmla="*/ 34 h 61"/>
                      <a:gd name="T24" fmla="*/ 20 w 35"/>
                      <a:gd name="T25" fmla="*/ 39 h 61"/>
                      <a:gd name="T26" fmla="*/ 17 w 35"/>
                      <a:gd name="T27" fmla="*/ 44 h 61"/>
                      <a:gd name="T28" fmla="*/ 12 w 35"/>
                      <a:gd name="T29" fmla="*/ 49 h 61"/>
                      <a:gd name="T30" fmla="*/ 7 w 35"/>
                      <a:gd name="T31" fmla="*/ 56 h 61"/>
                      <a:gd name="T32" fmla="*/ 2 w 35"/>
                      <a:gd name="T33" fmla="*/ 61 h 61"/>
                      <a:gd name="T34" fmla="*/ 0 w 35"/>
                      <a:gd name="T35" fmla="*/ 61 h 61"/>
                      <a:gd name="T36" fmla="*/ 0 w 35"/>
                      <a:gd name="T37" fmla="*/ 59 h 61"/>
                      <a:gd name="T38" fmla="*/ 0 w 35"/>
                      <a:gd name="T39" fmla="*/ 57 h 61"/>
                      <a:gd name="T40" fmla="*/ 0 w 35"/>
                      <a:gd name="T41" fmla="*/ 56 h 61"/>
                      <a:gd name="T42" fmla="*/ 19 w 35"/>
                      <a:gd name="T43" fmla="*/ 35 h 61"/>
                      <a:gd name="T44" fmla="*/ 19 w 35"/>
                      <a:gd name="T45" fmla="*/ 27 h 61"/>
                      <a:gd name="T46" fmla="*/ 19 w 35"/>
                      <a:gd name="T47" fmla="*/ 25 h 61"/>
                      <a:gd name="T48" fmla="*/ 20 w 35"/>
                      <a:gd name="T49" fmla="*/ 25 h 61"/>
                      <a:gd name="T50" fmla="*/ 22 w 35"/>
                      <a:gd name="T51" fmla="*/ 23 h 61"/>
                      <a:gd name="T52" fmla="*/ 24 w 35"/>
                      <a:gd name="T53" fmla="*/ 22 h 61"/>
                      <a:gd name="T54" fmla="*/ 25 w 35"/>
                      <a:gd name="T55" fmla="*/ 18 h 61"/>
                      <a:gd name="T56" fmla="*/ 27 w 35"/>
                      <a:gd name="T57" fmla="*/ 15 h 61"/>
                      <a:gd name="T58" fmla="*/ 29 w 35"/>
                      <a:gd name="T59" fmla="*/ 12 h 61"/>
                      <a:gd name="T60" fmla="*/ 29 w 35"/>
                      <a:gd name="T61" fmla="*/ 5 h 61"/>
                      <a:gd name="T62" fmla="*/ 30 w 35"/>
                      <a:gd name="T63" fmla="*/ 3 h 61"/>
                      <a:gd name="T64" fmla="*/ 32 w 35"/>
                      <a:gd name="T65" fmla="*/ 1 h 61"/>
                      <a:gd name="T66" fmla="*/ 34 w 35"/>
                      <a:gd name="T67" fmla="*/ 0 h 61"/>
                      <a:gd name="T68" fmla="*/ 35 w 35"/>
                      <a:gd name="T69" fmla="*/ 0 h 61"/>
                      <a:gd name="T70" fmla="*/ 0 60000 65536"/>
                      <a:gd name="T71" fmla="*/ 0 60000 65536"/>
                      <a:gd name="T72" fmla="*/ 0 60000 65536"/>
                      <a:gd name="T73" fmla="*/ 0 60000 65536"/>
                      <a:gd name="T74" fmla="*/ 0 60000 65536"/>
                      <a:gd name="T75" fmla="*/ 0 60000 65536"/>
                      <a:gd name="T76" fmla="*/ 0 60000 65536"/>
                      <a:gd name="T77" fmla="*/ 0 60000 65536"/>
                      <a:gd name="T78" fmla="*/ 0 60000 65536"/>
                      <a:gd name="T79" fmla="*/ 0 60000 65536"/>
                      <a:gd name="T80" fmla="*/ 0 60000 65536"/>
                      <a:gd name="T81" fmla="*/ 0 60000 65536"/>
                      <a:gd name="T82" fmla="*/ 0 60000 65536"/>
                      <a:gd name="T83" fmla="*/ 0 60000 65536"/>
                      <a:gd name="T84" fmla="*/ 0 60000 65536"/>
                      <a:gd name="T85" fmla="*/ 0 60000 65536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w 35"/>
                      <a:gd name="T106" fmla="*/ 0 h 61"/>
                      <a:gd name="T107" fmla="*/ 35 w 35"/>
                      <a:gd name="T108" fmla="*/ 61 h 61"/>
                    </a:gdLst>
                    <a:ahLst/>
                    <a:cxnLst>
                      <a:cxn ang="T70">
                        <a:pos x="T0" y="T1"/>
                      </a:cxn>
                      <a:cxn ang="T71">
                        <a:pos x="T2" y="T3"/>
                      </a:cxn>
                      <a:cxn ang="T72">
                        <a:pos x="T4" y="T5"/>
                      </a:cxn>
                      <a:cxn ang="T73">
                        <a:pos x="T6" y="T7"/>
                      </a:cxn>
                      <a:cxn ang="T74">
                        <a:pos x="T8" y="T9"/>
                      </a:cxn>
                      <a:cxn ang="T75">
                        <a:pos x="T10" y="T11"/>
                      </a:cxn>
                      <a:cxn ang="T76">
                        <a:pos x="T12" y="T13"/>
                      </a:cxn>
                      <a:cxn ang="T77">
                        <a:pos x="T14" y="T15"/>
                      </a:cxn>
                      <a:cxn ang="T78">
                        <a:pos x="T16" y="T17"/>
                      </a:cxn>
                      <a:cxn ang="T79">
                        <a:pos x="T18" y="T19"/>
                      </a:cxn>
                      <a:cxn ang="T80">
                        <a:pos x="T20" y="T21"/>
                      </a:cxn>
                      <a:cxn ang="T81">
                        <a:pos x="T22" y="T23"/>
                      </a:cxn>
                      <a:cxn ang="T82">
                        <a:pos x="T24" y="T25"/>
                      </a:cxn>
                      <a:cxn ang="T83">
                        <a:pos x="T26" y="T27"/>
                      </a:cxn>
                      <a:cxn ang="T84">
                        <a:pos x="T28" y="T29"/>
                      </a:cxn>
                      <a:cxn ang="T85">
                        <a:pos x="T30" y="T31"/>
                      </a:cxn>
                      <a:cxn ang="T86">
                        <a:pos x="T32" y="T33"/>
                      </a:cxn>
                      <a:cxn ang="T87">
                        <a:pos x="T34" y="T35"/>
                      </a:cxn>
                      <a:cxn ang="T88">
                        <a:pos x="T36" y="T37"/>
                      </a:cxn>
                      <a:cxn ang="T89">
                        <a:pos x="T38" y="T39"/>
                      </a:cxn>
                      <a:cxn ang="T90">
                        <a:pos x="T40" y="T41"/>
                      </a:cxn>
                      <a:cxn ang="T91">
                        <a:pos x="T42" y="T43"/>
                      </a:cxn>
                      <a:cxn ang="T92">
                        <a:pos x="T44" y="T45"/>
                      </a:cxn>
                      <a:cxn ang="T93">
                        <a:pos x="T46" y="T47"/>
                      </a:cxn>
                      <a:cxn ang="T94">
                        <a:pos x="T48" y="T49"/>
                      </a:cxn>
                      <a:cxn ang="T95">
                        <a:pos x="T50" y="T51"/>
                      </a:cxn>
                      <a:cxn ang="T96">
                        <a:pos x="T52" y="T53"/>
                      </a:cxn>
                      <a:cxn ang="T97">
                        <a:pos x="T54" y="T55"/>
                      </a:cxn>
                      <a:cxn ang="T98">
                        <a:pos x="T56" y="T57"/>
                      </a:cxn>
                      <a:cxn ang="T99">
                        <a:pos x="T58" y="T59"/>
                      </a:cxn>
                      <a:cxn ang="T100">
                        <a:pos x="T60" y="T61"/>
                      </a:cxn>
                      <a:cxn ang="T101">
                        <a:pos x="T62" y="T63"/>
                      </a:cxn>
                      <a:cxn ang="T102">
                        <a:pos x="T64" y="T65"/>
                      </a:cxn>
                      <a:cxn ang="T103">
                        <a:pos x="T66" y="T67"/>
                      </a:cxn>
                      <a:cxn ang="T104">
                        <a:pos x="T68" y="T69"/>
                      </a:cxn>
                    </a:cxnLst>
                    <a:rect l="T105" t="T106" r="T107" b="T108"/>
                    <a:pathLst>
                      <a:path w="35" h="61">
                        <a:moveTo>
                          <a:pt x="35" y="0"/>
                        </a:moveTo>
                        <a:lnTo>
                          <a:pt x="35" y="0"/>
                        </a:lnTo>
                        <a:lnTo>
                          <a:pt x="35" y="1"/>
                        </a:lnTo>
                        <a:lnTo>
                          <a:pt x="35" y="3"/>
                        </a:lnTo>
                        <a:lnTo>
                          <a:pt x="35" y="5"/>
                        </a:lnTo>
                        <a:lnTo>
                          <a:pt x="34" y="8"/>
                        </a:lnTo>
                        <a:lnTo>
                          <a:pt x="34" y="12"/>
                        </a:lnTo>
                        <a:lnTo>
                          <a:pt x="32" y="15"/>
                        </a:lnTo>
                        <a:lnTo>
                          <a:pt x="30" y="20"/>
                        </a:lnTo>
                        <a:lnTo>
                          <a:pt x="29" y="23"/>
                        </a:lnTo>
                        <a:lnTo>
                          <a:pt x="27" y="29"/>
                        </a:lnTo>
                        <a:lnTo>
                          <a:pt x="24" y="34"/>
                        </a:lnTo>
                        <a:lnTo>
                          <a:pt x="20" y="39"/>
                        </a:lnTo>
                        <a:lnTo>
                          <a:pt x="17" y="44"/>
                        </a:lnTo>
                        <a:lnTo>
                          <a:pt x="12" y="49"/>
                        </a:lnTo>
                        <a:lnTo>
                          <a:pt x="7" y="56"/>
                        </a:lnTo>
                        <a:lnTo>
                          <a:pt x="2" y="61"/>
                        </a:lnTo>
                        <a:lnTo>
                          <a:pt x="0" y="61"/>
                        </a:lnTo>
                        <a:lnTo>
                          <a:pt x="0" y="59"/>
                        </a:lnTo>
                        <a:lnTo>
                          <a:pt x="0" y="57"/>
                        </a:lnTo>
                        <a:lnTo>
                          <a:pt x="0" y="56"/>
                        </a:lnTo>
                        <a:lnTo>
                          <a:pt x="19" y="35"/>
                        </a:lnTo>
                        <a:lnTo>
                          <a:pt x="19" y="27"/>
                        </a:lnTo>
                        <a:lnTo>
                          <a:pt x="19" y="25"/>
                        </a:lnTo>
                        <a:lnTo>
                          <a:pt x="20" y="25"/>
                        </a:lnTo>
                        <a:lnTo>
                          <a:pt x="22" y="23"/>
                        </a:lnTo>
                        <a:lnTo>
                          <a:pt x="24" y="22"/>
                        </a:lnTo>
                        <a:lnTo>
                          <a:pt x="25" y="18"/>
                        </a:lnTo>
                        <a:lnTo>
                          <a:pt x="27" y="15"/>
                        </a:lnTo>
                        <a:lnTo>
                          <a:pt x="29" y="12"/>
                        </a:lnTo>
                        <a:lnTo>
                          <a:pt x="29" y="5"/>
                        </a:lnTo>
                        <a:lnTo>
                          <a:pt x="30" y="3"/>
                        </a:lnTo>
                        <a:lnTo>
                          <a:pt x="32" y="1"/>
                        </a:lnTo>
                        <a:lnTo>
                          <a:pt x="34" y="0"/>
                        </a:lnTo>
                        <a:lnTo>
                          <a:pt x="35" y="0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36" name="Freeform 24"/>
                  <p:cNvSpPr>
                    <a:spLocks/>
                  </p:cNvSpPr>
                  <p:nvPr/>
                </p:nvSpPr>
                <p:spPr bwMode="auto">
                  <a:xfrm>
                    <a:off x="4673" y="3539"/>
                    <a:ext cx="35" cy="61"/>
                  </a:xfrm>
                  <a:custGeom>
                    <a:avLst/>
                    <a:gdLst>
                      <a:gd name="T0" fmla="*/ 35 w 35"/>
                      <a:gd name="T1" fmla="*/ 0 h 61"/>
                      <a:gd name="T2" fmla="*/ 35 w 35"/>
                      <a:gd name="T3" fmla="*/ 0 h 61"/>
                      <a:gd name="T4" fmla="*/ 35 w 35"/>
                      <a:gd name="T5" fmla="*/ 0 h 61"/>
                      <a:gd name="T6" fmla="*/ 35 w 35"/>
                      <a:gd name="T7" fmla="*/ 1 h 61"/>
                      <a:gd name="T8" fmla="*/ 35 w 35"/>
                      <a:gd name="T9" fmla="*/ 3 h 61"/>
                      <a:gd name="T10" fmla="*/ 35 w 35"/>
                      <a:gd name="T11" fmla="*/ 5 h 61"/>
                      <a:gd name="T12" fmla="*/ 34 w 35"/>
                      <a:gd name="T13" fmla="*/ 8 h 61"/>
                      <a:gd name="T14" fmla="*/ 34 w 35"/>
                      <a:gd name="T15" fmla="*/ 12 h 61"/>
                      <a:gd name="T16" fmla="*/ 32 w 35"/>
                      <a:gd name="T17" fmla="*/ 15 h 61"/>
                      <a:gd name="T18" fmla="*/ 30 w 35"/>
                      <a:gd name="T19" fmla="*/ 20 h 61"/>
                      <a:gd name="T20" fmla="*/ 29 w 35"/>
                      <a:gd name="T21" fmla="*/ 23 h 61"/>
                      <a:gd name="T22" fmla="*/ 27 w 35"/>
                      <a:gd name="T23" fmla="*/ 29 h 61"/>
                      <a:gd name="T24" fmla="*/ 24 w 35"/>
                      <a:gd name="T25" fmla="*/ 34 h 61"/>
                      <a:gd name="T26" fmla="*/ 20 w 35"/>
                      <a:gd name="T27" fmla="*/ 39 h 61"/>
                      <a:gd name="T28" fmla="*/ 17 w 35"/>
                      <a:gd name="T29" fmla="*/ 44 h 61"/>
                      <a:gd name="T30" fmla="*/ 12 w 35"/>
                      <a:gd name="T31" fmla="*/ 49 h 61"/>
                      <a:gd name="T32" fmla="*/ 7 w 35"/>
                      <a:gd name="T33" fmla="*/ 56 h 61"/>
                      <a:gd name="T34" fmla="*/ 2 w 35"/>
                      <a:gd name="T35" fmla="*/ 61 h 61"/>
                      <a:gd name="T36" fmla="*/ 2 w 35"/>
                      <a:gd name="T37" fmla="*/ 61 h 61"/>
                      <a:gd name="T38" fmla="*/ 0 w 35"/>
                      <a:gd name="T39" fmla="*/ 61 h 61"/>
                      <a:gd name="T40" fmla="*/ 0 w 35"/>
                      <a:gd name="T41" fmla="*/ 59 h 61"/>
                      <a:gd name="T42" fmla="*/ 0 w 35"/>
                      <a:gd name="T43" fmla="*/ 57 h 61"/>
                      <a:gd name="T44" fmla="*/ 0 w 35"/>
                      <a:gd name="T45" fmla="*/ 56 h 61"/>
                      <a:gd name="T46" fmla="*/ 19 w 35"/>
                      <a:gd name="T47" fmla="*/ 35 h 61"/>
                      <a:gd name="T48" fmla="*/ 19 w 35"/>
                      <a:gd name="T49" fmla="*/ 27 h 61"/>
                      <a:gd name="T50" fmla="*/ 19 w 35"/>
                      <a:gd name="T51" fmla="*/ 27 h 61"/>
                      <a:gd name="T52" fmla="*/ 19 w 35"/>
                      <a:gd name="T53" fmla="*/ 25 h 61"/>
                      <a:gd name="T54" fmla="*/ 20 w 35"/>
                      <a:gd name="T55" fmla="*/ 25 h 61"/>
                      <a:gd name="T56" fmla="*/ 22 w 35"/>
                      <a:gd name="T57" fmla="*/ 23 h 61"/>
                      <a:gd name="T58" fmla="*/ 24 w 35"/>
                      <a:gd name="T59" fmla="*/ 22 h 61"/>
                      <a:gd name="T60" fmla="*/ 25 w 35"/>
                      <a:gd name="T61" fmla="*/ 18 h 61"/>
                      <a:gd name="T62" fmla="*/ 27 w 35"/>
                      <a:gd name="T63" fmla="*/ 15 h 61"/>
                      <a:gd name="T64" fmla="*/ 29 w 35"/>
                      <a:gd name="T65" fmla="*/ 12 h 61"/>
                      <a:gd name="T66" fmla="*/ 29 w 35"/>
                      <a:gd name="T67" fmla="*/ 5 h 61"/>
                      <a:gd name="T68" fmla="*/ 29 w 35"/>
                      <a:gd name="T69" fmla="*/ 5 h 61"/>
                      <a:gd name="T70" fmla="*/ 30 w 35"/>
                      <a:gd name="T71" fmla="*/ 3 h 61"/>
                      <a:gd name="T72" fmla="*/ 32 w 35"/>
                      <a:gd name="T73" fmla="*/ 1 h 61"/>
                      <a:gd name="T74" fmla="*/ 34 w 35"/>
                      <a:gd name="T75" fmla="*/ 0 h 61"/>
                      <a:gd name="T76" fmla="*/ 35 w 35"/>
                      <a:gd name="T77" fmla="*/ 0 h 61"/>
                      <a:gd name="T78" fmla="*/ 0 60000 65536"/>
                      <a:gd name="T79" fmla="*/ 0 60000 65536"/>
                      <a:gd name="T80" fmla="*/ 0 60000 65536"/>
                      <a:gd name="T81" fmla="*/ 0 60000 65536"/>
                      <a:gd name="T82" fmla="*/ 0 60000 65536"/>
                      <a:gd name="T83" fmla="*/ 0 60000 65536"/>
                      <a:gd name="T84" fmla="*/ 0 60000 65536"/>
                      <a:gd name="T85" fmla="*/ 0 60000 65536"/>
                      <a:gd name="T86" fmla="*/ 0 60000 65536"/>
                      <a:gd name="T87" fmla="*/ 0 60000 65536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w 35"/>
                      <a:gd name="T118" fmla="*/ 0 h 61"/>
                      <a:gd name="T119" fmla="*/ 35 w 35"/>
                      <a:gd name="T120" fmla="*/ 61 h 61"/>
                    </a:gdLst>
                    <a:ahLst/>
                    <a:cxnLst>
                      <a:cxn ang="T78">
                        <a:pos x="T0" y="T1"/>
                      </a:cxn>
                      <a:cxn ang="T79">
                        <a:pos x="T2" y="T3"/>
                      </a:cxn>
                      <a:cxn ang="T80">
                        <a:pos x="T4" y="T5"/>
                      </a:cxn>
                      <a:cxn ang="T81">
                        <a:pos x="T6" y="T7"/>
                      </a:cxn>
                      <a:cxn ang="T82">
                        <a:pos x="T8" y="T9"/>
                      </a:cxn>
                      <a:cxn ang="T83">
                        <a:pos x="T10" y="T11"/>
                      </a:cxn>
                      <a:cxn ang="T84">
                        <a:pos x="T12" y="T13"/>
                      </a:cxn>
                      <a:cxn ang="T85">
                        <a:pos x="T14" y="T15"/>
                      </a:cxn>
                      <a:cxn ang="T86">
                        <a:pos x="T16" y="T17"/>
                      </a:cxn>
                      <a:cxn ang="T87">
                        <a:pos x="T18" y="T19"/>
                      </a:cxn>
                      <a:cxn ang="T88">
                        <a:pos x="T20" y="T21"/>
                      </a:cxn>
                      <a:cxn ang="T89">
                        <a:pos x="T22" y="T23"/>
                      </a:cxn>
                      <a:cxn ang="T90">
                        <a:pos x="T24" y="T25"/>
                      </a:cxn>
                      <a:cxn ang="T91">
                        <a:pos x="T26" y="T27"/>
                      </a:cxn>
                      <a:cxn ang="T92">
                        <a:pos x="T28" y="T29"/>
                      </a:cxn>
                      <a:cxn ang="T93">
                        <a:pos x="T30" y="T31"/>
                      </a:cxn>
                      <a:cxn ang="T94">
                        <a:pos x="T32" y="T33"/>
                      </a:cxn>
                      <a:cxn ang="T95">
                        <a:pos x="T34" y="T35"/>
                      </a:cxn>
                      <a:cxn ang="T96">
                        <a:pos x="T36" y="T37"/>
                      </a:cxn>
                      <a:cxn ang="T97">
                        <a:pos x="T38" y="T39"/>
                      </a:cxn>
                      <a:cxn ang="T98">
                        <a:pos x="T40" y="T41"/>
                      </a:cxn>
                      <a:cxn ang="T99">
                        <a:pos x="T42" y="T43"/>
                      </a:cxn>
                      <a:cxn ang="T100">
                        <a:pos x="T44" y="T45"/>
                      </a:cxn>
                      <a:cxn ang="T101">
                        <a:pos x="T46" y="T47"/>
                      </a:cxn>
                      <a:cxn ang="T102">
                        <a:pos x="T48" y="T49"/>
                      </a:cxn>
                      <a:cxn ang="T103">
                        <a:pos x="T50" y="T51"/>
                      </a:cxn>
                      <a:cxn ang="T104">
                        <a:pos x="T52" y="T53"/>
                      </a:cxn>
                      <a:cxn ang="T105">
                        <a:pos x="T54" y="T55"/>
                      </a:cxn>
                      <a:cxn ang="T106">
                        <a:pos x="T56" y="T57"/>
                      </a:cxn>
                      <a:cxn ang="T107">
                        <a:pos x="T58" y="T59"/>
                      </a:cxn>
                      <a:cxn ang="T108">
                        <a:pos x="T60" y="T61"/>
                      </a:cxn>
                      <a:cxn ang="T109">
                        <a:pos x="T62" y="T63"/>
                      </a:cxn>
                      <a:cxn ang="T110">
                        <a:pos x="T64" y="T65"/>
                      </a:cxn>
                      <a:cxn ang="T111">
                        <a:pos x="T66" y="T67"/>
                      </a:cxn>
                      <a:cxn ang="T112">
                        <a:pos x="T68" y="T69"/>
                      </a:cxn>
                      <a:cxn ang="T113">
                        <a:pos x="T70" y="T71"/>
                      </a:cxn>
                      <a:cxn ang="T114">
                        <a:pos x="T72" y="T73"/>
                      </a:cxn>
                      <a:cxn ang="T115">
                        <a:pos x="T74" y="T75"/>
                      </a:cxn>
                      <a:cxn ang="T116">
                        <a:pos x="T76" y="T77"/>
                      </a:cxn>
                    </a:cxnLst>
                    <a:rect l="T117" t="T118" r="T119" b="T120"/>
                    <a:pathLst>
                      <a:path w="35" h="61">
                        <a:moveTo>
                          <a:pt x="35" y="0"/>
                        </a:moveTo>
                        <a:lnTo>
                          <a:pt x="35" y="0"/>
                        </a:lnTo>
                        <a:lnTo>
                          <a:pt x="35" y="1"/>
                        </a:lnTo>
                        <a:lnTo>
                          <a:pt x="35" y="3"/>
                        </a:lnTo>
                        <a:lnTo>
                          <a:pt x="35" y="5"/>
                        </a:lnTo>
                        <a:lnTo>
                          <a:pt x="34" y="8"/>
                        </a:lnTo>
                        <a:lnTo>
                          <a:pt x="34" y="12"/>
                        </a:lnTo>
                        <a:lnTo>
                          <a:pt x="32" y="15"/>
                        </a:lnTo>
                        <a:lnTo>
                          <a:pt x="30" y="20"/>
                        </a:lnTo>
                        <a:lnTo>
                          <a:pt x="29" y="23"/>
                        </a:lnTo>
                        <a:lnTo>
                          <a:pt x="27" y="29"/>
                        </a:lnTo>
                        <a:lnTo>
                          <a:pt x="24" y="34"/>
                        </a:lnTo>
                        <a:lnTo>
                          <a:pt x="20" y="39"/>
                        </a:lnTo>
                        <a:lnTo>
                          <a:pt x="17" y="44"/>
                        </a:lnTo>
                        <a:lnTo>
                          <a:pt x="12" y="49"/>
                        </a:lnTo>
                        <a:lnTo>
                          <a:pt x="7" y="56"/>
                        </a:lnTo>
                        <a:lnTo>
                          <a:pt x="2" y="61"/>
                        </a:lnTo>
                        <a:lnTo>
                          <a:pt x="0" y="61"/>
                        </a:lnTo>
                        <a:lnTo>
                          <a:pt x="0" y="59"/>
                        </a:lnTo>
                        <a:lnTo>
                          <a:pt x="0" y="57"/>
                        </a:lnTo>
                        <a:lnTo>
                          <a:pt x="0" y="56"/>
                        </a:lnTo>
                        <a:lnTo>
                          <a:pt x="19" y="35"/>
                        </a:lnTo>
                        <a:lnTo>
                          <a:pt x="19" y="27"/>
                        </a:lnTo>
                        <a:lnTo>
                          <a:pt x="19" y="25"/>
                        </a:lnTo>
                        <a:lnTo>
                          <a:pt x="20" y="25"/>
                        </a:lnTo>
                        <a:lnTo>
                          <a:pt x="22" y="23"/>
                        </a:lnTo>
                        <a:lnTo>
                          <a:pt x="24" y="22"/>
                        </a:lnTo>
                        <a:lnTo>
                          <a:pt x="25" y="18"/>
                        </a:lnTo>
                        <a:lnTo>
                          <a:pt x="27" y="15"/>
                        </a:lnTo>
                        <a:lnTo>
                          <a:pt x="29" y="12"/>
                        </a:lnTo>
                        <a:lnTo>
                          <a:pt x="29" y="5"/>
                        </a:lnTo>
                        <a:lnTo>
                          <a:pt x="30" y="3"/>
                        </a:lnTo>
                        <a:lnTo>
                          <a:pt x="32" y="1"/>
                        </a:lnTo>
                        <a:lnTo>
                          <a:pt x="34" y="0"/>
                        </a:lnTo>
                        <a:lnTo>
                          <a:pt x="35" y="0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37" name="Freeform 25"/>
                  <p:cNvSpPr>
                    <a:spLocks/>
                  </p:cNvSpPr>
                  <p:nvPr/>
                </p:nvSpPr>
                <p:spPr bwMode="auto">
                  <a:xfrm>
                    <a:off x="4710" y="3513"/>
                    <a:ext cx="7" cy="19"/>
                  </a:xfrm>
                  <a:custGeom>
                    <a:avLst/>
                    <a:gdLst>
                      <a:gd name="T0" fmla="*/ 0 w 7"/>
                      <a:gd name="T1" fmla="*/ 11 h 19"/>
                      <a:gd name="T2" fmla="*/ 2 w 7"/>
                      <a:gd name="T3" fmla="*/ 5 h 19"/>
                      <a:gd name="T4" fmla="*/ 2 w 7"/>
                      <a:gd name="T5" fmla="*/ 4 h 19"/>
                      <a:gd name="T6" fmla="*/ 2 w 7"/>
                      <a:gd name="T7" fmla="*/ 0 h 19"/>
                      <a:gd name="T8" fmla="*/ 4 w 7"/>
                      <a:gd name="T9" fmla="*/ 0 h 19"/>
                      <a:gd name="T10" fmla="*/ 5 w 7"/>
                      <a:gd name="T11" fmla="*/ 0 h 19"/>
                      <a:gd name="T12" fmla="*/ 7 w 7"/>
                      <a:gd name="T13" fmla="*/ 4 h 19"/>
                      <a:gd name="T14" fmla="*/ 7 w 7"/>
                      <a:gd name="T15" fmla="*/ 5 h 19"/>
                      <a:gd name="T16" fmla="*/ 7 w 7"/>
                      <a:gd name="T17" fmla="*/ 11 h 19"/>
                      <a:gd name="T18" fmla="*/ 7 w 7"/>
                      <a:gd name="T19" fmla="*/ 14 h 19"/>
                      <a:gd name="T20" fmla="*/ 7 w 7"/>
                      <a:gd name="T21" fmla="*/ 17 h 19"/>
                      <a:gd name="T22" fmla="*/ 5 w 7"/>
                      <a:gd name="T23" fmla="*/ 19 h 19"/>
                      <a:gd name="T24" fmla="*/ 4 w 7"/>
                      <a:gd name="T25" fmla="*/ 19 h 19"/>
                      <a:gd name="T26" fmla="*/ 2 w 7"/>
                      <a:gd name="T27" fmla="*/ 19 h 19"/>
                      <a:gd name="T28" fmla="*/ 2 w 7"/>
                      <a:gd name="T29" fmla="*/ 17 h 19"/>
                      <a:gd name="T30" fmla="*/ 2 w 7"/>
                      <a:gd name="T31" fmla="*/ 14 h 19"/>
                      <a:gd name="T32" fmla="*/ 0 w 7"/>
                      <a:gd name="T33" fmla="*/ 11 h 19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7"/>
                      <a:gd name="T52" fmla="*/ 0 h 19"/>
                      <a:gd name="T53" fmla="*/ 7 w 7"/>
                      <a:gd name="T54" fmla="*/ 19 h 19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7" h="19">
                        <a:moveTo>
                          <a:pt x="0" y="11"/>
                        </a:moveTo>
                        <a:lnTo>
                          <a:pt x="2" y="5"/>
                        </a:lnTo>
                        <a:lnTo>
                          <a:pt x="2" y="4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5" y="0"/>
                        </a:lnTo>
                        <a:lnTo>
                          <a:pt x="7" y="4"/>
                        </a:lnTo>
                        <a:lnTo>
                          <a:pt x="7" y="5"/>
                        </a:lnTo>
                        <a:lnTo>
                          <a:pt x="7" y="11"/>
                        </a:lnTo>
                        <a:lnTo>
                          <a:pt x="7" y="14"/>
                        </a:lnTo>
                        <a:lnTo>
                          <a:pt x="7" y="17"/>
                        </a:lnTo>
                        <a:lnTo>
                          <a:pt x="5" y="19"/>
                        </a:lnTo>
                        <a:lnTo>
                          <a:pt x="4" y="19"/>
                        </a:lnTo>
                        <a:lnTo>
                          <a:pt x="2" y="19"/>
                        </a:lnTo>
                        <a:lnTo>
                          <a:pt x="2" y="17"/>
                        </a:lnTo>
                        <a:lnTo>
                          <a:pt x="2" y="14"/>
                        </a:lnTo>
                        <a:lnTo>
                          <a:pt x="0" y="11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38" name="Freeform 26"/>
                  <p:cNvSpPr>
                    <a:spLocks/>
                  </p:cNvSpPr>
                  <p:nvPr/>
                </p:nvSpPr>
                <p:spPr bwMode="auto">
                  <a:xfrm>
                    <a:off x="4710" y="3513"/>
                    <a:ext cx="7" cy="19"/>
                  </a:xfrm>
                  <a:custGeom>
                    <a:avLst/>
                    <a:gdLst>
                      <a:gd name="T0" fmla="*/ 0 w 7"/>
                      <a:gd name="T1" fmla="*/ 11 h 19"/>
                      <a:gd name="T2" fmla="*/ 0 w 7"/>
                      <a:gd name="T3" fmla="*/ 11 h 19"/>
                      <a:gd name="T4" fmla="*/ 2 w 7"/>
                      <a:gd name="T5" fmla="*/ 5 h 19"/>
                      <a:gd name="T6" fmla="*/ 2 w 7"/>
                      <a:gd name="T7" fmla="*/ 4 h 19"/>
                      <a:gd name="T8" fmla="*/ 2 w 7"/>
                      <a:gd name="T9" fmla="*/ 0 h 19"/>
                      <a:gd name="T10" fmla="*/ 4 w 7"/>
                      <a:gd name="T11" fmla="*/ 0 h 19"/>
                      <a:gd name="T12" fmla="*/ 4 w 7"/>
                      <a:gd name="T13" fmla="*/ 0 h 19"/>
                      <a:gd name="T14" fmla="*/ 5 w 7"/>
                      <a:gd name="T15" fmla="*/ 0 h 19"/>
                      <a:gd name="T16" fmla="*/ 7 w 7"/>
                      <a:gd name="T17" fmla="*/ 4 h 19"/>
                      <a:gd name="T18" fmla="*/ 7 w 7"/>
                      <a:gd name="T19" fmla="*/ 5 h 19"/>
                      <a:gd name="T20" fmla="*/ 7 w 7"/>
                      <a:gd name="T21" fmla="*/ 11 h 19"/>
                      <a:gd name="T22" fmla="*/ 7 w 7"/>
                      <a:gd name="T23" fmla="*/ 11 h 19"/>
                      <a:gd name="T24" fmla="*/ 7 w 7"/>
                      <a:gd name="T25" fmla="*/ 14 h 19"/>
                      <a:gd name="T26" fmla="*/ 7 w 7"/>
                      <a:gd name="T27" fmla="*/ 17 h 19"/>
                      <a:gd name="T28" fmla="*/ 5 w 7"/>
                      <a:gd name="T29" fmla="*/ 19 h 19"/>
                      <a:gd name="T30" fmla="*/ 4 w 7"/>
                      <a:gd name="T31" fmla="*/ 19 h 19"/>
                      <a:gd name="T32" fmla="*/ 4 w 7"/>
                      <a:gd name="T33" fmla="*/ 19 h 19"/>
                      <a:gd name="T34" fmla="*/ 2 w 7"/>
                      <a:gd name="T35" fmla="*/ 19 h 19"/>
                      <a:gd name="T36" fmla="*/ 2 w 7"/>
                      <a:gd name="T37" fmla="*/ 17 h 19"/>
                      <a:gd name="T38" fmla="*/ 2 w 7"/>
                      <a:gd name="T39" fmla="*/ 14 h 19"/>
                      <a:gd name="T40" fmla="*/ 0 w 7"/>
                      <a:gd name="T41" fmla="*/ 11 h 19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7"/>
                      <a:gd name="T64" fmla="*/ 0 h 19"/>
                      <a:gd name="T65" fmla="*/ 7 w 7"/>
                      <a:gd name="T66" fmla="*/ 19 h 19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7" h="19">
                        <a:moveTo>
                          <a:pt x="0" y="11"/>
                        </a:moveTo>
                        <a:lnTo>
                          <a:pt x="0" y="11"/>
                        </a:lnTo>
                        <a:lnTo>
                          <a:pt x="2" y="5"/>
                        </a:lnTo>
                        <a:lnTo>
                          <a:pt x="2" y="4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5" y="0"/>
                        </a:lnTo>
                        <a:lnTo>
                          <a:pt x="7" y="4"/>
                        </a:lnTo>
                        <a:lnTo>
                          <a:pt x="7" y="5"/>
                        </a:lnTo>
                        <a:lnTo>
                          <a:pt x="7" y="11"/>
                        </a:lnTo>
                        <a:lnTo>
                          <a:pt x="7" y="14"/>
                        </a:lnTo>
                        <a:lnTo>
                          <a:pt x="7" y="17"/>
                        </a:lnTo>
                        <a:lnTo>
                          <a:pt x="5" y="19"/>
                        </a:lnTo>
                        <a:lnTo>
                          <a:pt x="4" y="19"/>
                        </a:lnTo>
                        <a:lnTo>
                          <a:pt x="2" y="19"/>
                        </a:lnTo>
                        <a:lnTo>
                          <a:pt x="2" y="17"/>
                        </a:lnTo>
                        <a:lnTo>
                          <a:pt x="2" y="14"/>
                        </a:lnTo>
                        <a:lnTo>
                          <a:pt x="0" y="11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39" name="Freeform 27"/>
                  <p:cNvSpPr>
                    <a:spLocks/>
                  </p:cNvSpPr>
                  <p:nvPr/>
                </p:nvSpPr>
                <p:spPr bwMode="auto">
                  <a:xfrm>
                    <a:off x="4714" y="3488"/>
                    <a:ext cx="5" cy="10"/>
                  </a:xfrm>
                  <a:custGeom>
                    <a:avLst/>
                    <a:gdLst>
                      <a:gd name="T0" fmla="*/ 0 w 5"/>
                      <a:gd name="T1" fmla="*/ 5 h 10"/>
                      <a:gd name="T2" fmla="*/ 0 w 5"/>
                      <a:gd name="T3" fmla="*/ 3 h 10"/>
                      <a:gd name="T4" fmla="*/ 0 w 5"/>
                      <a:gd name="T5" fmla="*/ 2 h 10"/>
                      <a:gd name="T6" fmla="*/ 1 w 5"/>
                      <a:gd name="T7" fmla="*/ 2 h 10"/>
                      <a:gd name="T8" fmla="*/ 1 w 5"/>
                      <a:gd name="T9" fmla="*/ 0 h 10"/>
                      <a:gd name="T10" fmla="*/ 3 w 5"/>
                      <a:gd name="T11" fmla="*/ 2 h 10"/>
                      <a:gd name="T12" fmla="*/ 3 w 5"/>
                      <a:gd name="T13" fmla="*/ 2 h 10"/>
                      <a:gd name="T14" fmla="*/ 3 w 5"/>
                      <a:gd name="T15" fmla="*/ 3 h 10"/>
                      <a:gd name="T16" fmla="*/ 5 w 5"/>
                      <a:gd name="T17" fmla="*/ 5 h 10"/>
                      <a:gd name="T18" fmla="*/ 3 w 5"/>
                      <a:gd name="T19" fmla="*/ 7 h 10"/>
                      <a:gd name="T20" fmla="*/ 3 w 5"/>
                      <a:gd name="T21" fmla="*/ 8 h 10"/>
                      <a:gd name="T22" fmla="*/ 3 w 5"/>
                      <a:gd name="T23" fmla="*/ 10 h 10"/>
                      <a:gd name="T24" fmla="*/ 1 w 5"/>
                      <a:gd name="T25" fmla="*/ 10 h 10"/>
                      <a:gd name="T26" fmla="*/ 1 w 5"/>
                      <a:gd name="T27" fmla="*/ 10 h 10"/>
                      <a:gd name="T28" fmla="*/ 0 w 5"/>
                      <a:gd name="T29" fmla="*/ 8 h 10"/>
                      <a:gd name="T30" fmla="*/ 0 w 5"/>
                      <a:gd name="T31" fmla="*/ 7 h 10"/>
                      <a:gd name="T32" fmla="*/ 0 w 5"/>
                      <a:gd name="T33" fmla="*/ 5 h 10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5"/>
                      <a:gd name="T52" fmla="*/ 0 h 10"/>
                      <a:gd name="T53" fmla="*/ 5 w 5"/>
                      <a:gd name="T54" fmla="*/ 10 h 10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5" h="10">
                        <a:moveTo>
                          <a:pt x="0" y="5"/>
                        </a:moveTo>
                        <a:lnTo>
                          <a:pt x="0" y="3"/>
                        </a:lnTo>
                        <a:lnTo>
                          <a:pt x="0" y="2"/>
                        </a:lnTo>
                        <a:lnTo>
                          <a:pt x="1" y="2"/>
                        </a:lnTo>
                        <a:lnTo>
                          <a:pt x="1" y="0"/>
                        </a:lnTo>
                        <a:lnTo>
                          <a:pt x="3" y="2"/>
                        </a:lnTo>
                        <a:lnTo>
                          <a:pt x="3" y="3"/>
                        </a:lnTo>
                        <a:lnTo>
                          <a:pt x="5" y="5"/>
                        </a:lnTo>
                        <a:lnTo>
                          <a:pt x="3" y="7"/>
                        </a:lnTo>
                        <a:lnTo>
                          <a:pt x="3" y="8"/>
                        </a:lnTo>
                        <a:lnTo>
                          <a:pt x="3" y="10"/>
                        </a:lnTo>
                        <a:lnTo>
                          <a:pt x="1" y="10"/>
                        </a:lnTo>
                        <a:lnTo>
                          <a:pt x="0" y="8"/>
                        </a:lnTo>
                        <a:lnTo>
                          <a:pt x="0" y="7"/>
                        </a:lnTo>
                        <a:lnTo>
                          <a:pt x="0" y="5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40" name="Freeform 28"/>
                  <p:cNvSpPr>
                    <a:spLocks/>
                  </p:cNvSpPr>
                  <p:nvPr/>
                </p:nvSpPr>
                <p:spPr bwMode="auto">
                  <a:xfrm>
                    <a:off x="4714" y="3488"/>
                    <a:ext cx="5" cy="10"/>
                  </a:xfrm>
                  <a:custGeom>
                    <a:avLst/>
                    <a:gdLst>
                      <a:gd name="T0" fmla="*/ 0 w 5"/>
                      <a:gd name="T1" fmla="*/ 5 h 10"/>
                      <a:gd name="T2" fmla="*/ 0 w 5"/>
                      <a:gd name="T3" fmla="*/ 5 h 10"/>
                      <a:gd name="T4" fmla="*/ 0 w 5"/>
                      <a:gd name="T5" fmla="*/ 3 h 10"/>
                      <a:gd name="T6" fmla="*/ 0 w 5"/>
                      <a:gd name="T7" fmla="*/ 2 h 10"/>
                      <a:gd name="T8" fmla="*/ 1 w 5"/>
                      <a:gd name="T9" fmla="*/ 2 h 10"/>
                      <a:gd name="T10" fmla="*/ 1 w 5"/>
                      <a:gd name="T11" fmla="*/ 0 h 10"/>
                      <a:gd name="T12" fmla="*/ 1 w 5"/>
                      <a:gd name="T13" fmla="*/ 0 h 10"/>
                      <a:gd name="T14" fmla="*/ 3 w 5"/>
                      <a:gd name="T15" fmla="*/ 2 h 10"/>
                      <a:gd name="T16" fmla="*/ 3 w 5"/>
                      <a:gd name="T17" fmla="*/ 2 h 10"/>
                      <a:gd name="T18" fmla="*/ 3 w 5"/>
                      <a:gd name="T19" fmla="*/ 3 h 10"/>
                      <a:gd name="T20" fmla="*/ 5 w 5"/>
                      <a:gd name="T21" fmla="*/ 5 h 10"/>
                      <a:gd name="T22" fmla="*/ 5 w 5"/>
                      <a:gd name="T23" fmla="*/ 5 h 10"/>
                      <a:gd name="T24" fmla="*/ 3 w 5"/>
                      <a:gd name="T25" fmla="*/ 7 h 10"/>
                      <a:gd name="T26" fmla="*/ 3 w 5"/>
                      <a:gd name="T27" fmla="*/ 8 h 10"/>
                      <a:gd name="T28" fmla="*/ 3 w 5"/>
                      <a:gd name="T29" fmla="*/ 10 h 10"/>
                      <a:gd name="T30" fmla="*/ 1 w 5"/>
                      <a:gd name="T31" fmla="*/ 10 h 10"/>
                      <a:gd name="T32" fmla="*/ 1 w 5"/>
                      <a:gd name="T33" fmla="*/ 10 h 10"/>
                      <a:gd name="T34" fmla="*/ 1 w 5"/>
                      <a:gd name="T35" fmla="*/ 10 h 10"/>
                      <a:gd name="T36" fmla="*/ 0 w 5"/>
                      <a:gd name="T37" fmla="*/ 8 h 10"/>
                      <a:gd name="T38" fmla="*/ 0 w 5"/>
                      <a:gd name="T39" fmla="*/ 7 h 10"/>
                      <a:gd name="T40" fmla="*/ 0 w 5"/>
                      <a:gd name="T41" fmla="*/ 5 h 10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5"/>
                      <a:gd name="T64" fmla="*/ 0 h 10"/>
                      <a:gd name="T65" fmla="*/ 5 w 5"/>
                      <a:gd name="T66" fmla="*/ 10 h 10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5" h="10">
                        <a:moveTo>
                          <a:pt x="0" y="5"/>
                        </a:moveTo>
                        <a:lnTo>
                          <a:pt x="0" y="5"/>
                        </a:lnTo>
                        <a:lnTo>
                          <a:pt x="0" y="3"/>
                        </a:lnTo>
                        <a:lnTo>
                          <a:pt x="0" y="2"/>
                        </a:lnTo>
                        <a:lnTo>
                          <a:pt x="1" y="2"/>
                        </a:lnTo>
                        <a:lnTo>
                          <a:pt x="1" y="0"/>
                        </a:lnTo>
                        <a:lnTo>
                          <a:pt x="3" y="2"/>
                        </a:lnTo>
                        <a:lnTo>
                          <a:pt x="3" y="3"/>
                        </a:lnTo>
                        <a:lnTo>
                          <a:pt x="5" y="5"/>
                        </a:lnTo>
                        <a:lnTo>
                          <a:pt x="3" y="7"/>
                        </a:lnTo>
                        <a:lnTo>
                          <a:pt x="3" y="8"/>
                        </a:lnTo>
                        <a:lnTo>
                          <a:pt x="3" y="10"/>
                        </a:lnTo>
                        <a:lnTo>
                          <a:pt x="1" y="10"/>
                        </a:lnTo>
                        <a:lnTo>
                          <a:pt x="0" y="8"/>
                        </a:lnTo>
                        <a:lnTo>
                          <a:pt x="0" y="7"/>
                        </a:lnTo>
                        <a:lnTo>
                          <a:pt x="0" y="5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41" name="Freeform 29"/>
                  <p:cNvSpPr>
                    <a:spLocks/>
                  </p:cNvSpPr>
                  <p:nvPr/>
                </p:nvSpPr>
                <p:spPr bwMode="auto">
                  <a:xfrm>
                    <a:off x="4590" y="3632"/>
                    <a:ext cx="8" cy="10"/>
                  </a:xfrm>
                  <a:custGeom>
                    <a:avLst/>
                    <a:gdLst>
                      <a:gd name="T0" fmla="*/ 0 w 8"/>
                      <a:gd name="T1" fmla="*/ 5 h 10"/>
                      <a:gd name="T2" fmla="*/ 2 w 8"/>
                      <a:gd name="T3" fmla="*/ 3 h 10"/>
                      <a:gd name="T4" fmla="*/ 2 w 8"/>
                      <a:gd name="T5" fmla="*/ 0 h 10"/>
                      <a:gd name="T6" fmla="*/ 3 w 8"/>
                      <a:gd name="T7" fmla="*/ 0 h 10"/>
                      <a:gd name="T8" fmla="*/ 5 w 8"/>
                      <a:gd name="T9" fmla="*/ 0 h 10"/>
                      <a:gd name="T10" fmla="*/ 5 w 8"/>
                      <a:gd name="T11" fmla="*/ 0 h 10"/>
                      <a:gd name="T12" fmla="*/ 7 w 8"/>
                      <a:gd name="T13" fmla="*/ 0 h 10"/>
                      <a:gd name="T14" fmla="*/ 8 w 8"/>
                      <a:gd name="T15" fmla="*/ 3 h 10"/>
                      <a:gd name="T16" fmla="*/ 8 w 8"/>
                      <a:gd name="T17" fmla="*/ 5 h 10"/>
                      <a:gd name="T18" fmla="*/ 8 w 8"/>
                      <a:gd name="T19" fmla="*/ 7 h 10"/>
                      <a:gd name="T20" fmla="*/ 7 w 8"/>
                      <a:gd name="T21" fmla="*/ 8 h 10"/>
                      <a:gd name="T22" fmla="*/ 5 w 8"/>
                      <a:gd name="T23" fmla="*/ 10 h 10"/>
                      <a:gd name="T24" fmla="*/ 5 w 8"/>
                      <a:gd name="T25" fmla="*/ 10 h 10"/>
                      <a:gd name="T26" fmla="*/ 3 w 8"/>
                      <a:gd name="T27" fmla="*/ 10 h 10"/>
                      <a:gd name="T28" fmla="*/ 2 w 8"/>
                      <a:gd name="T29" fmla="*/ 8 h 10"/>
                      <a:gd name="T30" fmla="*/ 2 w 8"/>
                      <a:gd name="T31" fmla="*/ 7 h 10"/>
                      <a:gd name="T32" fmla="*/ 0 w 8"/>
                      <a:gd name="T33" fmla="*/ 5 h 10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8"/>
                      <a:gd name="T52" fmla="*/ 0 h 10"/>
                      <a:gd name="T53" fmla="*/ 8 w 8"/>
                      <a:gd name="T54" fmla="*/ 10 h 10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8" h="10">
                        <a:moveTo>
                          <a:pt x="0" y="5"/>
                        </a:moveTo>
                        <a:lnTo>
                          <a:pt x="2" y="3"/>
                        </a:lnTo>
                        <a:lnTo>
                          <a:pt x="2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7" y="0"/>
                        </a:lnTo>
                        <a:lnTo>
                          <a:pt x="8" y="3"/>
                        </a:lnTo>
                        <a:lnTo>
                          <a:pt x="8" y="5"/>
                        </a:lnTo>
                        <a:lnTo>
                          <a:pt x="8" y="7"/>
                        </a:lnTo>
                        <a:lnTo>
                          <a:pt x="7" y="8"/>
                        </a:lnTo>
                        <a:lnTo>
                          <a:pt x="5" y="10"/>
                        </a:lnTo>
                        <a:lnTo>
                          <a:pt x="3" y="10"/>
                        </a:lnTo>
                        <a:lnTo>
                          <a:pt x="2" y="8"/>
                        </a:lnTo>
                        <a:lnTo>
                          <a:pt x="2" y="7"/>
                        </a:lnTo>
                        <a:lnTo>
                          <a:pt x="0" y="5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42" name="Freeform 30"/>
                  <p:cNvSpPr>
                    <a:spLocks/>
                  </p:cNvSpPr>
                  <p:nvPr/>
                </p:nvSpPr>
                <p:spPr bwMode="auto">
                  <a:xfrm>
                    <a:off x="4590" y="3632"/>
                    <a:ext cx="8" cy="10"/>
                  </a:xfrm>
                  <a:custGeom>
                    <a:avLst/>
                    <a:gdLst>
                      <a:gd name="T0" fmla="*/ 0 w 8"/>
                      <a:gd name="T1" fmla="*/ 5 h 10"/>
                      <a:gd name="T2" fmla="*/ 0 w 8"/>
                      <a:gd name="T3" fmla="*/ 5 h 10"/>
                      <a:gd name="T4" fmla="*/ 2 w 8"/>
                      <a:gd name="T5" fmla="*/ 3 h 10"/>
                      <a:gd name="T6" fmla="*/ 2 w 8"/>
                      <a:gd name="T7" fmla="*/ 0 h 10"/>
                      <a:gd name="T8" fmla="*/ 3 w 8"/>
                      <a:gd name="T9" fmla="*/ 0 h 10"/>
                      <a:gd name="T10" fmla="*/ 5 w 8"/>
                      <a:gd name="T11" fmla="*/ 0 h 10"/>
                      <a:gd name="T12" fmla="*/ 5 w 8"/>
                      <a:gd name="T13" fmla="*/ 0 h 10"/>
                      <a:gd name="T14" fmla="*/ 5 w 8"/>
                      <a:gd name="T15" fmla="*/ 0 h 10"/>
                      <a:gd name="T16" fmla="*/ 7 w 8"/>
                      <a:gd name="T17" fmla="*/ 0 h 10"/>
                      <a:gd name="T18" fmla="*/ 8 w 8"/>
                      <a:gd name="T19" fmla="*/ 3 h 10"/>
                      <a:gd name="T20" fmla="*/ 8 w 8"/>
                      <a:gd name="T21" fmla="*/ 5 h 10"/>
                      <a:gd name="T22" fmla="*/ 8 w 8"/>
                      <a:gd name="T23" fmla="*/ 5 h 10"/>
                      <a:gd name="T24" fmla="*/ 8 w 8"/>
                      <a:gd name="T25" fmla="*/ 7 h 10"/>
                      <a:gd name="T26" fmla="*/ 7 w 8"/>
                      <a:gd name="T27" fmla="*/ 8 h 10"/>
                      <a:gd name="T28" fmla="*/ 5 w 8"/>
                      <a:gd name="T29" fmla="*/ 10 h 10"/>
                      <a:gd name="T30" fmla="*/ 5 w 8"/>
                      <a:gd name="T31" fmla="*/ 10 h 10"/>
                      <a:gd name="T32" fmla="*/ 5 w 8"/>
                      <a:gd name="T33" fmla="*/ 10 h 10"/>
                      <a:gd name="T34" fmla="*/ 3 w 8"/>
                      <a:gd name="T35" fmla="*/ 10 h 10"/>
                      <a:gd name="T36" fmla="*/ 2 w 8"/>
                      <a:gd name="T37" fmla="*/ 8 h 10"/>
                      <a:gd name="T38" fmla="*/ 2 w 8"/>
                      <a:gd name="T39" fmla="*/ 7 h 10"/>
                      <a:gd name="T40" fmla="*/ 0 w 8"/>
                      <a:gd name="T41" fmla="*/ 5 h 10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8"/>
                      <a:gd name="T64" fmla="*/ 0 h 10"/>
                      <a:gd name="T65" fmla="*/ 8 w 8"/>
                      <a:gd name="T66" fmla="*/ 10 h 10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8" h="10">
                        <a:moveTo>
                          <a:pt x="0" y="5"/>
                        </a:moveTo>
                        <a:lnTo>
                          <a:pt x="0" y="5"/>
                        </a:lnTo>
                        <a:lnTo>
                          <a:pt x="2" y="3"/>
                        </a:lnTo>
                        <a:lnTo>
                          <a:pt x="2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7" y="0"/>
                        </a:lnTo>
                        <a:lnTo>
                          <a:pt x="8" y="3"/>
                        </a:lnTo>
                        <a:lnTo>
                          <a:pt x="8" y="5"/>
                        </a:lnTo>
                        <a:lnTo>
                          <a:pt x="8" y="7"/>
                        </a:lnTo>
                        <a:lnTo>
                          <a:pt x="7" y="8"/>
                        </a:lnTo>
                        <a:lnTo>
                          <a:pt x="5" y="10"/>
                        </a:lnTo>
                        <a:lnTo>
                          <a:pt x="3" y="10"/>
                        </a:lnTo>
                        <a:lnTo>
                          <a:pt x="2" y="8"/>
                        </a:lnTo>
                        <a:lnTo>
                          <a:pt x="2" y="7"/>
                        </a:lnTo>
                        <a:lnTo>
                          <a:pt x="0" y="5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43" name="Freeform 31"/>
                  <p:cNvSpPr>
                    <a:spLocks/>
                  </p:cNvSpPr>
                  <p:nvPr/>
                </p:nvSpPr>
                <p:spPr bwMode="auto">
                  <a:xfrm>
                    <a:off x="4582" y="3637"/>
                    <a:ext cx="6" cy="8"/>
                  </a:xfrm>
                  <a:custGeom>
                    <a:avLst/>
                    <a:gdLst>
                      <a:gd name="T0" fmla="*/ 0 w 6"/>
                      <a:gd name="T1" fmla="*/ 3 h 8"/>
                      <a:gd name="T2" fmla="*/ 0 w 6"/>
                      <a:gd name="T3" fmla="*/ 3 h 8"/>
                      <a:gd name="T4" fmla="*/ 0 w 6"/>
                      <a:gd name="T5" fmla="*/ 2 h 8"/>
                      <a:gd name="T6" fmla="*/ 1 w 6"/>
                      <a:gd name="T7" fmla="*/ 0 h 8"/>
                      <a:gd name="T8" fmla="*/ 3 w 6"/>
                      <a:gd name="T9" fmla="*/ 0 h 8"/>
                      <a:gd name="T10" fmla="*/ 5 w 6"/>
                      <a:gd name="T11" fmla="*/ 0 h 8"/>
                      <a:gd name="T12" fmla="*/ 5 w 6"/>
                      <a:gd name="T13" fmla="*/ 2 h 8"/>
                      <a:gd name="T14" fmla="*/ 6 w 6"/>
                      <a:gd name="T15" fmla="*/ 3 h 8"/>
                      <a:gd name="T16" fmla="*/ 6 w 6"/>
                      <a:gd name="T17" fmla="*/ 3 h 8"/>
                      <a:gd name="T18" fmla="*/ 6 w 6"/>
                      <a:gd name="T19" fmla="*/ 5 h 8"/>
                      <a:gd name="T20" fmla="*/ 5 w 6"/>
                      <a:gd name="T21" fmla="*/ 7 h 8"/>
                      <a:gd name="T22" fmla="*/ 5 w 6"/>
                      <a:gd name="T23" fmla="*/ 7 h 8"/>
                      <a:gd name="T24" fmla="*/ 3 w 6"/>
                      <a:gd name="T25" fmla="*/ 8 h 8"/>
                      <a:gd name="T26" fmla="*/ 1 w 6"/>
                      <a:gd name="T27" fmla="*/ 7 h 8"/>
                      <a:gd name="T28" fmla="*/ 0 w 6"/>
                      <a:gd name="T29" fmla="*/ 7 h 8"/>
                      <a:gd name="T30" fmla="*/ 0 w 6"/>
                      <a:gd name="T31" fmla="*/ 5 h 8"/>
                      <a:gd name="T32" fmla="*/ 0 w 6"/>
                      <a:gd name="T33" fmla="*/ 3 h 8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6"/>
                      <a:gd name="T52" fmla="*/ 0 h 8"/>
                      <a:gd name="T53" fmla="*/ 6 w 6"/>
                      <a:gd name="T54" fmla="*/ 8 h 8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6" h="8">
                        <a:moveTo>
                          <a:pt x="0" y="3"/>
                        </a:moveTo>
                        <a:lnTo>
                          <a:pt x="0" y="3"/>
                        </a:lnTo>
                        <a:lnTo>
                          <a:pt x="0" y="2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5" y="2"/>
                        </a:lnTo>
                        <a:lnTo>
                          <a:pt x="6" y="3"/>
                        </a:lnTo>
                        <a:lnTo>
                          <a:pt x="6" y="5"/>
                        </a:lnTo>
                        <a:lnTo>
                          <a:pt x="5" y="7"/>
                        </a:lnTo>
                        <a:lnTo>
                          <a:pt x="3" y="8"/>
                        </a:lnTo>
                        <a:lnTo>
                          <a:pt x="1" y="7"/>
                        </a:lnTo>
                        <a:lnTo>
                          <a:pt x="0" y="7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44" name="Freeform 32"/>
                  <p:cNvSpPr>
                    <a:spLocks/>
                  </p:cNvSpPr>
                  <p:nvPr/>
                </p:nvSpPr>
                <p:spPr bwMode="auto">
                  <a:xfrm>
                    <a:off x="4582" y="3637"/>
                    <a:ext cx="6" cy="8"/>
                  </a:xfrm>
                  <a:custGeom>
                    <a:avLst/>
                    <a:gdLst>
                      <a:gd name="T0" fmla="*/ 0 w 6"/>
                      <a:gd name="T1" fmla="*/ 3 h 8"/>
                      <a:gd name="T2" fmla="*/ 0 w 6"/>
                      <a:gd name="T3" fmla="*/ 3 h 8"/>
                      <a:gd name="T4" fmla="*/ 0 w 6"/>
                      <a:gd name="T5" fmla="*/ 3 h 8"/>
                      <a:gd name="T6" fmla="*/ 0 w 6"/>
                      <a:gd name="T7" fmla="*/ 2 h 8"/>
                      <a:gd name="T8" fmla="*/ 1 w 6"/>
                      <a:gd name="T9" fmla="*/ 0 h 8"/>
                      <a:gd name="T10" fmla="*/ 3 w 6"/>
                      <a:gd name="T11" fmla="*/ 0 h 8"/>
                      <a:gd name="T12" fmla="*/ 3 w 6"/>
                      <a:gd name="T13" fmla="*/ 0 h 8"/>
                      <a:gd name="T14" fmla="*/ 5 w 6"/>
                      <a:gd name="T15" fmla="*/ 0 h 8"/>
                      <a:gd name="T16" fmla="*/ 5 w 6"/>
                      <a:gd name="T17" fmla="*/ 2 h 8"/>
                      <a:gd name="T18" fmla="*/ 6 w 6"/>
                      <a:gd name="T19" fmla="*/ 3 h 8"/>
                      <a:gd name="T20" fmla="*/ 6 w 6"/>
                      <a:gd name="T21" fmla="*/ 3 h 8"/>
                      <a:gd name="T22" fmla="*/ 6 w 6"/>
                      <a:gd name="T23" fmla="*/ 3 h 8"/>
                      <a:gd name="T24" fmla="*/ 6 w 6"/>
                      <a:gd name="T25" fmla="*/ 5 h 8"/>
                      <a:gd name="T26" fmla="*/ 5 w 6"/>
                      <a:gd name="T27" fmla="*/ 7 h 8"/>
                      <a:gd name="T28" fmla="*/ 5 w 6"/>
                      <a:gd name="T29" fmla="*/ 7 h 8"/>
                      <a:gd name="T30" fmla="*/ 3 w 6"/>
                      <a:gd name="T31" fmla="*/ 8 h 8"/>
                      <a:gd name="T32" fmla="*/ 3 w 6"/>
                      <a:gd name="T33" fmla="*/ 8 h 8"/>
                      <a:gd name="T34" fmla="*/ 1 w 6"/>
                      <a:gd name="T35" fmla="*/ 7 h 8"/>
                      <a:gd name="T36" fmla="*/ 0 w 6"/>
                      <a:gd name="T37" fmla="*/ 7 h 8"/>
                      <a:gd name="T38" fmla="*/ 0 w 6"/>
                      <a:gd name="T39" fmla="*/ 5 h 8"/>
                      <a:gd name="T40" fmla="*/ 0 w 6"/>
                      <a:gd name="T41" fmla="*/ 3 h 8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6"/>
                      <a:gd name="T64" fmla="*/ 0 h 8"/>
                      <a:gd name="T65" fmla="*/ 6 w 6"/>
                      <a:gd name="T66" fmla="*/ 8 h 8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6" h="8">
                        <a:moveTo>
                          <a:pt x="0" y="3"/>
                        </a:moveTo>
                        <a:lnTo>
                          <a:pt x="0" y="3"/>
                        </a:lnTo>
                        <a:lnTo>
                          <a:pt x="0" y="2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5" y="2"/>
                        </a:lnTo>
                        <a:lnTo>
                          <a:pt x="6" y="3"/>
                        </a:lnTo>
                        <a:lnTo>
                          <a:pt x="6" y="5"/>
                        </a:lnTo>
                        <a:lnTo>
                          <a:pt x="5" y="7"/>
                        </a:lnTo>
                        <a:lnTo>
                          <a:pt x="3" y="8"/>
                        </a:lnTo>
                        <a:lnTo>
                          <a:pt x="1" y="7"/>
                        </a:lnTo>
                        <a:lnTo>
                          <a:pt x="0" y="7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45" name="Freeform 33"/>
                  <p:cNvSpPr>
                    <a:spLocks/>
                  </p:cNvSpPr>
                  <p:nvPr/>
                </p:nvSpPr>
                <p:spPr bwMode="auto">
                  <a:xfrm>
                    <a:off x="4575" y="3644"/>
                    <a:ext cx="3" cy="5"/>
                  </a:xfrm>
                  <a:custGeom>
                    <a:avLst/>
                    <a:gdLst>
                      <a:gd name="T0" fmla="*/ 0 w 3"/>
                      <a:gd name="T1" fmla="*/ 1 h 5"/>
                      <a:gd name="T2" fmla="*/ 0 w 3"/>
                      <a:gd name="T3" fmla="*/ 1 h 5"/>
                      <a:gd name="T4" fmla="*/ 0 w 3"/>
                      <a:gd name="T5" fmla="*/ 0 h 5"/>
                      <a:gd name="T6" fmla="*/ 1 w 3"/>
                      <a:gd name="T7" fmla="*/ 0 h 5"/>
                      <a:gd name="T8" fmla="*/ 1 w 3"/>
                      <a:gd name="T9" fmla="*/ 0 h 5"/>
                      <a:gd name="T10" fmla="*/ 1 w 3"/>
                      <a:gd name="T11" fmla="*/ 0 h 5"/>
                      <a:gd name="T12" fmla="*/ 3 w 3"/>
                      <a:gd name="T13" fmla="*/ 0 h 5"/>
                      <a:gd name="T14" fmla="*/ 3 w 3"/>
                      <a:gd name="T15" fmla="*/ 1 h 5"/>
                      <a:gd name="T16" fmla="*/ 3 w 3"/>
                      <a:gd name="T17" fmla="*/ 1 h 5"/>
                      <a:gd name="T18" fmla="*/ 3 w 3"/>
                      <a:gd name="T19" fmla="*/ 3 h 5"/>
                      <a:gd name="T20" fmla="*/ 3 w 3"/>
                      <a:gd name="T21" fmla="*/ 5 h 5"/>
                      <a:gd name="T22" fmla="*/ 1 w 3"/>
                      <a:gd name="T23" fmla="*/ 5 h 5"/>
                      <a:gd name="T24" fmla="*/ 1 w 3"/>
                      <a:gd name="T25" fmla="*/ 5 h 5"/>
                      <a:gd name="T26" fmla="*/ 1 w 3"/>
                      <a:gd name="T27" fmla="*/ 5 h 5"/>
                      <a:gd name="T28" fmla="*/ 0 w 3"/>
                      <a:gd name="T29" fmla="*/ 5 h 5"/>
                      <a:gd name="T30" fmla="*/ 0 w 3"/>
                      <a:gd name="T31" fmla="*/ 3 h 5"/>
                      <a:gd name="T32" fmla="*/ 0 w 3"/>
                      <a:gd name="T33" fmla="*/ 1 h 5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3"/>
                      <a:gd name="T52" fmla="*/ 0 h 5"/>
                      <a:gd name="T53" fmla="*/ 3 w 3"/>
                      <a:gd name="T54" fmla="*/ 5 h 5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3" h="5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3" y="1"/>
                        </a:lnTo>
                        <a:lnTo>
                          <a:pt x="3" y="3"/>
                        </a:lnTo>
                        <a:lnTo>
                          <a:pt x="3" y="5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46" name="Freeform 34"/>
                  <p:cNvSpPr>
                    <a:spLocks/>
                  </p:cNvSpPr>
                  <p:nvPr/>
                </p:nvSpPr>
                <p:spPr bwMode="auto">
                  <a:xfrm>
                    <a:off x="4575" y="3644"/>
                    <a:ext cx="3" cy="5"/>
                  </a:xfrm>
                  <a:custGeom>
                    <a:avLst/>
                    <a:gdLst>
                      <a:gd name="T0" fmla="*/ 0 w 3"/>
                      <a:gd name="T1" fmla="*/ 1 h 5"/>
                      <a:gd name="T2" fmla="*/ 0 w 3"/>
                      <a:gd name="T3" fmla="*/ 1 h 5"/>
                      <a:gd name="T4" fmla="*/ 0 w 3"/>
                      <a:gd name="T5" fmla="*/ 1 h 5"/>
                      <a:gd name="T6" fmla="*/ 0 w 3"/>
                      <a:gd name="T7" fmla="*/ 0 h 5"/>
                      <a:gd name="T8" fmla="*/ 1 w 3"/>
                      <a:gd name="T9" fmla="*/ 0 h 5"/>
                      <a:gd name="T10" fmla="*/ 1 w 3"/>
                      <a:gd name="T11" fmla="*/ 0 h 5"/>
                      <a:gd name="T12" fmla="*/ 1 w 3"/>
                      <a:gd name="T13" fmla="*/ 0 h 5"/>
                      <a:gd name="T14" fmla="*/ 1 w 3"/>
                      <a:gd name="T15" fmla="*/ 0 h 5"/>
                      <a:gd name="T16" fmla="*/ 3 w 3"/>
                      <a:gd name="T17" fmla="*/ 0 h 5"/>
                      <a:gd name="T18" fmla="*/ 3 w 3"/>
                      <a:gd name="T19" fmla="*/ 1 h 5"/>
                      <a:gd name="T20" fmla="*/ 3 w 3"/>
                      <a:gd name="T21" fmla="*/ 1 h 5"/>
                      <a:gd name="T22" fmla="*/ 3 w 3"/>
                      <a:gd name="T23" fmla="*/ 1 h 5"/>
                      <a:gd name="T24" fmla="*/ 3 w 3"/>
                      <a:gd name="T25" fmla="*/ 3 h 5"/>
                      <a:gd name="T26" fmla="*/ 3 w 3"/>
                      <a:gd name="T27" fmla="*/ 5 h 5"/>
                      <a:gd name="T28" fmla="*/ 1 w 3"/>
                      <a:gd name="T29" fmla="*/ 5 h 5"/>
                      <a:gd name="T30" fmla="*/ 1 w 3"/>
                      <a:gd name="T31" fmla="*/ 5 h 5"/>
                      <a:gd name="T32" fmla="*/ 1 w 3"/>
                      <a:gd name="T33" fmla="*/ 5 h 5"/>
                      <a:gd name="T34" fmla="*/ 1 w 3"/>
                      <a:gd name="T35" fmla="*/ 5 h 5"/>
                      <a:gd name="T36" fmla="*/ 0 w 3"/>
                      <a:gd name="T37" fmla="*/ 5 h 5"/>
                      <a:gd name="T38" fmla="*/ 0 w 3"/>
                      <a:gd name="T39" fmla="*/ 3 h 5"/>
                      <a:gd name="T40" fmla="*/ 0 w 3"/>
                      <a:gd name="T41" fmla="*/ 1 h 5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3"/>
                      <a:gd name="T64" fmla="*/ 0 h 5"/>
                      <a:gd name="T65" fmla="*/ 3 w 3"/>
                      <a:gd name="T66" fmla="*/ 5 h 5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3" h="5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3" y="1"/>
                        </a:lnTo>
                        <a:lnTo>
                          <a:pt x="3" y="3"/>
                        </a:lnTo>
                        <a:lnTo>
                          <a:pt x="3" y="5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47" name="Freeform 35"/>
                  <p:cNvSpPr>
                    <a:spLocks/>
                  </p:cNvSpPr>
                  <p:nvPr/>
                </p:nvSpPr>
                <p:spPr bwMode="auto">
                  <a:xfrm>
                    <a:off x="4566" y="3649"/>
                    <a:ext cx="5" cy="5"/>
                  </a:xfrm>
                  <a:custGeom>
                    <a:avLst/>
                    <a:gdLst>
                      <a:gd name="T0" fmla="*/ 0 w 5"/>
                      <a:gd name="T1" fmla="*/ 3 h 5"/>
                      <a:gd name="T2" fmla="*/ 0 w 5"/>
                      <a:gd name="T3" fmla="*/ 1 h 5"/>
                      <a:gd name="T4" fmla="*/ 2 w 5"/>
                      <a:gd name="T5" fmla="*/ 0 h 5"/>
                      <a:gd name="T6" fmla="*/ 2 w 5"/>
                      <a:gd name="T7" fmla="*/ 0 h 5"/>
                      <a:gd name="T8" fmla="*/ 4 w 5"/>
                      <a:gd name="T9" fmla="*/ 0 h 5"/>
                      <a:gd name="T10" fmla="*/ 4 w 5"/>
                      <a:gd name="T11" fmla="*/ 0 h 5"/>
                      <a:gd name="T12" fmla="*/ 5 w 5"/>
                      <a:gd name="T13" fmla="*/ 0 h 5"/>
                      <a:gd name="T14" fmla="*/ 5 w 5"/>
                      <a:gd name="T15" fmla="*/ 1 h 5"/>
                      <a:gd name="T16" fmla="*/ 5 w 5"/>
                      <a:gd name="T17" fmla="*/ 3 h 5"/>
                      <a:gd name="T18" fmla="*/ 5 w 5"/>
                      <a:gd name="T19" fmla="*/ 3 h 5"/>
                      <a:gd name="T20" fmla="*/ 5 w 5"/>
                      <a:gd name="T21" fmla="*/ 5 h 5"/>
                      <a:gd name="T22" fmla="*/ 4 w 5"/>
                      <a:gd name="T23" fmla="*/ 5 h 5"/>
                      <a:gd name="T24" fmla="*/ 4 w 5"/>
                      <a:gd name="T25" fmla="*/ 5 h 5"/>
                      <a:gd name="T26" fmla="*/ 2 w 5"/>
                      <a:gd name="T27" fmla="*/ 5 h 5"/>
                      <a:gd name="T28" fmla="*/ 2 w 5"/>
                      <a:gd name="T29" fmla="*/ 5 h 5"/>
                      <a:gd name="T30" fmla="*/ 0 w 5"/>
                      <a:gd name="T31" fmla="*/ 3 h 5"/>
                      <a:gd name="T32" fmla="*/ 0 w 5"/>
                      <a:gd name="T33" fmla="*/ 3 h 5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5"/>
                      <a:gd name="T52" fmla="*/ 0 h 5"/>
                      <a:gd name="T53" fmla="*/ 5 w 5"/>
                      <a:gd name="T54" fmla="*/ 5 h 5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5" h="5">
                        <a:moveTo>
                          <a:pt x="0" y="3"/>
                        </a:moveTo>
                        <a:lnTo>
                          <a:pt x="0" y="1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5" y="0"/>
                        </a:lnTo>
                        <a:lnTo>
                          <a:pt x="5" y="1"/>
                        </a:lnTo>
                        <a:lnTo>
                          <a:pt x="5" y="3"/>
                        </a:lnTo>
                        <a:lnTo>
                          <a:pt x="5" y="5"/>
                        </a:lnTo>
                        <a:lnTo>
                          <a:pt x="4" y="5"/>
                        </a:lnTo>
                        <a:lnTo>
                          <a:pt x="2" y="5"/>
                        </a:lnTo>
                        <a:lnTo>
                          <a:pt x="0" y="3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48" name="Freeform 36"/>
                  <p:cNvSpPr>
                    <a:spLocks/>
                  </p:cNvSpPr>
                  <p:nvPr/>
                </p:nvSpPr>
                <p:spPr bwMode="auto">
                  <a:xfrm>
                    <a:off x="4566" y="3649"/>
                    <a:ext cx="5" cy="5"/>
                  </a:xfrm>
                  <a:custGeom>
                    <a:avLst/>
                    <a:gdLst>
                      <a:gd name="T0" fmla="*/ 0 w 5"/>
                      <a:gd name="T1" fmla="*/ 3 h 5"/>
                      <a:gd name="T2" fmla="*/ 0 w 5"/>
                      <a:gd name="T3" fmla="*/ 3 h 5"/>
                      <a:gd name="T4" fmla="*/ 0 w 5"/>
                      <a:gd name="T5" fmla="*/ 1 h 5"/>
                      <a:gd name="T6" fmla="*/ 2 w 5"/>
                      <a:gd name="T7" fmla="*/ 0 h 5"/>
                      <a:gd name="T8" fmla="*/ 2 w 5"/>
                      <a:gd name="T9" fmla="*/ 0 h 5"/>
                      <a:gd name="T10" fmla="*/ 4 w 5"/>
                      <a:gd name="T11" fmla="*/ 0 h 5"/>
                      <a:gd name="T12" fmla="*/ 4 w 5"/>
                      <a:gd name="T13" fmla="*/ 0 h 5"/>
                      <a:gd name="T14" fmla="*/ 4 w 5"/>
                      <a:gd name="T15" fmla="*/ 0 h 5"/>
                      <a:gd name="T16" fmla="*/ 5 w 5"/>
                      <a:gd name="T17" fmla="*/ 0 h 5"/>
                      <a:gd name="T18" fmla="*/ 5 w 5"/>
                      <a:gd name="T19" fmla="*/ 1 h 5"/>
                      <a:gd name="T20" fmla="*/ 5 w 5"/>
                      <a:gd name="T21" fmla="*/ 3 h 5"/>
                      <a:gd name="T22" fmla="*/ 5 w 5"/>
                      <a:gd name="T23" fmla="*/ 3 h 5"/>
                      <a:gd name="T24" fmla="*/ 5 w 5"/>
                      <a:gd name="T25" fmla="*/ 3 h 5"/>
                      <a:gd name="T26" fmla="*/ 5 w 5"/>
                      <a:gd name="T27" fmla="*/ 5 h 5"/>
                      <a:gd name="T28" fmla="*/ 4 w 5"/>
                      <a:gd name="T29" fmla="*/ 5 h 5"/>
                      <a:gd name="T30" fmla="*/ 4 w 5"/>
                      <a:gd name="T31" fmla="*/ 5 h 5"/>
                      <a:gd name="T32" fmla="*/ 4 w 5"/>
                      <a:gd name="T33" fmla="*/ 5 h 5"/>
                      <a:gd name="T34" fmla="*/ 2 w 5"/>
                      <a:gd name="T35" fmla="*/ 5 h 5"/>
                      <a:gd name="T36" fmla="*/ 2 w 5"/>
                      <a:gd name="T37" fmla="*/ 5 h 5"/>
                      <a:gd name="T38" fmla="*/ 0 w 5"/>
                      <a:gd name="T39" fmla="*/ 3 h 5"/>
                      <a:gd name="T40" fmla="*/ 0 w 5"/>
                      <a:gd name="T41" fmla="*/ 3 h 5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5"/>
                      <a:gd name="T64" fmla="*/ 0 h 5"/>
                      <a:gd name="T65" fmla="*/ 5 w 5"/>
                      <a:gd name="T66" fmla="*/ 5 h 5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5" h="5">
                        <a:moveTo>
                          <a:pt x="0" y="3"/>
                        </a:moveTo>
                        <a:lnTo>
                          <a:pt x="0" y="3"/>
                        </a:lnTo>
                        <a:lnTo>
                          <a:pt x="0" y="1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5" y="0"/>
                        </a:lnTo>
                        <a:lnTo>
                          <a:pt x="5" y="1"/>
                        </a:lnTo>
                        <a:lnTo>
                          <a:pt x="5" y="3"/>
                        </a:lnTo>
                        <a:lnTo>
                          <a:pt x="5" y="5"/>
                        </a:lnTo>
                        <a:lnTo>
                          <a:pt x="4" y="5"/>
                        </a:lnTo>
                        <a:lnTo>
                          <a:pt x="2" y="5"/>
                        </a:lnTo>
                        <a:lnTo>
                          <a:pt x="0" y="3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49" name="Freeform 37"/>
                  <p:cNvSpPr>
                    <a:spLocks/>
                  </p:cNvSpPr>
                  <p:nvPr/>
                </p:nvSpPr>
                <p:spPr bwMode="auto">
                  <a:xfrm>
                    <a:off x="4560" y="3656"/>
                    <a:ext cx="5" cy="3"/>
                  </a:xfrm>
                  <a:custGeom>
                    <a:avLst/>
                    <a:gdLst>
                      <a:gd name="T0" fmla="*/ 0 w 5"/>
                      <a:gd name="T1" fmla="*/ 1 h 3"/>
                      <a:gd name="T2" fmla="*/ 0 w 5"/>
                      <a:gd name="T3" fmla="*/ 1 h 3"/>
                      <a:gd name="T4" fmla="*/ 0 w 5"/>
                      <a:gd name="T5" fmla="*/ 0 h 3"/>
                      <a:gd name="T6" fmla="*/ 1 w 5"/>
                      <a:gd name="T7" fmla="*/ 0 h 3"/>
                      <a:gd name="T8" fmla="*/ 1 w 5"/>
                      <a:gd name="T9" fmla="*/ 0 h 3"/>
                      <a:gd name="T10" fmla="*/ 3 w 5"/>
                      <a:gd name="T11" fmla="*/ 0 h 3"/>
                      <a:gd name="T12" fmla="*/ 3 w 5"/>
                      <a:gd name="T13" fmla="*/ 0 h 3"/>
                      <a:gd name="T14" fmla="*/ 5 w 5"/>
                      <a:gd name="T15" fmla="*/ 1 h 3"/>
                      <a:gd name="T16" fmla="*/ 5 w 5"/>
                      <a:gd name="T17" fmla="*/ 1 h 3"/>
                      <a:gd name="T18" fmla="*/ 5 w 5"/>
                      <a:gd name="T19" fmla="*/ 1 h 3"/>
                      <a:gd name="T20" fmla="*/ 3 w 5"/>
                      <a:gd name="T21" fmla="*/ 3 h 3"/>
                      <a:gd name="T22" fmla="*/ 3 w 5"/>
                      <a:gd name="T23" fmla="*/ 3 h 3"/>
                      <a:gd name="T24" fmla="*/ 1 w 5"/>
                      <a:gd name="T25" fmla="*/ 3 h 3"/>
                      <a:gd name="T26" fmla="*/ 1 w 5"/>
                      <a:gd name="T27" fmla="*/ 3 h 3"/>
                      <a:gd name="T28" fmla="*/ 0 w 5"/>
                      <a:gd name="T29" fmla="*/ 3 h 3"/>
                      <a:gd name="T30" fmla="*/ 0 w 5"/>
                      <a:gd name="T31" fmla="*/ 1 h 3"/>
                      <a:gd name="T32" fmla="*/ 0 w 5"/>
                      <a:gd name="T33" fmla="*/ 1 h 3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5"/>
                      <a:gd name="T52" fmla="*/ 0 h 3"/>
                      <a:gd name="T53" fmla="*/ 5 w 5"/>
                      <a:gd name="T54" fmla="*/ 3 h 3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5" h="3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1"/>
                        </a:lnTo>
                        <a:lnTo>
                          <a:pt x="3" y="3"/>
                        </a:lnTo>
                        <a:lnTo>
                          <a:pt x="1" y="3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50" name="Freeform 38"/>
                  <p:cNvSpPr>
                    <a:spLocks/>
                  </p:cNvSpPr>
                  <p:nvPr/>
                </p:nvSpPr>
                <p:spPr bwMode="auto">
                  <a:xfrm>
                    <a:off x="4560" y="3656"/>
                    <a:ext cx="5" cy="3"/>
                  </a:xfrm>
                  <a:custGeom>
                    <a:avLst/>
                    <a:gdLst>
                      <a:gd name="T0" fmla="*/ 0 w 5"/>
                      <a:gd name="T1" fmla="*/ 1 h 3"/>
                      <a:gd name="T2" fmla="*/ 0 w 5"/>
                      <a:gd name="T3" fmla="*/ 1 h 3"/>
                      <a:gd name="T4" fmla="*/ 0 w 5"/>
                      <a:gd name="T5" fmla="*/ 1 h 3"/>
                      <a:gd name="T6" fmla="*/ 0 w 5"/>
                      <a:gd name="T7" fmla="*/ 0 h 3"/>
                      <a:gd name="T8" fmla="*/ 1 w 5"/>
                      <a:gd name="T9" fmla="*/ 0 h 3"/>
                      <a:gd name="T10" fmla="*/ 1 w 5"/>
                      <a:gd name="T11" fmla="*/ 0 h 3"/>
                      <a:gd name="T12" fmla="*/ 1 w 5"/>
                      <a:gd name="T13" fmla="*/ 0 h 3"/>
                      <a:gd name="T14" fmla="*/ 3 w 5"/>
                      <a:gd name="T15" fmla="*/ 0 h 3"/>
                      <a:gd name="T16" fmla="*/ 3 w 5"/>
                      <a:gd name="T17" fmla="*/ 0 h 3"/>
                      <a:gd name="T18" fmla="*/ 5 w 5"/>
                      <a:gd name="T19" fmla="*/ 1 h 3"/>
                      <a:gd name="T20" fmla="*/ 5 w 5"/>
                      <a:gd name="T21" fmla="*/ 1 h 3"/>
                      <a:gd name="T22" fmla="*/ 5 w 5"/>
                      <a:gd name="T23" fmla="*/ 1 h 3"/>
                      <a:gd name="T24" fmla="*/ 5 w 5"/>
                      <a:gd name="T25" fmla="*/ 1 h 3"/>
                      <a:gd name="T26" fmla="*/ 3 w 5"/>
                      <a:gd name="T27" fmla="*/ 3 h 3"/>
                      <a:gd name="T28" fmla="*/ 3 w 5"/>
                      <a:gd name="T29" fmla="*/ 3 h 3"/>
                      <a:gd name="T30" fmla="*/ 1 w 5"/>
                      <a:gd name="T31" fmla="*/ 3 h 3"/>
                      <a:gd name="T32" fmla="*/ 1 w 5"/>
                      <a:gd name="T33" fmla="*/ 3 h 3"/>
                      <a:gd name="T34" fmla="*/ 1 w 5"/>
                      <a:gd name="T35" fmla="*/ 3 h 3"/>
                      <a:gd name="T36" fmla="*/ 0 w 5"/>
                      <a:gd name="T37" fmla="*/ 3 h 3"/>
                      <a:gd name="T38" fmla="*/ 0 w 5"/>
                      <a:gd name="T39" fmla="*/ 1 h 3"/>
                      <a:gd name="T40" fmla="*/ 0 w 5"/>
                      <a:gd name="T41" fmla="*/ 1 h 3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5"/>
                      <a:gd name="T64" fmla="*/ 0 h 3"/>
                      <a:gd name="T65" fmla="*/ 5 w 5"/>
                      <a:gd name="T66" fmla="*/ 3 h 3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5" h="3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1"/>
                        </a:lnTo>
                        <a:lnTo>
                          <a:pt x="3" y="3"/>
                        </a:lnTo>
                        <a:lnTo>
                          <a:pt x="1" y="3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51" name="Freeform 39"/>
                  <p:cNvSpPr>
                    <a:spLocks/>
                  </p:cNvSpPr>
                  <p:nvPr/>
                </p:nvSpPr>
                <p:spPr bwMode="auto">
                  <a:xfrm>
                    <a:off x="4664" y="3600"/>
                    <a:ext cx="4" cy="5"/>
                  </a:xfrm>
                  <a:custGeom>
                    <a:avLst/>
                    <a:gdLst>
                      <a:gd name="T0" fmla="*/ 0 w 4"/>
                      <a:gd name="T1" fmla="*/ 1 h 5"/>
                      <a:gd name="T2" fmla="*/ 0 w 4"/>
                      <a:gd name="T3" fmla="*/ 1 h 5"/>
                      <a:gd name="T4" fmla="*/ 0 w 4"/>
                      <a:gd name="T5" fmla="*/ 0 h 5"/>
                      <a:gd name="T6" fmla="*/ 2 w 4"/>
                      <a:gd name="T7" fmla="*/ 0 h 5"/>
                      <a:gd name="T8" fmla="*/ 2 w 4"/>
                      <a:gd name="T9" fmla="*/ 0 h 5"/>
                      <a:gd name="T10" fmla="*/ 2 w 4"/>
                      <a:gd name="T11" fmla="*/ 0 h 5"/>
                      <a:gd name="T12" fmla="*/ 4 w 4"/>
                      <a:gd name="T13" fmla="*/ 0 h 5"/>
                      <a:gd name="T14" fmla="*/ 4 w 4"/>
                      <a:gd name="T15" fmla="*/ 1 h 5"/>
                      <a:gd name="T16" fmla="*/ 4 w 4"/>
                      <a:gd name="T17" fmla="*/ 1 h 5"/>
                      <a:gd name="T18" fmla="*/ 4 w 4"/>
                      <a:gd name="T19" fmla="*/ 3 h 5"/>
                      <a:gd name="T20" fmla="*/ 4 w 4"/>
                      <a:gd name="T21" fmla="*/ 5 h 5"/>
                      <a:gd name="T22" fmla="*/ 2 w 4"/>
                      <a:gd name="T23" fmla="*/ 5 h 5"/>
                      <a:gd name="T24" fmla="*/ 2 w 4"/>
                      <a:gd name="T25" fmla="*/ 5 h 5"/>
                      <a:gd name="T26" fmla="*/ 2 w 4"/>
                      <a:gd name="T27" fmla="*/ 5 h 5"/>
                      <a:gd name="T28" fmla="*/ 0 w 4"/>
                      <a:gd name="T29" fmla="*/ 5 h 5"/>
                      <a:gd name="T30" fmla="*/ 0 w 4"/>
                      <a:gd name="T31" fmla="*/ 3 h 5"/>
                      <a:gd name="T32" fmla="*/ 0 w 4"/>
                      <a:gd name="T33" fmla="*/ 1 h 5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4"/>
                      <a:gd name="T52" fmla="*/ 0 h 5"/>
                      <a:gd name="T53" fmla="*/ 4 w 4"/>
                      <a:gd name="T54" fmla="*/ 5 h 5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4" h="5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4" y="1"/>
                        </a:lnTo>
                        <a:lnTo>
                          <a:pt x="4" y="3"/>
                        </a:lnTo>
                        <a:lnTo>
                          <a:pt x="4" y="5"/>
                        </a:lnTo>
                        <a:lnTo>
                          <a:pt x="2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52" name="Freeform 40"/>
                  <p:cNvSpPr>
                    <a:spLocks/>
                  </p:cNvSpPr>
                  <p:nvPr/>
                </p:nvSpPr>
                <p:spPr bwMode="auto">
                  <a:xfrm>
                    <a:off x="4664" y="3600"/>
                    <a:ext cx="4" cy="5"/>
                  </a:xfrm>
                  <a:custGeom>
                    <a:avLst/>
                    <a:gdLst>
                      <a:gd name="T0" fmla="*/ 0 w 4"/>
                      <a:gd name="T1" fmla="*/ 1 h 5"/>
                      <a:gd name="T2" fmla="*/ 0 w 4"/>
                      <a:gd name="T3" fmla="*/ 1 h 5"/>
                      <a:gd name="T4" fmla="*/ 0 w 4"/>
                      <a:gd name="T5" fmla="*/ 1 h 5"/>
                      <a:gd name="T6" fmla="*/ 0 w 4"/>
                      <a:gd name="T7" fmla="*/ 0 h 5"/>
                      <a:gd name="T8" fmla="*/ 2 w 4"/>
                      <a:gd name="T9" fmla="*/ 0 h 5"/>
                      <a:gd name="T10" fmla="*/ 2 w 4"/>
                      <a:gd name="T11" fmla="*/ 0 h 5"/>
                      <a:gd name="T12" fmla="*/ 2 w 4"/>
                      <a:gd name="T13" fmla="*/ 0 h 5"/>
                      <a:gd name="T14" fmla="*/ 2 w 4"/>
                      <a:gd name="T15" fmla="*/ 0 h 5"/>
                      <a:gd name="T16" fmla="*/ 4 w 4"/>
                      <a:gd name="T17" fmla="*/ 0 h 5"/>
                      <a:gd name="T18" fmla="*/ 4 w 4"/>
                      <a:gd name="T19" fmla="*/ 1 h 5"/>
                      <a:gd name="T20" fmla="*/ 4 w 4"/>
                      <a:gd name="T21" fmla="*/ 1 h 5"/>
                      <a:gd name="T22" fmla="*/ 4 w 4"/>
                      <a:gd name="T23" fmla="*/ 1 h 5"/>
                      <a:gd name="T24" fmla="*/ 4 w 4"/>
                      <a:gd name="T25" fmla="*/ 3 h 5"/>
                      <a:gd name="T26" fmla="*/ 4 w 4"/>
                      <a:gd name="T27" fmla="*/ 5 h 5"/>
                      <a:gd name="T28" fmla="*/ 2 w 4"/>
                      <a:gd name="T29" fmla="*/ 5 h 5"/>
                      <a:gd name="T30" fmla="*/ 2 w 4"/>
                      <a:gd name="T31" fmla="*/ 5 h 5"/>
                      <a:gd name="T32" fmla="*/ 2 w 4"/>
                      <a:gd name="T33" fmla="*/ 5 h 5"/>
                      <a:gd name="T34" fmla="*/ 2 w 4"/>
                      <a:gd name="T35" fmla="*/ 5 h 5"/>
                      <a:gd name="T36" fmla="*/ 0 w 4"/>
                      <a:gd name="T37" fmla="*/ 5 h 5"/>
                      <a:gd name="T38" fmla="*/ 0 w 4"/>
                      <a:gd name="T39" fmla="*/ 3 h 5"/>
                      <a:gd name="T40" fmla="*/ 0 w 4"/>
                      <a:gd name="T41" fmla="*/ 1 h 5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4"/>
                      <a:gd name="T64" fmla="*/ 0 h 5"/>
                      <a:gd name="T65" fmla="*/ 4 w 4"/>
                      <a:gd name="T66" fmla="*/ 5 h 5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4" h="5">
                        <a:moveTo>
                          <a:pt x="0" y="1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2" y="0"/>
                        </a:lnTo>
                        <a:lnTo>
                          <a:pt x="4" y="0"/>
                        </a:lnTo>
                        <a:lnTo>
                          <a:pt x="4" y="1"/>
                        </a:lnTo>
                        <a:lnTo>
                          <a:pt x="4" y="3"/>
                        </a:lnTo>
                        <a:lnTo>
                          <a:pt x="4" y="5"/>
                        </a:lnTo>
                        <a:lnTo>
                          <a:pt x="2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lnTo>
                          <a:pt x="0" y="1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53" name="Freeform 41"/>
                  <p:cNvSpPr>
                    <a:spLocks/>
                  </p:cNvSpPr>
                  <p:nvPr/>
                </p:nvSpPr>
                <p:spPr bwMode="auto">
                  <a:xfrm>
                    <a:off x="4653" y="3608"/>
                    <a:ext cx="8" cy="7"/>
                  </a:xfrm>
                  <a:custGeom>
                    <a:avLst/>
                    <a:gdLst>
                      <a:gd name="T0" fmla="*/ 0 w 8"/>
                      <a:gd name="T1" fmla="*/ 4 h 7"/>
                      <a:gd name="T2" fmla="*/ 0 w 8"/>
                      <a:gd name="T3" fmla="*/ 2 h 7"/>
                      <a:gd name="T4" fmla="*/ 1 w 8"/>
                      <a:gd name="T5" fmla="*/ 2 h 7"/>
                      <a:gd name="T6" fmla="*/ 1 w 8"/>
                      <a:gd name="T7" fmla="*/ 0 h 7"/>
                      <a:gd name="T8" fmla="*/ 3 w 8"/>
                      <a:gd name="T9" fmla="*/ 0 h 7"/>
                      <a:gd name="T10" fmla="*/ 5 w 8"/>
                      <a:gd name="T11" fmla="*/ 0 h 7"/>
                      <a:gd name="T12" fmla="*/ 6 w 8"/>
                      <a:gd name="T13" fmla="*/ 2 h 7"/>
                      <a:gd name="T14" fmla="*/ 6 w 8"/>
                      <a:gd name="T15" fmla="*/ 2 h 7"/>
                      <a:gd name="T16" fmla="*/ 8 w 8"/>
                      <a:gd name="T17" fmla="*/ 4 h 7"/>
                      <a:gd name="T18" fmla="*/ 6 w 8"/>
                      <a:gd name="T19" fmla="*/ 5 h 7"/>
                      <a:gd name="T20" fmla="*/ 6 w 8"/>
                      <a:gd name="T21" fmla="*/ 5 h 7"/>
                      <a:gd name="T22" fmla="*/ 5 w 8"/>
                      <a:gd name="T23" fmla="*/ 5 h 7"/>
                      <a:gd name="T24" fmla="*/ 3 w 8"/>
                      <a:gd name="T25" fmla="*/ 7 h 7"/>
                      <a:gd name="T26" fmla="*/ 1 w 8"/>
                      <a:gd name="T27" fmla="*/ 5 h 7"/>
                      <a:gd name="T28" fmla="*/ 1 w 8"/>
                      <a:gd name="T29" fmla="*/ 5 h 7"/>
                      <a:gd name="T30" fmla="*/ 0 w 8"/>
                      <a:gd name="T31" fmla="*/ 5 h 7"/>
                      <a:gd name="T32" fmla="*/ 0 w 8"/>
                      <a:gd name="T33" fmla="*/ 4 h 7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8"/>
                      <a:gd name="T52" fmla="*/ 0 h 7"/>
                      <a:gd name="T53" fmla="*/ 8 w 8"/>
                      <a:gd name="T54" fmla="*/ 7 h 7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8" h="7">
                        <a:moveTo>
                          <a:pt x="0" y="4"/>
                        </a:moveTo>
                        <a:lnTo>
                          <a:pt x="0" y="2"/>
                        </a:lnTo>
                        <a:lnTo>
                          <a:pt x="1" y="2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6" y="2"/>
                        </a:lnTo>
                        <a:lnTo>
                          <a:pt x="8" y="4"/>
                        </a:lnTo>
                        <a:lnTo>
                          <a:pt x="6" y="5"/>
                        </a:lnTo>
                        <a:lnTo>
                          <a:pt x="5" y="5"/>
                        </a:lnTo>
                        <a:lnTo>
                          <a:pt x="3" y="7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4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54" name="Freeform 42"/>
                  <p:cNvSpPr>
                    <a:spLocks/>
                  </p:cNvSpPr>
                  <p:nvPr/>
                </p:nvSpPr>
                <p:spPr bwMode="auto">
                  <a:xfrm>
                    <a:off x="4653" y="3608"/>
                    <a:ext cx="8" cy="7"/>
                  </a:xfrm>
                  <a:custGeom>
                    <a:avLst/>
                    <a:gdLst>
                      <a:gd name="T0" fmla="*/ 0 w 8"/>
                      <a:gd name="T1" fmla="*/ 4 h 7"/>
                      <a:gd name="T2" fmla="*/ 0 w 8"/>
                      <a:gd name="T3" fmla="*/ 4 h 7"/>
                      <a:gd name="T4" fmla="*/ 0 w 8"/>
                      <a:gd name="T5" fmla="*/ 2 h 7"/>
                      <a:gd name="T6" fmla="*/ 1 w 8"/>
                      <a:gd name="T7" fmla="*/ 2 h 7"/>
                      <a:gd name="T8" fmla="*/ 1 w 8"/>
                      <a:gd name="T9" fmla="*/ 0 h 7"/>
                      <a:gd name="T10" fmla="*/ 3 w 8"/>
                      <a:gd name="T11" fmla="*/ 0 h 7"/>
                      <a:gd name="T12" fmla="*/ 3 w 8"/>
                      <a:gd name="T13" fmla="*/ 0 h 7"/>
                      <a:gd name="T14" fmla="*/ 5 w 8"/>
                      <a:gd name="T15" fmla="*/ 0 h 7"/>
                      <a:gd name="T16" fmla="*/ 6 w 8"/>
                      <a:gd name="T17" fmla="*/ 2 h 7"/>
                      <a:gd name="T18" fmla="*/ 6 w 8"/>
                      <a:gd name="T19" fmla="*/ 2 h 7"/>
                      <a:gd name="T20" fmla="*/ 8 w 8"/>
                      <a:gd name="T21" fmla="*/ 4 h 7"/>
                      <a:gd name="T22" fmla="*/ 8 w 8"/>
                      <a:gd name="T23" fmla="*/ 4 h 7"/>
                      <a:gd name="T24" fmla="*/ 6 w 8"/>
                      <a:gd name="T25" fmla="*/ 5 h 7"/>
                      <a:gd name="T26" fmla="*/ 6 w 8"/>
                      <a:gd name="T27" fmla="*/ 5 h 7"/>
                      <a:gd name="T28" fmla="*/ 5 w 8"/>
                      <a:gd name="T29" fmla="*/ 5 h 7"/>
                      <a:gd name="T30" fmla="*/ 3 w 8"/>
                      <a:gd name="T31" fmla="*/ 7 h 7"/>
                      <a:gd name="T32" fmla="*/ 3 w 8"/>
                      <a:gd name="T33" fmla="*/ 7 h 7"/>
                      <a:gd name="T34" fmla="*/ 1 w 8"/>
                      <a:gd name="T35" fmla="*/ 5 h 7"/>
                      <a:gd name="T36" fmla="*/ 1 w 8"/>
                      <a:gd name="T37" fmla="*/ 5 h 7"/>
                      <a:gd name="T38" fmla="*/ 0 w 8"/>
                      <a:gd name="T39" fmla="*/ 5 h 7"/>
                      <a:gd name="T40" fmla="*/ 0 w 8"/>
                      <a:gd name="T41" fmla="*/ 4 h 7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8"/>
                      <a:gd name="T64" fmla="*/ 0 h 7"/>
                      <a:gd name="T65" fmla="*/ 8 w 8"/>
                      <a:gd name="T66" fmla="*/ 7 h 7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8" h="7">
                        <a:moveTo>
                          <a:pt x="0" y="4"/>
                        </a:moveTo>
                        <a:lnTo>
                          <a:pt x="0" y="4"/>
                        </a:lnTo>
                        <a:lnTo>
                          <a:pt x="0" y="2"/>
                        </a:lnTo>
                        <a:lnTo>
                          <a:pt x="1" y="2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5" y="0"/>
                        </a:lnTo>
                        <a:lnTo>
                          <a:pt x="6" y="2"/>
                        </a:lnTo>
                        <a:lnTo>
                          <a:pt x="8" y="4"/>
                        </a:lnTo>
                        <a:lnTo>
                          <a:pt x="6" y="5"/>
                        </a:lnTo>
                        <a:lnTo>
                          <a:pt x="5" y="5"/>
                        </a:lnTo>
                        <a:lnTo>
                          <a:pt x="3" y="7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4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55" name="Freeform 43"/>
                  <p:cNvSpPr>
                    <a:spLocks/>
                  </p:cNvSpPr>
                  <p:nvPr/>
                </p:nvSpPr>
                <p:spPr bwMode="auto">
                  <a:xfrm>
                    <a:off x="4626" y="3627"/>
                    <a:ext cx="8" cy="5"/>
                  </a:xfrm>
                  <a:custGeom>
                    <a:avLst/>
                    <a:gdLst>
                      <a:gd name="T0" fmla="*/ 0 w 8"/>
                      <a:gd name="T1" fmla="*/ 3 h 5"/>
                      <a:gd name="T2" fmla="*/ 0 w 8"/>
                      <a:gd name="T3" fmla="*/ 1 h 5"/>
                      <a:gd name="T4" fmla="*/ 0 w 8"/>
                      <a:gd name="T5" fmla="*/ 0 h 5"/>
                      <a:gd name="T6" fmla="*/ 1 w 8"/>
                      <a:gd name="T7" fmla="*/ 0 h 5"/>
                      <a:gd name="T8" fmla="*/ 3 w 8"/>
                      <a:gd name="T9" fmla="*/ 0 h 5"/>
                      <a:gd name="T10" fmla="*/ 6 w 8"/>
                      <a:gd name="T11" fmla="*/ 0 h 5"/>
                      <a:gd name="T12" fmla="*/ 6 w 8"/>
                      <a:gd name="T13" fmla="*/ 0 h 5"/>
                      <a:gd name="T14" fmla="*/ 8 w 8"/>
                      <a:gd name="T15" fmla="*/ 1 h 5"/>
                      <a:gd name="T16" fmla="*/ 8 w 8"/>
                      <a:gd name="T17" fmla="*/ 3 h 5"/>
                      <a:gd name="T18" fmla="*/ 8 w 8"/>
                      <a:gd name="T19" fmla="*/ 3 h 5"/>
                      <a:gd name="T20" fmla="*/ 6 w 8"/>
                      <a:gd name="T21" fmla="*/ 5 h 5"/>
                      <a:gd name="T22" fmla="*/ 6 w 8"/>
                      <a:gd name="T23" fmla="*/ 5 h 5"/>
                      <a:gd name="T24" fmla="*/ 3 w 8"/>
                      <a:gd name="T25" fmla="*/ 5 h 5"/>
                      <a:gd name="T26" fmla="*/ 1 w 8"/>
                      <a:gd name="T27" fmla="*/ 5 h 5"/>
                      <a:gd name="T28" fmla="*/ 0 w 8"/>
                      <a:gd name="T29" fmla="*/ 5 h 5"/>
                      <a:gd name="T30" fmla="*/ 0 w 8"/>
                      <a:gd name="T31" fmla="*/ 3 h 5"/>
                      <a:gd name="T32" fmla="*/ 0 w 8"/>
                      <a:gd name="T33" fmla="*/ 3 h 5"/>
                      <a:gd name="T34" fmla="*/ 0 60000 65536"/>
                      <a:gd name="T35" fmla="*/ 0 60000 65536"/>
                      <a:gd name="T36" fmla="*/ 0 60000 65536"/>
                      <a:gd name="T37" fmla="*/ 0 60000 65536"/>
                      <a:gd name="T38" fmla="*/ 0 60000 65536"/>
                      <a:gd name="T39" fmla="*/ 0 60000 65536"/>
                      <a:gd name="T40" fmla="*/ 0 60000 65536"/>
                      <a:gd name="T41" fmla="*/ 0 60000 65536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w 8"/>
                      <a:gd name="T52" fmla="*/ 0 h 5"/>
                      <a:gd name="T53" fmla="*/ 8 w 8"/>
                      <a:gd name="T54" fmla="*/ 5 h 5"/>
                    </a:gdLst>
                    <a:ahLst/>
                    <a:cxnLst>
                      <a:cxn ang="T34">
                        <a:pos x="T0" y="T1"/>
                      </a:cxn>
                      <a:cxn ang="T35">
                        <a:pos x="T2" y="T3"/>
                      </a:cxn>
                      <a:cxn ang="T36">
                        <a:pos x="T4" y="T5"/>
                      </a:cxn>
                      <a:cxn ang="T37">
                        <a:pos x="T6" y="T7"/>
                      </a:cxn>
                      <a:cxn ang="T38">
                        <a:pos x="T8" y="T9"/>
                      </a:cxn>
                      <a:cxn ang="T39">
                        <a:pos x="T10" y="T11"/>
                      </a:cxn>
                      <a:cxn ang="T40">
                        <a:pos x="T12" y="T13"/>
                      </a:cxn>
                      <a:cxn ang="T41">
                        <a:pos x="T14" y="T15"/>
                      </a:cxn>
                      <a:cxn ang="T42">
                        <a:pos x="T16" y="T17"/>
                      </a:cxn>
                      <a:cxn ang="T43">
                        <a:pos x="T18" y="T19"/>
                      </a:cxn>
                      <a:cxn ang="T44">
                        <a:pos x="T20" y="T21"/>
                      </a:cxn>
                      <a:cxn ang="T45">
                        <a:pos x="T22" y="T23"/>
                      </a:cxn>
                      <a:cxn ang="T46">
                        <a:pos x="T24" y="T25"/>
                      </a:cxn>
                      <a:cxn ang="T47">
                        <a:pos x="T26" y="T27"/>
                      </a:cxn>
                      <a:cxn ang="T48">
                        <a:pos x="T28" y="T29"/>
                      </a:cxn>
                      <a:cxn ang="T49">
                        <a:pos x="T30" y="T31"/>
                      </a:cxn>
                      <a:cxn ang="T50">
                        <a:pos x="T32" y="T33"/>
                      </a:cxn>
                    </a:cxnLst>
                    <a:rect l="T51" t="T52" r="T53" b="T54"/>
                    <a:pathLst>
                      <a:path w="8" h="5">
                        <a:moveTo>
                          <a:pt x="0" y="3"/>
                        </a:move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6" y="0"/>
                        </a:lnTo>
                        <a:lnTo>
                          <a:pt x="8" y="1"/>
                        </a:lnTo>
                        <a:lnTo>
                          <a:pt x="8" y="3"/>
                        </a:lnTo>
                        <a:lnTo>
                          <a:pt x="6" y="5"/>
                        </a:lnTo>
                        <a:lnTo>
                          <a:pt x="3" y="5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56" name="Freeform 44"/>
                  <p:cNvSpPr>
                    <a:spLocks/>
                  </p:cNvSpPr>
                  <p:nvPr/>
                </p:nvSpPr>
                <p:spPr bwMode="auto">
                  <a:xfrm>
                    <a:off x="4626" y="3627"/>
                    <a:ext cx="8" cy="5"/>
                  </a:xfrm>
                  <a:custGeom>
                    <a:avLst/>
                    <a:gdLst>
                      <a:gd name="T0" fmla="*/ 0 w 8"/>
                      <a:gd name="T1" fmla="*/ 3 h 5"/>
                      <a:gd name="T2" fmla="*/ 0 w 8"/>
                      <a:gd name="T3" fmla="*/ 3 h 5"/>
                      <a:gd name="T4" fmla="*/ 0 w 8"/>
                      <a:gd name="T5" fmla="*/ 1 h 5"/>
                      <a:gd name="T6" fmla="*/ 0 w 8"/>
                      <a:gd name="T7" fmla="*/ 0 h 5"/>
                      <a:gd name="T8" fmla="*/ 1 w 8"/>
                      <a:gd name="T9" fmla="*/ 0 h 5"/>
                      <a:gd name="T10" fmla="*/ 3 w 8"/>
                      <a:gd name="T11" fmla="*/ 0 h 5"/>
                      <a:gd name="T12" fmla="*/ 3 w 8"/>
                      <a:gd name="T13" fmla="*/ 0 h 5"/>
                      <a:gd name="T14" fmla="*/ 6 w 8"/>
                      <a:gd name="T15" fmla="*/ 0 h 5"/>
                      <a:gd name="T16" fmla="*/ 6 w 8"/>
                      <a:gd name="T17" fmla="*/ 0 h 5"/>
                      <a:gd name="T18" fmla="*/ 8 w 8"/>
                      <a:gd name="T19" fmla="*/ 1 h 5"/>
                      <a:gd name="T20" fmla="*/ 8 w 8"/>
                      <a:gd name="T21" fmla="*/ 3 h 5"/>
                      <a:gd name="T22" fmla="*/ 8 w 8"/>
                      <a:gd name="T23" fmla="*/ 3 h 5"/>
                      <a:gd name="T24" fmla="*/ 8 w 8"/>
                      <a:gd name="T25" fmla="*/ 3 h 5"/>
                      <a:gd name="T26" fmla="*/ 6 w 8"/>
                      <a:gd name="T27" fmla="*/ 5 h 5"/>
                      <a:gd name="T28" fmla="*/ 6 w 8"/>
                      <a:gd name="T29" fmla="*/ 5 h 5"/>
                      <a:gd name="T30" fmla="*/ 3 w 8"/>
                      <a:gd name="T31" fmla="*/ 5 h 5"/>
                      <a:gd name="T32" fmla="*/ 3 w 8"/>
                      <a:gd name="T33" fmla="*/ 5 h 5"/>
                      <a:gd name="T34" fmla="*/ 1 w 8"/>
                      <a:gd name="T35" fmla="*/ 5 h 5"/>
                      <a:gd name="T36" fmla="*/ 0 w 8"/>
                      <a:gd name="T37" fmla="*/ 5 h 5"/>
                      <a:gd name="T38" fmla="*/ 0 w 8"/>
                      <a:gd name="T39" fmla="*/ 3 h 5"/>
                      <a:gd name="T40" fmla="*/ 0 w 8"/>
                      <a:gd name="T41" fmla="*/ 3 h 5"/>
                      <a:gd name="T42" fmla="*/ 0 60000 65536"/>
                      <a:gd name="T43" fmla="*/ 0 60000 65536"/>
                      <a:gd name="T44" fmla="*/ 0 60000 65536"/>
                      <a:gd name="T45" fmla="*/ 0 60000 65536"/>
                      <a:gd name="T46" fmla="*/ 0 60000 65536"/>
                      <a:gd name="T47" fmla="*/ 0 60000 65536"/>
                      <a:gd name="T48" fmla="*/ 0 60000 65536"/>
                      <a:gd name="T49" fmla="*/ 0 60000 65536"/>
                      <a:gd name="T50" fmla="*/ 0 60000 65536"/>
                      <a:gd name="T51" fmla="*/ 0 60000 65536"/>
                      <a:gd name="T52" fmla="*/ 0 60000 65536"/>
                      <a:gd name="T53" fmla="*/ 0 60000 65536"/>
                      <a:gd name="T54" fmla="*/ 0 60000 65536"/>
                      <a:gd name="T55" fmla="*/ 0 60000 65536"/>
                      <a:gd name="T56" fmla="*/ 0 60000 65536"/>
                      <a:gd name="T57" fmla="*/ 0 60000 65536"/>
                      <a:gd name="T58" fmla="*/ 0 60000 65536"/>
                      <a:gd name="T59" fmla="*/ 0 60000 65536"/>
                      <a:gd name="T60" fmla="*/ 0 60000 65536"/>
                      <a:gd name="T61" fmla="*/ 0 60000 65536"/>
                      <a:gd name="T62" fmla="*/ 0 60000 65536"/>
                      <a:gd name="T63" fmla="*/ 0 w 8"/>
                      <a:gd name="T64" fmla="*/ 0 h 5"/>
                      <a:gd name="T65" fmla="*/ 8 w 8"/>
                      <a:gd name="T66" fmla="*/ 5 h 5"/>
                    </a:gdLst>
                    <a:ahLst/>
                    <a:cxnLst>
                      <a:cxn ang="T42">
                        <a:pos x="T0" y="T1"/>
                      </a:cxn>
                      <a:cxn ang="T43">
                        <a:pos x="T2" y="T3"/>
                      </a:cxn>
                      <a:cxn ang="T44">
                        <a:pos x="T4" y="T5"/>
                      </a:cxn>
                      <a:cxn ang="T45">
                        <a:pos x="T6" y="T7"/>
                      </a:cxn>
                      <a:cxn ang="T46">
                        <a:pos x="T8" y="T9"/>
                      </a:cxn>
                      <a:cxn ang="T47">
                        <a:pos x="T10" y="T11"/>
                      </a:cxn>
                      <a:cxn ang="T48">
                        <a:pos x="T12" y="T13"/>
                      </a:cxn>
                      <a:cxn ang="T49">
                        <a:pos x="T14" y="T15"/>
                      </a:cxn>
                      <a:cxn ang="T50">
                        <a:pos x="T16" y="T17"/>
                      </a:cxn>
                      <a:cxn ang="T51">
                        <a:pos x="T18" y="T19"/>
                      </a:cxn>
                      <a:cxn ang="T52">
                        <a:pos x="T20" y="T21"/>
                      </a:cxn>
                      <a:cxn ang="T53">
                        <a:pos x="T22" y="T23"/>
                      </a:cxn>
                      <a:cxn ang="T54">
                        <a:pos x="T24" y="T25"/>
                      </a:cxn>
                      <a:cxn ang="T55">
                        <a:pos x="T26" y="T27"/>
                      </a:cxn>
                      <a:cxn ang="T56">
                        <a:pos x="T28" y="T29"/>
                      </a:cxn>
                      <a:cxn ang="T57">
                        <a:pos x="T30" y="T31"/>
                      </a:cxn>
                      <a:cxn ang="T58">
                        <a:pos x="T32" y="T33"/>
                      </a:cxn>
                      <a:cxn ang="T59">
                        <a:pos x="T34" y="T35"/>
                      </a:cxn>
                      <a:cxn ang="T60">
                        <a:pos x="T36" y="T37"/>
                      </a:cxn>
                      <a:cxn ang="T61">
                        <a:pos x="T38" y="T39"/>
                      </a:cxn>
                      <a:cxn ang="T62">
                        <a:pos x="T40" y="T41"/>
                      </a:cxn>
                    </a:cxnLst>
                    <a:rect l="T63" t="T64" r="T65" b="T66"/>
                    <a:pathLst>
                      <a:path w="8" h="5">
                        <a:moveTo>
                          <a:pt x="0" y="3"/>
                        </a:moveTo>
                        <a:lnTo>
                          <a:pt x="0" y="3"/>
                        </a:lnTo>
                        <a:lnTo>
                          <a:pt x="0" y="1"/>
                        </a:lnTo>
                        <a:lnTo>
                          <a:pt x="0" y="0"/>
                        </a:lnTo>
                        <a:lnTo>
                          <a:pt x="1" y="0"/>
                        </a:lnTo>
                        <a:lnTo>
                          <a:pt x="3" y="0"/>
                        </a:lnTo>
                        <a:lnTo>
                          <a:pt x="6" y="0"/>
                        </a:lnTo>
                        <a:lnTo>
                          <a:pt x="8" y="1"/>
                        </a:lnTo>
                        <a:lnTo>
                          <a:pt x="8" y="3"/>
                        </a:lnTo>
                        <a:lnTo>
                          <a:pt x="6" y="5"/>
                        </a:lnTo>
                        <a:lnTo>
                          <a:pt x="3" y="5"/>
                        </a:lnTo>
                        <a:lnTo>
                          <a:pt x="1" y="5"/>
                        </a:lnTo>
                        <a:lnTo>
                          <a:pt x="0" y="5"/>
                        </a:lnTo>
                        <a:lnTo>
                          <a:pt x="0" y="3"/>
                        </a:lnTo>
                      </a:path>
                    </a:pathLst>
                  </a:custGeom>
                  <a:solidFill>
                    <a:srgbClr val="3366CC"/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</p:grpSp>
            <p:sp>
              <p:nvSpPr>
                <p:cNvPr id="724" name="Freeform 45"/>
                <p:cNvSpPr>
                  <a:spLocks/>
                </p:cNvSpPr>
                <p:nvPr/>
              </p:nvSpPr>
              <p:spPr bwMode="auto">
                <a:xfrm>
                  <a:off x="3079" y="1947"/>
                  <a:ext cx="384" cy="676"/>
                </a:xfrm>
                <a:custGeom>
                  <a:avLst/>
                  <a:gdLst>
                    <a:gd name="T0" fmla="*/ 192 w 395"/>
                    <a:gd name="T1" fmla="*/ 439 h 697"/>
                    <a:gd name="T2" fmla="*/ 218 w 395"/>
                    <a:gd name="T3" fmla="*/ 444 h 697"/>
                    <a:gd name="T4" fmla="*/ 212 w 395"/>
                    <a:gd name="T5" fmla="*/ 429 h 697"/>
                    <a:gd name="T6" fmla="*/ 227 w 395"/>
                    <a:gd name="T7" fmla="*/ 415 h 697"/>
                    <a:gd name="T8" fmla="*/ 238 w 395"/>
                    <a:gd name="T9" fmla="*/ 406 h 697"/>
                    <a:gd name="T10" fmla="*/ 235 w 395"/>
                    <a:gd name="T11" fmla="*/ 393 h 697"/>
                    <a:gd name="T12" fmla="*/ 240 w 395"/>
                    <a:gd name="T13" fmla="*/ 386 h 697"/>
                    <a:gd name="T14" fmla="*/ 238 w 395"/>
                    <a:gd name="T15" fmla="*/ 370 h 697"/>
                    <a:gd name="T16" fmla="*/ 242 w 395"/>
                    <a:gd name="T17" fmla="*/ 359 h 697"/>
                    <a:gd name="T18" fmla="*/ 244 w 395"/>
                    <a:gd name="T19" fmla="*/ 345 h 697"/>
                    <a:gd name="T20" fmla="*/ 260 w 395"/>
                    <a:gd name="T21" fmla="*/ 318 h 697"/>
                    <a:gd name="T22" fmla="*/ 265 w 395"/>
                    <a:gd name="T23" fmla="*/ 308 h 697"/>
                    <a:gd name="T24" fmla="*/ 258 w 395"/>
                    <a:gd name="T25" fmla="*/ 279 h 697"/>
                    <a:gd name="T26" fmla="*/ 258 w 395"/>
                    <a:gd name="T27" fmla="*/ 254 h 697"/>
                    <a:gd name="T28" fmla="*/ 257 w 395"/>
                    <a:gd name="T29" fmla="*/ 230 h 697"/>
                    <a:gd name="T30" fmla="*/ 254 w 395"/>
                    <a:gd name="T31" fmla="*/ 185 h 697"/>
                    <a:gd name="T32" fmla="*/ 249 w 395"/>
                    <a:gd name="T33" fmla="*/ 131 h 697"/>
                    <a:gd name="T34" fmla="*/ 244 w 395"/>
                    <a:gd name="T35" fmla="*/ 86 h 697"/>
                    <a:gd name="T36" fmla="*/ 242 w 395"/>
                    <a:gd name="T37" fmla="*/ 63 h 697"/>
                    <a:gd name="T38" fmla="*/ 233 w 395"/>
                    <a:gd name="T39" fmla="*/ 45 h 697"/>
                    <a:gd name="T40" fmla="*/ 230 w 395"/>
                    <a:gd name="T41" fmla="*/ 37 h 697"/>
                    <a:gd name="T42" fmla="*/ 219 w 395"/>
                    <a:gd name="T43" fmla="*/ 16 h 697"/>
                    <a:gd name="T44" fmla="*/ 45 w 395"/>
                    <a:gd name="T45" fmla="*/ 16 h 697"/>
                    <a:gd name="T46" fmla="*/ 49 w 395"/>
                    <a:gd name="T47" fmla="*/ 16 h 697"/>
                    <a:gd name="T48" fmla="*/ 61 w 395"/>
                    <a:gd name="T49" fmla="*/ 31 h 697"/>
                    <a:gd name="T50" fmla="*/ 68 w 395"/>
                    <a:gd name="T51" fmla="*/ 39 h 697"/>
                    <a:gd name="T52" fmla="*/ 77 w 395"/>
                    <a:gd name="T53" fmla="*/ 55 h 697"/>
                    <a:gd name="T54" fmla="*/ 67 w 395"/>
                    <a:gd name="T55" fmla="*/ 72 h 697"/>
                    <a:gd name="T56" fmla="*/ 66 w 395"/>
                    <a:gd name="T57" fmla="*/ 88 h 697"/>
                    <a:gd name="T58" fmla="*/ 51 w 395"/>
                    <a:gd name="T59" fmla="*/ 93 h 697"/>
                    <a:gd name="T60" fmla="*/ 47 w 395"/>
                    <a:gd name="T61" fmla="*/ 98 h 697"/>
                    <a:gd name="T62" fmla="*/ 20 w 395"/>
                    <a:gd name="T63" fmla="*/ 107 h 697"/>
                    <a:gd name="T64" fmla="*/ 34 w 395"/>
                    <a:gd name="T65" fmla="*/ 133 h 697"/>
                    <a:gd name="T66" fmla="*/ 27 w 395"/>
                    <a:gd name="T67" fmla="*/ 147 h 697"/>
                    <a:gd name="T68" fmla="*/ 22 w 395"/>
                    <a:gd name="T69" fmla="*/ 157 h 697"/>
                    <a:gd name="T70" fmla="*/ 18 w 395"/>
                    <a:gd name="T71" fmla="*/ 164 h 697"/>
                    <a:gd name="T72" fmla="*/ 9 w 395"/>
                    <a:gd name="T73" fmla="*/ 172 h 697"/>
                    <a:gd name="T74" fmla="*/ 14 w 395"/>
                    <a:gd name="T75" fmla="*/ 180 h 697"/>
                    <a:gd name="T76" fmla="*/ 7 w 395"/>
                    <a:gd name="T77" fmla="*/ 190 h 697"/>
                    <a:gd name="T78" fmla="*/ 2 w 395"/>
                    <a:gd name="T79" fmla="*/ 198 h 697"/>
                    <a:gd name="T80" fmla="*/ 7 w 395"/>
                    <a:gd name="T81" fmla="*/ 229 h 697"/>
                    <a:gd name="T82" fmla="*/ 42 w 395"/>
                    <a:gd name="T83" fmla="*/ 268 h 697"/>
                    <a:gd name="T84" fmla="*/ 54 w 395"/>
                    <a:gd name="T85" fmla="*/ 280 h 697"/>
                    <a:gd name="T86" fmla="*/ 63 w 395"/>
                    <a:gd name="T87" fmla="*/ 308 h 697"/>
                    <a:gd name="T88" fmla="*/ 79 w 395"/>
                    <a:gd name="T89" fmla="*/ 301 h 697"/>
                    <a:gd name="T90" fmla="*/ 95 w 395"/>
                    <a:gd name="T91" fmla="*/ 314 h 697"/>
                    <a:gd name="T92" fmla="*/ 87 w 395"/>
                    <a:gd name="T93" fmla="*/ 340 h 697"/>
                    <a:gd name="T94" fmla="*/ 84 w 395"/>
                    <a:gd name="T95" fmla="*/ 356 h 697"/>
                    <a:gd name="T96" fmla="*/ 108 w 395"/>
                    <a:gd name="T97" fmla="*/ 378 h 697"/>
                    <a:gd name="T98" fmla="*/ 113 w 395"/>
                    <a:gd name="T99" fmla="*/ 380 h 697"/>
                    <a:gd name="T100" fmla="*/ 149 w 395"/>
                    <a:gd name="T101" fmla="*/ 422 h 697"/>
                    <a:gd name="T102" fmla="*/ 159 w 395"/>
                    <a:gd name="T103" fmla="*/ 455 h 697"/>
                    <a:gd name="T104" fmla="*/ 162 w 395"/>
                    <a:gd name="T105" fmla="*/ 448 h 697"/>
                    <a:gd name="T106" fmla="*/ 170 w 395"/>
                    <a:gd name="T107" fmla="*/ 444 h 697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w 395"/>
                    <a:gd name="T163" fmla="*/ 0 h 697"/>
                    <a:gd name="T164" fmla="*/ 395 w 395"/>
                    <a:gd name="T165" fmla="*/ 697 h 697"/>
                  </a:gdLst>
                  <a:ahLst/>
                  <a:cxnLst>
                    <a:cxn ang="T108">
                      <a:pos x="T0" y="T1"/>
                    </a:cxn>
                    <a:cxn ang="T109">
                      <a:pos x="T2" y="T3"/>
                    </a:cxn>
                    <a:cxn ang="T110">
                      <a:pos x="T4" y="T5"/>
                    </a:cxn>
                    <a:cxn ang="T111">
                      <a:pos x="T6" y="T7"/>
                    </a:cxn>
                    <a:cxn ang="T112">
                      <a:pos x="T8" y="T9"/>
                    </a:cxn>
                    <a:cxn ang="T113">
                      <a:pos x="T10" y="T11"/>
                    </a:cxn>
                    <a:cxn ang="T114">
                      <a:pos x="T12" y="T13"/>
                    </a:cxn>
                    <a:cxn ang="T115">
                      <a:pos x="T14" y="T15"/>
                    </a:cxn>
                    <a:cxn ang="T116">
                      <a:pos x="T16" y="T17"/>
                    </a:cxn>
                    <a:cxn ang="T117">
                      <a:pos x="T18" y="T19"/>
                    </a:cxn>
                    <a:cxn ang="T118">
                      <a:pos x="T20" y="T21"/>
                    </a:cxn>
                    <a:cxn ang="T119">
                      <a:pos x="T22" y="T23"/>
                    </a:cxn>
                    <a:cxn ang="T120">
                      <a:pos x="T24" y="T25"/>
                    </a:cxn>
                    <a:cxn ang="T121">
                      <a:pos x="T26" y="T27"/>
                    </a:cxn>
                    <a:cxn ang="T122">
                      <a:pos x="T28" y="T29"/>
                    </a:cxn>
                    <a:cxn ang="T123">
                      <a:pos x="T30" y="T31"/>
                    </a:cxn>
                    <a:cxn ang="T124">
                      <a:pos x="T32" y="T33"/>
                    </a:cxn>
                    <a:cxn ang="T125">
                      <a:pos x="T34" y="T35"/>
                    </a:cxn>
                    <a:cxn ang="T126">
                      <a:pos x="T36" y="T37"/>
                    </a:cxn>
                    <a:cxn ang="T127">
                      <a:pos x="T38" y="T39"/>
                    </a:cxn>
                    <a:cxn ang="T128">
                      <a:pos x="T40" y="T41"/>
                    </a:cxn>
                    <a:cxn ang="T129">
                      <a:pos x="T42" y="T43"/>
                    </a:cxn>
                    <a:cxn ang="T130">
                      <a:pos x="T44" y="T45"/>
                    </a:cxn>
                    <a:cxn ang="T131">
                      <a:pos x="T46" y="T47"/>
                    </a:cxn>
                    <a:cxn ang="T132">
                      <a:pos x="T48" y="T49"/>
                    </a:cxn>
                    <a:cxn ang="T133">
                      <a:pos x="T50" y="T51"/>
                    </a:cxn>
                    <a:cxn ang="T134">
                      <a:pos x="T52" y="T53"/>
                    </a:cxn>
                    <a:cxn ang="T135">
                      <a:pos x="T54" y="T55"/>
                    </a:cxn>
                    <a:cxn ang="T136">
                      <a:pos x="T56" y="T57"/>
                    </a:cxn>
                    <a:cxn ang="T137">
                      <a:pos x="T58" y="T59"/>
                    </a:cxn>
                    <a:cxn ang="T138">
                      <a:pos x="T60" y="T61"/>
                    </a:cxn>
                    <a:cxn ang="T139">
                      <a:pos x="T62" y="T63"/>
                    </a:cxn>
                    <a:cxn ang="T140">
                      <a:pos x="T64" y="T65"/>
                    </a:cxn>
                    <a:cxn ang="T141">
                      <a:pos x="T66" y="T67"/>
                    </a:cxn>
                    <a:cxn ang="T142">
                      <a:pos x="T68" y="T69"/>
                    </a:cxn>
                    <a:cxn ang="T143">
                      <a:pos x="T70" y="T71"/>
                    </a:cxn>
                    <a:cxn ang="T144">
                      <a:pos x="T72" y="T73"/>
                    </a:cxn>
                    <a:cxn ang="T145">
                      <a:pos x="T74" y="T75"/>
                    </a:cxn>
                    <a:cxn ang="T146">
                      <a:pos x="T76" y="T77"/>
                    </a:cxn>
                    <a:cxn ang="T147">
                      <a:pos x="T78" y="T79"/>
                    </a:cxn>
                    <a:cxn ang="T148">
                      <a:pos x="T80" y="T81"/>
                    </a:cxn>
                    <a:cxn ang="T149">
                      <a:pos x="T82" y="T83"/>
                    </a:cxn>
                    <a:cxn ang="T150">
                      <a:pos x="T84" y="T85"/>
                    </a:cxn>
                    <a:cxn ang="T151">
                      <a:pos x="T86" y="T87"/>
                    </a:cxn>
                    <a:cxn ang="T152">
                      <a:pos x="T88" y="T89"/>
                    </a:cxn>
                    <a:cxn ang="T153">
                      <a:pos x="T90" y="T91"/>
                    </a:cxn>
                    <a:cxn ang="T154">
                      <a:pos x="T92" y="T93"/>
                    </a:cxn>
                    <a:cxn ang="T155">
                      <a:pos x="T94" y="T95"/>
                    </a:cxn>
                    <a:cxn ang="T156">
                      <a:pos x="T96" y="T97"/>
                    </a:cxn>
                    <a:cxn ang="T157">
                      <a:pos x="T98" y="T99"/>
                    </a:cxn>
                    <a:cxn ang="T158">
                      <a:pos x="T100" y="T101"/>
                    </a:cxn>
                    <a:cxn ang="T159">
                      <a:pos x="T102" y="T103"/>
                    </a:cxn>
                    <a:cxn ang="T160">
                      <a:pos x="T104" y="T105"/>
                    </a:cxn>
                    <a:cxn ang="T161">
                      <a:pos x="T106" y="T107"/>
                    </a:cxn>
                  </a:cxnLst>
                  <a:rect l="T162" t="T163" r="T164" b="T165"/>
                  <a:pathLst>
                    <a:path w="395" h="697">
                      <a:moveTo>
                        <a:pt x="258" y="678"/>
                      </a:moveTo>
                      <a:lnTo>
                        <a:pt x="264" y="672"/>
                      </a:lnTo>
                      <a:lnTo>
                        <a:pt x="269" y="668"/>
                      </a:lnTo>
                      <a:lnTo>
                        <a:pt x="274" y="668"/>
                      </a:lnTo>
                      <a:lnTo>
                        <a:pt x="280" y="668"/>
                      </a:lnTo>
                      <a:lnTo>
                        <a:pt x="285" y="672"/>
                      </a:lnTo>
                      <a:lnTo>
                        <a:pt x="288" y="673"/>
                      </a:lnTo>
                      <a:lnTo>
                        <a:pt x="291" y="677"/>
                      </a:lnTo>
                      <a:lnTo>
                        <a:pt x="295" y="678"/>
                      </a:lnTo>
                      <a:lnTo>
                        <a:pt x="308" y="683"/>
                      </a:lnTo>
                      <a:lnTo>
                        <a:pt x="318" y="685"/>
                      </a:lnTo>
                      <a:lnTo>
                        <a:pt x="324" y="683"/>
                      </a:lnTo>
                      <a:lnTo>
                        <a:pt x="325" y="680"/>
                      </a:lnTo>
                      <a:lnTo>
                        <a:pt x="324" y="677"/>
                      </a:lnTo>
                      <a:lnTo>
                        <a:pt x="324" y="673"/>
                      </a:lnTo>
                      <a:lnTo>
                        <a:pt x="320" y="670"/>
                      </a:lnTo>
                      <a:lnTo>
                        <a:pt x="320" y="668"/>
                      </a:lnTo>
                      <a:lnTo>
                        <a:pt x="315" y="660"/>
                      </a:lnTo>
                      <a:lnTo>
                        <a:pt x="315" y="651"/>
                      </a:lnTo>
                      <a:lnTo>
                        <a:pt x="317" y="646"/>
                      </a:lnTo>
                      <a:lnTo>
                        <a:pt x="322" y="641"/>
                      </a:lnTo>
                      <a:lnTo>
                        <a:pt x="327" y="639"/>
                      </a:lnTo>
                      <a:lnTo>
                        <a:pt x="332" y="636"/>
                      </a:lnTo>
                      <a:lnTo>
                        <a:pt x="337" y="636"/>
                      </a:lnTo>
                      <a:lnTo>
                        <a:pt x="339" y="636"/>
                      </a:lnTo>
                      <a:lnTo>
                        <a:pt x="347" y="634"/>
                      </a:lnTo>
                      <a:lnTo>
                        <a:pt x="354" y="633"/>
                      </a:lnTo>
                      <a:lnTo>
                        <a:pt x="356" y="631"/>
                      </a:lnTo>
                      <a:lnTo>
                        <a:pt x="356" y="628"/>
                      </a:lnTo>
                      <a:lnTo>
                        <a:pt x="354" y="624"/>
                      </a:lnTo>
                      <a:lnTo>
                        <a:pt x="354" y="622"/>
                      </a:lnTo>
                      <a:lnTo>
                        <a:pt x="352" y="621"/>
                      </a:lnTo>
                      <a:lnTo>
                        <a:pt x="351" y="619"/>
                      </a:lnTo>
                      <a:lnTo>
                        <a:pt x="347" y="614"/>
                      </a:lnTo>
                      <a:lnTo>
                        <a:pt x="349" y="606"/>
                      </a:lnTo>
                      <a:lnTo>
                        <a:pt x="349" y="604"/>
                      </a:lnTo>
                      <a:lnTo>
                        <a:pt x="351" y="602"/>
                      </a:lnTo>
                      <a:lnTo>
                        <a:pt x="352" y="600"/>
                      </a:lnTo>
                      <a:lnTo>
                        <a:pt x="354" y="597"/>
                      </a:lnTo>
                      <a:lnTo>
                        <a:pt x="354" y="595"/>
                      </a:lnTo>
                      <a:lnTo>
                        <a:pt x="356" y="594"/>
                      </a:lnTo>
                      <a:lnTo>
                        <a:pt x="356" y="592"/>
                      </a:lnTo>
                      <a:lnTo>
                        <a:pt x="356" y="590"/>
                      </a:lnTo>
                      <a:lnTo>
                        <a:pt x="352" y="585"/>
                      </a:lnTo>
                      <a:lnTo>
                        <a:pt x="351" y="580"/>
                      </a:lnTo>
                      <a:lnTo>
                        <a:pt x="351" y="575"/>
                      </a:lnTo>
                      <a:lnTo>
                        <a:pt x="351" y="572"/>
                      </a:lnTo>
                      <a:lnTo>
                        <a:pt x="354" y="568"/>
                      </a:lnTo>
                      <a:lnTo>
                        <a:pt x="356" y="567"/>
                      </a:lnTo>
                      <a:lnTo>
                        <a:pt x="356" y="565"/>
                      </a:lnTo>
                      <a:lnTo>
                        <a:pt x="357" y="565"/>
                      </a:lnTo>
                      <a:lnTo>
                        <a:pt x="359" y="555"/>
                      </a:lnTo>
                      <a:lnTo>
                        <a:pt x="359" y="553"/>
                      </a:lnTo>
                      <a:lnTo>
                        <a:pt x="359" y="551"/>
                      </a:lnTo>
                      <a:lnTo>
                        <a:pt x="359" y="548"/>
                      </a:lnTo>
                      <a:lnTo>
                        <a:pt x="361" y="543"/>
                      </a:lnTo>
                      <a:lnTo>
                        <a:pt x="361" y="540"/>
                      </a:lnTo>
                      <a:lnTo>
                        <a:pt x="362" y="536"/>
                      </a:lnTo>
                      <a:lnTo>
                        <a:pt x="362" y="533"/>
                      </a:lnTo>
                      <a:lnTo>
                        <a:pt x="362" y="531"/>
                      </a:lnTo>
                      <a:lnTo>
                        <a:pt x="369" y="526"/>
                      </a:lnTo>
                      <a:lnTo>
                        <a:pt x="374" y="518"/>
                      </a:lnTo>
                      <a:lnTo>
                        <a:pt x="378" y="509"/>
                      </a:lnTo>
                      <a:lnTo>
                        <a:pt x="381" y="502"/>
                      </a:lnTo>
                      <a:lnTo>
                        <a:pt x="384" y="494"/>
                      </a:lnTo>
                      <a:lnTo>
                        <a:pt x="386" y="489"/>
                      </a:lnTo>
                      <a:lnTo>
                        <a:pt x="388" y="484"/>
                      </a:lnTo>
                      <a:lnTo>
                        <a:pt x="388" y="482"/>
                      </a:lnTo>
                      <a:lnTo>
                        <a:pt x="390" y="479"/>
                      </a:lnTo>
                      <a:lnTo>
                        <a:pt x="391" y="475"/>
                      </a:lnTo>
                      <a:lnTo>
                        <a:pt x="393" y="474"/>
                      </a:lnTo>
                      <a:lnTo>
                        <a:pt x="395" y="463"/>
                      </a:lnTo>
                      <a:lnTo>
                        <a:pt x="395" y="455"/>
                      </a:lnTo>
                      <a:lnTo>
                        <a:pt x="393" y="446"/>
                      </a:lnTo>
                      <a:lnTo>
                        <a:pt x="390" y="440"/>
                      </a:lnTo>
                      <a:lnTo>
                        <a:pt x="388" y="433"/>
                      </a:lnTo>
                      <a:lnTo>
                        <a:pt x="384" y="428"/>
                      </a:lnTo>
                      <a:lnTo>
                        <a:pt x="383" y="424"/>
                      </a:lnTo>
                      <a:lnTo>
                        <a:pt x="381" y="423"/>
                      </a:lnTo>
                      <a:lnTo>
                        <a:pt x="381" y="419"/>
                      </a:lnTo>
                      <a:lnTo>
                        <a:pt x="381" y="396"/>
                      </a:lnTo>
                      <a:lnTo>
                        <a:pt x="384" y="391"/>
                      </a:lnTo>
                      <a:lnTo>
                        <a:pt x="384" y="389"/>
                      </a:lnTo>
                      <a:lnTo>
                        <a:pt x="384" y="387"/>
                      </a:lnTo>
                      <a:lnTo>
                        <a:pt x="384" y="382"/>
                      </a:lnTo>
                      <a:lnTo>
                        <a:pt x="383" y="377"/>
                      </a:lnTo>
                      <a:lnTo>
                        <a:pt x="383" y="370"/>
                      </a:lnTo>
                      <a:lnTo>
                        <a:pt x="383" y="362"/>
                      </a:lnTo>
                      <a:lnTo>
                        <a:pt x="381" y="353"/>
                      </a:lnTo>
                      <a:lnTo>
                        <a:pt x="381" y="343"/>
                      </a:lnTo>
                      <a:lnTo>
                        <a:pt x="379" y="333"/>
                      </a:lnTo>
                      <a:lnTo>
                        <a:pt x="379" y="321"/>
                      </a:lnTo>
                      <a:lnTo>
                        <a:pt x="378" y="309"/>
                      </a:lnTo>
                      <a:lnTo>
                        <a:pt x="376" y="296"/>
                      </a:lnTo>
                      <a:lnTo>
                        <a:pt x="376" y="284"/>
                      </a:lnTo>
                      <a:lnTo>
                        <a:pt x="374" y="270"/>
                      </a:lnTo>
                      <a:lnTo>
                        <a:pt x="373" y="257"/>
                      </a:lnTo>
                      <a:lnTo>
                        <a:pt x="373" y="243"/>
                      </a:lnTo>
                      <a:lnTo>
                        <a:pt x="371" y="228"/>
                      </a:lnTo>
                      <a:lnTo>
                        <a:pt x="369" y="215"/>
                      </a:lnTo>
                      <a:lnTo>
                        <a:pt x="369" y="201"/>
                      </a:lnTo>
                      <a:lnTo>
                        <a:pt x="368" y="189"/>
                      </a:lnTo>
                      <a:lnTo>
                        <a:pt x="366" y="176"/>
                      </a:lnTo>
                      <a:lnTo>
                        <a:pt x="366" y="164"/>
                      </a:lnTo>
                      <a:lnTo>
                        <a:pt x="364" y="152"/>
                      </a:lnTo>
                      <a:lnTo>
                        <a:pt x="364" y="142"/>
                      </a:lnTo>
                      <a:lnTo>
                        <a:pt x="362" y="132"/>
                      </a:lnTo>
                      <a:lnTo>
                        <a:pt x="362" y="122"/>
                      </a:lnTo>
                      <a:lnTo>
                        <a:pt x="361" y="115"/>
                      </a:lnTo>
                      <a:lnTo>
                        <a:pt x="361" y="108"/>
                      </a:lnTo>
                      <a:lnTo>
                        <a:pt x="361" y="103"/>
                      </a:lnTo>
                      <a:lnTo>
                        <a:pt x="359" y="98"/>
                      </a:lnTo>
                      <a:lnTo>
                        <a:pt x="359" y="96"/>
                      </a:lnTo>
                      <a:lnTo>
                        <a:pt x="359" y="94"/>
                      </a:lnTo>
                      <a:lnTo>
                        <a:pt x="354" y="89"/>
                      </a:lnTo>
                      <a:lnTo>
                        <a:pt x="351" y="84"/>
                      </a:lnTo>
                      <a:lnTo>
                        <a:pt x="349" y="79"/>
                      </a:lnTo>
                      <a:lnTo>
                        <a:pt x="347" y="74"/>
                      </a:lnTo>
                      <a:lnTo>
                        <a:pt x="346" y="69"/>
                      </a:lnTo>
                      <a:lnTo>
                        <a:pt x="346" y="66"/>
                      </a:lnTo>
                      <a:lnTo>
                        <a:pt x="346" y="64"/>
                      </a:lnTo>
                      <a:lnTo>
                        <a:pt x="346" y="62"/>
                      </a:lnTo>
                      <a:lnTo>
                        <a:pt x="344" y="61"/>
                      </a:lnTo>
                      <a:lnTo>
                        <a:pt x="344" y="57"/>
                      </a:lnTo>
                      <a:lnTo>
                        <a:pt x="342" y="54"/>
                      </a:lnTo>
                      <a:lnTo>
                        <a:pt x="342" y="52"/>
                      </a:lnTo>
                      <a:lnTo>
                        <a:pt x="334" y="47"/>
                      </a:lnTo>
                      <a:lnTo>
                        <a:pt x="329" y="42"/>
                      </a:lnTo>
                      <a:lnTo>
                        <a:pt x="325" y="37"/>
                      </a:lnTo>
                      <a:lnTo>
                        <a:pt x="325" y="30"/>
                      </a:lnTo>
                      <a:lnTo>
                        <a:pt x="325" y="25"/>
                      </a:lnTo>
                      <a:lnTo>
                        <a:pt x="325" y="22"/>
                      </a:lnTo>
                      <a:lnTo>
                        <a:pt x="325" y="18"/>
                      </a:lnTo>
                      <a:lnTo>
                        <a:pt x="325" y="0"/>
                      </a:lnTo>
                      <a:lnTo>
                        <a:pt x="325" y="1"/>
                      </a:lnTo>
                      <a:lnTo>
                        <a:pt x="66" y="20"/>
                      </a:lnTo>
                      <a:lnTo>
                        <a:pt x="66" y="22"/>
                      </a:lnTo>
                      <a:lnTo>
                        <a:pt x="66" y="23"/>
                      </a:lnTo>
                      <a:lnTo>
                        <a:pt x="68" y="25"/>
                      </a:lnTo>
                      <a:lnTo>
                        <a:pt x="71" y="27"/>
                      </a:lnTo>
                      <a:lnTo>
                        <a:pt x="73" y="28"/>
                      </a:lnTo>
                      <a:lnTo>
                        <a:pt x="78" y="30"/>
                      </a:lnTo>
                      <a:lnTo>
                        <a:pt x="82" y="34"/>
                      </a:lnTo>
                      <a:lnTo>
                        <a:pt x="87" y="37"/>
                      </a:lnTo>
                      <a:lnTo>
                        <a:pt x="90" y="40"/>
                      </a:lnTo>
                      <a:lnTo>
                        <a:pt x="90" y="44"/>
                      </a:lnTo>
                      <a:lnTo>
                        <a:pt x="90" y="45"/>
                      </a:lnTo>
                      <a:lnTo>
                        <a:pt x="90" y="47"/>
                      </a:lnTo>
                      <a:lnTo>
                        <a:pt x="88" y="49"/>
                      </a:lnTo>
                      <a:lnTo>
                        <a:pt x="88" y="50"/>
                      </a:lnTo>
                      <a:lnTo>
                        <a:pt x="98" y="57"/>
                      </a:lnTo>
                      <a:lnTo>
                        <a:pt x="100" y="57"/>
                      </a:lnTo>
                      <a:lnTo>
                        <a:pt x="102" y="59"/>
                      </a:lnTo>
                      <a:lnTo>
                        <a:pt x="105" y="61"/>
                      </a:lnTo>
                      <a:lnTo>
                        <a:pt x="110" y="64"/>
                      </a:lnTo>
                      <a:lnTo>
                        <a:pt x="112" y="69"/>
                      </a:lnTo>
                      <a:lnTo>
                        <a:pt x="114" y="76"/>
                      </a:lnTo>
                      <a:lnTo>
                        <a:pt x="114" y="84"/>
                      </a:lnTo>
                      <a:lnTo>
                        <a:pt x="112" y="96"/>
                      </a:lnTo>
                      <a:lnTo>
                        <a:pt x="109" y="105"/>
                      </a:lnTo>
                      <a:lnTo>
                        <a:pt x="105" y="108"/>
                      </a:lnTo>
                      <a:lnTo>
                        <a:pt x="102" y="110"/>
                      </a:lnTo>
                      <a:lnTo>
                        <a:pt x="100" y="108"/>
                      </a:lnTo>
                      <a:lnTo>
                        <a:pt x="98" y="110"/>
                      </a:lnTo>
                      <a:lnTo>
                        <a:pt x="98" y="111"/>
                      </a:lnTo>
                      <a:lnTo>
                        <a:pt x="97" y="120"/>
                      </a:lnTo>
                      <a:lnTo>
                        <a:pt x="97" y="133"/>
                      </a:lnTo>
                      <a:lnTo>
                        <a:pt x="97" y="135"/>
                      </a:lnTo>
                      <a:lnTo>
                        <a:pt x="95" y="137"/>
                      </a:lnTo>
                      <a:lnTo>
                        <a:pt x="93" y="138"/>
                      </a:lnTo>
                      <a:lnTo>
                        <a:pt x="90" y="140"/>
                      </a:lnTo>
                      <a:lnTo>
                        <a:pt x="87" y="142"/>
                      </a:lnTo>
                      <a:lnTo>
                        <a:pt x="80" y="142"/>
                      </a:lnTo>
                      <a:lnTo>
                        <a:pt x="78" y="142"/>
                      </a:lnTo>
                      <a:lnTo>
                        <a:pt x="78" y="144"/>
                      </a:lnTo>
                      <a:lnTo>
                        <a:pt x="78" y="145"/>
                      </a:lnTo>
                      <a:lnTo>
                        <a:pt x="76" y="147"/>
                      </a:lnTo>
                      <a:lnTo>
                        <a:pt x="75" y="149"/>
                      </a:lnTo>
                      <a:lnTo>
                        <a:pt x="70" y="150"/>
                      </a:lnTo>
                      <a:lnTo>
                        <a:pt x="63" y="152"/>
                      </a:lnTo>
                      <a:lnTo>
                        <a:pt x="56" y="152"/>
                      </a:lnTo>
                      <a:lnTo>
                        <a:pt x="49" y="154"/>
                      </a:lnTo>
                      <a:lnTo>
                        <a:pt x="43" y="157"/>
                      </a:lnTo>
                      <a:lnTo>
                        <a:pt x="38" y="160"/>
                      </a:lnTo>
                      <a:lnTo>
                        <a:pt x="34" y="164"/>
                      </a:lnTo>
                      <a:lnTo>
                        <a:pt x="34" y="171"/>
                      </a:lnTo>
                      <a:lnTo>
                        <a:pt x="34" y="177"/>
                      </a:lnTo>
                      <a:lnTo>
                        <a:pt x="38" y="186"/>
                      </a:lnTo>
                      <a:lnTo>
                        <a:pt x="41" y="194"/>
                      </a:lnTo>
                      <a:lnTo>
                        <a:pt x="46" y="199"/>
                      </a:lnTo>
                      <a:lnTo>
                        <a:pt x="48" y="204"/>
                      </a:lnTo>
                      <a:lnTo>
                        <a:pt x="49" y="208"/>
                      </a:lnTo>
                      <a:lnTo>
                        <a:pt x="51" y="213"/>
                      </a:lnTo>
                      <a:lnTo>
                        <a:pt x="49" y="216"/>
                      </a:lnTo>
                      <a:lnTo>
                        <a:pt x="46" y="220"/>
                      </a:lnTo>
                      <a:lnTo>
                        <a:pt x="41" y="226"/>
                      </a:lnTo>
                      <a:lnTo>
                        <a:pt x="41" y="230"/>
                      </a:lnTo>
                      <a:lnTo>
                        <a:pt x="39" y="232"/>
                      </a:lnTo>
                      <a:lnTo>
                        <a:pt x="38" y="235"/>
                      </a:lnTo>
                      <a:lnTo>
                        <a:pt x="38" y="237"/>
                      </a:lnTo>
                      <a:lnTo>
                        <a:pt x="36" y="238"/>
                      </a:lnTo>
                      <a:lnTo>
                        <a:pt x="36" y="240"/>
                      </a:lnTo>
                      <a:lnTo>
                        <a:pt x="36" y="242"/>
                      </a:lnTo>
                      <a:lnTo>
                        <a:pt x="34" y="243"/>
                      </a:lnTo>
                      <a:lnTo>
                        <a:pt x="34" y="247"/>
                      </a:lnTo>
                      <a:lnTo>
                        <a:pt x="34" y="248"/>
                      </a:lnTo>
                      <a:lnTo>
                        <a:pt x="32" y="252"/>
                      </a:lnTo>
                      <a:lnTo>
                        <a:pt x="29" y="254"/>
                      </a:lnTo>
                      <a:lnTo>
                        <a:pt x="24" y="255"/>
                      </a:lnTo>
                      <a:lnTo>
                        <a:pt x="19" y="257"/>
                      </a:lnTo>
                      <a:lnTo>
                        <a:pt x="14" y="259"/>
                      </a:lnTo>
                      <a:lnTo>
                        <a:pt x="10" y="260"/>
                      </a:lnTo>
                      <a:lnTo>
                        <a:pt x="9" y="264"/>
                      </a:lnTo>
                      <a:lnTo>
                        <a:pt x="9" y="267"/>
                      </a:lnTo>
                      <a:lnTo>
                        <a:pt x="9" y="270"/>
                      </a:lnTo>
                      <a:lnTo>
                        <a:pt x="10" y="272"/>
                      </a:lnTo>
                      <a:lnTo>
                        <a:pt x="12" y="276"/>
                      </a:lnTo>
                      <a:lnTo>
                        <a:pt x="14" y="277"/>
                      </a:lnTo>
                      <a:lnTo>
                        <a:pt x="14" y="279"/>
                      </a:lnTo>
                      <a:lnTo>
                        <a:pt x="14" y="282"/>
                      </a:lnTo>
                      <a:lnTo>
                        <a:pt x="12" y="284"/>
                      </a:lnTo>
                      <a:lnTo>
                        <a:pt x="10" y="287"/>
                      </a:lnTo>
                      <a:lnTo>
                        <a:pt x="9" y="289"/>
                      </a:lnTo>
                      <a:lnTo>
                        <a:pt x="7" y="291"/>
                      </a:lnTo>
                      <a:lnTo>
                        <a:pt x="5" y="292"/>
                      </a:lnTo>
                      <a:lnTo>
                        <a:pt x="4" y="294"/>
                      </a:lnTo>
                      <a:lnTo>
                        <a:pt x="4" y="296"/>
                      </a:lnTo>
                      <a:lnTo>
                        <a:pt x="4" y="299"/>
                      </a:lnTo>
                      <a:lnTo>
                        <a:pt x="2" y="304"/>
                      </a:lnTo>
                      <a:lnTo>
                        <a:pt x="2" y="309"/>
                      </a:lnTo>
                      <a:lnTo>
                        <a:pt x="0" y="316"/>
                      </a:lnTo>
                      <a:lnTo>
                        <a:pt x="2" y="325"/>
                      </a:lnTo>
                      <a:lnTo>
                        <a:pt x="2" y="333"/>
                      </a:lnTo>
                      <a:lnTo>
                        <a:pt x="4" y="342"/>
                      </a:lnTo>
                      <a:lnTo>
                        <a:pt x="7" y="352"/>
                      </a:lnTo>
                      <a:lnTo>
                        <a:pt x="12" y="360"/>
                      </a:lnTo>
                      <a:lnTo>
                        <a:pt x="17" y="370"/>
                      </a:lnTo>
                      <a:lnTo>
                        <a:pt x="26" y="380"/>
                      </a:lnTo>
                      <a:lnTo>
                        <a:pt x="34" y="391"/>
                      </a:lnTo>
                      <a:lnTo>
                        <a:pt x="46" y="401"/>
                      </a:lnTo>
                      <a:lnTo>
                        <a:pt x="60" y="411"/>
                      </a:lnTo>
                      <a:lnTo>
                        <a:pt x="63" y="413"/>
                      </a:lnTo>
                      <a:lnTo>
                        <a:pt x="68" y="414"/>
                      </a:lnTo>
                      <a:lnTo>
                        <a:pt x="71" y="416"/>
                      </a:lnTo>
                      <a:lnTo>
                        <a:pt x="75" y="419"/>
                      </a:lnTo>
                      <a:lnTo>
                        <a:pt x="78" y="423"/>
                      </a:lnTo>
                      <a:lnTo>
                        <a:pt x="82" y="430"/>
                      </a:lnTo>
                      <a:lnTo>
                        <a:pt x="83" y="440"/>
                      </a:lnTo>
                      <a:lnTo>
                        <a:pt x="85" y="453"/>
                      </a:lnTo>
                      <a:lnTo>
                        <a:pt x="85" y="462"/>
                      </a:lnTo>
                      <a:lnTo>
                        <a:pt x="88" y="468"/>
                      </a:lnTo>
                      <a:lnTo>
                        <a:pt x="90" y="472"/>
                      </a:lnTo>
                      <a:lnTo>
                        <a:pt x="93" y="474"/>
                      </a:lnTo>
                      <a:lnTo>
                        <a:pt x="97" y="474"/>
                      </a:lnTo>
                      <a:lnTo>
                        <a:pt x="102" y="470"/>
                      </a:lnTo>
                      <a:lnTo>
                        <a:pt x="105" y="467"/>
                      </a:lnTo>
                      <a:lnTo>
                        <a:pt x="109" y="463"/>
                      </a:lnTo>
                      <a:lnTo>
                        <a:pt x="112" y="462"/>
                      </a:lnTo>
                      <a:lnTo>
                        <a:pt x="117" y="462"/>
                      </a:lnTo>
                      <a:lnTo>
                        <a:pt x="122" y="463"/>
                      </a:lnTo>
                      <a:lnTo>
                        <a:pt x="129" y="467"/>
                      </a:lnTo>
                      <a:lnTo>
                        <a:pt x="134" y="470"/>
                      </a:lnTo>
                      <a:lnTo>
                        <a:pt x="137" y="475"/>
                      </a:lnTo>
                      <a:lnTo>
                        <a:pt x="141" y="479"/>
                      </a:lnTo>
                      <a:lnTo>
                        <a:pt x="141" y="482"/>
                      </a:lnTo>
                      <a:lnTo>
                        <a:pt x="141" y="485"/>
                      </a:lnTo>
                      <a:lnTo>
                        <a:pt x="137" y="492"/>
                      </a:lnTo>
                      <a:lnTo>
                        <a:pt x="136" y="499"/>
                      </a:lnTo>
                      <a:lnTo>
                        <a:pt x="134" y="507"/>
                      </a:lnTo>
                      <a:lnTo>
                        <a:pt x="132" y="516"/>
                      </a:lnTo>
                      <a:lnTo>
                        <a:pt x="131" y="523"/>
                      </a:lnTo>
                      <a:lnTo>
                        <a:pt x="129" y="526"/>
                      </a:lnTo>
                      <a:lnTo>
                        <a:pt x="129" y="528"/>
                      </a:lnTo>
                      <a:lnTo>
                        <a:pt x="127" y="529"/>
                      </a:lnTo>
                      <a:lnTo>
                        <a:pt x="126" y="533"/>
                      </a:lnTo>
                      <a:lnTo>
                        <a:pt x="124" y="540"/>
                      </a:lnTo>
                      <a:lnTo>
                        <a:pt x="124" y="546"/>
                      </a:lnTo>
                      <a:lnTo>
                        <a:pt x="126" y="553"/>
                      </a:lnTo>
                      <a:lnTo>
                        <a:pt x="129" y="562"/>
                      </a:lnTo>
                      <a:lnTo>
                        <a:pt x="139" y="570"/>
                      </a:lnTo>
                      <a:lnTo>
                        <a:pt x="153" y="577"/>
                      </a:lnTo>
                      <a:lnTo>
                        <a:pt x="156" y="578"/>
                      </a:lnTo>
                      <a:lnTo>
                        <a:pt x="159" y="580"/>
                      </a:lnTo>
                      <a:lnTo>
                        <a:pt x="163" y="582"/>
                      </a:lnTo>
                      <a:lnTo>
                        <a:pt x="164" y="584"/>
                      </a:lnTo>
                      <a:lnTo>
                        <a:pt x="166" y="585"/>
                      </a:lnTo>
                      <a:lnTo>
                        <a:pt x="166" y="594"/>
                      </a:lnTo>
                      <a:lnTo>
                        <a:pt x="183" y="594"/>
                      </a:lnTo>
                      <a:lnTo>
                        <a:pt x="198" y="609"/>
                      </a:lnTo>
                      <a:lnTo>
                        <a:pt x="214" y="614"/>
                      </a:lnTo>
                      <a:lnTo>
                        <a:pt x="215" y="636"/>
                      </a:lnTo>
                      <a:lnTo>
                        <a:pt x="222" y="648"/>
                      </a:lnTo>
                      <a:lnTo>
                        <a:pt x="217" y="665"/>
                      </a:lnTo>
                      <a:lnTo>
                        <a:pt x="217" y="673"/>
                      </a:lnTo>
                      <a:lnTo>
                        <a:pt x="227" y="683"/>
                      </a:lnTo>
                      <a:lnTo>
                        <a:pt x="230" y="692"/>
                      </a:lnTo>
                      <a:lnTo>
                        <a:pt x="237" y="697"/>
                      </a:lnTo>
                      <a:lnTo>
                        <a:pt x="237" y="694"/>
                      </a:lnTo>
                      <a:lnTo>
                        <a:pt x="237" y="690"/>
                      </a:lnTo>
                      <a:lnTo>
                        <a:pt x="237" y="687"/>
                      </a:lnTo>
                      <a:lnTo>
                        <a:pt x="237" y="685"/>
                      </a:lnTo>
                      <a:lnTo>
                        <a:pt x="239" y="685"/>
                      </a:lnTo>
                      <a:lnTo>
                        <a:pt x="242" y="687"/>
                      </a:lnTo>
                      <a:lnTo>
                        <a:pt x="244" y="692"/>
                      </a:lnTo>
                      <a:lnTo>
                        <a:pt x="246" y="692"/>
                      </a:lnTo>
                      <a:lnTo>
                        <a:pt x="246" y="690"/>
                      </a:lnTo>
                      <a:lnTo>
                        <a:pt x="247" y="688"/>
                      </a:lnTo>
                      <a:lnTo>
                        <a:pt x="251" y="685"/>
                      </a:lnTo>
                      <a:lnTo>
                        <a:pt x="252" y="683"/>
                      </a:lnTo>
                      <a:lnTo>
                        <a:pt x="256" y="682"/>
                      </a:lnTo>
                      <a:lnTo>
                        <a:pt x="258" y="680"/>
                      </a:lnTo>
                      <a:lnTo>
                        <a:pt x="258" y="678"/>
                      </a:lnTo>
                      <a:close/>
                    </a:path>
                  </a:pathLst>
                </a:custGeom>
                <a:solidFill>
                  <a:srgbClr val="2D73FF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25" name="Freeform 46"/>
                <p:cNvSpPr>
                  <a:spLocks/>
                </p:cNvSpPr>
                <p:nvPr/>
              </p:nvSpPr>
              <p:spPr bwMode="auto">
                <a:xfrm>
                  <a:off x="2691" y="2198"/>
                  <a:ext cx="644" cy="564"/>
                </a:xfrm>
                <a:custGeom>
                  <a:avLst/>
                  <a:gdLst>
                    <a:gd name="T0" fmla="*/ 79 w 662"/>
                    <a:gd name="T1" fmla="*/ 448 h 570"/>
                    <a:gd name="T2" fmla="*/ 79 w 662"/>
                    <a:gd name="T3" fmla="*/ 427 h 570"/>
                    <a:gd name="T4" fmla="*/ 79 w 662"/>
                    <a:gd name="T5" fmla="*/ 409 h 570"/>
                    <a:gd name="T6" fmla="*/ 79 w 662"/>
                    <a:gd name="T7" fmla="*/ 399 h 570"/>
                    <a:gd name="T8" fmla="*/ 57 w 662"/>
                    <a:gd name="T9" fmla="*/ 146 h 570"/>
                    <a:gd name="T10" fmla="*/ 46 w 662"/>
                    <a:gd name="T11" fmla="*/ 123 h 570"/>
                    <a:gd name="T12" fmla="*/ 55 w 662"/>
                    <a:gd name="T13" fmla="*/ 91 h 570"/>
                    <a:gd name="T14" fmla="*/ 50 w 662"/>
                    <a:gd name="T15" fmla="*/ 86 h 570"/>
                    <a:gd name="T16" fmla="*/ 23 w 662"/>
                    <a:gd name="T17" fmla="*/ 69 h 570"/>
                    <a:gd name="T18" fmla="*/ 10 w 662"/>
                    <a:gd name="T19" fmla="*/ 32 h 570"/>
                    <a:gd name="T20" fmla="*/ 5 w 662"/>
                    <a:gd name="T21" fmla="*/ 22 h 570"/>
                    <a:gd name="T22" fmla="*/ 0 w 662"/>
                    <a:gd name="T23" fmla="*/ 10 h 570"/>
                    <a:gd name="T24" fmla="*/ 263 w 662"/>
                    <a:gd name="T25" fmla="*/ 10 h 570"/>
                    <a:gd name="T26" fmla="*/ 273 w 662"/>
                    <a:gd name="T27" fmla="*/ 28 h 570"/>
                    <a:gd name="T28" fmla="*/ 273 w 662"/>
                    <a:gd name="T29" fmla="*/ 32 h 570"/>
                    <a:gd name="T30" fmla="*/ 271 w 662"/>
                    <a:gd name="T31" fmla="*/ 47 h 570"/>
                    <a:gd name="T32" fmla="*/ 276 w 662"/>
                    <a:gd name="T33" fmla="*/ 74 h 570"/>
                    <a:gd name="T34" fmla="*/ 295 w 662"/>
                    <a:gd name="T35" fmla="*/ 113 h 570"/>
                    <a:gd name="T36" fmla="*/ 318 w 662"/>
                    <a:gd name="T37" fmla="*/ 132 h 570"/>
                    <a:gd name="T38" fmla="*/ 328 w 662"/>
                    <a:gd name="T39" fmla="*/ 140 h 570"/>
                    <a:gd name="T40" fmla="*/ 331 w 662"/>
                    <a:gd name="T41" fmla="*/ 176 h 570"/>
                    <a:gd name="T42" fmla="*/ 340 w 662"/>
                    <a:gd name="T43" fmla="*/ 178 h 570"/>
                    <a:gd name="T44" fmla="*/ 350 w 662"/>
                    <a:gd name="T45" fmla="*/ 170 h 570"/>
                    <a:gd name="T46" fmla="*/ 365 w 662"/>
                    <a:gd name="T47" fmla="*/ 183 h 570"/>
                    <a:gd name="T48" fmla="*/ 365 w 662"/>
                    <a:gd name="T49" fmla="*/ 200 h 570"/>
                    <a:gd name="T50" fmla="*/ 360 w 662"/>
                    <a:gd name="T51" fmla="*/ 223 h 570"/>
                    <a:gd name="T52" fmla="*/ 357 w 662"/>
                    <a:gd name="T53" fmla="*/ 230 h 570"/>
                    <a:gd name="T54" fmla="*/ 358 w 662"/>
                    <a:gd name="T55" fmla="*/ 256 h 570"/>
                    <a:gd name="T56" fmla="*/ 378 w 662"/>
                    <a:gd name="T57" fmla="*/ 274 h 570"/>
                    <a:gd name="T58" fmla="*/ 384 w 662"/>
                    <a:gd name="T59" fmla="*/ 279 h 570"/>
                    <a:gd name="T60" fmla="*/ 396 w 662"/>
                    <a:gd name="T61" fmla="*/ 288 h 570"/>
                    <a:gd name="T62" fmla="*/ 422 w 662"/>
                    <a:gd name="T63" fmla="*/ 329 h 570"/>
                    <a:gd name="T64" fmla="*/ 428 w 662"/>
                    <a:gd name="T65" fmla="*/ 371 h 570"/>
                    <a:gd name="T66" fmla="*/ 433 w 662"/>
                    <a:gd name="T67" fmla="*/ 370 h 570"/>
                    <a:gd name="T68" fmla="*/ 435 w 662"/>
                    <a:gd name="T69" fmla="*/ 367 h 570"/>
                    <a:gd name="T70" fmla="*/ 443 w 662"/>
                    <a:gd name="T71" fmla="*/ 377 h 570"/>
                    <a:gd name="T72" fmla="*/ 447 w 662"/>
                    <a:gd name="T73" fmla="*/ 419 h 570"/>
                    <a:gd name="T74" fmla="*/ 419 w 662"/>
                    <a:gd name="T75" fmla="*/ 459 h 570"/>
                    <a:gd name="T76" fmla="*/ 411 w 662"/>
                    <a:gd name="T77" fmla="*/ 461 h 570"/>
                    <a:gd name="T78" fmla="*/ 421 w 662"/>
                    <a:gd name="T79" fmla="*/ 471 h 570"/>
                    <a:gd name="T80" fmla="*/ 421 w 662"/>
                    <a:gd name="T81" fmla="*/ 475 h 570"/>
                    <a:gd name="T82" fmla="*/ 411 w 662"/>
                    <a:gd name="T83" fmla="*/ 489 h 570"/>
                    <a:gd name="T84" fmla="*/ 370 w 662"/>
                    <a:gd name="T85" fmla="*/ 485 h 570"/>
                    <a:gd name="T86" fmla="*/ 378 w 662"/>
                    <a:gd name="T87" fmla="*/ 465 h 570"/>
                    <a:gd name="T88" fmla="*/ 386 w 662"/>
                    <a:gd name="T89" fmla="*/ 448 h 570"/>
                    <a:gd name="T90" fmla="*/ 376 w 662"/>
                    <a:gd name="T91" fmla="*/ 434 h 570"/>
                    <a:gd name="T92" fmla="*/ 365 w 662"/>
                    <a:gd name="T93" fmla="*/ 436 h 570"/>
                    <a:gd name="T94" fmla="*/ 337 w 662"/>
                    <a:gd name="T95" fmla="*/ 437 h 570"/>
                    <a:gd name="T96" fmla="*/ 294 w 662"/>
                    <a:gd name="T97" fmla="*/ 441 h 570"/>
                    <a:gd name="T98" fmla="*/ 241 w 662"/>
                    <a:gd name="T99" fmla="*/ 444 h 570"/>
                    <a:gd name="T100" fmla="*/ 188 w 662"/>
                    <a:gd name="T101" fmla="*/ 448 h 570"/>
                    <a:gd name="T102" fmla="*/ 140 w 662"/>
                    <a:gd name="T103" fmla="*/ 451 h 570"/>
                    <a:gd name="T104" fmla="*/ 101 w 662"/>
                    <a:gd name="T105" fmla="*/ 452 h 570"/>
                    <a:gd name="T106" fmla="*/ 81 w 662"/>
                    <a:gd name="T107" fmla="*/ 453 h 570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w 662"/>
                    <a:gd name="T163" fmla="*/ 0 h 570"/>
                    <a:gd name="T164" fmla="*/ 662 w 662"/>
                    <a:gd name="T165" fmla="*/ 570 h 570"/>
                  </a:gdLst>
                  <a:ahLst/>
                  <a:cxnLst>
                    <a:cxn ang="T108">
                      <a:pos x="T0" y="T1"/>
                    </a:cxn>
                    <a:cxn ang="T109">
                      <a:pos x="T2" y="T3"/>
                    </a:cxn>
                    <a:cxn ang="T110">
                      <a:pos x="T4" y="T5"/>
                    </a:cxn>
                    <a:cxn ang="T111">
                      <a:pos x="T6" y="T7"/>
                    </a:cxn>
                    <a:cxn ang="T112">
                      <a:pos x="T8" y="T9"/>
                    </a:cxn>
                    <a:cxn ang="T113">
                      <a:pos x="T10" y="T11"/>
                    </a:cxn>
                    <a:cxn ang="T114">
                      <a:pos x="T12" y="T13"/>
                    </a:cxn>
                    <a:cxn ang="T115">
                      <a:pos x="T14" y="T15"/>
                    </a:cxn>
                    <a:cxn ang="T116">
                      <a:pos x="T16" y="T17"/>
                    </a:cxn>
                    <a:cxn ang="T117">
                      <a:pos x="T18" y="T19"/>
                    </a:cxn>
                    <a:cxn ang="T118">
                      <a:pos x="T20" y="T21"/>
                    </a:cxn>
                    <a:cxn ang="T119">
                      <a:pos x="T22" y="T23"/>
                    </a:cxn>
                    <a:cxn ang="T120">
                      <a:pos x="T24" y="T25"/>
                    </a:cxn>
                    <a:cxn ang="T121">
                      <a:pos x="T26" y="T27"/>
                    </a:cxn>
                    <a:cxn ang="T122">
                      <a:pos x="T28" y="T29"/>
                    </a:cxn>
                    <a:cxn ang="T123">
                      <a:pos x="T30" y="T31"/>
                    </a:cxn>
                    <a:cxn ang="T124">
                      <a:pos x="T32" y="T33"/>
                    </a:cxn>
                    <a:cxn ang="T125">
                      <a:pos x="T34" y="T35"/>
                    </a:cxn>
                    <a:cxn ang="T126">
                      <a:pos x="T36" y="T37"/>
                    </a:cxn>
                    <a:cxn ang="T127">
                      <a:pos x="T38" y="T39"/>
                    </a:cxn>
                    <a:cxn ang="T128">
                      <a:pos x="T40" y="T41"/>
                    </a:cxn>
                    <a:cxn ang="T129">
                      <a:pos x="T42" y="T43"/>
                    </a:cxn>
                    <a:cxn ang="T130">
                      <a:pos x="T44" y="T45"/>
                    </a:cxn>
                    <a:cxn ang="T131">
                      <a:pos x="T46" y="T47"/>
                    </a:cxn>
                    <a:cxn ang="T132">
                      <a:pos x="T48" y="T49"/>
                    </a:cxn>
                    <a:cxn ang="T133">
                      <a:pos x="T50" y="T51"/>
                    </a:cxn>
                    <a:cxn ang="T134">
                      <a:pos x="T52" y="T53"/>
                    </a:cxn>
                    <a:cxn ang="T135">
                      <a:pos x="T54" y="T55"/>
                    </a:cxn>
                    <a:cxn ang="T136">
                      <a:pos x="T56" y="T57"/>
                    </a:cxn>
                    <a:cxn ang="T137">
                      <a:pos x="T58" y="T59"/>
                    </a:cxn>
                    <a:cxn ang="T138">
                      <a:pos x="T60" y="T61"/>
                    </a:cxn>
                    <a:cxn ang="T139">
                      <a:pos x="T62" y="T63"/>
                    </a:cxn>
                    <a:cxn ang="T140">
                      <a:pos x="T64" y="T65"/>
                    </a:cxn>
                    <a:cxn ang="T141">
                      <a:pos x="T66" y="T67"/>
                    </a:cxn>
                    <a:cxn ang="T142">
                      <a:pos x="T68" y="T69"/>
                    </a:cxn>
                    <a:cxn ang="T143">
                      <a:pos x="T70" y="T71"/>
                    </a:cxn>
                    <a:cxn ang="T144">
                      <a:pos x="T72" y="T73"/>
                    </a:cxn>
                    <a:cxn ang="T145">
                      <a:pos x="T74" y="T75"/>
                    </a:cxn>
                    <a:cxn ang="T146">
                      <a:pos x="T76" y="T77"/>
                    </a:cxn>
                    <a:cxn ang="T147">
                      <a:pos x="T78" y="T79"/>
                    </a:cxn>
                    <a:cxn ang="T148">
                      <a:pos x="T80" y="T81"/>
                    </a:cxn>
                    <a:cxn ang="T149">
                      <a:pos x="T82" y="T83"/>
                    </a:cxn>
                    <a:cxn ang="T150">
                      <a:pos x="T84" y="T85"/>
                    </a:cxn>
                    <a:cxn ang="T151">
                      <a:pos x="T86" y="T87"/>
                    </a:cxn>
                    <a:cxn ang="T152">
                      <a:pos x="T88" y="T89"/>
                    </a:cxn>
                    <a:cxn ang="T153">
                      <a:pos x="T90" y="T91"/>
                    </a:cxn>
                    <a:cxn ang="T154">
                      <a:pos x="T92" y="T93"/>
                    </a:cxn>
                    <a:cxn ang="T155">
                      <a:pos x="T94" y="T95"/>
                    </a:cxn>
                    <a:cxn ang="T156">
                      <a:pos x="T96" y="T97"/>
                    </a:cxn>
                    <a:cxn ang="T157">
                      <a:pos x="T98" y="T99"/>
                    </a:cxn>
                    <a:cxn ang="T158">
                      <a:pos x="T100" y="T101"/>
                    </a:cxn>
                    <a:cxn ang="T159">
                      <a:pos x="T102" y="T103"/>
                    </a:cxn>
                    <a:cxn ang="T160">
                      <a:pos x="T104" y="T105"/>
                    </a:cxn>
                    <a:cxn ang="T161">
                      <a:pos x="T106" y="T107"/>
                    </a:cxn>
                  </a:cxnLst>
                  <a:rect l="T162" t="T163" r="T164" b="T165"/>
                  <a:pathLst>
                    <a:path w="662" h="570">
                      <a:moveTo>
                        <a:pt x="117" y="524"/>
                      </a:moveTo>
                      <a:lnTo>
                        <a:pt x="117" y="523"/>
                      </a:lnTo>
                      <a:lnTo>
                        <a:pt x="115" y="521"/>
                      </a:lnTo>
                      <a:lnTo>
                        <a:pt x="115" y="518"/>
                      </a:lnTo>
                      <a:lnTo>
                        <a:pt x="115" y="514"/>
                      </a:lnTo>
                      <a:lnTo>
                        <a:pt x="115" y="509"/>
                      </a:lnTo>
                      <a:lnTo>
                        <a:pt x="115" y="504"/>
                      </a:lnTo>
                      <a:lnTo>
                        <a:pt x="115" y="497"/>
                      </a:lnTo>
                      <a:lnTo>
                        <a:pt x="115" y="492"/>
                      </a:lnTo>
                      <a:lnTo>
                        <a:pt x="115" y="487"/>
                      </a:lnTo>
                      <a:lnTo>
                        <a:pt x="115" y="480"/>
                      </a:lnTo>
                      <a:lnTo>
                        <a:pt x="115" y="475"/>
                      </a:lnTo>
                      <a:lnTo>
                        <a:pt x="115" y="470"/>
                      </a:lnTo>
                      <a:lnTo>
                        <a:pt x="115" y="467"/>
                      </a:lnTo>
                      <a:lnTo>
                        <a:pt x="115" y="463"/>
                      </a:lnTo>
                      <a:lnTo>
                        <a:pt x="115" y="462"/>
                      </a:lnTo>
                      <a:lnTo>
                        <a:pt x="115" y="460"/>
                      </a:lnTo>
                      <a:lnTo>
                        <a:pt x="113" y="188"/>
                      </a:lnTo>
                      <a:lnTo>
                        <a:pt x="96" y="188"/>
                      </a:lnTo>
                      <a:lnTo>
                        <a:pt x="85" y="174"/>
                      </a:lnTo>
                      <a:lnTo>
                        <a:pt x="83" y="162"/>
                      </a:lnTo>
                      <a:lnTo>
                        <a:pt x="79" y="155"/>
                      </a:lnTo>
                      <a:lnTo>
                        <a:pt x="66" y="145"/>
                      </a:lnTo>
                      <a:lnTo>
                        <a:pt x="66" y="137"/>
                      </a:lnTo>
                      <a:lnTo>
                        <a:pt x="79" y="118"/>
                      </a:lnTo>
                      <a:lnTo>
                        <a:pt x="83" y="113"/>
                      </a:lnTo>
                      <a:lnTo>
                        <a:pt x="85" y="108"/>
                      </a:lnTo>
                      <a:lnTo>
                        <a:pt x="83" y="105"/>
                      </a:lnTo>
                      <a:lnTo>
                        <a:pt x="81" y="103"/>
                      </a:lnTo>
                      <a:lnTo>
                        <a:pt x="78" y="101"/>
                      </a:lnTo>
                      <a:lnTo>
                        <a:pt x="74" y="100"/>
                      </a:lnTo>
                      <a:lnTo>
                        <a:pt x="73" y="100"/>
                      </a:lnTo>
                      <a:lnTo>
                        <a:pt x="71" y="98"/>
                      </a:lnTo>
                      <a:lnTo>
                        <a:pt x="61" y="100"/>
                      </a:lnTo>
                      <a:lnTo>
                        <a:pt x="49" y="89"/>
                      </a:lnTo>
                      <a:lnTo>
                        <a:pt x="37" y="83"/>
                      </a:lnTo>
                      <a:lnTo>
                        <a:pt x="39" y="84"/>
                      </a:lnTo>
                      <a:lnTo>
                        <a:pt x="27" y="56"/>
                      </a:lnTo>
                      <a:lnTo>
                        <a:pt x="13" y="44"/>
                      </a:lnTo>
                      <a:lnTo>
                        <a:pt x="10" y="32"/>
                      </a:lnTo>
                      <a:lnTo>
                        <a:pt x="10" y="30"/>
                      </a:lnTo>
                      <a:lnTo>
                        <a:pt x="8" y="28"/>
                      </a:lnTo>
                      <a:lnTo>
                        <a:pt x="7" y="25"/>
                      </a:lnTo>
                      <a:lnTo>
                        <a:pt x="5" y="22"/>
                      </a:lnTo>
                      <a:lnTo>
                        <a:pt x="3" y="17"/>
                      </a:lnTo>
                      <a:lnTo>
                        <a:pt x="2" y="13"/>
                      </a:lnTo>
                      <a:lnTo>
                        <a:pt x="0" y="10"/>
                      </a:lnTo>
                      <a:lnTo>
                        <a:pt x="379" y="0"/>
                      </a:lnTo>
                      <a:lnTo>
                        <a:pt x="381" y="1"/>
                      </a:lnTo>
                      <a:lnTo>
                        <a:pt x="382" y="5"/>
                      </a:lnTo>
                      <a:lnTo>
                        <a:pt x="387" y="10"/>
                      </a:lnTo>
                      <a:lnTo>
                        <a:pt x="391" y="15"/>
                      </a:lnTo>
                      <a:lnTo>
                        <a:pt x="396" y="20"/>
                      </a:lnTo>
                      <a:lnTo>
                        <a:pt x="401" y="25"/>
                      </a:lnTo>
                      <a:lnTo>
                        <a:pt x="403" y="28"/>
                      </a:lnTo>
                      <a:lnTo>
                        <a:pt x="404" y="28"/>
                      </a:lnTo>
                      <a:lnTo>
                        <a:pt x="403" y="30"/>
                      </a:lnTo>
                      <a:lnTo>
                        <a:pt x="403" y="32"/>
                      </a:lnTo>
                      <a:lnTo>
                        <a:pt x="403" y="35"/>
                      </a:lnTo>
                      <a:lnTo>
                        <a:pt x="401" y="40"/>
                      </a:lnTo>
                      <a:lnTo>
                        <a:pt x="401" y="45"/>
                      </a:lnTo>
                      <a:lnTo>
                        <a:pt x="399" y="52"/>
                      </a:lnTo>
                      <a:lnTo>
                        <a:pt x="401" y="61"/>
                      </a:lnTo>
                      <a:lnTo>
                        <a:pt x="401" y="69"/>
                      </a:lnTo>
                      <a:lnTo>
                        <a:pt x="403" y="78"/>
                      </a:lnTo>
                      <a:lnTo>
                        <a:pt x="406" y="88"/>
                      </a:lnTo>
                      <a:lnTo>
                        <a:pt x="411" y="96"/>
                      </a:lnTo>
                      <a:lnTo>
                        <a:pt x="416" y="106"/>
                      </a:lnTo>
                      <a:lnTo>
                        <a:pt x="425" y="116"/>
                      </a:lnTo>
                      <a:lnTo>
                        <a:pt x="433" y="127"/>
                      </a:lnTo>
                      <a:lnTo>
                        <a:pt x="445" y="137"/>
                      </a:lnTo>
                      <a:lnTo>
                        <a:pt x="459" y="147"/>
                      </a:lnTo>
                      <a:lnTo>
                        <a:pt x="462" y="149"/>
                      </a:lnTo>
                      <a:lnTo>
                        <a:pt x="467" y="150"/>
                      </a:lnTo>
                      <a:lnTo>
                        <a:pt x="470" y="152"/>
                      </a:lnTo>
                      <a:lnTo>
                        <a:pt x="474" y="155"/>
                      </a:lnTo>
                      <a:lnTo>
                        <a:pt x="477" y="159"/>
                      </a:lnTo>
                      <a:lnTo>
                        <a:pt x="481" y="166"/>
                      </a:lnTo>
                      <a:lnTo>
                        <a:pt x="482" y="176"/>
                      </a:lnTo>
                      <a:lnTo>
                        <a:pt x="484" y="189"/>
                      </a:lnTo>
                      <a:lnTo>
                        <a:pt x="484" y="198"/>
                      </a:lnTo>
                      <a:lnTo>
                        <a:pt x="487" y="204"/>
                      </a:lnTo>
                      <a:lnTo>
                        <a:pt x="489" y="208"/>
                      </a:lnTo>
                      <a:lnTo>
                        <a:pt x="492" y="210"/>
                      </a:lnTo>
                      <a:lnTo>
                        <a:pt x="496" y="210"/>
                      </a:lnTo>
                      <a:lnTo>
                        <a:pt x="501" y="206"/>
                      </a:lnTo>
                      <a:lnTo>
                        <a:pt x="504" y="203"/>
                      </a:lnTo>
                      <a:lnTo>
                        <a:pt x="508" y="199"/>
                      </a:lnTo>
                      <a:lnTo>
                        <a:pt x="511" y="198"/>
                      </a:lnTo>
                      <a:lnTo>
                        <a:pt x="516" y="198"/>
                      </a:lnTo>
                      <a:lnTo>
                        <a:pt x="521" y="199"/>
                      </a:lnTo>
                      <a:lnTo>
                        <a:pt x="528" y="203"/>
                      </a:lnTo>
                      <a:lnTo>
                        <a:pt x="533" y="206"/>
                      </a:lnTo>
                      <a:lnTo>
                        <a:pt x="536" y="211"/>
                      </a:lnTo>
                      <a:lnTo>
                        <a:pt x="540" y="215"/>
                      </a:lnTo>
                      <a:lnTo>
                        <a:pt x="540" y="218"/>
                      </a:lnTo>
                      <a:lnTo>
                        <a:pt x="540" y="221"/>
                      </a:lnTo>
                      <a:lnTo>
                        <a:pt x="536" y="228"/>
                      </a:lnTo>
                      <a:lnTo>
                        <a:pt x="535" y="235"/>
                      </a:lnTo>
                      <a:lnTo>
                        <a:pt x="533" y="243"/>
                      </a:lnTo>
                      <a:lnTo>
                        <a:pt x="531" y="252"/>
                      </a:lnTo>
                      <a:lnTo>
                        <a:pt x="530" y="259"/>
                      </a:lnTo>
                      <a:lnTo>
                        <a:pt x="528" y="262"/>
                      </a:lnTo>
                      <a:lnTo>
                        <a:pt x="528" y="264"/>
                      </a:lnTo>
                      <a:lnTo>
                        <a:pt x="526" y="265"/>
                      </a:lnTo>
                      <a:lnTo>
                        <a:pt x="525" y="269"/>
                      </a:lnTo>
                      <a:lnTo>
                        <a:pt x="523" y="276"/>
                      </a:lnTo>
                      <a:lnTo>
                        <a:pt x="523" y="282"/>
                      </a:lnTo>
                      <a:lnTo>
                        <a:pt x="525" y="289"/>
                      </a:lnTo>
                      <a:lnTo>
                        <a:pt x="528" y="298"/>
                      </a:lnTo>
                      <a:lnTo>
                        <a:pt x="538" y="306"/>
                      </a:lnTo>
                      <a:lnTo>
                        <a:pt x="552" y="313"/>
                      </a:lnTo>
                      <a:lnTo>
                        <a:pt x="555" y="314"/>
                      </a:lnTo>
                      <a:lnTo>
                        <a:pt x="558" y="316"/>
                      </a:lnTo>
                      <a:lnTo>
                        <a:pt x="562" y="318"/>
                      </a:lnTo>
                      <a:lnTo>
                        <a:pt x="563" y="320"/>
                      </a:lnTo>
                      <a:lnTo>
                        <a:pt x="565" y="321"/>
                      </a:lnTo>
                      <a:lnTo>
                        <a:pt x="565" y="330"/>
                      </a:lnTo>
                      <a:lnTo>
                        <a:pt x="582" y="330"/>
                      </a:lnTo>
                      <a:lnTo>
                        <a:pt x="597" y="345"/>
                      </a:lnTo>
                      <a:lnTo>
                        <a:pt x="613" y="350"/>
                      </a:lnTo>
                      <a:lnTo>
                        <a:pt x="614" y="372"/>
                      </a:lnTo>
                      <a:lnTo>
                        <a:pt x="621" y="384"/>
                      </a:lnTo>
                      <a:lnTo>
                        <a:pt x="616" y="401"/>
                      </a:lnTo>
                      <a:lnTo>
                        <a:pt x="616" y="409"/>
                      </a:lnTo>
                      <a:lnTo>
                        <a:pt x="626" y="419"/>
                      </a:lnTo>
                      <a:lnTo>
                        <a:pt x="629" y="428"/>
                      </a:lnTo>
                      <a:lnTo>
                        <a:pt x="636" y="433"/>
                      </a:lnTo>
                      <a:lnTo>
                        <a:pt x="636" y="430"/>
                      </a:lnTo>
                      <a:lnTo>
                        <a:pt x="636" y="426"/>
                      </a:lnTo>
                      <a:lnTo>
                        <a:pt x="636" y="423"/>
                      </a:lnTo>
                      <a:lnTo>
                        <a:pt x="636" y="421"/>
                      </a:lnTo>
                      <a:lnTo>
                        <a:pt x="638" y="421"/>
                      </a:lnTo>
                      <a:lnTo>
                        <a:pt x="641" y="423"/>
                      </a:lnTo>
                      <a:lnTo>
                        <a:pt x="643" y="428"/>
                      </a:lnTo>
                      <a:lnTo>
                        <a:pt x="645" y="430"/>
                      </a:lnTo>
                      <a:lnTo>
                        <a:pt x="648" y="433"/>
                      </a:lnTo>
                      <a:lnTo>
                        <a:pt x="651" y="435"/>
                      </a:lnTo>
                      <a:lnTo>
                        <a:pt x="653" y="436"/>
                      </a:lnTo>
                      <a:lnTo>
                        <a:pt x="662" y="443"/>
                      </a:lnTo>
                      <a:lnTo>
                        <a:pt x="657" y="452"/>
                      </a:lnTo>
                      <a:lnTo>
                        <a:pt x="657" y="487"/>
                      </a:lnTo>
                      <a:lnTo>
                        <a:pt x="638" y="489"/>
                      </a:lnTo>
                      <a:lnTo>
                        <a:pt x="619" y="502"/>
                      </a:lnTo>
                      <a:lnTo>
                        <a:pt x="618" y="531"/>
                      </a:lnTo>
                      <a:lnTo>
                        <a:pt x="616" y="531"/>
                      </a:lnTo>
                      <a:lnTo>
                        <a:pt x="614" y="531"/>
                      </a:lnTo>
                      <a:lnTo>
                        <a:pt x="613" y="531"/>
                      </a:lnTo>
                      <a:lnTo>
                        <a:pt x="609" y="531"/>
                      </a:lnTo>
                      <a:lnTo>
                        <a:pt x="607" y="533"/>
                      </a:lnTo>
                      <a:lnTo>
                        <a:pt x="607" y="534"/>
                      </a:lnTo>
                      <a:lnTo>
                        <a:pt x="609" y="538"/>
                      </a:lnTo>
                      <a:lnTo>
                        <a:pt x="613" y="541"/>
                      </a:lnTo>
                      <a:lnTo>
                        <a:pt x="618" y="545"/>
                      </a:lnTo>
                      <a:lnTo>
                        <a:pt x="619" y="548"/>
                      </a:lnTo>
                      <a:lnTo>
                        <a:pt x="619" y="550"/>
                      </a:lnTo>
                      <a:lnTo>
                        <a:pt x="618" y="550"/>
                      </a:lnTo>
                      <a:lnTo>
                        <a:pt x="616" y="550"/>
                      </a:lnTo>
                      <a:lnTo>
                        <a:pt x="606" y="567"/>
                      </a:lnTo>
                      <a:lnTo>
                        <a:pt x="541" y="570"/>
                      </a:lnTo>
                      <a:lnTo>
                        <a:pt x="541" y="568"/>
                      </a:lnTo>
                      <a:lnTo>
                        <a:pt x="543" y="565"/>
                      </a:lnTo>
                      <a:lnTo>
                        <a:pt x="545" y="562"/>
                      </a:lnTo>
                      <a:lnTo>
                        <a:pt x="547" y="555"/>
                      </a:lnTo>
                      <a:lnTo>
                        <a:pt x="550" y="550"/>
                      </a:lnTo>
                      <a:lnTo>
                        <a:pt x="553" y="543"/>
                      </a:lnTo>
                      <a:lnTo>
                        <a:pt x="557" y="538"/>
                      </a:lnTo>
                      <a:lnTo>
                        <a:pt x="563" y="533"/>
                      </a:lnTo>
                      <a:lnTo>
                        <a:pt x="567" y="528"/>
                      </a:lnTo>
                      <a:lnTo>
                        <a:pt x="569" y="523"/>
                      </a:lnTo>
                      <a:lnTo>
                        <a:pt x="567" y="518"/>
                      </a:lnTo>
                      <a:lnTo>
                        <a:pt x="563" y="512"/>
                      </a:lnTo>
                      <a:lnTo>
                        <a:pt x="560" y="509"/>
                      </a:lnTo>
                      <a:lnTo>
                        <a:pt x="555" y="506"/>
                      </a:lnTo>
                      <a:lnTo>
                        <a:pt x="552" y="504"/>
                      </a:lnTo>
                      <a:lnTo>
                        <a:pt x="548" y="504"/>
                      </a:lnTo>
                      <a:lnTo>
                        <a:pt x="547" y="506"/>
                      </a:lnTo>
                      <a:lnTo>
                        <a:pt x="543" y="506"/>
                      </a:lnTo>
                      <a:lnTo>
                        <a:pt x="536" y="506"/>
                      </a:lnTo>
                      <a:lnTo>
                        <a:pt x="528" y="506"/>
                      </a:lnTo>
                      <a:lnTo>
                        <a:pt x="519" y="507"/>
                      </a:lnTo>
                      <a:lnTo>
                        <a:pt x="508" y="507"/>
                      </a:lnTo>
                      <a:lnTo>
                        <a:pt x="494" y="507"/>
                      </a:lnTo>
                      <a:lnTo>
                        <a:pt x="481" y="509"/>
                      </a:lnTo>
                      <a:lnTo>
                        <a:pt x="465" y="509"/>
                      </a:lnTo>
                      <a:lnTo>
                        <a:pt x="448" y="511"/>
                      </a:lnTo>
                      <a:lnTo>
                        <a:pt x="431" y="511"/>
                      </a:lnTo>
                      <a:lnTo>
                        <a:pt x="413" y="511"/>
                      </a:lnTo>
                      <a:lnTo>
                        <a:pt x="394" y="512"/>
                      </a:lnTo>
                      <a:lnTo>
                        <a:pt x="376" y="512"/>
                      </a:lnTo>
                      <a:lnTo>
                        <a:pt x="355" y="514"/>
                      </a:lnTo>
                      <a:lnTo>
                        <a:pt x="337" y="514"/>
                      </a:lnTo>
                      <a:lnTo>
                        <a:pt x="316" y="516"/>
                      </a:lnTo>
                      <a:lnTo>
                        <a:pt x="296" y="516"/>
                      </a:lnTo>
                      <a:lnTo>
                        <a:pt x="277" y="518"/>
                      </a:lnTo>
                      <a:lnTo>
                        <a:pt x="259" y="518"/>
                      </a:lnTo>
                      <a:lnTo>
                        <a:pt x="240" y="519"/>
                      </a:lnTo>
                      <a:lnTo>
                        <a:pt x="222" y="519"/>
                      </a:lnTo>
                      <a:lnTo>
                        <a:pt x="205" y="521"/>
                      </a:lnTo>
                      <a:lnTo>
                        <a:pt x="189" y="521"/>
                      </a:lnTo>
                      <a:lnTo>
                        <a:pt x="174" y="521"/>
                      </a:lnTo>
                      <a:lnTo>
                        <a:pt x="162" y="523"/>
                      </a:lnTo>
                      <a:lnTo>
                        <a:pt x="149" y="523"/>
                      </a:lnTo>
                      <a:lnTo>
                        <a:pt x="139" y="523"/>
                      </a:lnTo>
                      <a:lnTo>
                        <a:pt x="130" y="523"/>
                      </a:lnTo>
                      <a:lnTo>
                        <a:pt x="123" y="523"/>
                      </a:lnTo>
                      <a:lnTo>
                        <a:pt x="118" y="524"/>
                      </a:lnTo>
                      <a:lnTo>
                        <a:pt x="117" y="524"/>
                      </a:lnTo>
                      <a:close/>
                    </a:path>
                  </a:pathLst>
                </a:custGeom>
                <a:solidFill>
                  <a:schemeClr val="bg2">
                    <a:lumMod val="85000"/>
                  </a:schemeClr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grpSp>
              <p:nvGrpSpPr>
                <p:cNvPr id="726" name="Group 47"/>
                <p:cNvGrpSpPr>
                  <a:grpSpLocks/>
                </p:cNvGrpSpPr>
                <p:nvPr/>
              </p:nvGrpSpPr>
              <p:grpSpPr bwMode="auto">
                <a:xfrm>
                  <a:off x="4042" y="1840"/>
                  <a:ext cx="558" cy="359"/>
                  <a:chOff x="4341" y="1400"/>
                  <a:chExt cx="574" cy="370"/>
                </a:xfrm>
              </p:grpSpPr>
              <p:sp>
                <p:nvSpPr>
                  <p:cNvPr id="727" name="Freeform 48"/>
                  <p:cNvSpPr>
                    <a:spLocks/>
                  </p:cNvSpPr>
                  <p:nvPr/>
                </p:nvSpPr>
                <p:spPr bwMode="auto">
                  <a:xfrm>
                    <a:off x="4341" y="1400"/>
                    <a:ext cx="574" cy="370"/>
                  </a:xfrm>
                  <a:custGeom>
                    <a:avLst/>
                    <a:gdLst>
                      <a:gd name="T0" fmla="*/ 491 w 574"/>
                      <a:gd name="T1" fmla="*/ 287 h 370"/>
                      <a:gd name="T2" fmla="*/ 501 w 574"/>
                      <a:gd name="T3" fmla="*/ 269 h 370"/>
                      <a:gd name="T4" fmla="*/ 518 w 574"/>
                      <a:gd name="T5" fmla="*/ 265 h 370"/>
                      <a:gd name="T6" fmla="*/ 523 w 574"/>
                      <a:gd name="T7" fmla="*/ 265 h 370"/>
                      <a:gd name="T8" fmla="*/ 535 w 574"/>
                      <a:gd name="T9" fmla="*/ 257 h 370"/>
                      <a:gd name="T10" fmla="*/ 545 w 574"/>
                      <a:gd name="T11" fmla="*/ 248 h 370"/>
                      <a:gd name="T12" fmla="*/ 550 w 574"/>
                      <a:gd name="T13" fmla="*/ 238 h 370"/>
                      <a:gd name="T14" fmla="*/ 560 w 574"/>
                      <a:gd name="T15" fmla="*/ 225 h 370"/>
                      <a:gd name="T16" fmla="*/ 569 w 574"/>
                      <a:gd name="T17" fmla="*/ 218 h 370"/>
                      <a:gd name="T18" fmla="*/ 574 w 574"/>
                      <a:gd name="T19" fmla="*/ 211 h 370"/>
                      <a:gd name="T20" fmla="*/ 571 w 574"/>
                      <a:gd name="T21" fmla="*/ 204 h 370"/>
                      <a:gd name="T22" fmla="*/ 567 w 574"/>
                      <a:gd name="T23" fmla="*/ 201 h 370"/>
                      <a:gd name="T24" fmla="*/ 554 w 574"/>
                      <a:gd name="T25" fmla="*/ 189 h 370"/>
                      <a:gd name="T26" fmla="*/ 537 w 574"/>
                      <a:gd name="T27" fmla="*/ 176 h 370"/>
                      <a:gd name="T28" fmla="*/ 520 w 574"/>
                      <a:gd name="T29" fmla="*/ 162 h 370"/>
                      <a:gd name="T30" fmla="*/ 520 w 574"/>
                      <a:gd name="T31" fmla="*/ 144 h 370"/>
                      <a:gd name="T32" fmla="*/ 525 w 574"/>
                      <a:gd name="T33" fmla="*/ 135 h 370"/>
                      <a:gd name="T34" fmla="*/ 538 w 574"/>
                      <a:gd name="T35" fmla="*/ 71 h 370"/>
                      <a:gd name="T36" fmla="*/ 525 w 574"/>
                      <a:gd name="T37" fmla="*/ 56 h 370"/>
                      <a:gd name="T38" fmla="*/ 520 w 574"/>
                      <a:gd name="T39" fmla="*/ 54 h 370"/>
                      <a:gd name="T40" fmla="*/ 511 w 574"/>
                      <a:gd name="T41" fmla="*/ 44 h 370"/>
                      <a:gd name="T42" fmla="*/ 503 w 574"/>
                      <a:gd name="T43" fmla="*/ 30 h 370"/>
                      <a:gd name="T44" fmla="*/ 501 w 574"/>
                      <a:gd name="T45" fmla="*/ 22 h 370"/>
                      <a:gd name="T46" fmla="*/ 493 w 574"/>
                      <a:gd name="T47" fmla="*/ 15 h 370"/>
                      <a:gd name="T48" fmla="*/ 483 w 574"/>
                      <a:gd name="T49" fmla="*/ 12 h 370"/>
                      <a:gd name="T50" fmla="*/ 476 w 574"/>
                      <a:gd name="T51" fmla="*/ 1 h 370"/>
                      <a:gd name="T52" fmla="*/ 459 w 574"/>
                      <a:gd name="T53" fmla="*/ 0 h 370"/>
                      <a:gd name="T54" fmla="*/ 449 w 574"/>
                      <a:gd name="T55" fmla="*/ 3 h 370"/>
                      <a:gd name="T56" fmla="*/ 422 w 574"/>
                      <a:gd name="T57" fmla="*/ 8 h 370"/>
                      <a:gd name="T58" fmla="*/ 383 w 574"/>
                      <a:gd name="T59" fmla="*/ 15 h 370"/>
                      <a:gd name="T60" fmla="*/ 335 w 574"/>
                      <a:gd name="T61" fmla="*/ 25 h 370"/>
                      <a:gd name="T62" fmla="*/ 283 w 574"/>
                      <a:gd name="T63" fmla="*/ 35 h 370"/>
                      <a:gd name="T64" fmla="*/ 230 w 574"/>
                      <a:gd name="T65" fmla="*/ 45 h 370"/>
                      <a:gd name="T66" fmla="*/ 178 w 574"/>
                      <a:gd name="T67" fmla="*/ 56 h 370"/>
                      <a:gd name="T68" fmla="*/ 134 w 574"/>
                      <a:gd name="T69" fmla="*/ 64 h 370"/>
                      <a:gd name="T70" fmla="*/ 98 w 574"/>
                      <a:gd name="T71" fmla="*/ 71 h 370"/>
                      <a:gd name="T72" fmla="*/ 78 w 574"/>
                      <a:gd name="T73" fmla="*/ 74 h 370"/>
                      <a:gd name="T74" fmla="*/ 66 w 574"/>
                      <a:gd name="T75" fmla="*/ 44 h 370"/>
                      <a:gd name="T76" fmla="*/ 49 w 574"/>
                      <a:gd name="T77" fmla="*/ 56 h 370"/>
                      <a:gd name="T78" fmla="*/ 34 w 574"/>
                      <a:gd name="T79" fmla="*/ 67 h 370"/>
                      <a:gd name="T80" fmla="*/ 21 w 574"/>
                      <a:gd name="T81" fmla="*/ 78 h 370"/>
                      <a:gd name="T82" fmla="*/ 9 w 574"/>
                      <a:gd name="T83" fmla="*/ 86 h 370"/>
                      <a:gd name="T84" fmla="*/ 2 w 574"/>
                      <a:gd name="T85" fmla="*/ 91 h 370"/>
                      <a:gd name="T86" fmla="*/ 32 w 574"/>
                      <a:gd name="T87" fmla="*/ 259 h 370"/>
                      <a:gd name="T88" fmla="*/ 0 60000 65536"/>
                      <a:gd name="T89" fmla="*/ 0 60000 65536"/>
                      <a:gd name="T90" fmla="*/ 0 60000 65536"/>
                      <a:gd name="T91" fmla="*/ 0 60000 65536"/>
                      <a:gd name="T92" fmla="*/ 0 60000 65536"/>
                      <a:gd name="T93" fmla="*/ 0 60000 65536"/>
                      <a:gd name="T94" fmla="*/ 0 60000 65536"/>
                      <a:gd name="T95" fmla="*/ 0 60000 65536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w 574"/>
                      <a:gd name="T133" fmla="*/ 0 h 370"/>
                      <a:gd name="T134" fmla="*/ 574 w 574"/>
                      <a:gd name="T135" fmla="*/ 370 h 370"/>
                    </a:gdLst>
                    <a:ahLst/>
                    <a:cxnLst>
                      <a:cxn ang="T88">
                        <a:pos x="T0" y="T1"/>
                      </a:cxn>
                      <a:cxn ang="T89">
                        <a:pos x="T2" y="T3"/>
                      </a:cxn>
                      <a:cxn ang="T90">
                        <a:pos x="T4" y="T5"/>
                      </a:cxn>
                      <a:cxn ang="T91">
                        <a:pos x="T6" y="T7"/>
                      </a:cxn>
                      <a:cxn ang="T92">
                        <a:pos x="T8" y="T9"/>
                      </a:cxn>
                      <a:cxn ang="T93">
                        <a:pos x="T10" y="T11"/>
                      </a:cxn>
                      <a:cxn ang="T94">
                        <a:pos x="T12" y="T13"/>
                      </a:cxn>
                      <a:cxn ang="T95">
                        <a:pos x="T14" y="T15"/>
                      </a:cxn>
                      <a:cxn ang="T96">
                        <a:pos x="T16" y="T17"/>
                      </a:cxn>
                      <a:cxn ang="T97">
                        <a:pos x="T18" y="T19"/>
                      </a:cxn>
                      <a:cxn ang="T98">
                        <a:pos x="T20" y="T21"/>
                      </a:cxn>
                      <a:cxn ang="T99">
                        <a:pos x="T22" y="T23"/>
                      </a:cxn>
                      <a:cxn ang="T100">
                        <a:pos x="T24" y="T25"/>
                      </a:cxn>
                      <a:cxn ang="T101">
                        <a:pos x="T26" y="T27"/>
                      </a:cxn>
                      <a:cxn ang="T102">
                        <a:pos x="T28" y="T29"/>
                      </a:cxn>
                      <a:cxn ang="T103">
                        <a:pos x="T30" y="T31"/>
                      </a:cxn>
                      <a:cxn ang="T104">
                        <a:pos x="T32" y="T33"/>
                      </a:cxn>
                      <a:cxn ang="T105">
                        <a:pos x="T34" y="T35"/>
                      </a:cxn>
                      <a:cxn ang="T106">
                        <a:pos x="T36" y="T37"/>
                      </a:cxn>
                      <a:cxn ang="T107">
                        <a:pos x="T38" y="T39"/>
                      </a:cxn>
                      <a:cxn ang="T108">
                        <a:pos x="T40" y="T41"/>
                      </a:cxn>
                      <a:cxn ang="T109">
                        <a:pos x="T42" y="T43"/>
                      </a:cxn>
                      <a:cxn ang="T110">
                        <a:pos x="T44" y="T45"/>
                      </a:cxn>
                      <a:cxn ang="T111">
                        <a:pos x="T46" y="T47"/>
                      </a:cxn>
                      <a:cxn ang="T112">
                        <a:pos x="T48" y="T49"/>
                      </a:cxn>
                      <a:cxn ang="T113">
                        <a:pos x="T50" y="T51"/>
                      </a:cxn>
                      <a:cxn ang="T114">
                        <a:pos x="T52" y="T53"/>
                      </a:cxn>
                      <a:cxn ang="T115">
                        <a:pos x="T54" y="T55"/>
                      </a:cxn>
                      <a:cxn ang="T116">
                        <a:pos x="T56" y="T57"/>
                      </a:cxn>
                      <a:cxn ang="T117">
                        <a:pos x="T58" y="T59"/>
                      </a:cxn>
                      <a:cxn ang="T118">
                        <a:pos x="T60" y="T61"/>
                      </a:cxn>
                      <a:cxn ang="T119">
                        <a:pos x="T62" y="T63"/>
                      </a:cxn>
                      <a:cxn ang="T120">
                        <a:pos x="T64" y="T65"/>
                      </a:cxn>
                      <a:cxn ang="T121">
                        <a:pos x="T66" y="T67"/>
                      </a:cxn>
                      <a:cxn ang="T122">
                        <a:pos x="T68" y="T69"/>
                      </a:cxn>
                      <a:cxn ang="T123">
                        <a:pos x="T70" y="T71"/>
                      </a:cxn>
                      <a:cxn ang="T124">
                        <a:pos x="T72" y="T73"/>
                      </a:cxn>
                      <a:cxn ang="T125">
                        <a:pos x="T74" y="T75"/>
                      </a:cxn>
                      <a:cxn ang="T126">
                        <a:pos x="T76" y="T77"/>
                      </a:cxn>
                      <a:cxn ang="T127">
                        <a:pos x="T78" y="T79"/>
                      </a:cxn>
                      <a:cxn ang="T128">
                        <a:pos x="T80" y="T81"/>
                      </a:cxn>
                      <a:cxn ang="T129">
                        <a:pos x="T82" y="T83"/>
                      </a:cxn>
                      <a:cxn ang="T130">
                        <a:pos x="T84" y="T85"/>
                      </a:cxn>
                      <a:cxn ang="T131">
                        <a:pos x="T86" y="T87"/>
                      </a:cxn>
                    </a:cxnLst>
                    <a:rect l="T132" t="T133" r="T134" b="T135"/>
                    <a:pathLst>
                      <a:path w="574" h="370">
                        <a:moveTo>
                          <a:pt x="51" y="370"/>
                        </a:moveTo>
                        <a:lnTo>
                          <a:pt x="146" y="352"/>
                        </a:lnTo>
                        <a:lnTo>
                          <a:pt x="491" y="287"/>
                        </a:lnTo>
                        <a:lnTo>
                          <a:pt x="493" y="277"/>
                        </a:lnTo>
                        <a:lnTo>
                          <a:pt x="496" y="272"/>
                        </a:lnTo>
                        <a:lnTo>
                          <a:pt x="501" y="269"/>
                        </a:lnTo>
                        <a:lnTo>
                          <a:pt x="506" y="265"/>
                        </a:lnTo>
                        <a:lnTo>
                          <a:pt x="513" y="265"/>
                        </a:lnTo>
                        <a:lnTo>
                          <a:pt x="518" y="265"/>
                        </a:lnTo>
                        <a:lnTo>
                          <a:pt x="521" y="265"/>
                        </a:lnTo>
                        <a:lnTo>
                          <a:pt x="523" y="267"/>
                        </a:lnTo>
                        <a:lnTo>
                          <a:pt x="523" y="265"/>
                        </a:lnTo>
                        <a:lnTo>
                          <a:pt x="527" y="264"/>
                        </a:lnTo>
                        <a:lnTo>
                          <a:pt x="530" y="260"/>
                        </a:lnTo>
                        <a:lnTo>
                          <a:pt x="535" y="257"/>
                        </a:lnTo>
                        <a:lnTo>
                          <a:pt x="538" y="254"/>
                        </a:lnTo>
                        <a:lnTo>
                          <a:pt x="543" y="252"/>
                        </a:lnTo>
                        <a:lnTo>
                          <a:pt x="545" y="248"/>
                        </a:lnTo>
                        <a:lnTo>
                          <a:pt x="547" y="248"/>
                        </a:lnTo>
                        <a:lnTo>
                          <a:pt x="547" y="243"/>
                        </a:lnTo>
                        <a:lnTo>
                          <a:pt x="550" y="238"/>
                        </a:lnTo>
                        <a:lnTo>
                          <a:pt x="554" y="233"/>
                        </a:lnTo>
                        <a:lnTo>
                          <a:pt x="557" y="228"/>
                        </a:lnTo>
                        <a:lnTo>
                          <a:pt x="560" y="225"/>
                        </a:lnTo>
                        <a:lnTo>
                          <a:pt x="564" y="221"/>
                        </a:lnTo>
                        <a:lnTo>
                          <a:pt x="567" y="220"/>
                        </a:lnTo>
                        <a:lnTo>
                          <a:pt x="569" y="218"/>
                        </a:lnTo>
                        <a:lnTo>
                          <a:pt x="572" y="216"/>
                        </a:lnTo>
                        <a:lnTo>
                          <a:pt x="574" y="213"/>
                        </a:lnTo>
                        <a:lnTo>
                          <a:pt x="574" y="211"/>
                        </a:lnTo>
                        <a:lnTo>
                          <a:pt x="574" y="208"/>
                        </a:lnTo>
                        <a:lnTo>
                          <a:pt x="572" y="206"/>
                        </a:lnTo>
                        <a:lnTo>
                          <a:pt x="571" y="204"/>
                        </a:lnTo>
                        <a:lnTo>
                          <a:pt x="571" y="203"/>
                        </a:lnTo>
                        <a:lnTo>
                          <a:pt x="569" y="203"/>
                        </a:lnTo>
                        <a:lnTo>
                          <a:pt x="567" y="201"/>
                        </a:lnTo>
                        <a:lnTo>
                          <a:pt x="564" y="199"/>
                        </a:lnTo>
                        <a:lnTo>
                          <a:pt x="559" y="194"/>
                        </a:lnTo>
                        <a:lnTo>
                          <a:pt x="554" y="189"/>
                        </a:lnTo>
                        <a:lnTo>
                          <a:pt x="547" y="184"/>
                        </a:lnTo>
                        <a:lnTo>
                          <a:pt x="542" y="179"/>
                        </a:lnTo>
                        <a:lnTo>
                          <a:pt x="537" y="176"/>
                        </a:lnTo>
                        <a:lnTo>
                          <a:pt x="535" y="174"/>
                        </a:lnTo>
                        <a:lnTo>
                          <a:pt x="525" y="169"/>
                        </a:lnTo>
                        <a:lnTo>
                          <a:pt x="520" y="162"/>
                        </a:lnTo>
                        <a:lnTo>
                          <a:pt x="518" y="155"/>
                        </a:lnTo>
                        <a:lnTo>
                          <a:pt x="518" y="149"/>
                        </a:lnTo>
                        <a:lnTo>
                          <a:pt x="520" y="144"/>
                        </a:lnTo>
                        <a:lnTo>
                          <a:pt x="521" y="138"/>
                        </a:lnTo>
                        <a:lnTo>
                          <a:pt x="523" y="135"/>
                        </a:lnTo>
                        <a:lnTo>
                          <a:pt x="525" y="135"/>
                        </a:lnTo>
                        <a:lnTo>
                          <a:pt x="515" y="118"/>
                        </a:lnTo>
                        <a:lnTo>
                          <a:pt x="532" y="93"/>
                        </a:lnTo>
                        <a:lnTo>
                          <a:pt x="538" y="71"/>
                        </a:lnTo>
                        <a:lnTo>
                          <a:pt x="543" y="62"/>
                        </a:lnTo>
                        <a:lnTo>
                          <a:pt x="525" y="56"/>
                        </a:lnTo>
                        <a:lnTo>
                          <a:pt x="523" y="56"/>
                        </a:lnTo>
                        <a:lnTo>
                          <a:pt x="520" y="54"/>
                        </a:lnTo>
                        <a:lnTo>
                          <a:pt x="518" y="50"/>
                        </a:lnTo>
                        <a:lnTo>
                          <a:pt x="515" y="47"/>
                        </a:lnTo>
                        <a:lnTo>
                          <a:pt x="511" y="44"/>
                        </a:lnTo>
                        <a:lnTo>
                          <a:pt x="508" y="39"/>
                        </a:lnTo>
                        <a:lnTo>
                          <a:pt x="505" y="32"/>
                        </a:lnTo>
                        <a:lnTo>
                          <a:pt x="503" y="30"/>
                        </a:lnTo>
                        <a:lnTo>
                          <a:pt x="503" y="28"/>
                        </a:lnTo>
                        <a:lnTo>
                          <a:pt x="503" y="25"/>
                        </a:lnTo>
                        <a:lnTo>
                          <a:pt x="501" y="22"/>
                        </a:lnTo>
                        <a:lnTo>
                          <a:pt x="499" y="20"/>
                        </a:lnTo>
                        <a:lnTo>
                          <a:pt x="496" y="17"/>
                        </a:lnTo>
                        <a:lnTo>
                          <a:pt x="493" y="15"/>
                        </a:lnTo>
                        <a:lnTo>
                          <a:pt x="486" y="15"/>
                        </a:lnTo>
                        <a:lnTo>
                          <a:pt x="484" y="13"/>
                        </a:lnTo>
                        <a:lnTo>
                          <a:pt x="483" y="12"/>
                        </a:lnTo>
                        <a:lnTo>
                          <a:pt x="481" y="8"/>
                        </a:lnTo>
                        <a:lnTo>
                          <a:pt x="479" y="5"/>
                        </a:lnTo>
                        <a:lnTo>
                          <a:pt x="476" y="1"/>
                        </a:lnTo>
                        <a:lnTo>
                          <a:pt x="471" y="0"/>
                        </a:lnTo>
                        <a:lnTo>
                          <a:pt x="466" y="0"/>
                        </a:lnTo>
                        <a:lnTo>
                          <a:pt x="459" y="0"/>
                        </a:lnTo>
                        <a:lnTo>
                          <a:pt x="457" y="0"/>
                        </a:lnTo>
                        <a:lnTo>
                          <a:pt x="454" y="1"/>
                        </a:lnTo>
                        <a:lnTo>
                          <a:pt x="449" y="3"/>
                        </a:lnTo>
                        <a:lnTo>
                          <a:pt x="442" y="3"/>
                        </a:lnTo>
                        <a:lnTo>
                          <a:pt x="432" y="5"/>
                        </a:lnTo>
                        <a:lnTo>
                          <a:pt x="422" y="8"/>
                        </a:lnTo>
                        <a:lnTo>
                          <a:pt x="410" y="10"/>
                        </a:lnTo>
                        <a:lnTo>
                          <a:pt x="398" y="12"/>
                        </a:lnTo>
                        <a:lnTo>
                          <a:pt x="383" y="15"/>
                        </a:lnTo>
                        <a:lnTo>
                          <a:pt x="367" y="18"/>
                        </a:lnTo>
                        <a:lnTo>
                          <a:pt x="352" y="22"/>
                        </a:lnTo>
                        <a:lnTo>
                          <a:pt x="335" y="25"/>
                        </a:lnTo>
                        <a:lnTo>
                          <a:pt x="318" y="28"/>
                        </a:lnTo>
                        <a:lnTo>
                          <a:pt x="301" y="32"/>
                        </a:lnTo>
                        <a:lnTo>
                          <a:pt x="283" y="35"/>
                        </a:lnTo>
                        <a:lnTo>
                          <a:pt x="266" y="39"/>
                        </a:lnTo>
                        <a:lnTo>
                          <a:pt x="247" y="42"/>
                        </a:lnTo>
                        <a:lnTo>
                          <a:pt x="230" y="45"/>
                        </a:lnTo>
                        <a:lnTo>
                          <a:pt x="212" y="49"/>
                        </a:lnTo>
                        <a:lnTo>
                          <a:pt x="195" y="52"/>
                        </a:lnTo>
                        <a:lnTo>
                          <a:pt x="178" y="56"/>
                        </a:lnTo>
                        <a:lnTo>
                          <a:pt x="163" y="59"/>
                        </a:lnTo>
                        <a:lnTo>
                          <a:pt x="147" y="61"/>
                        </a:lnTo>
                        <a:lnTo>
                          <a:pt x="134" y="64"/>
                        </a:lnTo>
                        <a:lnTo>
                          <a:pt x="120" y="66"/>
                        </a:lnTo>
                        <a:lnTo>
                          <a:pt x="109" y="69"/>
                        </a:lnTo>
                        <a:lnTo>
                          <a:pt x="98" y="71"/>
                        </a:lnTo>
                        <a:lnTo>
                          <a:pt x="90" y="72"/>
                        </a:lnTo>
                        <a:lnTo>
                          <a:pt x="83" y="74"/>
                        </a:lnTo>
                        <a:lnTo>
                          <a:pt x="78" y="74"/>
                        </a:lnTo>
                        <a:lnTo>
                          <a:pt x="75" y="74"/>
                        </a:lnTo>
                        <a:lnTo>
                          <a:pt x="75" y="76"/>
                        </a:lnTo>
                        <a:lnTo>
                          <a:pt x="66" y="44"/>
                        </a:lnTo>
                        <a:lnTo>
                          <a:pt x="61" y="47"/>
                        </a:lnTo>
                        <a:lnTo>
                          <a:pt x="56" y="52"/>
                        </a:lnTo>
                        <a:lnTo>
                          <a:pt x="49" y="56"/>
                        </a:lnTo>
                        <a:lnTo>
                          <a:pt x="44" y="59"/>
                        </a:lnTo>
                        <a:lnTo>
                          <a:pt x="39" y="64"/>
                        </a:lnTo>
                        <a:lnTo>
                          <a:pt x="34" y="67"/>
                        </a:lnTo>
                        <a:lnTo>
                          <a:pt x="29" y="71"/>
                        </a:lnTo>
                        <a:lnTo>
                          <a:pt x="26" y="74"/>
                        </a:lnTo>
                        <a:lnTo>
                          <a:pt x="21" y="78"/>
                        </a:lnTo>
                        <a:lnTo>
                          <a:pt x="15" y="81"/>
                        </a:lnTo>
                        <a:lnTo>
                          <a:pt x="12" y="84"/>
                        </a:lnTo>
                        <a:lnTo>
                          <a:pt x="9" y="86"/>
                        </a:lnTo>
                        <a:lnTo>
                          <a:pt x="7" y="89"/>
                        </a:lnTo>
                        <a:lnTo>
                          <a:pt x="4" y="91"/>
                        </a:lnTo>
                        <a:lnTo>
                          <a:pt x="2" y="91"/>
                        </a:lnTo>
                        <a:lnTo>
                          <a:pt x="2" y="93"/>
                        </a:lnTo>
                        <a:lnTo>
                          <a:pt x="0" y="93"/>
                        </a:lnTo>
                        <a:lnTo>
                          <a:pt x="32" y="259"/>
                        </a:lnTo>
                        <a:lnTo>
                          <a:pt x="51" y="370"/>
                        </a:lnTo>
                        <a:close/>
                      </a:path>
                    </a:pathLst>
                  </a:custGeom>
                  <a:solidFill>
                    <a:srgbClr val="3366CC"/>
                  </a:solidFill>
                  <a:ln w="952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  <p:sp>
                <p:nvSpPr>
                  <p:cNvPr id="728" name="Freeform 49"/>
                  <p:cNvSpPr>
                    <a:spLocks/>
                  </p:cNvSpPr>
                  <p:nvPr/>
                </p:nvSpPr>
                <p:spPr bwMode="auto">
                  <a:xfrm>
                    <a:off x="4341" y="1400"/>
                    <a:ext cx="574" cy="370"/>
                  </a:xfrm>
                  <a:custGeom>
                    <a:avLst/>
                    <a:gdLst>
                      <a:gd name="T0" fmla="*/ 491 w 574"/>
                      <a:gd name="T1" fmla="*/ 287 h 370"/>
                      <a:gd name="T2" fmla="*/ 496 w 574"/>
                      <a:gd name="T3" fmla="*/ 272 h 370"/>
                      <a:gd name="T4" fmla="*/ 513 w 574"/>
                      <a:gd name="T5" fmla="*/ 265 h 370"/>
                      <a:gd name="T6" fmla="*/ 523 w 574"/>
                      <a:gd name="T7" fmla="*/ 267 h 370"/>
                      <a:gd name="T8" fmla="*/ 527 w 574"/>
                      <a:gd name="T9" fmla="*/ 264 h 370"/>
                      <a:gd name="T10" fmla="*/ 538 w 574"/>
                      <a:gd name="T11" fmla="*/ 254 h 370"/>
                      <a:gd name="T12" fmla="*/ 547 w 574"/>
                      <a:gd name="T13" fmla="*/ 248 h 370"/>
                      <a:gd name="T14" fmla="*/ 550 w 574"/>
                      <a:gd name="T15" fmla="*/ 238 h 370"/>
                      <a:gd name="T16" fmla="*/ 560 w 574"/>
                      <a:gd name="T17" fmla="*/ 225 h 370"/>
                      <a:gd name="T18" fmla="*/ 569 w 574"/>
                      <a:gd name="T19" fmla="*/ 218 h 370"/>
                      <a:gd name="T20" fmla="*/ 574 w 574"/>
                      <a:gd name="T21" fmla="*/ 213 h 370"/>
                      <a:gd name="T22" fmla="*/ 572 w 574"/>
                      <a:gd name="T23" fmla="*/ 206 h 370"/>
                      <a:gd name="T24" fmla="*/ 569 w 574"/>
                      <a:gd name="T25" fmla="*/ 203 h 370"/>
                      <a:gd name="T26" fmla="*/ 564 w 574"/>
                      <a:gd name="T27" fmla="*/ 199 h 370"/>
                      <a:gd name="T28" fmla="*/ 547 w 574"/>
                      <a:gd name="T29" fmla="*/ 184 h 370"/>
                      <a:gd name="T30" fmla="*/ 535 w 574"/>
                      <a:gd name="T31" fmla="*/ 174 h 370"/>
                      <a:gd name="T32" fmla="*/ 520 w 574"/>
                      <a:gd name="T33" fmla="*/ 162 h 370"/>
                      <a:gd name="T34" fmla="*/ 520 w 574"/>
                      <a:gd name="T35" fmla="*/ 144 h 370"/>
                      <a:gd name="T36" fmla="*/ 525 w 574"/>
                      <a:gd name="T37" fmla="*/ 135 h 370"/>
                      <a:gd name="T38" fmla="*/ 538 w 574"/>
                      <a:gd name="T39" fmla="*/ 71 h 370"/>
                      <a:gd name="T40" fmla="*/ 525 w 574"/>
                      <a:gd name="T41" fmla="*/ 56 h 370"/>
                      <a:gd name="T42" fmla="*/ 523 w 574"/>
                      <a:gd name="T43" fmla="*/ 56 h 370"/>
                      <a:gd name="T44" fmla="*/ 515 w 574"/>
                      <a:gd name="T45" fmla="*/ 47 h 370"/>
                      <a:gd name="T46" fmla="*/ 505 w 574"/>
                      <a:gd name="T47" fmla="*/ 32 h 370"/>
                      <a:gd name="T48" fmla="*/ 503 w 574"/>
                      <a:gd name="T49" fmla="*/ 28 h 370"/>
                      <a:gd name="T50" fmla="*/ 499 w 574"/>
                      <a:gd name="T51" fmla="*/ 20 h 370"/>
                      <a:gd name="T52" fmla="*/ 486 w 574"/>
                      <a:gd name="T53" fmla="*/ 15 h 370"/>
                      <a:gd name="T54" fmla="*/ 483 w 574"/>
                      <a:gd name="T55" fmla="*/ 12 h 370"/>
                      <a:gd name="T56" fmla="*/ 476 w 574"/>
                      <a:gd name="T57" fmla="*/ 1 h 370"/>
                      <a:gd name="T58" fmla="*/ 459 w 574"/>
                      <a:gd name="T59" fmla="*/ 0 h 370"/>
                      <a:gd name="T60" fmla="*/ 454 w 574"/>
                      <a:gd name="T61" fmla="*/ 1 h 370"/>
                      <a:gd name="T62" fmla="*/ 432 w 574"/>
                      <a:gd name="T63" fmla="*/ 5 h 370"/>
                      <a:gd name="T64" fmla="*/ 398 w 574"/>
                      <a:gd name="T65" fmla="*/ 12 h 370"/>
                      <a:gd name="T66" fmla="*/ 352 w 574"/>
                      <a:gd name="T67" fmla="*/ 22 h 370"/>
                      <a:gd name="T68" fmla="*/ 301 w 574"/>
                      <a:gd name="T69" fmla="*/ 32 h 370"/>
                      <a:gd name="T70" fmla="*/ 247 w 574"/>
                      <a:gd name="T71" fmla="*/ 42 h 370"/>
                      <a:gd name="T72" fmla="*/ 195 w 574"/>
                      <a:gd name="T73" fmla="*/ 52 h 370"/>
                      <a:gd name="T74" fmla="*/ 147 w 574"/>
                      <a:gd name="T75" fmla="*/ 61 h 370"/>
                      <a:gd name="T76" fmla="*/ 109 w 574"/>
                      <a:gd name="T77" fmla="*/ 69 h 370"/>
                      <a:gd name="T78" fmla="*/ 83 w 574"/>
                      <a:gd name="T79" fmla="*/ 74 h 370"/>
                      <a:gd name="T80" fmla="*/ 75 w 574"/>
                      <a:gd name="T81" fmla="*/ 76 h 370"/>
                      <a:gd name="T82" fmla="*/ 61 w 574"/>
                      <a:gd name="T83" fmla="*/ 47 h 370"/>
                      <a:gd name="T84" fmla="*/ 44 w 574"/>
                      <a:gd name="T85" fmla="*/ 59 h 370"/>
                      <a:gd name="T86" fmla="*/ 29 w 574"/>
                      <a:gd name="T87" fmla="*/ 71 h 370"/>
                      <a:gd name="T88" fmla="*/ 15 w 574"/>
                      <a:gd name="T89" fmla="*/ 81 h 370"/>
                      <a:gd name="T90" fmla="*/ 7 w 574"/>
                      <a:gd name="T91" fmla="*/ 89 h 370"/>
                      <a:gd name="T92" fmla="*/ 2 w 574"/>
                      <a:gd name="T93" fmla="*/ 93 h 370"/>
                      <a:gd name="T94" fmla="*/ 51 w 574"/>
                      <a:gd name="T95" fmla="*/ 370 h 370"/>
                      <a:gd name="T96" fmla="*/ 0 60000 65536"/>
                      <a:gd name="T97" fmla="*/ 0 60000 65536"/>
                      <a:gd name="T98" fmla="*/ 0 60000 65536"/>
                      <a:gd name="T99" fmla="*/ 0 60000 65536"/>
                      <a:gd name="T100" fmla="*/ 0 60000 65536"/>
                      <a:gd name="T101" fmla="*/ 0 60000 65536"/>
                      <a:gd name="T102" fmla="*/ 0 60000 65536"/>
                      <a:gd name="T103" fmla="*/ 0 60000 65536"/>
                      <a:gd name="T104" fmla="*/ 0 60000 65536"/>
                      <a:gd name="T105" fmla="*/ 0 60000 65536"/>
                      <a:gd name="T106" fmla="*/ 0 60000 65536"/>
                      <a:gd name="T107" fmla="*/ 0 60000 65536"/>
                      <a:gd name="T108" fmla="*/ 0 60000 65536"/>
                      <a:gd name="T109" fmla="*/ 0 60000 65536"/>
                      <a:gd name="T110" fmla="*/ 0 60000 65536"/>
                      <a:gd name="T111" fmla="*/ 0 60000 65536"/>
                      <a:gd name="T112" fmla="*/ 0 60000 65536"/>
                      <a:gd name="T113" fmla="*/ 0 60000 65536"/>
                      <a:gd name="T114" fmla="*/ 0 60000 65536"/>
                      <a:gd name="T115" fmla="*/ 0 60000 65536"/>
                      <a:gd name="T116" fmla="*/ 0 60000 65536"/>
                      <a:gd name="T117" fmla="*/ 0 60000 65536"/>
                      <a:gd name="T118" fmla="*/ 0 60000 65536"/>
                      <a:gd name="T119" fmla="*/ 0 60000 65536"/>
                      <a:gd name="T120" fmla="*/ 0 60000 65536"/>
                      <a:gd name="T121" fmla="*/ 0 60000 65536"/>
                      <a:gd name="T122" fmla="*/ 0 60000 65536"/>
                      <a:gd name="T123" fmla="*/ 0 60000 65536"/>
                      <a:gd name="T124" fmla="*/ 0 60000 65536"/>
                      <a:gd name="T125" fmla="*/ 0 60000 65536"/>
                      <a:gd name="T126" fmla="*/ 0 60000 65536"/>
                      <a:gd name="T127" fmla="*/ 0 60000 65536"/>
                      <a:gd name="T128" fmla="*/ 0 60000 65536"/>
                      <a:gd name="T129" fmla="*/ 0 60000 65536"/>
                      <a:gd name="T130" fmla="*/ 0 60000 65536"/>
                      <a:gd name="T131" fmla="*/ 0 60000 65536"/>
                      <a:gd name="T132" fmla="*/ 0 60000 65536"/>
                      <a:gd name="T133" fmla="*/ 0 60000 65536"/>
                      <a:gd name="T134" fmla="*/ 0 60000 65536"/>
                      <a:gd name="T135" fmla="*/ 0 60000 65536"/>
                      <a:gd name="T136" fmla="*/ 0 60000 65536"/>
                      <a:gd name="T137" fmla="*/ 0 60000 65536"/>
                      <a:gd name="T138" fmla="*/ 0 60000 65536"/>
                      <a:gd name="T139" fmla="*/ 0 60000 65536"/>
                      <a:gd name="T140" fmla="*/ 0 60000 65536"/>
                      <a:gd name="T141" fmla="*/ 0 60000 65536"/>
                      <a:gd name="T142" fmla="*/ 0 60000 65536"/>
                      <a:gd name="T143" fmla="*/ 0 60000 65536"/>
                      <a:gd name="T144" fmla="*/ 0 w 574"/>
                      <a:gd name="T145" fmla="*/ 0 h 370"/>
                      <a:gd name="T146" fmla="*/ 574 w 574"/>
                      <a:gd name="T147" fmla="*/ 370 h 370"/>
                    </a:gdLst>
                    <a:ahLst/>
                    <a:cxnLst>
                      <a:cxn ang="T96">
                        <a:pos x="T0" y="T1"/>
                      </a:cxn>
                      <a:cxn ang="T97">
                        <a:pos x="T2" y="T3"/>
                      </a:cxn>
                      <a:cxn ang="T98">
                        <a:pos x="T4" y="T5"/>
                      </a:cxn>
                      <a:cxn ang="T99">
                        <a:pos x="T6" y="T7"/>
                      </a:cxn>
                      <a:cxn ang="T100">
                        <a:pos x="T8" y="T9"/>
                      </a:cxn>
                      <a:cxn ang="T101">
                        <a:pos x="T10" y="T11"/>
                      </a:cxn>
                      <a:cxn ang="T102">
                        <a:pos x="T12" y="T13"/>
                      </a:cxn>
                      <a:cxn ang="T103">
                        <a:pos x="T14" y="T15"/>
                      </a:cxn>
                      <a:cxn ang="T104">
                        <a:pos x="T16" y="T17"/>
                      </a:cxn>
                      <a:cxn ang="T105">
                        <a:pos x="T18" y="T19"/>
                      </a:cxn>
                      <a:cxn ang="T106">
                        <a:pos x="T20" y="T21"/>
                      </a:cxn>
                      <a:cxn ang="T107">
                        <a:pos x="T22" y="T23"/>
                      </a:cxn>
                      <a:cxn ang="T108">
                        <a:pos x="T24" y="T25"/>
                      </a:cxn>
                      <a:cxn ang="T109">
                        <a:pos x="T26" y="T27"/>
                      </a:cxn>
                      <a:cxn ang="T110">
                        <a:pos x="T28" y="T29"/>
                      </a:cxn>
                      <a:cxn ang="T111">
                        <a:pos x="T30" y="T31"/>
                      </a:cxn>
                      <a:cxn ang="T112">
                        <a:pos x="T32" y="T33"/>
                      </a:cxn>
                      <a:cxn ang="T113">
                        <a:pos x="T34" y="T35"/>
                      </a:cxn>
                      <a:cxn ang="T114">
                        <a:pos x="T36" y="T37"/>
                      </a:cxn>
                      <a:cxn ang="T115">
                        <a:pos x="T38" y="T39"/>
                      </a:cxn>
                      <a:cxn ang="T116">
                        <a:pos x="T40" y="T41"/>
                      </a:cxn>
                      <a:cxn ang="T117">
                        <a:pos x="T42" y="T43"/>
                      </a:cxn>
                      <a:cxn ang="T118">
                        <a:pos x="T44" y="T45"/>
                      </a:cxn>
                      <a:cxn ang="T119">
                        <a:pos x="T46" y="T47"/>
                      </a:cxn>
                      <a:cxn ang="T120">
                        <a:pos x="T48" y="T49"/>
                      </a:cxn>
                      <a:cxn ang="T121">
                        <a:pos x="T50" y="T51"/>
                      </a:cxn>
                      <a:cxn ang="T122">
                        <a:pos x="T52" y="T53"/>
                      </a:cxn>
                      <a:cxn ang="T123">
                        <a:pos x="T54" y="T55"/>
                      </a:cxn>
                      <a:cxn ang="T124">
                        <a:pos x="T56" y="T57"/>
                      </a:cxn>
                      <a:cxn ang="T125">
                        <a:pos x="T58" y="T59"/>
                      </a:cxn>
                      <a:cxn ang="T126">
                        <a:pos x="T60" y="T61"/>
                      </a:cxn>
                      <a:cxn ang="T127">
                        <a:pos x="T62" y="T63"/>
                      </a:cxn>
                      <a:cxn ang="T128">
                        <a:pos x="T64" y="T65"/>
                      </a:cxn>
                      <a:cxn ang="T129">
                        <a:pos x="T66" y="T67"/>
                      </a:cxn>
                      <a:cxn ang="T130">
                        <a:pos x="T68" y="T69"/>
                      </a:cxn>
                      <a:cxn ang="T131">
                        <a:pos x="T70" y="T71"/>
                      </a:cxn>
                      <a:cxn ang="T132">
                        <a:pos x="T72" y="T73"/>
                      </a:cxn>
                      <a:cxn ang="T133">
                        <a:pos x="T74" y="T75"/>
                      </a:cxn>
                      <a:cxn ang="T134">
                        <a:pos x="T76" y="T77"/>
                      </a:cxn>
                      <a:cxn ang="T135">
                        <a:pos x="T78" y="T79"/>
                      </a:cxn>
                      <a:cxn ang="T136">
                        <a:pos x="T80" y="T81"/>
                      </a:cxn>
                      <a:cxn ang="T137">
                        <a:pos x="T82" y="T83"/>
                      </a:cxn>
                      <a:cxn ang="T138">
                        <a:pos x="T84" y="T85"/>
                      </a:cxn>
                      <a:cxn ang="T139">
                        <a:pos x="T86" y="T87"/>
                      </a:cxn>
                      <a:cxn ang="T140">
                        <a:pos x="T88" y="T89"/>
                      </a:cxn>
                      <a:cxn ang="T141">
                        <a:pos x="T90" y="T91"/>
                      </a:cxn>
                      <a:cxn ang="T142">
                        <a:pos x="T92" y="T93"/>
                      </a:cxn>
                      <a:cxn ang="T143">
                        <a:pos x="T94" y="T95"/>
                      </a:cxn>
                    </a:cxnLst>
                    <a:rect l="T144" t="T145" r="T146" b="T147"/>
                    <a:pathLst>
                      <a:path w="574" h="370">
                        <a:moveTo>
                          <a:pt x="51" y="370"/>
                        </a:moveTo>
                        <a:lnTo>
                          <a:pt x="146" y="352"/>
                        </a:lnTo>
                        <a:lnTo>
                          <a:pt x="491" y="287"/>
                        </a:lnTo>
                        <a:lnTo>
                          <a:pt x="493" y="277"/>
                        </a:lnTo>
                        <a:lnTo>
                          <a:pt x="496" y="272"/>
                        </a:lnTo>
                        <a:lnTo>
                          <a:pt x="501" y="269"/>
                        </a:lnTo>
                        <a:lnTo>
                          <a:pt x="506" y="265"/>
                        </a:lnTo>
                        <a:lnTo>
                          <a:pt x="513" y="265"/>
                        </a:lnTo>
                        <a:lnTo>
                          <a:pt x="518" y="265"/>
                        </a:lnTo>
                        <a:lnTo>
                          <a:pt x="521" y="265"/>
                        </a:lnTo>
                        <a:lnTo>
                          <a:pt x="523" y="267"/>
                        </a:lnTo>
                        <a:lnTo>
                          <a:pt x="523" y="265"/>
                        </a:lnTo>
                        <a:lnTo>
                          <a:pt x="527" y="264"/>
                        </a:lnTo>
                        <a:lnTo>
                          <a:pt x="530" y="260"/>
                        </a:lnTo>
                        <a:lnTo>
                          <a:pt x="535" y="257"/>
                        </a:lnTo>
                        <a:lnTo>
                          <a:pt x="538" y="254"/>
                        </a:lnTo>
                        <a:lnTo>
                          <a:pt x="543" y="252"/>
                        </a:lnTo>
                        <a:lnTo>
                          <a:pt x="545" y="248"/>
                        </a:lnTo>
                        <a:lnTo>
                          <a:pt x="547" y="248"/>
                        </a:lnTo>
                        <a:lnTo>
                          <a:pt x="547" y="243"/>
                        </a:lnTo>
                        <a:lnTo>
                          <a:pt x="550" y="238"/>
                        </a:lnTo>
                        <a:lnTo>
                          <a:pt x="554" y="233"/>
                        </a:lnTo>
                        <a:lnTo>
                          <a:pt x="557" y="228"/>
                        </a:lnTo>
                        <a:lnTo>
                          <a:pt x="560" y="225"/>
                        </a:lnTo>
                        <a:lnTo>
                          <a:pt x="564" y="221"/>
                        </a:lnTo>
                        <a:lnTo>
                          <a:pt x="567" y="220"/>
                        </a:lnTo>
                        <a:lnTo>
                          <a:pt x="569" y="218"/>
                        </a:lnTo>
                        <a:lnTo>
                          <a:pt x="572" y="216"/>
                        </a:lnTo>
                        <a:lnTo>
                          <a:pt x="574" y="213"/>
                        </a:lnTo>
                        <a:lnTo>
                          <a:pt x="574" y="211"/>
                        </a:lnTo>
                        <a:lnTo>
                          <a:pt x="574" y="208"/>
                        </a:lnTo>
                        <a:lnTo>
                          <a:pt x="572" y="206"/>
                        </a:lnTo>
                        <a:lnTo>
                          <a:pt x="571" y="204"/>
                        </a:lnTo>
                        <a:lnTo>
                          <a:pt x="571" y="203"/>
                        </a:lnTo>
                        <a:lnTo>
                          <a:pt x="569" y="203"/>
                        </a:lnTo>
                        <a:lnTo>
                          <a:pt x="567" y="201"/>
                        </a:lnTo>
                        <a:lnTo>
                          <a:pt x="564" y="199"/>
                        </a:lnTo>
                        <a:lnTo>
                          <a:pt x="559" y="194"/>
                        </a:lnTo>
                        <a:lnTo>
                          <a:pt x="554" y="189"/>
                        </a:lnTo>
                        <a:lnTo>
                          <a:pt x="547" y="184"/>
                        </a:lnTo>
                        <a:lnTo>
                          <a:pt x="542" y="179"/>
                        </a:lnTo>
                        <a:lnTo>
                          <a:pt x="537" y="176"/>
                        </a:lnTo>
                        <a:lnTo>
                          <a:pt x="535" y="174"/>
                        </a:lnTo>
                        <a:lnTo>
                          <a:pt x="525" y="169"/>
                        </a:lnTo>
                        <a:lnTo>
                          <a:pt x="520" y="162"/>
                        </a:lnTo>
                        <a:lnTo>
                          <a:pt x="518" y="155"/>
                        </a:lnTo>
                        <a:lnTo>
                          <a:pt x="518" y="149"/>
                        </a:lnTo>
                        <a:lnTo>
                          <a:pt x="520" y="144"/>
                        </a:lnTo>
                        <a:lnTo>
                          <a:pt x="521" y="138"/>
                        </a:lnTo>
                        <a:lnTo>
                          <a:pt x="523" y="135"/>
                        </a:lnTo>
                        <a:lnTo>
                          <a:pt x="525" y="135"/>
                        </a:lnTo>
                        <a:lnTo>
                          <a:pt x="515" y="118"/>
                        </a:lnTo>
                        <a:lnTo>
                          <a:pt x="532" y="93"/>
                        </a:lnTo>
                        <a:lnTo>
                          <a:pt x="538" y="71"/>
                        </a:lnTo>
                        <a:lnTo>
                          <a:pt x="543" y="62"/>
                        </a:lnTo>
                        <a:lnTo>
                          <a:pt x="525" y="56"/>
                        </a:lnTo>
                        <a:lnTo>
                          <a:pt x="523" y="56"/>
                        </a:lnTo>
                        <a:lnTo>
                          <a:pt x="520" y="54"/>
                        </a:lnTo>
                        <a:lnTo>
                          <a:pt x="518" y="50"/>
                        </a:lnTo>
                        <a:lnTo>
                          <a:pt x="515" y="47"/>
                        </a:lnTo>
                        <a:lnTo>
                          <a:pt x="511" y="44"/>
                        </a:lnTo>
                        <a:lnTo>
                          <a:pt x="508" y="39"/>
                        </a:lnTo>
                        <a:lnTo>
                          <a:pt x="505" y="32"/>
                        </a:lnTo>
                        <a:lnTo>
                          <a:pt x="503" y="30"/>
                        </a:lnTo>
                        <a:lnTo>
                          <a:pt x="503" y="28"/>
                        </a:lnTo>
                        <a:lnTo>
                          <a:pt x="503" y="25"/>
                        </a:lnTo>
                        <a:lnTo>
                          <a:pt x="501" y="22"/>
                        </a:lnTo>
                        <a:lnTo>
                          <a:pt x="499" y="20"/>
                        </a:lnTo>
                        <a:lnTo>
                          <a:pt x="496" y="17"/>
                        </a:lnTo>
                        <a:lnTo>
                          <a:pt x="493" y="15"/>
                        </a:lnTo>
                        <a:lnTo>
                          <a:pt x="486" y="15"/>
                        </a:lnTo>
                        <a:lnTo>
                          <a:pt x="484" y="13"/>
                        </a:lnTo>
                        <a:lnTo>
                          <a:pt x="483" y="12"/>
                        </a:lnTo>
                        <a:lnTo>
                          <a:pt x="481" y="8"/>
                        </a:lnTo>
                        <a:lnTo>
                          <a:pt x="479" y="5"/>
                        </a:lnTo>
                        <a:lnTo>
                          <a:pt x="476" y="1"/>
                        </a:lnTo>
                        <a:lnTo>
                          <a:pt x="471" y="0"/>
                        </a:lnTo>
                        <a:lnTo>
                          <a:pt x="466" y="0"/>
                        </a:lnTo>
                        <a:lnTo>
                          <a:pt x="459" y="0"/>
                        </a:lnTo>
                        <a:lnTo>
                          <a:pt x="457" y="0"/>
                        </a:lnTo>
                        <a:lnTo>
                          <a:pt x="454" y="1"/>
                        </a:lnTo>
                        <a:lnTo>
                          <a:pt x="449" y="3"/>
                        </a:lnTo>
                        <a:lnTo>
                          <a:pt x="442" y="3"/>
                        </a:lnTo>
                        <a:lnTo>
                          <a:pt x="432" y="5"/>
                        </a:lnTo>
                        <a:lnTo>
                          <a:pt x="422" y="8"/>
                        </a:lnTo>
                        <a:lnTo>
                          <a:pt x="410" y="10"/>
                        </a:lnTo>
                        <a:lnTo>
                          <a:pt x="398" y="12"/>
                        </a:lnTo>
                        <a:lnTo>
                          <a:pt x="383" y="15"/>
                        </a:lnTo>
                        <a:lnTo>
                          <a:pt x="367" y="18"/>
                        </a:lnTo>
                        <a:lnTo>
                          <a:pt x="352" y="22"/>
                        </a:lnTo>
                        <a:lnTo>
                          <a:pt x="335" y="25"/>
                        </a:lnTo>
                        <a:lnTo>
                          <a:pt x="318" y="28"/>
                        </a:lnTo>
                        <a:lnTo>
                          <a:pt x="301" y="32"/>
                        </a:lnTo>
                        <a:lnTo>
                          <a:pt x="283" y="35"/>
                        </a:lnTo>
                        <a:lnTo>
                          <a:pt x="266" y="39"/>
                        </a:lnTo>
                        <a:lnTo>
                          <a:pt x="247" y="42"/>
                        </a:lnTo>
                        <a:lnTo>
                          <a:pt x="230" y="45"/>
                        </a:lnTo>
                        <a:lnTo>
                          <a:pt x="212" y="49"/>
                        </a:lnTo>
                        <a:lnTo>
                          <a:pt x="195" y="52"/>
                        </a:lnTo>
                        <a:lnTo>
                          <a:pt x="178" y="56"/>
                        </a:lnTo>
                        <a:lnTo>
                          <a:pt x="163" y="59"/>
                        </a:lnTo>
                        <a:lnTo>
                          <a:pt x="147" y="61"/>
                        </a:lnTo>
                        <a:lnTo>
                          <a:pt x="134" y="64"/>
                        </a:lnTo>
                        <a:lnTo>
                          <a:pt x="120" y="66"/>
                        </a:lnTo>
                        <a:lnTo>
                          <a:pt x="109" y="69"/>
                        </a:lnTo>
                        <a:lnTo>
                          <a:pt x="98" y="71"/>
                        </a:lnTo>
                        <a:lnTo>
                          <a:pt x="90" y="72"/>
                        </a:lnTo>
                        <a:lnTo>
                          <a:pt x="83" y="74"/>
                        </a:lnTo>
                        <a:lnTo>
                          <a:pt x="78" y="74"/>
                        </a:lnTo>
                        <a:lnTo>
                          <a:pt x="75" y="74"/>
                        </a:lnTo>
                        <a:lnTo>
                          <a:pt x="75" y="76"/>
                        </a:lnTo>
                        <a:lnTo>
                          <a:pt x="66" y="44"/>
                        </a:lnTo>
                        <a:lnTo>
                          <a:pt x="61" y="47"/>
                        </a:lnTo>
                        <a:lnTo>
                          <a:pt x="56" y="52"/>
                        </a:lnTo>
                        <a:lnTo>
                          <a:pt x="49" y="56"/>
                        </a:lnTo>
                        <a:lnTo>
                          <a:pt x="44" y="59"/>
                        </a:lnTo>
                        <a:lnTo>
                          <a:pt x="39" y="64"/>
                        </a:lnTo>
                        <a:lnTo>
                          <a:pt x="34" y="67"/>
                        </a:lnTo>
                        <a:lnTo>
                          <a:pt x="29" y="71"/>
                        </a:lnTo>
                        <a:lnTo>
                          <a:pt x="26" y="74"/>
                        </a:lnTo>
                        <a:lnTo>
                          <a:pt x="21" y="78"/>
                        </a:lnTo>
                        <a:lnTo>
                          <a:pt x="15" y="81"/>
                        </a:lnTo>
                        <a:lnTo>
                          <a:pt x="12" y="84"/>
                        </a:lnTo>
                        <a:lnTo>
                          <a:pt x="9" y="86"/>
                        </a:lnTo>
                        <a:lnTo>
                          <a:pt x="7" y="89"/>
                        </a:lnTo>
                        <a:lnTo>
                          <a:pt x="4" y="91"/>
                        </a:lnTo>
                        <a:lnTo>
                          <a:pt x="2" y="91"/>
                        </a:lnTo>
                        <a:lnTo>
                          <a:pt x="2" y="93"/>
                        </a:lnTo>
                        <a:lnTo>
                          <a:pt x="0" y="93"/>
                        </a:lnTo>
                        <a:lnTo>
                          <a:pt x="32" y="259"/>
                        </a:lnTo>
                        <a:lnTo>
                          <a:pt x="51" y="370"/>
                        </a:lnTo>
                      </a:path>
                    </a:pathLst>
                  </a:custGeom>
                  <a:solidFill>
                    <a:schemeClr val="bg2">
                      <a:lumMod val="85000"/>
                    </a:schemeClr>
                  </a:solidFill>
                  <a:ln w="3175">
                    <a:solidFill>
                      <a:sysClr val="windowText" lastClr="000000"/>
                    </a:solidFill>
                    <a:round/>
                    <a:headEnd/>
                    <a:tailEnd/>
                  </a:ln>
                </p:spPr>
                <p:txBody>
                  <a:bodyPr/>
                  <a:lstStyle/>
                  <a:p>
                    <a:pPr marL="0" marR="0" lvl="0" indent="0" algn="l" defTabSz="571486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125" b="0" i="0" u="none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Myriad Web Pro"/>
                      <a:ea typeface="+mn-ea"/>
                      <a:cs typeface="+mn-cs"/>
                    </a:endParaRPr>
                  </a:p>
                </p:txBody>
              </p:sp>
            </p:grpSp>
          </p:grpSp>
          <p:sp>
            <p:nvSpPr>
              <p:cNvPr id="582" name="Freeform 50"/>
              <p:cNvSpPr>
                <a:spLocks/>
              </p:cNvSpPr>
              <p:nvPr/>
            </p:nvSpPr>
            <p:spPr bwMode="auto">
              <a:xfrm>
                <a:off x="4658" y="1344"/>
                <a:ext cx="160" cy="309"/>
              </a:xfrm>
              <a:custGeom>
                <a:avLst/>
                <a:gdLst>
                  <a:gd name="T0" fmla="*/ 47 w 165"/>
                  <a:gd name="T1" fmla="*/ 211 h 318"/>
                  <a:gd name="T2" fmla="*/ 44 w 165"/>
                  <a:gd name="T3" fmla="*/ 199 h 318"/>
                  <a:gd name="T4" fmla="*/ 42 w 165"/>
                  <a:gd name="T5" fmla="*/ 183 h 318"/>
                  <a:gd name="T6" fmla="*/ 39 w 165"/>
                  <a:gd name="T7" fmla="*/ 167 h 318"/>
                  <a:gd name="T8" fmla="*/ 38 w 165"/>
                  <a:gd name="T9" fmla="*/ 154 h 318"/>
                  <a:gd name="T10" fmla="*/ 35 w 165"/>
                  <a:gd name="T11" fmla="*/ 145 h 318"/>
                  <a:gd name="T12" fmla="*/ 29 w 165"/>
                  <a:gd name="T13" fmla="*/ 141 h 318"/>
                  <a:gd name="T14" fmla="*/ 24 w 165"/>
                  <a:gd name="T15" fmla="*/ 145 h 318"/>
                  <a:gd name="T16" fmla="*/ 16 w 165"/>
                  <a:gd name="T17" fmla="*/ 111 h 318"/>
                  <a:gd name="T18" fmla="*/ 0 w 165"/>
                  <a:gd name="T19" fmla="*/ 26 h 318"/>
                  <a:gd name="T20" fmla="*/ 103 w 165"/>
                  <a:gd name="T21" fmla="*/ 10 h 318"/>
                  <a:gd name="T22" fmla="*/ 103 w 165"/>
                  <a:gd name="T23" fmla="*/ 15 h 318"/>
                  <a:gd name="T24" fmla="*/ 103 w 165"/>
                  <a:gd name="T25" fmla="*/ 17 h 318"/>
                  <a:gd name="T26" fmla="*/ 100 w 165"/>
                  <a:gd name="T27" fmla="*/ 21 h 318"/>
                  <a:gd name="T28" fmla="*/ 103 w 165"/>
                  <a:gd name="T29" fmla="*/ 26 h 318"/>
                  <a:gd name="T30" fmla="*/ 106 w 165"/>
                  <a:gd name="T31" fmla="*/ 37 h 318"/>
                  <a:gd name="T32" fmla="*/ 107 w 165"/>
                  <a:gd name="T33" fmla="*/ 43 h 318"/>
                  <a:gd name="T34" fmla="*/ 103 w 165"/>
                  <a:gd name="T35" fmla="*/ 51 h 318"/>
                  <a:gd name="T36" fmla="*/ 94 w 165"/>
                  <a:gd name="T37" fmla="*/ 63 h 318"/>
                  <a:gd name="T38" fmla="*/ 94 w 165"/>
                  <a:gd name="T39" fmla="*/ 64 h 318"/>
                  <a:gd name="T40" fmla="*/ 88 w 165"/>
                  <a:gd name="T41" fmla="*/ 68 h 318"/>
                  <a:gd name="T42" fmla="*/ 89 w 165"/>
                  <a:gd name="T43" fmla="*/ 73 h 318"/>
                  <a:gd name="T44" fmla="*/ 89 w 165"/>
                  <a:gd name="T45" fmla="*/ 83 h 318"/>
                  <a:gd name="T46" fmla="*/ 89 w 165"/>
                  <a:gd name="T47" fmla="*/ 93 h 318"/>
                  <a:gd name="T48" fmla="*/ 88 w 165"/>
                  <a:gd name="T49" fmla="*/ 108 h 318"/>
                  <a:gd name="T50" fmla="*/ 85 w 165"/>
                  <a:gd name="T51" fmla="*/ 115 h 318"/>
                  <a:gd name="T52" fmla="*/ 85 w 165"/>
                  <a:gd name="T53" fmla="*/ 122 h 318"/>
                  <a:gd name="T54" fmla="*/ 83 w 165"/>
                  <a:gd name="T55" fmla="*/ 127 h 318"/>
                  <a:gd name="T56" fmla="*/ 81 w 165"/>
                  <a:gd name="T57" fmla="*/ 139 h 318"/>
                  <a:gd name="T58" fmla="*/ 85 w 165"/>
                  <a:gd name="T59" fmla="*/ 153 h 318"/>
                  <a:gd name="T60" fmla="*/ 85 w 165"/>
                  <a:gd name="T61" fmla="*/ 157 h 318"/>
                  <a:gd name="T62" fmla="*/ 85 w 165"/>
                  <a:gd name="T63" fmla="*/ 164 h 318"/>
                  <a:gd name="T64" fmla="*/ 85 w 165"/>
                  <a:gd name="T65" fmla="*/ 167 h 318"/>
                  <a:gd name="T66" fmla="*/ 88 w 165"/>
                  <a:gd name="T67" fmla="*/ 173 h 318"/>
                  <a:gd name="T68" fmla="*/ 88 w 165"/>
                  <a:gd name="T69" fmla="*/ 180 h 318"/>
                  <a:gd name="T70" fmla="*/ 85 w 165"/>
                  <a:gd name="T71" fmla="*/ 184 h 318"/>
                  <a:gd name="T72" fmla="*/ 85 w 165"/>
                  <a:gd name="T73" fmla="*/ 193 h 318"/>
                  <a:gd name="T74" fmla="*/ 92 w 165"/>
                  <a:gd name="T75" fmla="*/ 201 h 318"/>
                  <a:gd name="T76" fmla="*/ 87 w 165"/>
                  <a:gd name="T77" fmla="*/ 203 h 318"/>
                  <a:gd name="T78" fmla="*/ 78 w 165"/>
                  <a:gd name="T79" fmla="*/ 205 h 318"/>
                  <a:gd name="T80" fmla="*/ 66 w 165"/>
                  <a:gd name="T81" fmla="*/ 208 h 318"/>
                  <a:gd name="T82" fmla="*/ 54 w 165"/>
                  <a:gd name="T83" fmla="*/ 211 h 318"/>
                  <a:gd name="T84" fmla="*/ 47 w 165"/>
                  <a:gd name="T85" fmla="*/ 211 h 318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w 165"/>
                  <a:gd name="T130" fmla="*/ 0 h 318"/>
                  <a:gd name="T131" fmla="*/ 165 w 165"/>
                  <a:gd name="T132" fmla="*/ 318 h 318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T129" t="T130" r="T131" b="T132"/>
                <a:pathLst>
                  <a:path w="165" h="318">
                    <a:moveTo>
                      <a:pt x="73" y="318"/>
                    </a:moveTo>
                    <a:lnTo>
                      <a:pt x="73" y="316"/>
                    </a:lnTo>
                    <a:lnTo>
                      <a:pt x="73" y="315"/>
                    </a:lnTo>
                    <a:lnTo>
                      <a:pt x="71" y="310"/>
                    </a:lnTo>
                    <a:lnTo>
                      <a:pt x="70" y="303"/>
                    </a:lnTo>
                    <a:lnTo>
                      <a:pt x="68" y="296"/>
                    </a:lnTo>
                    <a:lnTo>
                      <a:pt x="68" y="289"/>
                    </a:lnTo>
                    <a:lnTo>
                      <a:pt x="66" y="281"/>
                    </a:lnTo>
                    <a:lnTo>
                      <a:pt x="63" y="272"/>
                    </a:lnTo>
                    <a:lnTo>
                      <a:pt x="61" y="264"/>
                    </a:lnTo>
                    <a:lnTo>
                      <a:pt x="60" y="255"/>
                    </a:lnTo>
                    <a:lnTo>
                      <a:pt x="58" y="249"/>
                    </a:lnTo>
                    <a:lnTo>
                      <a:pt x="58" y="242"/>
                    </a:lnTo>
                    <a:lnTo>
                      <a:pt x="56" y="235"/>
                    </a:lnTo>
                    <a:lnTo>
                      <a:pt x="55" y="230"/>
                    </a:lnTo>
                    <a:lnTo>
                      <a:pt x="55" y="227"/>
                    </a:lnTo>
                    <a:lnTo>
                      <a:pt x="53" y="225"/>
                    </a:lnTo>
                    <a:lnTo>
                      <a:pt x="49" y="216"/>
                    </a:lnTo>
                    <a:lnTo>
                      <a:pt x="46" y="211"/>
                    </a:lnTo>
                    <a:lnTo>
                      <a:pt x="44" y="210"/>
                    </a:lnTo>
                    <a:lnTo>
                      <a:pt x="43" y="210"/>
                    </a:lnTo>
                    <a:lnTo>
                      <a:pt x="41" y="211"/>
                    </a:lnTo>
                    <a:lnTo>
                      <a:pt x="39" y="215"/>
                    </a:lnTo>
                    <a:lnTo>
                      <a:pt x="38" y="216"/>
                    </a:lnTo>
                    <a:lnTo>
                      <a:pt x="34" y="213"/>
                    </a:lnTo>
                    <a:lnTo>
                      <a:pt x="26" y="164"/>
                    </a:lnTo>
                    <a:lnTo>
                      <a:pt x="22" y="128"/>
                    </a:lnTo>
                    <a:lnTo>
                      <a:pt x="16" y="113"/>
                    </a:lnTo>
                    <a:lnTo>
                      <a:pt x="0" y="40"/>
                    </a:lnTo>
                    <a:lnTo>
                      <a:pt x="156" y="0"/>
                    </a:lnTo>
                    <a:lnTo>
                      <a:pt x="158" y="10"/>
                    </a:lnTo>
                    <a:lnTo>
                      <a:pt x="158" y="12"/>
                    </a:lnTo>
                    <a:lnTo>
                      <a:pt x="159" y="15"/>
                    </a:lnTo>
                    <a:lnTo>
                      <a:pt x="159" y="17"/>
                    </a:lnTo>
                    <a:lnTo>
                      <a:pt x="159" y="22"/>
                    </a:lnTo>
                    <a:lnTo>
                      <a:pt x="159" y="25"/>
                    </a:lnTo>
                    <a:lnTo>
                      <a:pt x="158" y="29"/>
                    </a:lnTo>
                    <a:lnTo>
                      <a:pt x="154" y="34"/>
                    </a:lnTo>
                    <a:lnTo>
                      <a:pt x="154" y="35"/>
                    </a:lnTo>
                    <a:lnTo>
                      <a:pt x="156" y="35"/>
                    </a:lnTo>
                    <a:lnTo>
                      <a:pt x="158" y="37"/>
                    </a:lnTo>
                    <a:lnTo>
                      <a:pt x="158" y="40"/>
                    </a:lnTo>
                    <a:lnTo>
                      <a:pt x="159" y="44"/>
                    </a:lnTo>
                    <a:lnTo>
                      <a:pt x="161" y="46"/>
                    </a:lnTo>
                    <a:lnTo>
                      <a:pt x="163" y="51"/>
                    </a:lnTo>
                    <a:lnTo>
                      <a:pt x="165" y="54"/>
                    </a:lnTo>
                    <a:lnTo>
                      <a:pt x="165" y="59"/>
                    </a:lnTo>
                    <a:lnTo>
                      <a:pt x="165" y="62"/>
                    </a:lnTo>
                    <a:lnTo>
                      <a:pt x="165" y="68"/>
                    </a:lnTo>
                    <a:lnTo>
                      <a:pt x="163" y="73"/>
                    </a:lnTo>
                    <a:lnTo>
                      <a:pt x="159" y="78"/>
                    </a:lnTo>
                    <a:lnTo>
                      <a:pt x="156" y="83"/>
                    </a:lnTo>
                    <a:lnTo>
                      <a:pt x="149" y="88"/>
                    </a:lnTo>
                    <a:lnTo>
                      <a:pt x="143" y="93"/>
                    </a:lnTo>
                    <a:lnTo>
                      <a:pt x="143" y="95"/>
                    </a:lnTo>
                    <a:lnTo>
                      <a:pt x="143" y="93"/>
                    </a:lnTo>
                    <a:lnTo>
                      <a:pt x="136" y="100"/>
                    </a:lnTo>
                    <a:lnTo>
                      <a:pt x="136" y="101"/>
                    </a:lnTo>
                    <a:lnTo>
                      <a:pt x="136" y="105"/>
                    </a:lnTo>
                    <a:lnTo>
                      <a:pt x="137" y="108"/>
                    </a:lnTo>
                    <a:lnTo>
                      <a:pt x="137" y="113"/>
                    </a:lnTo>
                    <a:lnTo>
                      <a:pt x="137" y="118"/>
                    </a:lnTo>
                    <a:lnTo>
                      <a:pt x="137" y="123"/>
                    </a:lnTo>
                    <a:lnTo>
                      <a:pt x="137" y="128"/>
                    </a:lnTo>
                    <a:lnTo>
                      <a:pt x="137" y="135"/>
                    </a:lnTo>
                    <a:lnTo>
                      <a:pt x="137" y="140"/>
                    </a:lnTo>
                    <a:lnTo>
                      <a:pt x="137" y="147"/>
                    </a:lnTo>
                    <a:lnTo>
                      <a:pt x="136" y="154"/>
                    </a:lnTo>
                    <a:lnTo>
                      <a:pt x="136" y="159"/>
                    </a:lnTo>
                    <a:lnTo>
                      <a:pt x="134" y="164"/>
                    </a:lnTo>
                    <a:lnTo>
                      <a:pt x="134" y="169"/>
                    </a:lnTo>
                    <a:lnTo>
                      <a:pt x="132" y="172"/>
                    </a:lnTo>
                    <a:lnTo>
                      <a:pt x="132" y="176"/>
                    </a:lnTo>
                    <a:lnTo>
                      <a:pt x="131" y="179"/>
                    </a:lnTo>
                    <a:lnTo>
                      <a:pt x="131" y="183"/>
                    </a:lnTo>
                    <a:lnTo>
                      <a:pt x="131" y="184"/>
                    </a:lnTo>
                    <a:lnTo>
                      <a:pt x="129" y="189"/>
                    </a:lnTo>
                    <a:lnTo>
                      <a:pt x="127" y="194"/>
                    </a:lnTo>
                    <a:lnTo>
                      <a:pt x="126" y="201"/>
                    </a:lnTo>
                    <a:lnTo>
                      <a:pt x="126" y="208"/>
                    </a:lnTo>
                    <a:lnTo>
                      <a:pt x="126" y="215"/>
                    </a:lnTo>
                    <a:lnTo>
                      <a:pt x="127" y="222"/>
                    </a:lnTo>
                    <a:lnTo>
                      <a:pt x="131" y="228"/>
                    </a:lnTo>
                    <a:lnTo>
                      <a:pt x="132" y="228"/>
                    </a:lnTo>
                    <a:lnTo>
                      <a:pt x="132" y="232"/>
                    </a:lnTo>
                    <a:lnTo>
                      <a:pt x="132" y="235"/>
                    </a:lnTo>
                    <a:lnTo>
                      <a:pt x="132" y="238"/>
                    </a:lnTo>
                    <a:lnTo>
                      <a:pt x="132" y="242"/>
                    </a:lnTo>
                    <a:lnTo>
                      <a:pt x="132" y="245"/>
                    </a:lnTo>
                    <a:lnTo>
                      <a:pt x="132" y="247"/>
                    </a:lnTo>
                    <a:lnTo>
                      <a:pt x="132" y="249"/>
                    </a:lnTo>
                    <a:lnTo>
                      <a:pt x="134" y="250"/>
                    </a:lnTo>
                    <a:lnTo>
                      <a:pt x="134" y="254"/>
                    </a:lnTo>
                    <a:lnTo>
                      <a:pt x="136" y="257"/>
                    </a:lnTo>
                    <a:lnTo>
                      <a:pt x="136" y="260"/>
                    </a:lnTo>
                    <a:lnTo>
                      <a:pt x="136" y="266"/>
                    </a:lnTo>
                    <a:lnTo>
                      <a:pt x="136" y="269"/>
                    </a:lnTo>
                    <a:lnTo>
                      <a:pt x="132" y="272"/>
                    </a:lnTo>
                    <a:lnTo>
                      <a:pt x="132" y="274"/>
                    </a:lnTo>
                    <a:lnTo>
                      <a:pt x="132" y="276"/>
                    </a:lnTo>
                    <a:lnTo>
                      <a:pt x="132" y="281"/>
                    </a:lnTo>
                    <a:lnTo>
                      <a:pt x="132" y="284"/>
                    </a:lnTo>
                    <a:lnTo>
                      <a:pt x="132" y="289"/>
                    </a:lnTo>
                    <a:lnTo>
                      <a:pt x="134" y="294"/>
                    </a:lnTo>
                    <a:lnTo>
                      <a:pt x="136" y="298"/>
                    </a:lnTo>
                    <a:lnTo>
                      <a:pt x="141" y="301"/>
                    </a:lnTo>
                    <a:lnTo>
                      <a:pt x="139" y="301"/>
                    </a:lnTo>
                    <a:lnTo>
                      <a:pt x="137" y="301"/>
                    </a:lnTo>
                    <a:lnTo>
                      <a:pt x="134" y="303"/>
                    </a:lnTo>
                    <a:lnTo>
                      <a:pt x="131" y="303"/>
                    </a:lnTo>
                    <a:lnTo>
                      <a:pt x="126" y="304"/>
                    </a:lnTo>
                    <a:lnTo>
                      <a:pt x="119" y="306"/>
                    </a:lnTo>
                    <a:lnTo>
                      <a:pt x="114" y="308"/>
                    </a:lnTo>
                    <a:lnTo>
                      <a:pt x="107" y="310"/>
                    </a:lnTo>
                    <a:lnTo>
                      <a:pt x="100" y="311"/>
                    </a:lnTo>
                    <a:lnTo>
                      <a:pt x="95" y="313"/>
                    </a:lnTo>
                    <a:lnTo>
                      <a:pt x="88" y="315"/>
                    </a:lnTo>
                    <a:lnTo>
                      <a:pt x="83" y="315"/>
                    </a:lnTo>
                    <a:lnTo>
                      <a:pt x="80" y="316"/>
                    </a:lnTo>
                    <a:lnTo>
                      <a:pt x="77" y="316"/>
                    </a:lnTo>
                    <a:lnTo>
                      <a:pt x="73" y="316"/>
                    </a:lnTo>
                    <a:lnTo>
                      <a:pt x="73" y="31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583" name="Freeform 51"/>
              <p:cNvSpPr>
                <a:spLocks/>
              </p:cNvSpPr>
              <p:nvPr/>
            </p:nvSpPr>
            <p:spPr bwMode="auto">
              <a:xfrm>
                <a:off x="192" y="1620"/>
                <a:ext cx="766" cy="1314"/>
              </a:xfrm>
              <a:custGeom>
                <a:avLst/>
                <a:gdLst>
                  <a:gd name="T0" fmla="*/ 78 w 788"/>
                  <a:gd name="T1" fmla="*/ 14 h 1354"/>
                  <a:gd name="T2" fmla="*/ 134 w 788"/>
                  <a:gd name="T3" fmla="*/ 23 h 1354"/>
                  <a:gd name="T4" fmla="*/ 209 w 788"/>
                  <a:gd name="T5" fmla="*/ 44 h 1354"/>
                  <a:gd name="T6" fmla="*/ 292 w 788"/>
                  <a:gd name="T7" fmla="*/ 65 h 1354"/>
                  <a:gd name="T8" fmla="*/ 518 w 788"/>
                  <a:gd name="T9" fmla="*/ 749 h 1354"/>
                  <a:gd name="T10" fmla="*/ 507 w 788"/>
                  <a:gd name="T11" fmla="*/ 786 h 1354"/>
                  <a:gd name="T12" fmla="*/ 496 w 788"/>
                  <a:gd name="T13" fmla="*/ 815 h 1354"/>
                  <a:gd name="T14" fmla="*/ 482 w 788"/>
                  <a:gd name="T15" fmla="*/ 837 h 1354"/>
                  <a:gd name="T16" fmla="*/ 485 w 788"/>
                  <a:gd name="T17" fmla="*/ 869 h 1354"/>
                  <a:gd name="T18" fmla="*/ 467 w 788"/>
                  <a:gd name="T19" fmla="*/ 890 h 1354"/>
                  <a:gd name="T20" fmla="*/ 293 w 788"/>
                  <a:gd name="T21" fmla="*/ 847 h 1354"/>
                  <a:gd name="T22" fmla="*/ 300 w 788"/>
                  <a:gd name="T23" fmla="*/ 834 h 1354"/>
                  <a:gd name="T24" fmla="*/ 285 w 788"/>
                  <a:gd name="T25" fmla="*/ 794 h 1354"/>
                  <a:gd name="T26" fmla="*/ 256 w 788"/>
                  <a:gd name="T27" fmla="*/ 758 h 1354"/>
                  <a:gd name="T28" fmla="*/ 243 w 788"/>
                  <a:gd name="T29" fmla="*/ 758 h 1354"/>
                  <a:gd name="T30" fmla="*/ 236 w 788"/>
                  <a:gd name="T31" fmla="*/ 749 h 1354"/>
                  <a:gd name="T32" fmla="*/ 229 w 788"/>
                  <a:gd name="T33" fmla="*/ 728 h 1354"/>
                  <a:gd name="T34" fmla="*/ 202 w 788"/>
                  <a:gd name="T35" fmla="*/ 720 h 1354"/>
                  <a:gd name="T36" fmla="*/ 181 w 788"/>
                  <a:gd name="T37" fmla="*/ 689 h 1354"/>
                  <a:gd name="T38" fmla="*/ 162 w 788"/>
                  <a:gd name="T39" fmla="*/ 679 h 1354"/>
                  <a:gd name="T40" fmla="*/ 141 w 788"/>
                  <a:gd name="T41" fmla="*/ 670 h 1354"/>
                  <a:gd name="T42" fmla="*/ 113 w 788"/>
                  <a:gd name="T43" fmla="*/ 660 h 1354"/>
                  <a:gd name="T44" fmla="*/ 111 w 788"/>
                  <a:gd name="T45" fmla="*/ 642 h 1354"/>
                  <a:gd name="T46" fmla="*/ 117 w 788"/>
                  <a:gd name="T47" fmla="*/ 606 h 1354"/>
                  <a:gd name="T48" fmla="*/ 105 w 788"/>
                  <a:gd name="T49" fmla="*/ 597 h 1354"/>
                  <a:gd name="T50" fmla="*/ 110 w 788"/>
                  <a:gd name="T51" fmla="*/ 581 h 1354"/>
                  <a:gd name="T52" fmla="*/ 98 w 788"/>
                  <a:gd name="T53" fmla="*/ 565 h 1354"/>
                  <a:gd name="T54" fmla="*/ 75 w 788"/>
                  <a:gd name="T55" fmla="*/ 515 h 1354"/>
                  <a:gd name="T56" fmla="*/ 65 w 788"/>
                  <a:gd name="T57" fmla="*/ 498 h 1354"/>
                  <a:gd name="T58" fmla="*/ 62 w 788"/>
                  <a:gd name="T59" fmla="*/ 490 h 1354"/>
                  <a:gd name="T60" fmla="*/ 67 w 788"/>
                  <a:gd name="T61" fmla="*/ 466 h 1354"/>
                  <a:gd name="T62" fmla="*/ 79 w 788"/>
                  <a:gd name="T63" fmla="*/ 443 h 1354"/>
                  <a:gd name="T64" fmla="*/ 50 w 788"/>
                  <a:gd name="T65" fmla="*/ 419 h 1354"/>
                  <a:gd name="T66" fmla="*/ 50 w 788"/>
                  <a:gd name="T67" fmla="*/ 405 h 1354"/>
                  <a:gd name="T68" fmla="*/ 51 w 788"/>
                  <a:gd name="T69" fmla="*/ 389 h 1354"/>
                  <a:gd name="T70" fmla="*/ 56 w 788"/>
                  <a:gd name="T71" fmla="*/ 365 h 1354"/>
                  <a:gd name="T72" fmla="*/ 63 w 788"/>
                  <a:gd name="T73" fmla="*/ 371 h 1354"/>
                  <a:gd name="T74" fmla="*/ 69 w 788"/>
                  <a:gd name="T75" fmla="*/ 389 h 1354"/>
                  <a:gd name="T76" fmla="*/ 78 w 788"/>
                  <a:gd name="T77" fmla="*/ 391 h 1354"/>
                  <a:gd name="T78" fmla="*/ 75 w 788"/>
                  <a:gd name="T79" fmla="*/ 378 h 1354"/>
                  <a:gd name="T80" fmla="*/ 71 w 788"/>
                  <a:gd name="T81" fmla="*/ 369 h 1354"/>
                  <a:gd name="T82" fmla="*/ 71 w 788"/>
                  <a:gd name="T83" fmla="*/ 350 h 1354"/>
                  <a:gd name="T84" fmla="*/ 99 w 788"/>
                  <a:gd name="T85" fmla="*/ 345 h 1354"/>
                  <a:gd name="T86" fmla="*/ 75 w 788"/>
                  <a:gd name="T87" fmla="*/ 339 h 1354"/>
                  <a:gd name="T88" fmla="*/ 63 w 788"/>
                  <a:gd name="T89" fmla="*/ 344 h 1354"/>
                  <a:gd name="T90" fmla="*/ 44 w 788"/>
                  <a:gd name="T91" fmla="*/ 346 h 1354"/>
                  <a:gd name="T92" fmla="*/ 31 w 788"/>
                  <a:gd name="T93" fmla="*/ 337 h 1354"/>
                  <a:gd name="T94" fmla="*/ 36 w 788"/>
                  <a:gd name="T95" fmla="*/ 304 h 1354"/>
                  <a:gd name="T96" fmla="*/ 17 w 788"/>
                  <a:gd name="T97" fmla="*/ 284 h 1354"/>
                  <a:gd name="T98" fmla="*/ 17 w 788"/>
                  <a:gd name="T99" fmla="*/ 263 h 1354"/>
                  <a:gd name="T100" fmla="*/ 10 w 788"/>
                  <a:gd name="T101" fmla="*/ 248 h 1354"/>
                  <a:gd name="T102" fmla="*/ 17 w 788"/>
                  <a:gd name="T103" fmla="*/ 230 h 1354"/>
                  <a:gd name="T104" fmla="*/ 17 w 788"/>
                  <a:gd name="T105" fmla="*/ 201 h 1354"/>
                  <a:gd name="T106" fmla="*/ 17 w 788"/>
                  <a:gd name="T107" fmla="*/ 176 h 1354"/>
                  <a:gd name="T108" fmla="*/ 17 w 788"/>
                  <a:gd name="T109" fmla="*/ 161 h 1354"/>
                  <a:gd name="T110" fmla="*/ 13 w 788"/>
                  <a:gd name="T111" fmla="*/ 151 h 1354"/>
                  <a:gd name="T112" fmla="*/ 1 w 788"/>
                  <a:gd name="T113" fmla="*/ 123 h 1354"/>
                  <a:gd name="T114" fmla="*/ 30 w 788"/>
                  <a:gd name="T115" fmla="*/ 86 h 1354"/>
                  <a:gd name="T116" fmla="*/ 40 w 788"/>
                  <a:gd name="T117" fmla="*/ 62 h 1354"/>
                  <a:gd name="T118" fmla="*/ 48 w 788"/>
                  <a:gd name="T119" fmla="*/ 32 h 1354"/>
                  <a:gd name="T120" fmla="*/ 49 w 788"/>
                  <a:gd name="T121" fmla="*/ 0 h 1354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w 788"/>
                  <a:gd name="T184" fmla="*/ 0 h 1354"/>
                  <a:gd name="T185" fmla="*/ 788 w 788"/>
                  <a:gd name="T186" fmla="*/ 1354 h 1354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T183" t="T184" r="T185" b="T186"/>
                <a:pathLst>
                  <a:path w="788" h="1354">
                    <a:moveTo>
                      <a:pt x="74" y="0"/>
                    </a:moveTo>
                    <a:lnTo>
                      <a:pt x="77" y="2"/>
                    </a:lnTo>
                    <a:lnTo>
                      <a:pt x="83" y="2"/>
                    </a:lnTo>
                    <a:lnTo>
                      <a:pt x="88" y="5"/>
                    </a:lnTo>
                    <a:lnTo>
                      <a:pt x="93" y="7"/>
                    </a:lnTo>
                    <a:lnTo>
                      <a:pt x="99" y="9"/>
                    </a:lnTo>
                    <a:lnTo>
                      <a:pt x="106" y="10"/>
                    </a:lnTo>
                    <a:lnTo>
                      <a:pt x="115" y="14"/>
                    </a:lnTo>
                    <a:lnTo>
                      <a:pt x="123" y="15"/>
                    </a:lnTo>
                    <a:lnTo>
                      <a:pt x="133" y="19"/>
                    </a:lnTo>
                    <a:lnTo>
                      <a:pt x="143" y="20"/>
                    </a:lnTo>
                    <a:lnTo>
                      <a:pt x="154" y="24"/>
                    </a:lnTo>
                    <a:lnTo>
                      <a:pt x="164" y="27"/>
                    </a:lnTo>
                    <a:lnTo>
                      <a:pt x="176" y="31"/>
                    </a:lnTo>
                    <a:lnTo>
                      <a:pt x="187" y="34"/>
                    </a:lnTo>
                    <a:lnTo>
                      <a:pt x="199" y="37"/>
                    </a:lnTo>
                    <a:lnTo>
                      <a:pt x="213" y="41"/>
                    </a:lnTo>
                    <a:lnTo>
                      <a:pt x="226" y="44"/>
                    </a:lnTo>
                    <a:lnTo>
                      <a:pt x="240" y="48"/>
                    </a:lnTo>
                    <a:lnTo>
                      <a:pt x="253" y="51"/>
                    </a:lnTo>
                    <a:lnTo>
                      <a:pt x="267" y="54"/>
                    </a:lnTo>
                    <a:lnTo>
                      <a:pt x="281" y="59"/>
                    </a:lnTo>
                    <a:lnTo>
                      <a:pt x="296" y="63"/>
                    </a:lnTo>
                    <a:lnTo>
                      <a:pt x="311" y="66"/>
                    </a:lnTo>
                    <a:lnTo>
                      <a:pt x="326" y="71"/>
                    </a:lnTo>
                    <a:lnTo>
                      <a:pt x="341" y="75"/>
                    </a:lnTo>
                    <a:lnTo>
                      <a:pt x="355" y="78"/>
                    </a:lnTo>
                    <a:lnTo>
                      <a:pt x="372" y="83"/>
                    </a:lnTo>
                    <a:lnTo>
                      <a:pt x="385" y="86"/>
                    </a:lnTo>
                    <a:lnTo>
                      <a:pt x="402" y="90"/>
                    </a:lnTo>
                    <a:lnTo>
                      <a:pt x="416" y="93"/>
                    </a:lnTo>
                    <a:lnTo>
                      <a:pt x="433" y="98"/>
                    </a:lnTo>
                    <a:lnTo>
                      <a:pt x="446" y="102"/>
                    </a:lnTo>
                    <a:lnTo>
                      <a:pt x="448" y="100"/>
                    </a:lnTo>
                    <a:lnTo>
                      <a:pt x="353" y="466"/>
                    </a:lnTo>
                    <a:lnTo>
                      <a:pt x="753" y="1070"/>
                    </a:lnTo>
                    <a:lnTo>
                      <a:pt x="756" y="1085"/>
                    </a:lnTo>
                    <a:lnTo>
                      <a:pt x="761" y="1098"/>
                    </a:lnTo>
                    <a:lnTo>
                      <a:pt x="773" y="1124"/>
                    </a:lnTo>
                    <a:lnTo>
                      <a:pt x="771" y="1142"/>
                    </a:lnTo>
                    <a:lnTo>
                      <a:pt x="788" y="1166"/>
                    </a:lnTo>
                    <a:lnTo>
                      <a:pt x="788" y="1175"/>
                    </a:lnTo>
                    <a:lnTo>
                      <a:pt x="781" y="1183"/>
                    </a:lnTo>
                    <a:lnTo>
                      <a:pt x="780" y="1185"/>
                    </a:lnTo>
                    <a:lnTo>
                      <a:pt x="775" y="1185"/>
                    </a:lnTo>
                    <a:lnTo>
                      <a:pt x="768" y="1186"/>
                    </a:lnTo>
                    <a:lnTo>
                      <a:pt x="761" y="1190"/>
                    </a:lnTo>
                    <a:lnTo>
                      <a:pt x="753" y="1195"/>
                    </a:lnTo>
                    <a:lnTo>
                      <a:pt x="746" y="1202"/>
                    </a:lnTo>
                    <a:lnTo>
                      <a:pt x="743" y="1210"/>
                    </a:lnTo>
                    <a:lnTo>
                      <a:pt x="741" y="1219"/>
                    </a:lnTo>
                    <a:lnTo>
                      <a:pt x="741" y="1220"/>
                    </a:lnTo>
                    <a:lnTo>
                      <a:pt x="741" y="1225"/>
                    </a:lnTo>
                    <a:lnTo>
                      <a:pt x="741" y="1230"/>
                    </a:lnTo>
                    <a:lnTo>
                      <a:pt x="739" y="1237"/>
                    </a:lnTo>
                    <a:lnTo>
                      <a:pt x="737" y="1244"/>
                    </a:lnTo>
                    <a:lnTo>
                      <a:pt x="736" y="1251"/>
                    </a:lnTo>
                    <a:lnTo>
                      <a:pt x="731" y="1256"/>
                    </a:lnTo>
                    <a:lnTo>
                      <a:pt x="726" y="1261"/>
                    </a:lnTo>
                    <a:lnTo>
                      <a:pt x="724" y="1263"/>
                    </a:lnTo>
                    <a:lnTo>
                      <a:pt x="722" y="1264"/>
                    </a:lnTo>
                    <a:lnTo>
                      <a:pt x="721" y="1266"/>
                    </a:lnTo>
                    <a:lnTo>
                      <a:pt x="717" y="1268"/>
                    </a:lnTo>
                    <a:lnTo>
                      <a:pt x="715" y="1271"/>
                    </a:lnTo>
                    <a:lnTo>
                      <a:pt x="712" y="1273"/>
                    </a:lnTo>
                    <a:lnTo>
                      <a:pt x="710" y="1274"/>
                    </a:lnTo>
                    <a:lnTo>
                      <a:pt x="707" y="1285"/>
                    </a:lnTo>
                    <a:lnTo>
                      <a:pt x="709" y="1296"/>
                    </a:lnTo>
                    <a:lnTo>
                      <a:pt x="704" y="1313"/>
                    </a:lnTo>
                    <a:lnTo>
                      <a:pt x="721" y="1322"/>
                    </a:lnTo>
                    <a:lnTo>
                      <a:pt x="722" y="1324"/>
                    </a:lnTo>
                    <a:lnTo>
                      <a:pt x="722" y="1327"/>
                    </a:lnTo>
                    <a:lnTo>
                      <a:pt x="722" y="1332"/>
                    </a:lnTo>
                    <a:lnTo>
                      <a:pt x="722" y="1337"/>
                    </a:lnTo>
                    <a:lnTo>
                      <a:pt x="721" y="1344"/>
                    </a:lnTo>
                    <a:lnTo>
                      <a:pt x="719" y="1349"/>
                    </a:lnTo>
                    <a:lnTo>
                      <a:pt x="714" y="1352"/>
                    </a:lnTo>
                    <a:lnTo>
                      <a:pt x="709" y="1354"/>
                    </a:lnTo>
                    <a:lnTo>
                      <a:pt x="693" y="1354"/>
                    </a:lnTo>
                    <a:lnTo>
                      <a:pt x="450" y="1325"/>
                    </a:lnTo>
                    <a:lnTo>
                      <a:pt x="445" y="1317"/>
                    </a:lnTo>
                    <a:lnTo>
                      <a:pt x="450" y="1317"/>
                    </a:lnTo>
                    <a:lnTo>
                      <a:pt x="450" y="1305"/>
                    </a:lnTo>
                    <a:lnTo>
                      <a:pt x="443" y="1300"/>
                    </a:lnTo>
                    <a:lnTo>
                      <a:pt x="436" y="1305"/>
                    </a:lnTo>
                    <a:lnTo>
                      <a:pt x="436" y="1290"/>
                    </a:lnTo>
                    <a:lnTo>
                      <a:pt x="436" y="1288"/>
                    </a:lnTo>
                    <a:lnTo>
                      <a:pt x="438" y="1286"/>
                    </a:lnTo>
                    <a:lnTo>
                      <a:pt x="440" y="1285"/>
                    </a:lnTo>
                    <a:lnTo>
                      <a:pt x="441" y="1283"/>
                    </a:lnTo>
                    <a:lnTo>
                      <a:pt x="441" y="1280"/>
                    </a:lnTo>
                    <a:lnTo>
                      <a:pt x="443" y="1276"/>
                    </a:lnTo>
                    <a:lnTo>
                      <a:pt x="445" y="1271"/>
                    </a:lnTo>
                    <a:lnTo>
                      <a:pt x="445" y="1266"/>
                    </a:lnTo>
                    <a:lnTo>
                      <a:pt x="445" y="1261"/>
                    </a:lnTo>
                    <a:lnTo>
                      <a:pt x="445" y="1254"/>
                    </a:lnTo>
                    <a:lnTo>
                      <a:pt x="441" y="1247"/>
                    </a:lnTo>
                    <a:lnTo>
                      <a:pt x="440" y="1239"/>
                    </a:lnTo>
                    <a:lnTo>
                      <a:pt x="436" y="1230"/>
                    </a:lnTo>
                    <a:lnTo>
                      <a:pt x="431" y="1222"/>
                    </a:lnTo>
                    <a:lnTo>
                      <a:pt x="424" y="1212"/>
                    </a:lnTo>
                    <a:lnTo>
                      <a:pt x="423" y="1210"/>
                    </a:lnTo>
                    <a:lnTo>
                      <a:pt x="421" y="1207"/>
                    </a:lnTo>
                    <a:lnTo>
                      <a:pt x="416" y="1203"/>
                    </a:lnTo>
                    <a:lnTo>
                      <a:pt x="413" y="1198"/>
                    </a:lnTo>
                    <a:lnTo>
                      <a:pt x="409" y="1193"/>
                    </a:lnTo>
                    <a:lnTo>
                      <a:pt x="406" y="1190"/>
                    </a:lnTo>
                    <a:lnTo>
                      <a:pt x="402" y="1186"/>
                    </a:lnTo>
                    <a:lnTo>
                      <a:pt x="401" y="1186"/>
                    </a:lnTo>
                    <a:lnTo>
                      <a:pt x="380" y="1153"/>
                    </a:lnTo>
                    <a:lnTo>
                      <a:pt x="379" y="1151"/>
                    </a:lnTo>
                    <a:lnTo>
                      <a:pt x="379" y="1149"/>
                    </a:lnTo>
                    <a:lnTo>
                      <a:pt x="375" y="1148"/>
                    </a:lnTo>
                    <a:lnTo>
                      <a:pt x="374" y="1148"/>
                    </a:lnTo>
                    <a:lnTo>
                      <a:pt x="370" y="1148"/>
                    </a:lnTo>
                    <a:lnTo>
                      <a:pt x="365" y="1149"/>
                    </a:lnTo>
                    <a:lnTo>
                      <a:pt x="360" y="1153"/>
                    </a:lnTo>
                    <a:lnTo>
                      <a:pt x="358" y="1153"/>
                    </a:lnTo>
                    <a:lnTo>
                      <a:pt x="357" y="1151"/>
                    </a:lnTo>
                    <a:lnTo>
                      <a:pt x="355" y="1149"/>
                    </a:lnTo>
                    <a:lnTo>
                      <a:pt x="353" y="1146"/>
                    </a:lnTo>
                    <a:lnTo>
                      <a:pt x="352" y="1144"/>
                    </a:lnTo>
                    <a:lnTo>
                      <a:pt x="350" y="1142"/>
                    </a:lnTo>
                    <a:lnTo>
                      <a:pt x="355" y="1136"/>
                    </a:lnTo>
                    <a:lnTo>
                      <a:pt x="355" y="1129"/>
                    </a:lnTo>
                    <a:lnTo>
                      <a:pt x="353" y="1126"/>
                    </a:lnTo>
                    <a:lnTo>
                      <a:pt x="353" y="1122"/>
                    </a:lnTo>
                    <a:lnTo>
                      <a:pt x="350" y="1117"/>
                    </a:lnTo>
                    <a:lnTo>
                      <a:pt x="347" y="1114"/>
                    </a:lnTo>
                    <a:lnTo>
                      <a:pt x="341" y="1109"/>
                    </a:lnTo>
                    <a:lnTo>
                      <a:pt x="335" y="1107"/>
                    </a:lnTo>
                    <a:lnTo>
                      <a:pt x="325" y="1105"/>
                    </a:lnTo>
                    <a:lnTo>
                      <a:pt x="323" y="1105"/>
                    </a:lnTo>
                    <a:lnTo>
                      <a:pt x="319" y="1105"/>
                    </a:lnTo>
                    <a:lnTo>
                      <a:pt x="314" y="1104"/>
                    </a:lnTo>
                    <a:lnTo>
                      <a:pt x="309" y="1100"/>
                    </a:lnTo>
                    <a:lnTo>
                      <a:pt x="301" y="1095"/>
                    </a:lnTo>
                    <a:lnTo>
                      <a:pt x="292" y="1087"/>
                    </a:lnTo>
                    <a:lnTo>
                      <a:pt x="281" y="1075"/>
                    </a:lnTo>
                    <a:lnTo>
                      <a:pt x="281" y="1073"/>
                    </a:lnTo>
                    <a:lnTo>
                      <a:pt x="281" y="1071"/>
                    </a:lnTo>
                    <a:lnTo>
                      <a:pt x="279" y="1066"/>
                    </a:lnTo>
                    <a:lnTo>
                      <a:pt x="277" y="1060"/>
                    </a:lnTo>
                    <a:lnTo>
                      <a:pt x="274" y="1054"/>
                    </a:lnTo>
                    <a:lnTo>
                      <a:pt x="269" y="1048"/>
                    </a:lnTo>
                    <a:lnTo>
                      <a:pt x="262" y="1041"/>
                    </a:lnTo>
                    <a:lnTo>
                      <a:pt x="253" y="1034"/>
                    </a:lnTo>
                    <a:lnTo>
                      <a:pt x="252" y="1034"/>
                    </a:lnTo>
                    <a:lnTo>
                      <a:pt x="250" y="1034"/>
                    </a:lnTo>
                    <a:lnTo>
                      <a:pt x="248" y="1034"/>
                    </a:lnTo>
                    <a:lnTo>
                      <a:pt x="245" y="1034"/>
                    </a:lnTo>
                    <a:lnTo>
                      <a:pt x="243" y="1034"/>
                    </a:lnTo>
                    <a:lnTo>
                      <a:pt x="242" y="1034"/>
                    </a:lnTo>
                    <a:lnTo>
                      <a:pt x="240" y="1034"/>
                    </a:lnTo>
                    <a:lnTo>
                      <a:pt x="233" y="1029"/>
                    </a:lnTo>
                    <a:lnTo>
                      <a:pt x="223" y="1029"/>
                    </a:lnTo>
                    <a:lnTo>
                      <a:pt x="221" y="1027"/>
                    </a:lnTo>
                    <a:lnTo>
                      <a:pt x="220" y="1026"/>
                    </a:lnTo>
                    <a:lnTo>
                      <a:pt x="216" y="1022"/>
                    </a:lnTo>
                    <a:lnTo>
                      <a:pt x="209" y="1019"/>
                    </a:lnTo>
                    <a:lnTo>
                      <a:pt x="203" y="1014"/>
                    </a:lnTo>
                    <a:lnTo>
                      <a:pt x="194" y="1012"/>
                    </a:lnTo>
                    <a:lnTo>
                      <a:pt x="182" y="1010"/>
                    </a:lnTo>
                    <a:lnTo>
                      <a:pt x="171" y="1010"/>
                    </a:lnTo>
                    <a:lnTo>
                      <a:pt x="169" y="1009"/>
                    </a:lnTo>
                    <a:lnTo>
                      <a:pt x="169" y="1007"/>
                    </a:lnTo>
                    <a:lnTo>
                      <a:pt x="167" y="1005"/>
                    </a:lnTo>
                    <a:lnTo>
                      <a:pt x="167" y="1004"/>
                    </a:lnTo>
                    <a:lnTo>
                      <a:pt x="165" y="1002"/>
                    </a:lnTo>
                    <a:lnTo>
                      <a:pt x="165" y="1000"/>
                    </a:lnTo>
                    <a:lnTo>
                      <a:pt x="160" y="994"/>
                    </a:lnTo>
                    <a:lnTo>
                      <a:pt x="155" y="994"/>
                    </a:lnTo>
                    <a:lnTo>
                      <a:pt x="155" y="985"/>
                    </a:lnTo>
                    <a:lnTo>
                      <a:pt x="164" y="977"/>
                    </a:lnTo>
                    <a:lnTo>
                      <a:pt x="162" y="965"/>
                    </a:lnTo>
                    <a:lnTo>
                      <a:pt x="169" y="958"/>
                    </a:lnTo>
                    <a:lnTo>
                      <a:pt x="165" y="944"/>
                    </a:lnTo>
                    <a:lnTo>
                      <a:pt x="165" y="943"/>
                    </a:lnTo>
                    <a:lnTo>
                      <a:pt x="169" y="939"/>
                    </a:lnTo>
                    <a:lnTo>
                      <a:pt x="171" y="933"/>
                    </a:lnTo>
                    <a:lnTo>
                      <a:pt x="172" y="928"/>
                    </a:lnTo>
                    <a:lnTo>
                      <a:pt x="174" y="921"/>
                    </a:lnTo>
                    <a:lnTo>
                      <a:pt x="172" y="917"/>
                    </a:lnTo>
                    <a:lnTo>
                      <a:pt x="169" y="914"/>
                    </a:lnTo>
                    <a:lnTo>
                      <a:pt x="162" y="916"/>
                    </a:lnTo>
                    <a:lnTo>
                      <a:pt x="160" y="914"/>
                    </a:lnTo>
                    <a:lnTo>
                      <a:pt x="159" y="912"/>
                    </a:lnTo>
                    <a:lnTo>
                      <a:pt x="157" y="911"/>
                    </a:lnTo>
                    <a:lnTo>
                      <a:pt x="155" y="909"/>
                    </a:lnTo>
                    <a:lnTo>
                      <a:pt x="154" y="907"/>
                    </a:lnTo>
                    <a:lnTo>
                      <a:pt x="154" y="906"/>
                    </a:lnTo>
                    <a:lnTo>
                      <a:pt x="152" y="906"/>
                    </a:lnTo>
                    <a:lnTo>
                      <a:pt x="154" y="904"/>
                    </a:lnTo>
                    <a:lnTo>
                      <a:pt x="155" y="900"/>
                    </a:lnTo>
                    <a:lnTo>
                      <a:pt x="157" y="895"/>
                    </a:lnTo>
                    <a:lnTo>
                      <a:pt x="160" y="890"/>
                    </a:lnTo>
                    <a:lnTo>
                      <a:pt x="162" y="885"/>
                    </a:lnTo>
                    <a:lnTo>
                      <a:pt x="160" y="880"/>
                    </a:lnTo>
                    <a:lnTo>
                      <a:pt x="159" y="877"/>
                    </a:lnTo>
                    <a:lnTo>
                      <a:pt x="154" y="875"/>
                    </a:lnTo>
                    <a:lnTo>
                      <a:pt x="150" y="872"/>
                    </a:lnTo>
                    <a:lnTo>
                      <a:pt x="149" y="868"/>
                    </a:lnTo>
                    <a:lnTo>
                      <a:pt x="147" y="863"/>
                    </a:lnTo>
                    <a:lnTo>
                      <a:pt x="145" y="860"/>
                    </a:lnTo>
                    <a:lnTo>
                      <a:pt x="143" y="855"/>
                    </a:lnTo>
                    <a:lnTo>
                      <a:pt x="142" y="853"/>
                    </a:lnTo>
                    <a:lnTo>
                      <a:pt x="142" y="851"/>
                    </a:lnTo>
                    <a:lnTo>
                      <a:pt x="130" y="840"/>
                    </a:lnTo>
                    <a:lnTo>
                      <a:pt x="128" y="823"/>
                    </a:lnTo>
                    <a:lnTo>
                      <a:pt x="120" y="804"/>
                    </a:lnTo>
                    <a:lnTo>
                      <a:pt x="118" y="796"/>
                    </a:lnTo>
                    <a:lnTo>
                      <a:pt x="111" y="785"/>
                    </a:lnTo>
                    <a:lnTo>
                      <a:pt x="113" y="785"/>
                    </a:lnTo>
                    <a:lnTo>
                      <a:pt x="113" y="784"/>
                    </a:lnTo>
                    <a:lnTo>
                      <a:pt x="113" y="782"/>
                    </a:lnTo>
                    <a:lnTo>
                      <a:pt x="113" y="779"/>
                    </a:lnTo>
                    <a:lnTo>
                      <a:pt x="110" y="775"/>
                    </a:lnTo>
                    <a:lnTo>
                      <a:pt x="108" y="770"/>
                    </a:lnTo>
                    <a:lnTo>
                      <a:pt x="103" y="765"/>
                    </a:lnTo>
                    <a:lnTo>
                      <a:pt x="96" y="758"/>
                    </a:lnTo>
                    <a:lnTo>
                      <a:pt x="94" y="757"/>
                    </a:lnTo>
                    <a:lnTo>
                      <a:pt x="93" y="755"/>
                    </a:lnTo>
                    <a:lnTo>
                      <a:pt x="93" y="753"/>
                    </a:lnTo>
                    <a:lnTo>
                      <a:pt x="93" y="752"/>
                    </a:lnTo>
                    <a:lnTo>
                      <a:pt x="91" y="748"/>
                    </a:lnTo>
                    <a:lnTo>
                      <a:pt x="91" y="746"/>
                    </a:lnTo>
                    <a:lnTo>
                      <a:pt x="91" y="745"/>
                    </a:lnTo>
                    <a:lnTo>
                      <a:pt x="96" y="740"/>
                    </a:lnTo>
                    <a:lnTo>
                      <a:pt x="93" y="721"/>
                    </a:lnTo>
                    <a:lnTo>
                      <a:pt x="98" y="718"/>
                    </a:lnTo>
                    <a:lnTo>
                      <a:pt x="94" y="713"/>
                    </a:lnTo>
                    <a:lnTo>
                      <a:pt x="99" y="708"/>
                    </a:lnTo>
                    <a:lnTo>
                      <a:pt x="99" y="709"/>
                    </a:lnTo>
                    <a:lnTo>
                      <a:pt x="99" y="711"/>
                    </a:lnTo>
                    <a:lnTo>
                      <a:pt x="101" y="713"/>
                    </a:lnTo>
                    <a:lnTo>
                      <a:pt x="105" y="713"/>
                    </a:lnTo>
                    <a:lnTo>
                      <a:pt x="108" y="709"/>
                    </a:lnTo>
                    <a:lnTo>
                      <a:pt x="113" y="704"/>
                    </a:lnTo>
                    <a:lnTo>
                      <a:pt x="115" y="696"/>
                    </a:lnTo>
                    <a:lnTo>
                      <a:pt x="116" y="687"/>
                    </a:lnTo>
                    <a:lnTo>
                      <a:pt x="118" y="680"/>
                    </a:lnTo>
                    <a:lnTo>
                      <a:pt x="116" y="674"/>
                    </a:lnTo>
                    <a:lnTo>
                      <a:pt x="113" y="669"/>
                    </a:lnTo>
                    <a:lnTo>
                      <a:pt x="108" y="667"/>
                    </a:lnTo>
                    <a:lnTo>
                      <a:pt x="106" y="667"/>
                    </a:lnTo>
                    <a:lnTo>
                      <a:pt x="108" y="667"/>
                    </a:lnTo>
                    <a:lnTo>
                      <a:pt x="96" y="665"/>
                    </a:lnTo>
                    <a:lnTo>
                      <a:pt x="76" y="638"/>
                    </a:lnTo>
                    <a:lnTo>
                      <a:pt x="76" y="631"/>
                    </a:lnTo>
                    <a:lnTo>
                      <a:pt x="76" y="630"/>
                    </a:lnTo>
                    <a:lnTo>
                      <a:pt x="74" y="628"/>
                    </a:lnTo>
                    <a:lnTo>
                      <a:pt x="74" y="626"/>
                    </a:lnTo>
                    <a:lnTo>
                      <a:pt x="74" y="623"/>
                    </a:lnTo>
                    <a:lnTo>
                      <a:pt x="74" y="620"/>
                    </a:lnTo>
                    <a:lnTo>
                      <a:pt x="76" y="616"/>
                    </a:lnTo>
                    <a:lnTo>
                      <a:pt x="77" y="611"/>
                    </a:lnTo>
                    <a:lnTo>
                      <a:pt x="77" y="609"/>
                    </a:lnTo>
                    <a:lnTo>
                      <a:pt x="77" y="608"/>
                    </a:lnTo>
                    <a:lnTo>
                      <a:pt x="77" y="604"/>
                    </a:lnTo>
                    <a:lnTo>
                      <a:pt x="77" y="601"/>
                    </a:lnTo>
                    <a:lnTo>
                      <a:pt x="77" y="598"/>
                    </a:lnTo>
                    <a:lnTo>
                      <a:pt x="77" y="594"/>
                    </a:lnTo>
                    <a:lnTo>
                      <a:pt x="77" y="592"/>
                    </a:lnTo>
                    <a:lnTo>
                      <a:pt x="77" y="591"/>
                    </a:lnTo>
                    <a:lnTo>
                      <a:pt x="76" y="586"/>
                    </a:lnTo>
                    <a:lnTo>
                      <a:pt x="76" y="577"/>
                    </a:lnTo>
                    <a:lnTo>
                      <a:pt x="79" y="572"/>
                    </a:lnTo>
                    <a:lnTo>
                      <a:pt x="83" y="559"/>
                    </a:lnTo>
                    <a:lnTo>
                      <a:pt x="83" y="557"/>
                    </a:lnTo>
                    <a:lnTo>
                      <a:pt x="84" y="555"/>
                    </a:lnTo>
                    <a:lnTo>
                      <a:pt x="86" y="554"/>
                    </a:lnTo>
                    <a:lnTo>
                      <a:pt x="88" y="554"/>
                    </a:lnTo>
                    <a:lnTo>
                      <a:pt x="89" y="554"/>
                    </a:lnTo>
                    <a:lnTo>
                      <a:pt x="91" y="555"/>
                    </a:lnTo>
                    <a:lnTo>
                      <a:pt x="93" y="560"/>
                    </a:lnTo>
                    <a:lnTo>
                      <a:pt x="93" y="562"/>
                    </a:lnTo>
                    <a:lnTo>
                      <a:pt x="93" y="564"/>
                    </a:lnTo>
                    <a:lnTo>
                      <a:pt x="93" y="565"/>
                    </a:lnTo>
                    <a:lnTo>
                      <a:pt x="91" y="569"/>
                    </a:lnTo>
                    <a:lnTo>
                      <a:pt x="91" y="570"/>
                    </a:lnTo>
                    <a:lnTo>
                      <a:pt x="89" y="574"/>
                    </a:lnTo>
                    <a:lnTo>
                      <a:pt x="89" y="576"/>
                    </a:lnTo>
                    <a:lnTo>
                      <a:pt x="91" y="579"/>
                    </a:lnTo>
                    <a:lnTo>
                      <a:pt x="99" y="587"/>
                    </a:lnTo>
                    <a:lnTo>
                      <a:pt x="101" y="592"/>
                    </a:lnTo>
                    <a:lnTo>
                      <a:pt x="113" y="606"/>
                    </a:lnTo>
                    <a:lnTo>
                      <a:pt x="115" y="608"/>
                    </a:lnTo>
                    <a:lnTo>
                      <a:pt x="116" y="608"/>
                    </a:lnTo>
                    <a:lnTo>
                      <a:pt x="120" y="606"/>
                    </a:lnTo>
                    <a:lnTo>
                      <a:pt x="118" y="601"/>
                    </a:lnTo>
                    <a:lnTo>
                      <a:pt x="116" y="599"/>
                    </a:lnTo>
                    <a:lnTo>
                      <a:pt x="115" y="596"/>
                    </a:lnTo>
                    <a:lnTo>
                      <a:pt x="113" y="594"/>
                    </a:lnTo>
                    <a:lnTo>
                      <a:pt x="111" y="591"/>
                    </a:lnTo>
                    <a:lnTo>
                      <a:pt x="110" y="587"/>
                    </a:lnTo>
                    <a:lnTo>
                      <a:pt x="110" y="582"/>
                    </a:lnTo>
                    <a:lnTo>
                      <a:pt x="110" y="579"/>
                    </a:lnTo>
                    <a:lnTo>
                      <a:pt x="110" y="577"/>
                    </a:lnTo>
                    <a:lnTo>
                      <a:pt x="110" y="574"/>
                    </a:lnTo>
                    <a:lnTo>
                      <a:pt x="110" y="572"/>
                    </a:lnTo>
                    <a:lnTo>
                      <a:pt x="108" y="570"/>
                    </a:lnTo>
                    <a:lnTo>
                      <a:pt x="106" y="569"/>
                    </a:lnTo>
                    <a:lnTo>
                      <a:pt x="105" y="565"/>
                    </a:lnTo>
                    <a:lnTo>
                      <a:pt x="105" y="564"/>
                    </a:lnTo>
                    <a:lnTo>
                      <a:pt x="105" y="562"/>
                    </a:lnTo>
                    <a:lnTo>
                      <a:pt x="105" y="560"/>
                    </a:lnTo>
                    <a:lnTo>
                      <a:pt x="105" y="559"/>
                    </a:lnTo>
                    <a:lnTo>
                      <a:pt x="105" y="557"/>
                    </a:lnTo>
                    <a:lnTo>
                      <a:pt x="105" y="555"/>
                    </a:lnTo>
                    <a:lnTo>
                      <a:pt x="99" y="543"/>
                    </a:lnTo>
                    <a:lnTo>
                      <a:pt x="99" y="535"/>
                    </a:lnTo>
                    <a:lnTo>
                      <a:pt x="105" y="533"/>
                    </a:lnTo>
                    <a:lnTo>
                      <a:pt x="118" y="528"/>
                    </a:lnTo>
                    <a:lnTo>
                      <a:pt x="121" y="530"/>
                    </a:lnTo>
                    <a:lnTo>
                      <a:pt x="125" y="533"/>
                    </a:lnTo>
                    <a:lnTo>
                      <a:pt x="143" y="537"/>
                    </a:lnTo>
                    <a:lnTo>
                      <a:pt x="149" y="537"/>
                    </a:lnTo>
                    <a:lnTo>
                      <a:pt x="155" y="542"/>
                    </a:lnTo>
                    <a:lnTo>
                      <a:pt x="147" y="532"/>
                    </a:lnTo>
                    <a:lnTo>
                      <a:pt x="147" y="525"/>
                    </a:lnTo>
                    <a:lnTo>
                      <a:pt x="137" y="525"/>
                    </a:lnTo>
                    <a:lnTo>
                      <a:pt x="130" y="528"/>
                    </a:lnTo>
                    <a:lnTo>
                      <a:pt x="123" y="528"/>
                    </a:lnTo>
                    <a:lnTo>
                      <a:pt x="120" y="525"/>
                    </a:lnTo>
                    <a:lnTo>
                      <a:pt x="118" y="523"/>
                    </a:lnTo>
                    <a:lnTo>
                      <a:pt x="116" y="521"/>
                    </a:lnTo>
                    <a:lnTo>
                      <a:pt x="113" y="518"/>
                    </a:lnTo>
                    <a:lnTo>
                      <a:pt x="110" y="516"/>
                    </a:lnTo>
                    <a:lnTo>
                      <a:pt x="106" y="513"/>
                    </a:lnTo>
                    <a:lnTo>
                      <a:pt x="103" y="513"/>
                    </a:lnTo>
                    <a:lnTo>
                      <a:pt x="98" y="515"/>
                    </a:lnTo>
                    <a:lnTo>
                      <a:pt x="96" y="518"/>
                    </a:lnTo>
                    <a:lnTo>
                      <a:pt x="94" y="520"/>
                    </a:lnTo>
                    <a:lnTo>
                      <a:pt x="93" y="521"/>
                    </a:lnTo>
                    <a:lnTo>
                      <a:pt x="93" y="523"/>
                    </a:lnTo>
                    <a:lnTo>
                      <a:pt x="93" y="545"/>
                    </a:lnTo>
                    <a:lnTo>
                      <a:pt x="89" y="548"/>
                    </a:lnTo>
                    <a:lnTo>
                      <a:pt x="83" y="547"/>
                    </a:lnTo>
                    <a:lnTo>
                      <a:pt x="76" y="537"/>
                    </a:lnTo>
                    <a:lnTo>
                      <a:pt x="72" y="533"/>
                    </a:lnTo>
                    <a:lnTo>
                      <a:pt x="66" y="533"/>
                    </a:lnTo>
                    <a:lnTo>
                      <a:pt x="66" y="532"/>
                    </a:lnTo>
                    <a:lnTo>
                      <a:pt x="64" y="528"/>
                    </a:lnTo>
                    <a:lnTo>
                      <a:pt x="62" y="525"/>
                    </a:lnTo>
                    <a:lnTo>
                      <a:pt x="61" y="521"/>
                    </a:lnTo>
                    <a:lnTo>
                      <a:pt x="57" y="516"/>
                    </a:lnTo>
                    <a:lnTo>
                      <a:pt x="54" y="513"/>
                    </a:lnTo>
                    <a:lnTo>
                      <a:pt x="50" y="513"/>
                    </a:lnTo>
                    <a:lnTo>
                      <a:pt x="45" y="513"/>
                    </a:lnTo>
                    <a:lnTo>
                      <a:pt x="45" y="511"/>
                    </a:lnTo>
                    <a:lnTo>
                      <a:pt x="52" y="503"/>
                    </a:lnTo>
                    <a:lnTo>
                      <a:pt x="55" y="498"/>
                    </a:lnTo>
                    <a:lnTo>
                      <a:pt x="54" y="491"/>
                    </a:lnTo>
                    <a:lnTo>
                      <a:pt x="57" y="484"/>
                    </a:lnTo>
                    <a:lnTo>
                      <a:pt x="49" y="474"/>
                    </a:lnTo>
                    <a:lnTo>
                      <a:pt x="50" y="462"/>
                    </a:lnTo>
                    <a:lnTo>
                      <a:pt x="42" y="452"/>
                    </a:lnTo>
                    <a:lnTo>
                      <a:pt x="42" y="449"/>
                    </a:lnTo>
                    <a:lnTo>
                      <a:pt x="40" y="447"/>
                    </a:lnTo>
                    <a:lnTo>
                      <a:pt x="37" y="444"/>
                    </a:lnTo>
                    <a:lnTo>
                      <a:pt x="35" y="440"/>
                    </a:lnTo>
                    <a:lnTo>
                      <a:pt x="32" y="437"/>
                    </a:lnTo>
                    <a:lnTo>
                      <a:pt x="30" y="432"/>
                    </a:lnTo>
                    <a:lnTo>
                      <a:pt x="28" y="427"/>
                    </a:lnTo>
                    <a:lnTo>
                      <a:pt x="28" y="420"/>
                    </a:lnTo>
                    <a:lnTo>
                      <a:pt x="27" y="416"/>
                    </a:lnTo>
                    <a:lnTo>
                      <a:pt x="27" y="413"/>
                    </a:lnTo>
                    <a:lnTo>
                      <a:pt x="23" y="408"/>
                    </a:lnTo>
                    <a:lnTo>
                      <a:pt x="22" y="405"/>
                    </a:lnTo>
                    <a:lnTo>
                      <a:pt x="18" y="400"/>
                    </a:lnTo>
                    <a:lnTo>
                      <a:pt x="17" y="394"/>
                    </a:lnTo>
                    <a:lnTo>
                      <a:pt x="13" y="391"/>
                    </a:lnTo>
                    <a:lnTo>
                      <a:pt x="13" y="389"/>
                    </a:lnTo>
                    <a:lnTo>
                      <a:pt x="11" y="388"/>
                    </a:lnTo>
                    <a:lnTo>
                      <a:pt x="11" y="386"/>
                    </a:lnTo>
                    <a:lnTo>
                      <a:pt x="11" y="384"/>
                    </a:lnTo>
                    <a:lnTo>
                      <a:pt x="10" y="383"/>
                    </a:lnTo>
                    <a:lnTo>
                      <a:pt x="10" y="379"/>
                    </a:lnTo>
                    <a:lnTo>
                      <a:pt x="20" y="369"/>
                    </a:lnTo>
                    <a:lnTo>
                      <a:pt x="20" y="367"/>
                    </a:lnTo>
                    <a:lnTo>
                      <a:pt x="20" y="364"/>
                    </a:lnTo>
                    <a:lnTo>
                      <a:pt x="18" y="362"/>
                    </a:lnTo>
                    <a:lnTo>
                      <a:pt x="18" y="357"/>
                    </a:lnTo>
                    <a:lnTo>
                      <a:pt x="18" y="354"/>
                    </a:lnTo>
                    <a:lnTo>
                      <a:pt x="18" y="349"/>
                    </a:lnTo>
                    <a:lnTo>
                      <a:pt x="17" y="344"/>
                    </a:lnTo>
                    <a:lnTo>
                      <a:pt x="17" y="337"/>
                    </a:lnTo>
                    <a:lnTo>
                      <a:pt x="18" y="332"/>
                    </a:lnTo>
                    <a:lnTo>
                      <a:pt x="18" y="327"/>
                    </a:lnTo>
                    <a:lnTo>
                      <a:pt x="18" y="322"/>
                    </a:lnTo>
                    <a:lnTo>
                      <a:pt x="20" y="317"/>
                    </a:lnTo>
                    <a:lnTo>
                      <a:pt x="23" y="312"/>
                    </a:lnTo>
                    <a:lnTo>
                      <a:pt x="25" y="306"/>
                    </a:lnTo>
                    <a:lnTo>
                      <a:pt x="28" y="303"/>
                    </a:lnTo>
                    <a:lnTo>
                      <a:pt x="28" y="301"/>
                    </a:lnTo>
                    <a:lnTo>
                      <a:pt x="28" y="296"/>
                    </a:lnTo>
                    <a:lnTo>
                      <a:pt x="28" y="291"/>
                    </a:lnTo>
                    <a:lnTo>
                      <a:pt x="30" y="284"/>
                    </a:lnTo>
                    <a:lnTo>
                      <a:pt x="30" y="278"/>
                    </a:lnTo>
                    <a:lnTo>
                      <a:pt x="30" y="271"/>
                    </a:lnTo>
                    <a:lnTo>
                      <a:pt x="30" y="268"/>
                    </a:lnTo>
                    <a:lnTo>
                      <a:pt x="30" y="266"/>
                    </a:lnTo>
                    <a:lnTo>
                      <a:pt x="30" y="264"/>
                    </a:lnTo>
                    <a:lnTo>
                      <a:pt x="28" y="262"/>
                    </a:lnTo>
                    <a:lnTo>
                      <a:pt x="28" y="259"/>
                    </a:lnTo>
                    <a:lnTo>
                      <a:pt x="27" y="256"/>
                    </a:lnTo>
                    <a:lnTo>
                      <a:pt x="23" y="251"/>
                    </a:lnTo>
                    <a:lnTo>
                      <a:pt x="22" y="247"/>
                    </a:lnTo>
                    <a:lnTo>
                      <a:pt x="18" y="244"/>
                    </a:lnTo>
                    <a:lnTo>
                      <a:pt x="17" y="242"/>
                    </a:lnTo>
                    <a:lnTo>
                      <a:pt x="17" y="240"/>
                    </a:lnTo>
                    <a:lnTo>
                      <a:pt x="17" y="237"/>
                    </a:lnTo>
                    <a:lnTo>
                      <a:pt x="17" y="234"/>
                    </a:lnTo>
                    <a:lnTo>
                      <a:pt x="15" y="232"/>
                    </a:lnTo>
                    <a:lnTo>
                      <a:pt x="13" y="230"/>
                    </a:lnTo>
                    <a:lnTo>
                      <a:pt x="10" y="227"/>
                    </a:lnTo>
                    <a:lnTo>
                      <a:pt x="6" y="224"/>
                    </a:lnTo>
                    <a:lnTo>
                      <a:pt x="5" y="218"/>
                    </a:lnTo>
                    <a:lnTo>
                      <a:pt x="3" y="213"/>
                    </a:lnTo>
                    <a:lnTo>
                      <a:pt x="1" y="208"/>
                    </a:lnTo>
                    <a:lnTo>
                      <a:pt x="0" y="202"/>
                    </a:lnTo>
                    <a:lnTo>
                      <a:pt x="0" y="195"/>
                    </a:lnTo>
                    <a:lnTo>
                      <a:pt x="1" y="186"/>
                    </a:lnTo>
                    <a:lnTo>
                      <a:pt x="5" y="178"/>
                    </a:lnTo>
                    <a:lnTo>
                      <a:pt x="10" y="169"/>
                    </a:lnTo>
                    <a:lnTo>
                      <a:pt x="17" y="159"/>
                    </a:lnTo>
                    <a:lnTo>
                      <a:pt x="27" y="149"/>
                    </a:lnTo>
                    <a:lnTo>
                      <a:pt x="39" y="139"/>
                    </a:lnTo>
                    <a:lnTo>
                      <a:pt x="40" y="137"/>
                    </a:lnTo>
                    <a:lnTo>
                      <a:pt x="42" y="136"/>
                    </a:lnTo>
                    <a:lnTo>
                      <a:pt x="44" y="132"/>
                    </a:lnTo>
                    <a:lnTo>
                      <a:pt x="45" y="127"/>
                    </a:lnTo>
                    <a:lnTo>
                      <a:pt x="47" y="122"/>
                    </a:lnTo>
                    <a:lnTo>
                      <a:pt x="49" y="117"/>
                    </a:lnTo>
                    <a:lnTo>
                      <a:pt x="49" y="112"/>
                    </a:lnTo>
                    <a:lnTo>
                      <a:pt x="49" y="107"/>
                    </a:lnTo>
                    <a:lnTo>
                      <a:pt x="49" y="105"/>
                    </a:lnTo>
                    <a:lnTo>
                      <a:pt x="52" y="100"/>
                    </a:lnTo>
                    <a:lnTo>
                      <a:pt x="55" y="93"/>
                    </a:lnTo>
                    <a:lnTo>
                      <a:pt x="61" y="86"/>
                    </a:lnTo>
                    <a:lnTo>
                      <a:pt x="66" y="78"/>
                    </a:lnTo>
                    <a:lnTo>
                      <a:pt x="67" y="70"/>
                    </a:lnTo>
                    <a:lnTo>
                      <a:pt x="69" y="61"/>
                    </a:lnTo>
                    <a:lnTo>
                      <a:pt x="69" y="53"/>
                    </a:lnTo>
                    <a:lnTo>
                      <a:pt x="69" y="51"/>
                    </a:lnTo>
                    <a:lnTo>
                      <a:pt x="69" y="49"/>
                    </a:lnTo>
                    <a:lnTo>
                      <a:pt x="71" y="46"/>
                    </a:lnTo>
                    <a:lnTo>
                      <a:pt x="69" y="44"/>
                    </a:lnTo>
                    <a:lnTo>
                      <a:pt x="69" y="34"/>
                    </a:lnTo>
                    <a:lnTo>
                      <a:pt x="64" y="27"/>
                    </a:lnTo>
                    <a:lnTo>
                      <a:pt x="66" y="24"/>
                    </a:lnTo>
                    <a:lnTo>
                      <a:pt x="74" y="10"/>
                    </a:lnTo>
                    <a:lnTo>
                      <a:pt x="76" y="4"/>
                    </a:lnTo>
                    <a:lnTo>
                      <a:pt x="74" y="0"/>
                    </a:lnTo>
                    <a:close/>
                  </a:path>
                </a:pathLst>
              </a:custGeom>
              <a:solidFill>
                <a:srgbClr val="002060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584" name="Freeform 52"/>
              <p:cNvSpPr>
                <a:spLocks/>
              </p:cNvSpPr>
              <p:nvPr/>
            </p:nvSpPr>
            <p:spPr bwMode="auto">
              <a:xfrm>
                <a:off x="4629" y="2257"/>
                <a:ext cx="39" cy="117"/>
              </a:xfrm>
              <a:custGeom>
                <a:avLst/>
                <a:gdLst>
                  <a:gd name="T0" fmla="*/ 8 w 40"/>
                  <a:gd name="T1" fmla="*/ 17 h 120"/>
                  <a:gd name="T2" fmla="*/ 11 w 40"/>
                  <a:gd name="T3" fmla="*/ 13 h 120"/>
                  <a:gd name="T4" fmla="*/ 13 w 40"/>
                  <a:gd name="T5" fmla="*/ 12 h 120"/>
                  <a:gd name="T6" fmla="*/ 17 w 40"/>
                  <a:gd name="T7" fmla="*/ 8 h 120"/>
                  <a:gd name="T8" fmla="*/ 20 w 40"/>
                  <a:gd name="T9" fmla="*/ 7 h 120"/>
                  <a:gd name="T10" fmla="*/ 20 w 40"/>
                  <a:gd name="T11" fmla="*/ 3 h 120"/>
                  <a:gd name="T12" fmla="*/ 20 w 40"/>
                  <a:gd name="T13" fmla="*/ 1 h 120"/>
                  <a:gd name="T14" fmla="*/ 20 w 40"/>
                  <a:gd name="T15" fmla="*/ 0 h 120"/>
                  <a:gd name="T16" fmla="*/ 25 w 40"/>
                  <a:gd name="T17" fmla="*/ 0 h 120"/>
                  <a:gd name="T18" fmla="*/ 25 w 40"/>
                  <a:gd name="T19" fmla="*/ 0 h 120"/>
                  <a:gd name="T20" fmla="*/ 25 w 40"/>
                  <a:gd name="T21" fmla="*/ 1 h 120"/>
                  <a:gd name="T22" fmla="*/ 25 w 40"/>
                  <a:gd name="T23" fmla="*/ 5 h 120"/>
                  <a:gd name="T24" fmla="*/ 26 w 40"/>
                  <a:gd name="T25" fmla="*/ 7 h 120"/>
                  <a:gd name="T26" fmla="*/ 26 w 40"/>
                  <a:gd name="T27" fmla="*/ 10 h 120"/>
                  <a:gd name="T28" fmla="*/ 26 w 40"/>
                  <a:gd name="T29" fmla="*/ 12 h 120"/>
                  <a:gd name="T30" fmla="*/ 26 w 40"/>
                  <a:gd name="T31" fmla="*/ 13 h 120"/>
                  <a:gd name="T32" fmla="*/ 26 w 40"/>
                  <a:gd name="T33" fmla="*/ 15 h 120"/>
                  <a:gd name="T34" fmla="*/ 21 w 40"/>
                  <a:gd name="T35" fmla="*/ 20 h 120"/>
                  <a:gd name="T36" fmla="*/ 20 w 40"/>
                  <a:gd name="T37" fmla="*/ 20 h 120"/>
                  <a:gd name="T38" fmla="*/ 21 w 40"/>
                  <a:gd name="T39" fmla="*/ 23 h 120"/>
                  <a:gd name="T40" fmla="*/ 20 w 40"/>
                  <a:gd name="T41" fmla="*/ 35 h 120"/>
                  <a:gd name="T42" fmla="*/ 20 w 40"/>
                  <a:gd name="T43" fmla="*/ 43 h 120"/>
                  <a:gd name="T44" fmla="*/ 20 w 40"/>
                  <a:gd name="T45" fmla="*/ 48 h 120"/>
                  <a:gd name="T46" fmla="*/ 15 w 40"/>
                  <a:gd name="T47" fmla="*/ 52 h 120"/>
                  <a:gd name="T48" fmla="*/ 15 w 40"/>
                  <a:gd name="T49" fmla="*/ 56 h 120"/>
                  <a:gd name="T50" fmla="*/ 8 w 40"/>
                  <a:gd name="T51" fmla="*/ 65 h 120"/>
                  <a:gd name="T52" fmla="*/ 8 w 40"/>
                  <a:gd name="T53" fmla="*/ 70 h 120"/>
                  <a:gd name="T54" fmla="*/ 8 w 40"/>
                  <a:gd name="T55" fmla="*/ 72 h 120"/>
                  <a:gd name="T56" fmla="*/ 8 w 40"/>
                  <a:gd name="T57" fmla="*/ 75 h 120"/>
                  <a:gd name="T58" fmla="*/ 8 w 40"/>
                  <a:gd name="T59" fmla="*/ 78 h 120"/>
                  <a:gd name="T60" fmla="*/ 8 w 40"/>
                  <a:gd name="T61" fmla="*/ 83 h 120"/>
                  <a:gd name="T62" fmla="*/ 8 w 40"/>
                  <a:gd name="T63" fmla="*/ 85 h 120"/>
                  <a:gd name="T64" fmla="*/ 6 w 40"/>
                  <a:gd name="T65" fmla="*/ 85 h 120"/>
                  <a:gd name="T66" fmla="*/ 5 w 40"/>
                  <a:gd name="T67" fmla="*/ 82 h 120"/>
                  <a:gd name="T68" fmla="*/ 1 w 40"/>
                  <a:gd name="T69" fmla="*/ 72 h 120"/>
                  <a:gd name="T70" fmla="*/ 1 w 40"/>
                  <a:gd name="T71" fmla="*/ 70 h 120"/>
                  <a:gd name="T72" fmla="*/ 0 w 40"/>
                  <a:gd name="T73" fmla="*/ 67 h 120"/>
                  <a:gd name="T74" fmla="*/ 0 w 40"/>
                  <a:gd name="T75" fmla="*/ 60 h 120"/>
                  <a:gd name="T76" fmla="*/ 0 w 40"/>
                  <a:gd name="T77" fmla="*/ 57 h 120"/>
                  <a:gd name="T78" fmla="*/ 0 w 40"/>
                  <a:gd name="T79" fmla="*/ 55 h 120"/>
                  <a:gd name="T80" fmla="*/ 0 w 40"/>
                  <a:gd name="T81" fmla="*/ 52 h 120"/>
                  <a:gd name="T82" fmla="*/ 0 w 40"/>
                  <a:gd name="T83" fmla="*/ 50 h 120"/>
                  <a:gd name="T84" fmla="*/ 0 w 40"/>
                  <a:gd name="T85" fmla="*/ 49 h 120"/>
                  <a:gd name="T86" fmla="*/ 1 w 40"/>
                  <a:gd name="T87" fmla="*/ 42 h 120"/>
                  <a:gd name="T88" fmla="*/ 8 w 40"/>
                  <a:gd name="T89" fmla="*/ 38 h 120"/>
                  <a:gd name="T90" fmla="*/ 8 w 40"/>
                  <a:gd name="T91" fmla="*/ 26 h 120"/>
                  <a:gd name="T92" fmla="*/ 15 w 40"/>
                  <a:gd name="T93" fmla="*/ 20 h 120"/>
                  <a:gd name="T94" fmla="*/ 17 w 40"/>
                  <a:gd name="T95" fmla="*/ 20 h 120"/>
                  <a:gd name="T96" fmla="*/ 17 w 40"/>
                  <a:gd name="T97" fmla="*/ 20 h 120"/>
                  <a:gd name="T98" fmla="*/ 17 w 40"/>
                  <a:gd name="T99" fmla="*/ 20 h 120"/>
                  <a:gd name="T100" fmla="*/ 13 w 40"/>
                  <a:gd name="T101" fmla="*/ 20 h 120"/>
                  <a:gd name="T102" fmla="*/ 11 w 40"/>
                  <a:gd name="T103" fmla="*/ 18 h 120"/>
                  <a:gd name="T104" fmla="*/ 8 w 40"/>
                  <a:gd name="T105" fmla="*/ 17 h 120"/>
                  <a:gd name="T106" fmla="*/ 8 w 40"/>
                  <a:gd name="T107" fmla="*/ 17 h 120"/>
                  <a:gd name="T108" fmla="*/ 8 w 40"/>
                  <a:gd name="T109" fmla="*/ 17 h 120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w 40"/>
                  <a:gd name="T166" fmla="*/ 0 h 120"/>
                  <a:gd name="T167" fmla="*/ 40 w 40"/>
                  <a:gd name="T168" fmla="*/ 120 h 120"/>
                </a:gdLst>
                <a:ahLst/>
                <a:cxnLst>
                  <a:cxn ang="T110">
                    <a:pos x="T0" y="T1"/>
                  </a:cxn>
                  <a:cxn ang="T111">
                    <a:pos x="T2" y="T3"/>
                  </a:cxn>
                  <a:cxn ang="T112">
                    <a:pos x="T4" y="T5"/>
                  </a:cxn>
                  <a:cxn ang="T113">
                    <a:pos x="T6" y="T7"/>
                  </a:cxn>
                  <a:cxn ang="T114">
                    <a:pos x="T8" y="T9"/>
                  </a:cxn>
                  <a:cxn ang="T115">
                    <a:pos x="T10" y="T11"/>
                  </a:cxn>
                  <a:cxn ang="T116">
                    <a:pos x="T12" y="T13"/>
                  </a:cxn>
                  <a:cxn ang="T117">
                    <a:pos x="T14" y="T15"/>
                  </a:cxn>
                  <a:cxn ang="T118">
                    <a:pos x="T16" y="T17"/>
                  </a:cxn>
                  <a:cxn ang="T119">
                    <a:pos x="T18" y="T19"/>
                  </a:cxn>
                  <a:cxn ang="T120">
                    <a:pos x="T20" y="T21"/>
                  </a:cxn>
                  <a:cxn ang="T121">
                    <a:pos x="T22" y="T23"/>
                  </a:cxn>
                  <a:cxn ang="T122">
                    <a:pos x="T24" y="T25"/>
                  </a:cxn>
                  <a:cxn ang="T123">
                    <a:pos x="T26" y="T27"/>
                  </a:cxn>
                  <a:cxn ang="T124">
                    <a:pos x="T28" y="T29"/>
                  </a:cxn>
                  <a:cxn ang="T125">
                    <a:pos x="T30" y="T31"/>
                  </a:cxn>
                  <a:cxn ang="T126">
                    <a:pos x="T32" y="T33"/>
                  </a:cxn>
                  <a:cxn ang="T127">
                    <a:pos x="T34" y="T35"/>
                  </a:cxn>
                  <a:cxn ang="T128">
                    <a:pos x="T36" y="T37"/>
                  </a:cxn>
                  <a:cxn ang="T129">
                    <a:pos x="T38" y="T39"/>
                  </a:cxn>
                  <a:cxn ang="T130">
                    <a:pos x="T40" y="T41"/>
                  </a:cxn>
                  <a:cxn ang="T131">
                    <a:pos x="T42" y="T43"/>
                  </a:cxn>
                  <a:cxn ang="T132">
                    <a:pos x="T44" y="T45"/>
                  </a:cxn>
                  <a:cxn ang="T133">
                    <a:pos x="T46" y="T47"/>
                  </a:cxn>
                  <a:cxn ang="T134">
                    <a:pos x="T48" y="T49"/>
                  </a:cxn>
                  <a:cxn ang="T135">
                    <a:pos x="T50" y="T51"/>
                  </a:cxn>
                  <a:cxn ang="T136">
                    <a:pos x="T52" y="T53"/>
                  </a:cxn>
                  <a:cxn ang="T137">
                    <a:pos x="T54" y="T55"/>
                  </a:cxn>
                  <a:cxn ang="T138">
                    <a:pos x="T56" y="T57"/>
                  </a:cxn>
                  <a:cxn ang="T139">
                    <a:pos x="T58" y="T59"/>
                  </a:cxn>
                  <a:cxn ang="T140">
                    <a:pos x="T60" y="T61"/>
                  </a:cxn>
                  <a:cxn ang="T141">
                    <a:pos x="T62" y="T63"/>
                  </a:cxn>
                  <a:cxn ang="T142">
                    <a:pos x="T64" y="T65"/>
                  </a:cxn>
                  <a:cxn ang="T143">
                    <a:pos x="T66" y="T67"/>
                  </a:cxn>
                  <a:cxn ang="T144">
                    <a:pos x="T68" y="T69"/>
                  </a:cxn>
                  <a:cxn ang="T145">
                    <a:pos x="T70" y="T71"/>
                  </a:cxn>
                  <a:cxn ang="T146">
                    <a:pos x="T72" y="T73"/>
                  </a:cxn>
                  <a:cxn ang="T147">
                    <a:pos x="T74" y="T75"/>
                  </a:cxn>
                  <a:cxn ang="T148">
                    <a:pos x="T76" y="T77"/>
                  </a:cxn>
                  <a:cxn ang="T149">
                    <a:pos x="T78" y="T79"/>
                  </a:cxn>
                  <a:cxn ang="T150">
                    <a:pos x="T80" y="T81"/>
                  </a:cxn>
                  <a:cxn ang="T151">
                    <a:pos x="T82" y="T83"/>
                  </a:cxn>
                  <a:cxn ang="T152">
                    <a:pos x="T84" y="T85"/>
                  </a:cxn>
                  <a:cxn ang="T153">
                    <a:pos x="T86" y="T87"/>
                  </a:cxn>
                  <a:cxn ang="T154">
                    <a:pos x="T88" y="T89"/>
                  </a:cxn>
                  <a:cxn ang="T155">
                    <a:pos x="T90" y="T91"/>
                  </a:cxn>
                  <a:cxn ang="T156">
                    <a:pos x="T92" y="T93"/>
                  </a:cxn>
                  <a:cxn ang="T157">
                    <a:pos x="T94" y="T95"/>
                  </a:cxn>
                  <a:cxn ang="T158">
                    <a:pos x="T96" y="T97"/>
                  </a:cxn>
                  <a:cxn ang="T159">
                    <a:pos x="T98" y="T99"/>
                  </a:cxn>
                  <a:cxn ang="T160">
                    <a:pos x="T100" y="T101"/>
                  </a:cxn>
                  <a:cxn ang="T161">
                    <a:pos x="T102" y="T103"/>
                  </a:cxn>
                  <a:cxn ang="T162">
                    <a:pos x="T104" y="T105"/>
                  </a:cxn>
                  <a:cxn ang="T163">
                    <a:pos x="T106" y="T107"/>
                  </a:cxn>
                  <a:cxn ang="T164">
                    <a:pos x="T108" y="T109"/>
                  </a:cxn>
                </a:cxnLst>
                <a:rect l="T165" t="T166" r="T167" b="T168"/>
                <a:pathLst>
                  <a:path w="40" h="120">
                    <a:moveTo>
                      <a:pt x="8" y="17"/>
                    </a:moveTo>
                    <a:lnTo>
                      <a:pt x="11" y="13"/>
                    </a:lnTo>
                    <a:lnTo>
                      <a:pt x="13" y="12"/>
                    </a:lnTo>
                    <a:lnTo>
                      <a:pt x="17" y="8"/>
                    </a:lnTo>
                    <a:lnTo>
                      <a:pt x="20" y="7"/>
                    </a:lnTo>
                    <a:lnTo>
                      <a:pt x="23" y="3"/>
                    </a:lnTo>
                    <a:lnTo>
                      <a:pt x="27" y="1"/>
                    </a:lnTo>
                    <a:lnTo>
                      <a:pt x="32" y="0"/>
                    </a:lnTo>
                    <a:lnTo>
                      <a:pt x="39" y="0"/>
                    </a:lnTo>
                    <a:lnTo>
                      <a:pt x="39" y="1"/>
                    </a:lnTo>
                    <a:lnTo>
                      <a:pt x="39" y="5"/>
                    </a:lnTo>
                    <a:lnTo>
                      <a:pt x="40" y="7"/>
                    </a:lnTo>
                    <a:lnTo>
                      <a:pt x="40" y="10"/>
                    </a:lnTo>
                    <a:lnTo>
                      <a:pt x="40" y="12"/>
                    </a:lnTo>
                    <a:lnTo>
                      <a:pt x="40" y="13"/>
                    </a:lnTo>
                    <a:lnTo>
                      <a:pt x="40" y="15"/>
                    </a:lnTo>
                    <a:lnTo>
                      <a:pt x="35" y="23"/>
                    </a:lnTo>
                    <a:lnTo>
                      <a:pt x="33" y="30"/>
                    </a:lnTo>
                    <a:lnTo>
                      <a:pt x="35" y="37"/>
                    </a:lnTo>
                    <a:lnTo>
                      <a:pt x="32" y="49"/>
                    </a:lnTo>
                    <a:lnTo>
                      <a:pt x="27" y="57"/>
                    </a:lnTo>
                    <a:lnTo>
                      <a:pt x="25" y="64"/>
                    </a:lnTo>
                    <a:lnTo>
                      <a:pt x="15" y="73"/>
                    </a:lnTo>
                    <a:lnTo>
                      <a:pt x="15" y="81"/>
                    </a:lnTo>
                    <a:lnTo>
                      <a:pt x="8" y="93"/>
                    </a:lnTo>
                    <a:lnTo>
                      <a:pt x="8" y="98"/>
                    </a:lnTo>
                    <a:lnTo>
                      <a:pt x="8" y="100"/>
                    </a:lnTo>
                    <a:lnTo>
                      <a:pt x="8" y="105"/>
                    </a:lnTo>
                    <a:lnTo>
                      <a:pt x="8" y="110"/>
                    </a:lnTo>
                    <a:lnTo>
                      <a:pt x="8" y="117"/>
                    </a:lnTo>
                    <a:lnTo>
                      <a:pt x="8" y="120"/>
                    </a:lnTo>
                    <a:lnTo>
                      <a:pt x="6" y="120"/>
                    </a:lnTo>
                    <a:lnTo>
                      <a:pt x="5" y="115"/>
                    </a:lnTo>
                    <a:lnTo>
                      <a:pt x="1" y="101"/>
                    </a:lnTo>
                    <a:lnTo>
                      <a:pt x="1" y="98"/>
                    </a:lnTo>
                    <a:lnTo>
                      <a:pt x="0" y="95"/>
                    </a:lnTo>
                    <a:lnTo>
                      <a:pt x="0" y="88"/>
                    </a:lnTo>
                    <a:lnTo>
                      <a:pt x="0" y="83"/>
                    </a:lnTo>
                    <a:lnTo>
                      <a:pt x="0" y="78"/>
                    </a:lnTo>
                    <a:lnTo>
                      <a:pt x="0" y="73"/>
                    </a:lnTo>
                    <a:lnTo>
                      <a:pt x="0" y="69"/>
                    </a:lnTo>
                    <a:lnTo>
                      <a:pt x="0" y="67"/>
                    </a:lnTo>
                    <a:lnTo>
                      <a:pt x="1" y="56"/>
                    </a:lnTo>
                    <a:lnTo>
                      <a:pt x="8" y="52"/>
                    </a:lnTo>
                    <a:lnTo>
                      <a:pt x="8" y="40"/>
                    </a:lnTo>
                    <a:lnTo>
                      <a:pt x="15" y="30"/>
                    </a:lnTo>
                    <a:lnTo>
                      <a:pt x="17" y="27"/>
                    </a:lnTo>
                    <a:lnTo>
                      <a:pt x="17" y="23"/>
                    </a:lnTo>
                    <a:lnTo>
                      <a:pt x="17" y="20"/>
                    </a:lnTo>
                    <a:lnTo>
                      <a:pt x="13" y="20"/>
                    </a:lnTo>
                    <a:lnTo>
                      <a:pt x="11" y="18"/>
                    </a:lnTo>
                    <a:lnTo>
                      <a:pt x="8" y="17"/>
                    </a:lnTo>
                    <a:close/>
                  </a:path>
                </a:pathLst>
              </a:custGeom>
              <a:solidFill>
                <a:srgbClr val="FF9933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585" name="Freeform 53"/>
              <p:cNvSpPr>
                <a:spLocks/>
              </p:cNvSpPr>
              <p:nvPr/>
            </p:nvSpPr>
            <p:spPr bwMode="auto">
              <a:xfrm>
                <a:off x="4629" y="2257"/>
                <a:ext cx="39" cy="117"/>
              </a:xfrm>
              <a:custGeom>
                <a:avLst/>
                <a:gdLst>
                  <a:gd name="T0" fmla="*/ 8 w 40"/>
                  <a:gd name="T1" fmla="*/ 17 h 120"/>
                  <a:gd name="T2" fmla="*/ 8 w 40"/>
                  <a:gd name="T3" fmla="*/ 17 h 120"/>
                  <a:gd name="T4" fmla="*/ 11 w 40"/>
                  <a:gd name="T5" fmla="*/ 13 h 120"/>
                  <a:gd name="T6" fmla="*/ 13 w 40"/>
                  <a:gd name="T7" fmla="*/ 12 h 120"/>
                  <a:gd name="T8" fmla="*/ 17 w 40"/>
                  <a:gd name="T9" fmla="*/ 8 h 120"/>
                  <a:gd name="T10" fmla="*/ 20 w 40"/>
                  <a:gd name="T11" fmla="*/ 7 h 120"/>
                  <a:gd name="T12" fmla="*/ 20 w 40"/>
                  <a:gd name="T13" fmla="*/ 3 h 120"/>
                  <a:gd name="T14" fmla="*/ 20 w 40"/>
                  <a:gd name="T15" fmla="*/ 1 h 120"/>
                  <a:gd name="T16" fmla="*/ 20 w 40"/>
                  <a:gd name="T17" fmla="*/ 0 h 120"/>
                  <a:gd name="T18" fmla="*/ 25 w 40"/>
                  <a:gd name="T19" fmla="*/ 0 h 120"/>
                  <a:gd name="T20" fmla="*/ 25 w 40"/>
                  <a:gd name="T21" fmla="*/ 0 h 120"/>
                  <a:gd name="T22" fmla="*/ 25 w 40"/>
                  <a:gd name="T23" fmla="*/ 0 h 120"/>
                  <a:gd name="T24" fmla="*/ 25 w 40"/>
                  <a:gd name="T25" fmla="*/ 1 h 120"/>
                  <a:gd name="T26" fmla="*/ 25 w 40"/>
                  <a:gd name="T27" fmla="*/ 5 h 120"/>
                  <a:gd name="T28" fmla="*/ 26 w 40"/>
                  <a:gd name="T29" fmla="*/ 7 h 120"/>
                  <a:gd name="T30" fmla="*/ 26 w 40"/>
                  <a:gd name="T31" fmla="*/ 10 h 120"/>
                  <a:gd name="T32" fmla="*/ 26 w 40"/>
                  <a:gd name="T33" fmla="*/ 12 h 120"/>
                  <a:gd name="T34" fmla="*/ 26 w 40"/>
                  <a:gd name="T35" fmla="*/ 13 h 120"/>
                  <a:gd name="T36" fmla="*/ 26 w 40"/>
                  <a:gd name="T37" fmla="*/ 15 h 120"/>
                  <a:gd name="T38" fmla="*/ 21 w 40"/>
                  <a:gd name="T39" fmla="*/ 20 h 120"/>
                  <a:gd name="T40" fmla="*/ 20 w 40"/>
                  <a:gd name="T41" fmla="*/ 20 h 120"/>
                  <a:gd name="T42" fmla="*/ 21 w 40"/>
                  <a:gd name="T43" fmla="*/ 23 h 120"/>
                  <a:gd name="T44" fmla="*/ 20 w 40"/>
                  <a:gd name="T45" fmla="*/ 35 h 120"/>
                  <a:gd name="T46" fmla="*/ 20 w 40"/>
                  <a:gd name="T47" fmla="*/ 43 h 120"/>
                  <a:gd name="T48" fmla="*/ 20 w 40"/>
                  <a:gd name="T49" fmla="*/ 48 h 120"/>
                  <a:gd name="T50" fmla="*/ 15 w 40"/>
                  <a:gd name="T51" fmla="*/ 52 h 120"/>
                  <a:gd name="T52" fmla="*/ 15 w 40"/>
                  <a:gd name="T53" fmla="*/ 56 h 120"/>
                  <a:gd name="T54" fmla="*/ 8 w 40"/>
                  <a:gd name="T55" fmla="*/ 65 h 120"/>
                  <a:gd name="T56" fmla="*/ 8 w 40"/>
                  <a:gd name="T57" fmla="*/ 70 h 120"/>
                  <a:gd name="T58" fmla="*/ 8 w 40"/>
                  <a:gd name="T59" fmla="*/ 70 h 120"/>
                  <a:gd name="T60" fmla="*/ 8 w 40"/>
                  <a:gd name="T61" fmla="*/ 72 h 120"/>
                  <a:gd name="T62" fmla="*/ 8 w 40"/>
                  <a:gd name="T63" fmla="*/ 75 h 120"/>
                  <a:gd name="T64" fmla="*/ 8 w 40"/>
                  <a:gd name="T65" fmla="*/ 78 h 120"/>
                  <a:gd name="T66" fmla="*/ 8 w 40"/>
                  <a:gd name="T67" fmla="*/ 83 h 120"/>
                  <a:gd name="T68" fmla="*/ 8 w 40"/>
                  <a:gd name="T69" fmla="*/ 85 h 120"/>
                  <a:gd name="T70" fmla="*/ 6 w 40"/>
                  <a:gd name="T71" fmla="*/ 85 h 120"/>
                  <a:gd name="T72" fmla="*/ 5 w 40"/>
                  <a:gd name="T73" fmla="*/ 82 h 120"/>
                  <a:gd name="T74" fmla="*/ 1 w 40"/>
                  <a:gd name="T75" fmla="*/ 72 h 120"/>
                  <a:gd name="T76" fmla="*/ 1 w 40"/>
                  <a:gd name="T77" fmla="*/ 72 h 120"/>
                  <a:gd name="T78" fmla="*/ 1 w 40"/>
                  <a:gd name="T79" fmla="*/ 70 h 120"/>
                  <a:gd name="T80" fmla="*/ 0 w 40"/>
                  <a:gd name="T81" fmla="*/ 67 h 120"/>
                  <a:gd name="T82" fmla="*/ 0 w 40"/>
                  <a:gd name="T83" fmla="*/ 60 h 120"/>
                  <a:gd name="T84" fmla="*/ 0 w 40"/>
                  <a:gd name="T85" fmla="*/ 57 h 120"/>
                  <a:gd name="T86" fmla="*/ 0 w 40"/>
                  <a:gd name="T87" fmla="*/ 55 h 120"/>
                  <a:gd name="T88" fmla="*/ 0 w 40"/>
                  <a:gd name="T89" fmla="*/ 52 h 120"/>
                  <a:gd name="T90" fmla="*/ 0 w 40"/>
                  <a:gd name="T91" fmla="*/ 50 h 120"/>
                  <a:gd name="T92" fmla="*/ 0 w 40"/>
                  <a:gd name="T93" fmla="*/ 49 h 120"/>
                  <a:gd name="T94" fmla="*/ 1 w 40"/>
                  <a:gd name="T95" fmla="*/ 42 h 120"/>
                  <a:gd name="T96" fmla="*/ 8 w 40"/>
                  <a:gd name="T97" fmla="*/ 38 h 120"/>
                  <a:gd name="T98" fmla="*/ 8 w 40"/>
                  <a:gd name="T99" fmla="*/ 26 h 120"/>
                  <a:gd name="T100" fmla="*/ 15 w 40"/>
                  <a:gd name="T101" fmla="*/ 20 h 120"/>
                  <a:gd name="T102" fmla="*/ 15 w 40"/>
                  <a:gd name="T103" fmla="*/ 20 h 120"/>
                  <a:gd name="T104" fmla="*/ 17 w 40"/>
                  <a:gd name="T105" fmla="*/ 20 h 120"/>
                  <a:gd name="T106" fmla="*/ 17 w 40"/>
                  <a:gd name="T107" fmla="*/ 20 h 120"/>
                  <a:gd name="T108" fmla="*/ 17 w 40"/>
                  <a:gd name="T109" fmla="*/ 20 h 120"/>
                  <a:gd name="T110" fmla="*/ 13 w 40"/>
                  <a:gd name="T111" fmla="*/ 20 h 120"/>
                  <a:gd name="T112" fmla="*/ 11 w 40"/>
                  <a:gd name="T113" fmla="*/ 18 h 120"/>
                  <a:gd name="T114" fmla="*/ 8 w 40"/>
                  <a:gd name="T115" fmla="*/ 17 h 120"/>
                  <a:gd name="T116" fmla="*/ 8 w 40"/>
                  <a:gd name="T117" fmla="*/ 17 h 120"/>
                  <a:gd name="T118" fmla="*/ 8 w 40"/>
                  <a:gd name="T119" fmla="*/ 17 h 120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w 40"/>
                  <a:gd name="T181" fmla="*/ 0 h 120"/>
                  <a:gd name="T182" fmla="*/ 40 w 40"/>
                  <a:gd name="T183" fmla="*/ 120 h 120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T180" t="T181" r="T182" b="T183"/>
                <a:pathLst>
                  <a:path w="40" h="120">
                    <a:moveTo>
                      <a:pt x="8" y="17"/>
                    </a:moveTo>
                    <a:lnTo>
                      <a:pt x="8" y="17"/>
                    </a:lnTo>
                    <a:lnTo>
                      <a:pt x="11" y="13"/>
                    </a:lnTo>
                    <a:lnTo>
                      <a:pt x="13" y="12"/>
                    </a:lnTo>
                    <a:lnTo>
                      <a:pt x="17" y="8"/>
                    </a:lnTo>
                    <a:lnTo>
                      <a:pt x="20" y="7"/>
                    </a:lnTo>
                    <a:lnTo>
                      <a:pt x="23" y="3"/>
                    </a:lnTo>
                    <a:lnTo>
                      <a:pt x="27" y="1"/>
                    </a:lnTo>
                    <a:lnTo>
                      <a:pt x="32" y="0"/>
                    </a:lnTo>
                    <a:lnTo>
                      <a:pt x="39" y="0"/>
                    </a:lnTo>
                    <a:lnTo>
                      <a:pt x="39" y="1"/>
                    </a:lnTo>
                    <a:lnTo>
                      <a:pt x="39" y="5"/>
                    </a:lnTo>
                    <a:lnTo>
                      <a:pt x="40" y="7"/>
                    </a:lnTo>
                    <a:lnTo>
                      <a:pt x="40" y="10"/>
                    </a:lnTo>
                    <a:lnTo>
                      <a:pt x="40" y="12"/>
                    </a:lnTo>
                    <a:lnTo>
                      <a:pt x="40" y="13"/>
                    </a:lnTo>
                    <a:lnTo>
                      <a:pt x="40" y="15"/>
                    </a:lnTo>
                    <a:lnTo>
                      <a:pt x="35" y="23"/>
                    </a:lnTo>
                    <a:lnTo>
                      <a:pt x="33" y="30"/>
                    </a:lnTo>
                    <a:lnTo>
                      <a:pt x="35" y="37"/>
                    </a:lnTo>
                    <a:lnTo>
                      <a:pt x="32" y="49"/>
                    </a:lnTo>
                    <a:lnTo>
                      <a:pt x="27" y="57"/>
                    </a:lnTo>
                    <a:lnTo>
                      <a:pt x="25" y="64"/>
                    </a:lnTo>
                    <a:lnTo>
                      <a:pt x="15" y="73"/>
                    </a:lnTo>
                    <a:lnTo>
                      <a:pt x="15" y="81"/>
                    </a:lnTo>
                    <a:lnTo>
                      <a:pt x="8" y="93"/>
                    </a:lnTo>
                    <a:lnTo>
                      <a:pt x="8" y="98"/>
                    </a:lnTo>
                    <a:lnTo>
                      <a:pt x="8" y="100"/>
                    </a:lnTo>
                    <a:lnTo>
                      <a:pt x="8" y="105"/>
                    </a:lnTo>
                    <a:lnTo>
                      <a:pt x="8" y="110"/>
                    </a:lnTo>
                    <a:lnTo>
                      <a:pt x="8" y="117"/>
                    </a:lnTo>
                    <a:lnTo>
                      <a:pt x="8" y="120"/>
                    </a:lnTo>
                    <a:lnTo>
                      <a:pt x="6" y="120"/>
                    </a:lnTo>
                    <a:lnTo>
                      <a:pt x="5" y="115"/>
                    </a:lnTo>
                    <a:lnTo>
                      <a:pt x="1" y="101"/>
                    </a:lnTo>
                    <a:lnTo>
                      <a:pt x="1" y="98"/>
                    </a:lnTo>
                    <a:lnTo>
                      <a:pt x="0" y="95"/>
                    </a:lnTo>
                    <a:lnTo>
                      <a:pt x="0" y="88"/>
                    </a:lnTo>
                    <a:lnTo>
                      <a:pt x="0" y="83"/>
                    </a:lnTo>
                    <a:lnTo>
                      <a:pt x="0" y="78"/>
                    </a:lnTo>
                    <a:lnTo>
                      <a:pt x="0" y="73"/>
                    </a:lnTo>
                    <a:lnTo>
                      <a:pt x="0" y="69"/>
                    </a:lnTo>
                    <a:lnTo>
                      <a:pt x="0" y="67"/>
                    </a:lnTo>
                    <a:lnTo>
                      <a:pt x="1" y="56"/>
                    </a:lnTo>
                    <a:lnTo>
                      <a:pt x="8" y="52"/>
                    </a:lnTo>
                    <a:lnTo>
                      <a:pt x="8" y="40"/>
                    </a:lnTo>
                    <a:lnTo>
                      <a:pt x="15" y="30"/>
                    </a:lnTo>
                    <a:lnTo>
                      <a:pt x="17" y="27"/>
                    </a:lnTo>
                    <a:lnTo>
                      <a:pt x="17" y="23"/>
                    </a:lnTo>
                    <a:lnTo>
                      <a:pt x="17" y="20"/>
                    </a:lnTo>
                    <a:lnTo>
                      <a:pt x="13" y="20"/>
                    </a:lnTo>
                    <a:lnTo>
                      <a:pt x="11" y="18"/>
                    </a:lnTo>
                    <a:lnTo>
                      <a:pt x="8" y="1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586" name="Freeform 54"/>
              <p:cNvSpPr>
                <a:spLocks/>
              </p:cNvSpPr>
              <p:nvPr/>
            </p:nvSpPr>
            <p:spPr bwMode="auto">
              <a:xfrm>
                <a:off x="3888" y="2151"/>
                <a:ext cx="768" cy="436"/>
              </a:xfrm>
              <a:custGeom>
                <a:avLst/>
                <a:gdLst>
                  <a:gd name="T0" fmla="*/ 660 w 776"/>
                  <a:gd name="T1" fmla="*/ 262 h 440"/>
                  <a:gd name="T2" fmla="*/ 669 w 776"/>
                  <a:gd name="T3" fmla="*/ 269 h 440"/>
                  <a:gd name="T4" fmla="*/ 641 w 776"/>
                  <a:gd name="T5" fmla="*/ 240 h 440"/>
                  <a:gd name="T6" fmla="*/ 626 w 776"/>
                  <a:gd name="T7" fmla="*/ 236 h 440"/>
                  <a:gd name="T8" fmla="*/ 628 w 776"/>
                  <a:gd name="T9" fmla="*/ 247 h 440"/>
                  <a:gd name="T10" fmla="*/ 620 w 776"/>
                  <a:gd name="T11" fmla="*/ 249 h 440"/>
                  <a:gd name="T12" fmla="*/ 574 w 776"/>
                  <a:gd name="T13" fmla="*/ 221 h 440"/>
                  <a:gd name="T14" fmla="*/ 624 w 776"/>
                  <a:gd name="T15" fmla="*/ 224 h 440"/>
                  <a:gd name="T16" fmla="*/ 606 w 776"/>
                  <a:gd name="T17" fmla="*/ 206 h 440"/>
                  <a:gd name="T18" fmla="*/ 609 w 776"/>
                  <a:gd name="T19" fmla="*/ 170 h 440"/>
                  <a:gd name="T20" fmla="*/ 591 w 776"/>
                  <a:gd name="T21" fmla="*/ 160 h 440"/>
                  <a:gd name="T22" fmla="*/ 599 w 776"/>
                  <a:gd name="T23" fmla="*/ 132 h 440"/>
                  <a:gd name="T24" fmla="*/ 571 w 776"/>
                  <a:gd name="T25" fmla="*/ 113 h 440"/>
                  <a:gd name="T26" fmla="*/ 535 w 776"/>
                  <a:gd name="T27" fmla="*/ 98 h 440"/>
                  <a:gd name="T28" fmla="*/ 524 w 776"/>
                  <a:gd name="T29" fmla="*/ 98 h 440"/>
                  <a:gd name="T30" fmla="*/ 510 w 776"/>
                  <a:gd name="T31" fmla="*/ 96 h 440"/>
                  <a:gd name="T32" fmla="*/ 510 w 776"/>
                  <a:gd name="T33" fmla="*/ 66 h 440"/>
                  <a:gd name="T34" fmla="*/ 524 w 776"/>
                  <a:gd name="T35" fmla="*/ 55 h 440"/>
                  <a:gd name="T36" fmla="*/ 500 w 776"/>
                  <a:gd name="T37" fmla="*/ 29 h 440"/>
                  <a:gd name="T38" fmla="*/ 481 w 776"/>
                  <a:gd name="T39" fmla="*/ 14 h 440"/>
                  <a:gd name="T40" fmla="*/ 469 w 776"/>
                  <a:gd name="T41" fmla="*/ 4 h 440"/>
                  <a:gd name="T42" fmla="*/ 461 w 776"/>
                  <a:gd name="T43" fmla="*/ 10 h 440"/>
                  <a:gd name="T44" fmla="*/ 442 w 776"/>
                  <a:gd name="T45" fmla="*/ 19 h 440"/>
                  <a:gd name="T46" fmla="*/ 415 w 776"/>
                  <a:gd name="T47" fmla="*/ 4 h 440"/>
                  <a:gd name="T48" fmla="*/ 401 w 776"/>
                  <a:gd name="T49" fmla="*/ 41 h 440"/>
                  <a:gd name="T50" fmla="*/ 388 w 776"/>
                  <a:gd name="T51" fmla="*/ 57 h 440"/>
                  <a:gd name="T52" fmla="*/ 381 w 776"/>
                  <a:gd name="T53" fmla="*/ 74 h 440"/>
                  <a:gd name="T54" fmla="*/ 368 w 776"/>
                  <a:gd name="T55" fmla="*/ 71 h 440"/>
                  <a:gd name="T56" fmla="*/ 358 w 776"/>
                  <a:gd name="T57" fmla="*/ 93 h 440"/>
                  <a:gd name="T58" fmla="*/ 355 w 776"/>
                  <a:gd name="T59" fmla="*/ 105 h 440"/>
                  <a:gd name="T60" fmla="*/ 345 w 776"/>
                  <a:gd name="T61" fmla="*/ 125 h 440"/>
                  <a:gd name="T62" fmla="*/ 320 w 776"/>
                  <a:gd name="T63" fmla="*/ 113 h 440"/>
                  <a:gd name="T64" fmla="*/ 315 w 776"/>
                  <a:gd name="T65" fmla="*/ 137 h 440"/>
                  <a:gd name="T66" fmla="*/ 311 w 776"/>
                  <a:gd name="T67" fmla="*/ 150 h 440"/>
                  <a:gd name="T68" fmla="*/ 306 w 776"/>
                  <a:gd name="T69" fmla="*/ 159 h 440"/>
                  <a:gd name="T70" fmla="*/ 300 w 776"/>
                  <a:gd name="T71" fmla="*/ 182 h 440"/>
                  <a:gd name="T72" fmla="*/ 284 w 776"/>
                  <a:gd name="T73" fmla="*/ 213 h 440"/>
                  <a:gd name="T74" fmla="*/ 284 w 776"/>
                  <a:gd name="T75" fmla="*/ 224 h 440"/>
                  <a:gd name="T76" fmla="*/ 271 w 776"/>
                  <a:gd name="T77" fmla="*/ 253 h 440"/>
                  <a:gd name="T78" fmla="*/ 254 w 776"/>
                  <a:gd name="T79" fmla="*/ 253 h 440"/>
                  <a:gd name="T80" fmla="*/ 237 w 776"/>
                  <a:gd name="T81" fmla="*/ 257 h 440"/>
                  <a:gd name="T82" fmla="*/ 234 w 776"/>
                  <a:gd name="T83" fmla="*/ 268 h 440"/>
                  <a:gd name="T84" fmla="*/ 226 w 776"/>
                  <a:gd name="T85" fmla="*/ 271 h 440"/>
                  <a:gd name="T86" fmla="*/ 205 w 776"/>
                  <a:gd name="T87" fmla="*/ 276 h 440"/>
                  <a:gd name="T88" fmla="*/ 192 w 776"/>
                  <a:gd name="T89" fmla="*/ 280 h 440"/>
                  <a:gd name="T90" fmla="*/ 165 w 776"/>
                  <a:gd name="T91" fmla="*/ 285 h 440"/>
                  <a:gd name="T92" fmla="*/ 142 w 776"/>
                  <a:gd name="T93" fmla="*/ 267 h 440"/>
                  <a:gd name="T94" fmla="*/ 126 w 776"/>
                  <a:gd name="T95" fmla="*/ 282 h 440"/>
                  <a:gd name="T96" fmla="*/ 128 w 776"/>
                  <a:gd name="T97" fmla="*/ 278 h 440"/>
                  <a:gd name="T98" fmla="*/ 99 w 776"/>
                  <a:gd name="T99" fmla="*/ 302 h 440"/>
                  <a:gd name="T100" fmla="*/ 84 w 776"/>
                  <a:gd name="T101" fmla="*/ 326 h 440"/>
                  <a:gd name="T102" fmla="*/ 75 w 776"/>
                  <a:gd name="T103" fmla="*/ 339 h 440"/>
                  <a:gd name="T104" fmla="*/ 70 w 776"/>
                  <a:gd name="T105" fmla="*/ 347 h 440"/>
                  <a:gd name="T106" fmla="*/ 50 w 776"/>
                  <a:gd name="T107" fmla="*/ 358 h 440"/>
                  <a:gd name="T108" fmla="*/ 48 w 776"/>
                  <a:gd name="T109" fmla="*/ 364 h 440"/>
                  <a:gd name="T110" fmla="*/ 22 w 776"/>
                  <a:gd name="T111" fmla="*/ 375 h 440"/>
                  <a:gd name="T112" fmla="*/ 0 w 776"/>
                  <a:gd name="T113" fmla="*/ 384 h 440"/>
                  <a:gd name="T114" fmla="*/ 182 w 776"/>
                  <a:gd name="T115" fmla="*/ 358 h 440"/>
                  <a:gd name="T116" fmla="*/ 218 w 776"/>
                  <a:gd name="T117" fmla="*/ 356 h 440"/>
                  <a:gd name="T118" fmla="*/ 284 w 776"/>
                  <a:gd name="T119" fmla="*/ 349 h 440"/>
                  <a:gd name="T120" fmla="*/ 384 w 776"/>
                  <a:gd name="T121" fmla="*/ 334 h 440"/>
                  <a:gd name="T122" fmla="*/ 506 w 776"/>
                  <a:gd name="T123" fmla="*/ 309 h 440"/>
                  <a:gd name="T124" fmla="*/ 654 w 776"/>
                  <a:gd name="T125" fmla="*/ 271 h 440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60000 65536"/>
                  <a:gd name="T187" fmla="*/ 0 60000 65536"/>
                  <a:gd name="T188" fmla="*/ 0 60000 65536"/>
                  <a:gd name="T189" fmla="*/ 0 w 776"/>
                  <a:gd name="T190" fmla="*/ 0 h 440"/>
                  <a:gd name="T191" fmla="*/ 776 w 776"/>
                  <a:gd name="T192" fmla="*/ 440 h 440"/>
                </a:gdLst>
                <a:ahLst/>
                <a:cxnLst>
                  <a:cxn ang="T126">
                    <a:pos x="T0" y="T1"/>
                  </a:cxn>
                  <a:cxn ang="T127">
                    <a:pos x="T2" y="T3"/>
                  </a:cxn>
                  <a:cxn ang="T128">
                    <a:pos x="T4" y="T5"/>
                  </a:cxn>
                  <a:cxn ang="T129">
                    <a:pos x="T6" y="T7"/>
                  </a:cxn>
                  <a:cxn ang="T130">
                    <a:pos x="T8" y="T9"/>
                  </a:cxn>
                  <a:cxn ang="T131">
                    <a:pos x="T10" y="T11"/>
                  </a:cxn>
                  <a:cxn ang="T132">
                    <a:pos x="T12" y="T13"/>
                  </a:cxn>
                  <a:cxn ang="T133">
                    <a:pos x="T14" y="T15"/>
                  </a:cxn>
                  <a:cxn ang="T134">
                    <a:pos x="T16" y="T17"/>
                  </a:cxn>
                  <a:cxn ang="T135">
                    <a:pos x="T18" y="T19"/>
                  </a:cxn>
                  <a:cxn ang="T136">
                    <a:pos x="T20" y="T21"/>
                  </a:cxn>
                  <a:cxn ang="T137">
                    <a:pos x="T22" y="T23"/>
                  </a:cxn>
                  <a:cxn ang="T138">
                    <a:pos x="T24" y="T25"/>
                  </a:cxn>
                  <a:cxn ang="T139">
                    <a:pos x="T26" y="T27"/>
                  </a:cxn>
                  <a:cxn ang="T140">
                    <a:pos x="T28" y="T29"/>
                  </a:cxn>
                  <a:cxn ang="T141">
                    <a:pos x="T30" y="T31"/>
                  </a:cxn>
                  <a:cxn ang="T142">
                    <a:pos x="T32" y="T33"/>
                  </a:cxn>
                  <a:cxn ang="T143">
                    <a:pos x="T34" y="T35"/>
                  </a:cxn>
                  <a:cxn ang="T144">
                    <a:pos x="T36" y="T37"/>
                  </a:cxn>
                  <a:cxn ang="T145">
                    <a:pos x="T38" y="T39"/>
                  </a:cxn>
                  <a:cxn ang="T146">
                    <a:pos x="T40" y="T41"/>
                  </a:cxn>
                  <a:cxn ang="T147">
                    <a:pos x="T42" y="T43"/>
                  </a:cxn>
                  <a:cxn ang="T148">
                    <a:pos x="T44" y="T45"/>
                  </a:cxn>
                  <a:cxn ang="T149">
                    <a:pos x="T46" y="T47"/>
                  </a:cxn>
                  <a:cxn ang="T150">
                    <a:pos x="T48" y="T49"/>
                  </a:cxn>
                  <a:cxn ang="T151">
                    <a:pos x="T50" y="T51"/>
                  </a:cxn>
                  <a:cxn ang="T152">
                    <a:pos x="T52" y="T53"/>
                  </a:cxn>
                  <a:cxn ang="T153">
                    <a:pos x="T54" y="T55"/>
                  </a:cxn>
                  <a:cxn ang="T154">
                    <a:pos x="T56" y="T57"/>
                  </a:cxn>
                  <a:cxn ang="T155">
                    <a:pos x="T58" y="T59"/>
                  </a:cxn>
                  <a:cxn ang="T156">
                    <a:pos x="T60" y="T61"/>
                  </a:cxn>
                  <a:cxn ang="T157">
                    <a:pos x="T62" y="T63"/>
                  </a:cxn>
                  <a:cxn ang="T158">
                    <a:pos x="T64" y="T65"/>
                  </a:cxn>
                  <a:cxn ang="T159">
                    <a:pos x="T66" y="T67"/>
                  </a:cxn>
                  <a:cxn ang="T160">
                    <a:pos x="T68" y="T69"/>
                  </a:cxn>
                  <a:cxn ang="T161">
                    <a:pos x="T70" y="T71"/>
                  </a:cxn>
                  <a:cxn ang="T162">
                    <a:pos x="T72" y="T73"/>
                  </a:cxn>
                  <a:cxn ang="T163">
                    <a:pos x="T74" y="T75"/>
                  </a:cxn>
                  <a:cxn ang="T164">
                    <a:pos x="T76" y="T77"/>
                  </a:cxn>
                  <a:cxn ang="T165">
                    <a:pos x="T78" y="T79"/>
                  </a:cxn>
                  <a:cxn ang="T166">
                    <a:pos x="T80" y="T81"/>
                  </a:cxn>
                  <a:cxn ang="T167">
                    <a:pos x="T82" y="T83"/>
                  </a:cxn>
                  <a:cxn ang="T168">
                    <a:pos x="T84" y="T85"/>
                  </a:cxn>
                  <a:cxn ang="T169">
                    <a:pos x="T86" y="T87"/>
                  </a:cxn>
                  <a:cxn ang="T170">
                    <a:pos x="T88" y="T89"/>
                  </a:cxn>
                  <a:cxn ang="T171">
                    <a:pos x="T90" y="T91"/>
                  </a:cxn>
                  <a:cxn ang="T172">
                    <a:pos x="T92" y="T93"/>
                  </a:cxn>
                  <a:cxn ang="T173">
                    <a:pos x="T94" y="T95"/>
                  </a:cxn>
                  <a:cxn ang="T174">
                    <a:pos x="T96" y="T97"/>
                  </a:cxn>
                  <a:cxn ang="T175">
                    <a:pos x="T98" y="T99"/>
                  </a:cxn>
                  <a:cxn ang="T176">
                    <a:pos x="T100" y="T101"/>
                  </a:cxn>
                  <a:cxn ang="T177">
                    <a:pos x="T102" y="T103"/>
                  </a:cxn>
                  <a:cxn ang="T178">
                    <a:pos x="T104" y="T105"/>
                  </a:cxn>
                  <a:cxn ang="T179">
                    <a:pos x="T106" y="T107"/>
                  </a:cxn>
                  <a:cxn ang="T180">
                    <a:pos x="T108" y="T109"/>
                  </a:cxn>
                  <a:cxn ang="T181">
                    <a:pos x="T110" y="T111"/>
                  </a:cxn>
                  <a:cxn ang="T182">
                    <a:pos x="T112" y="T113"/>
                  </a:cxn>
                  <a:cxn ang="T183">
                    <a:pos x="T114" y="T115"/>
                  </a:cxn>
                  <a:cxn ang="T184">
                    <a:pos x="T116" y="T117"/>
                  </a:cxn>
                  <a:cxn ang="T185">
                    <a:pos x="T118" y="T119"/>
                  </a:cxn>
                  <a:cxn ang="T186">
                    <a:pos x="T120" y="T121"/>
                  </a:cxn>
                  <a:cxn ang="T187">
                    <a:pos x="T122" y="T123"/>
                  </a:cxn>
                  <a:cxn ang="T188">
                    <a:pos x="T124" y="T125"/>
                  </a:cxn>
                </a:cxnLst>
                <a:rect l="T189" t="T190" r="T191" b="T192"/>
                <a:pathLst>
                  <a:path w="776" h="440">
                    <a:moveTo>
                      <a:pt x="761" y="310"/>
                    </a:moveTo>
                    <a:lnTo>
                      <a:pt x="763" y="310"/>
                    </a:lnTo>
                    <a:lnTo>
                      <a:pt x="765" y="312"/>
                    </a:lnTo>
                    <a:lnTo>
                      <a:pt x="766" y="312"/>
                    </a:lnTo>
                    <a:lnTo>
                      <a:pt x="766" y="310"/>
                    </a:lnTo>
                    <a:lnTo>
                      <a:pt x="763" y="298"/>
                    </a:lnTo>
                    <a:lnTo>
                      <a:pt x="763" y="293"/>
                    </a:lnTo>
                    <a:lnTo>
                      <a:pt x="765" y="295"/>
                    </a:lnTo>
                    <a:lnTo>
                      <a:pt x="768" y="298"/>
                    </a:lnTo>
                    <a:lnTo>
                      <a:pt x="770" y="305"/>
                    </a:lnTo>
                    <a:lnTo>
                      <a:pt x="773" y="308"/>
                    </a:lnTo>
                    <a:lnTo>
                      <a:pt x="773" y="310"/>
                    </a:lnTo>
                    <a:lnTo>
                      <a:pt x="776" y="305"/>
                    </a:lnTo>
                    <a:lnTo>
                      <a:pt x="758" y="264"/>
                    </a:lnTo>
                    <a:lnTo>
                      <a:pt x="749" y="263"/>
                    </a:lnTo>
                    <a:lnTo>
                      <a:pt x="743" y="268"/>
                    </a:lnTo>
                    <a:lnTo>
                      <a:pt x="741" y="268"/>
                    </a:lnTo>
                    <a:lnTo>
                      <a:pt x="739" y="268"/>
                    </a:lnTo>
                    <a:lnTo>
                      <a:pt x="736" y="268"/>
                    </a:lnTo>
                    <a:lnTo>
                      <a:pt x="734" y="268"/>
                    </a:lnTo>
                    <a:lnTo>
                      <a:pt x="729" y="264"/>
                    </a:lnTo>
                    <a:lnTo>
                      <a:pt x="726" y="263"/>
                    </a:lnTo>
                    <a:lnTo>
                      <a:pt x="724" y="264"/>
                    </a:lnTo>
                    <a:lnTo>
                      <a:pt x="722" y="266"/>
                    </a:lnTo>
                    <a:lnTo>
                      <a:pt x="722" y="268"/>
                    </a:lnTo>
                    <a:lnTo>
                      <a:pt x="722" y="269"/>
                    </a:lnTo>
                    <a:lnTo>
                      <a:pt x="722" y="271"/>
                    </a:lnTo>
                    <a:lnTo>
                      <a:pt x="722" y="273"/>
                    </a:lnTo>
                    <a:lnTo>
                      <a:pt x="726" y="276"/>
                    </a:lnTo>
                    <a:lnTo>
                      <a:pt x="727" y="280"/>
                    </a:lnTo>
                    <a:lnTo>
                      <a:pt x="726" y="280"/>
                    </a:lnTo>
                    <a:lnTo>
                      <a:pt x="724" y="280"/>
                    </a:lnTo>
                    <a:lnTo>
                      <a:pt x="722" y="280"/>
                    </a:lnTo>
                    <a:lnTo>
                      <a:pt x="719" y="278"/>
                    </a:lnTo>
                    <a:lnTo>
                      <a:pt x="717" y="278"/>
                    </a:lnTo>
                    <a:lnTo>
                      <a:pt x="717" y="276"/>
                    </a:lnTo>
                    <a:lnTo>
                      <a:pt x="707" y="276"/>
                    </a:lnTo>
                    <a:lnTo>
                      <a:pt x="700" y="269"/>
                    </a:lnTo>
                    <a:lnTo>
                      <a:pt x="692" y="266"/>
                    </a:lnTo>
                    <a:lnTo>
                      <a:pt x="682" y="251"/>
                    </a:lnTo>
                    <a:lnTo>
                      <a:pt x="663" y="249"/>
                    </a:lnTo>
                    <a:lnTo>
                      <a:pt x="651" y="247"/>
                    </a:lnTo>
                    <a:lnTo>
                      <a:pt x="633" y="241"/>
                    </a:lnTo>
                    <a:lnTo>
                      <a:pt x="648" y="239"/>
                    </a:lnTo>
                    <a:lnTo>
                      <a:pt x="685" y="244"/>
                    </a:lnTo>
                    <a:lnTo>
                      <a:pt x="710" y="266"/>
                    </a:lnTo>
                    <a:lnTo>
                      <a:pt x="722" y="252"/>
                    </a:lnTo>
                    <a:lnTo>
                      <a:pt x="704" y="239"/>
                    </a:lnTo>
                    <a:lnTo>
                      <a:pt x="683" y="230"/>
                    </a:lnTo>
                    <a:lnTo>
                      <a:pt x="663" y="212"/>
                    </a:lnTo>
                    <a:lnTo>
                      <a:pt x="670" y="214"/>
                    </a:lnTo>
                    <a:lnTo>
                      <a:pt x="690" y="229"/>
                    </a:lnTo>
                    <a:lnTo>
                      <a:pt x="700" y="234"/>
                    </a:lnTo>
                    <a:lnTo>
                      <a:pt x="707" y="229"/>
                    </a:lnTo>
                    <a:lnTo>
                      <a:pt x="699" y="222"/>
                    </a:lnTo>
                    <a:lnTo>
                      <a:pt x="699" y="212"/>
                    </a:lnTo>
                    <a:lnTo>
                      <a:pt x="716" y="220"/>
                    </a:lnTo>
                    <a:lnTo>
                      <a:pt x="716" y="207"/>
                    </a:lnTo>
                    <a:lnTo>
                      <a:pt x="704" y="198"/>
                    </a:lnTo>
                    <a:lnTo>
                      <a:pt x="700" y="190"/>
                    </a:lnTo>
                    <a:lnTo>
                      <a:pt x="682" y="188"/>
                    </a:lnTo>
                    <a:lnTo>
                      <a:pt x="656" y="170"/>
                    </a:lnTo>
                    <a:lnTo>
                      <a:pt x="639" y="151"/>
                    </a:lnTo>
                    <a:lnTo>
                      <a:pt x="661" y="168"/>
                    </a:lnTo>
                    <a:lnTo>
                      <a:pt x="683" y="183"/>
                    </a:lnTo>
                    <a:lnTo>
                      <a:pt x="700" y="185"/>
                    </a:lnTo>
                    <a:lnTo>
                      <a:pt x="700" y="163"/>
                    </a:lnTo>
                    <a:lnTo>
                      <a:pt x="707" y="154"/>
                    </a:lnTo>
                    <a:lnTo>
                      <a:pt x="707" y="149"/>
                    </a:lnTo>
                    <a:lnTo>
                      <a:pt x="700" y="149"/>
                    </a:lnTo>
                    <a:lnTo>
                      <a:pt x="692" y="146"/>
                    </a:lnTo>
                    <a:lnTo>
                      <a:pt x="685" y="142"/>
                    </a:lnTo>
                    <a:lnTo>
                      <a:pt x="677" y="139"/>
                    </a:lnTo>
                    <a:lnTo>
                      <a:pt x="672" y="134"/>
                    </a:lnTo>
                    <a:lnTo>
                      <a:pt x="665" y="131"/>
                    </a:lnTo>
                    <a:lnTo>
                      <a:pt x="661" y="129"/>
                    </a:lnTo>
                    <a:lnTo>
                      <a:pt x="660" y="127"/>
                    </a:lnTo>
                    <a:lnTo>
                      <a:pt x="648" y="127"/>
                    </a:lnTo>
                    <a:lnTo>
                      <a:pt x="638" y="124"/>
                    </a:lnTo>
                    <a:lnTo>
                      <a:pt x="629" y="122"/>
                    </a:lnTo>
                    <a:lnTo>
                      <a:pt x="624" y="119"/>
                    </a:lnTo>
                    <a:lnTo>
                      <a:pt x="621" y="115"/>
                    </a:lnTo>
                    <a:lnTo>
                      <a:pt x="619" y="112"/>
                    </a:lnTo>
                    <a:lnTo>
                      <a:pt x="617" y="110"/>
                    </a:lnTo>
                    <a:lnTo>
                      <a:pt x="614" y="110"/>
                    </a:lnTo>
                    <a:lnTo>
                      <a:pt x="611" y="112"/>
                    </a:lnTo>
                    <a:lnTo>
                      <a:pt x="607" y="112"/>
                    </a:lnTo>
                    <a:lnTo>
                      <a:pt x="604" y="114"/>
                    </a:lnTo>
                    <a:lnTo>
                      <a:pt x="600" y="114"/>
                    </a:lnTo>
                    <a:lnTo>
                      <a:pt x="597" y="115"/>
                    </a:lnTo>
                    <a:lnTo>
                      <a:pt x="592" y="114"/>
                    </a:lnTo>
                    <a:lnTo>
                      <a:pt x="590" y="110"/>
                    </a:lnTo>
                    <a:lnTo>
                      <a:pt x="589" y="104"/>
                    </a:lnTo>
                    <a:lnTo>
                      <a:pt x="589" y="98"/>
                    </a:lnTo>
                    <a:lnTo>
                      <a:pt x="589" y="92"/>
                    </a:lnTo>
                    <a:lnTo>
                      <a:pt x="589" y="87"/>
                    </a:lnTo>
                    <a:lnTo>
                      <a:pt x="590" y="82"/>
                    </a:lnTo>
                    <a:lnTo>
                      <a:pt x="590" y="80"/>
                    </a:lnTo>
                    <a:lnTo>
                      <a:pt x="592" y="80"/>
                    </a:lnTo>
                    <a:lnTo>
                      <a:pt x="594" y="78"/>
                    </a:lnTo>
                    <a:lnTo>
                      <a:pt x="597" y="76"/>
                    </a:lnTo>
                    <a:lnTo>
                      <a:pt x="599" y="75"/>
                    </a:lnTo>
                    <a:lnTo>
                      <a:pt x="606" y="65"/>
                    </a:lnTo>
                    <a:lnTo>
                      <a:pt x="607" y="56"/>
                    </a:lnTo>
                    <a:lnTo>
                      <a:pt x="606" y="48"/>
                    </a:lnTo>
                    <a:lnTo>
                      <a:pt x="600" y="41"/>
                    </a:lnTo>
                    <a:lnTo>
                      <a:pt x="594" y="36"/>
                    </a:lnTo>
                    <a:lnTo>
                      <a:pt x="587" y="32"/>
                    </a:lnTo>
                    <a:lnTo>
                      <a:pt x="582" y="31"/>
                    </a:lnTo>
                    <a:lnTo>
                      <a:pt x="578" y="29"/>
                    </a:lnTo>
                    <a:lnTo>
                      <a:pt x="567" y="29"/>
                    </a:lnTo>
                    <a:lnTo>
                      <a:pt x="560" y="26"/>
                    </a:lnTo>
                    <a:lnTo>
                      <a:pt x="555" y="24"/>
                    </a:lnTo>
                    <a:lnTo>
                      <a:pt x="555" y="19"/>
                    </a:lnTo>
                    <a:lnTo>
                      <a:pt x="555" y="16"/>
                    </a:lnTo>
                    <a:lnTo>
                      <a:pt x="555" y="14"/>
                    </a:lnTo>
                    <a:lnTo>
                      <a:pt x="556" y="10"/>
                    </a:lnTo>
                    <a:lnTo>
                      <a:pt x="556" y="9"/>
                    </a:lnTo>
                    <a:lnTo>
                      <a:pt x="553" y="5"/>
                    </a:lnTo>
                    <a:lnTo>
                      <a:pt x="550" y="2"/>
                    </a:lnTo>
                    <a:lnTo>
                      <a:pt x="545" y="2"/>
                    </a:lnTo>
                    <a:lnTo>
                      <a:pt x="541" y="4"/>
                    </a:lnTo>
                    <a:lnTo>
                      <a:pt x="536" y="5"/>
                    </a:lnTo>
                    <a:lnTo>
                      <a:pt x="533" y="5"/>
                    </a:lnTo>
                    <a:lnTo>
                      <a:pt x="531" y="7"/>
                    </a:lnTo>
                    <a:lnTo>
                      <a:pt x="529" y="9"/>
                    </a:lnTo>
                    <a:lnTo>
                      <a:pt x="531" y="9"/>
                    </a:lnTo>
                    <a:lnTo>
                      <a:pt x="531" y="10"/>
                    </a:lnTo>
                    <a:lnTo>
                      <a:pt x="531" y="14"/>
                    </a:lnTo>
                    <a:lnTo>
                      <a:pt x="531" y="17"/>
                    </a:lnTo>
                    <a:lnTo>
                      <a:pt x="529" y="19"/>
                    </a:lnTo>
                    <a:lnTo>
                      <a:pt x="526" y="21"/>
                    </a:lnTo>
                    <a:lnTo>
                      <a:pt x="521" y="22"/>
                    </a:lnTo>
                    <a:lnTo>
                      <a:pt x="512" y="19"/>
                    </a:lnTo>
                    <a:lnTo>
                      <a:pt x="499" y="14"/>
                    </a:lnTo>
                    <a:lnTo>
                      <a:pt x="497" y="12"/>
                    </a:lnTo>
                    <a:lnTo>
                      <a:pt x="494" y="10"/>
                    </a:lnTo>
                    <a:lnTo>
                      <a:pt x="489" y="9"/>
                    </a:lnTo>
                    <a:lnTo>
                      <a:pt x="484" y="7"/>
                    </a:lnTo>
                    <a:lnTo>
                      <a:pt x="480" y="4"/>
                    </a:lnTo>
                    <a:lnTo>
                      <a:pt x="475" y="2"/>
                    </a:lnTo>
                    <a:lnTo>
                      <a:pt x="472" y="0"/>
                    </a:lnTo>
                    <a:lnTo>
                      <a:pt x="468" y="34"/>
                    </a:lnTo>
                    <a:lnTo>
                      <a:pt x="463" y="39"/>
                    </a:lnTo>
                    <a:lnTo>
                      <a:pt x="463" y="41"/>
                    </a:lnTo>
                    <a:lnTo>
                      <a:pt x="462" y="46"/>
                    </a:lnTo>
                    <a:lnTo>
                      <a:pt x="460" y="51"/>
                    </a:lnTo>
                    <a:lnTo>
                      <a:pt x="457" y="58"/>
                    </a:lnTo>
                    <a:lnTo>
                      <a:pt x="453" y="65"/>
                    </a:lnTo>
                    <a:lnTo>
                      <a:pt x="450" y="68"/>
                    </a:lnTo>
                    <a:lnTo>
                      <a:pt x="446" y="71"/>
                    </a:lnTo>
                    <a:lnTo>
                      <a:pt x="443" y="70"/>
                    </a:lnTo>
                    <a:lnTo>
                      <a:pt x="443" y="71"/>
                    </a:lnTo>
                    <a:lnTo>
                      <a:pt x="443" y="75"/>
                    </a:lnTo>
                    <a:lnTo>
                      <a:pt x="441" y="78"/>
                    </a:lnTo>
                    <a:lnTo>
                      <a:pt x="440" y="83"/>
                    </a:lnTo>
                    <a:lnTo>
                      <a:pt x="438" y="88"/>
                    </a:lnTo>
                    <a:lnTo>
                      <a:pt x="435" y="92"/>
                    </a:lnTo>
                    <a:lnTo>
                      <a:pt x="433" y="92"/>
                    </a:lnTo>
                    <a:lnTo>
                      <a:pt x="430" y="88"/>
                    </a:lnTo>
                    <a:lnTo>
                      <a:pt x="428" y="88"/>
                    </a:lnTo>
                    <a:lnTo>
                      <a:pt x="426" y="87"/>
                    </a:lnTo>
                    <a:lnTo>
                      <a:pt x="424" y="85"/>
                    </a:lnTo>
                    <a:lnTo>
                      <a:pt x="421" y="85"/>
                    </a:lnTo>
                    <a:lnTo>
                      <a:pt x="419" y="87"/>
                    </a:lnTo>
                    <a:lnTo>
                      <a:pt x="416" y="88"/>
                    </a:lnTo>
                    <a:lnTo>
                      <a:pt x="414" y="95"/>
                    </a:lnTo>
                    <a:lnTo>
                      <a:pt x="414" y="105"/>
                    </a:lnTo>
                    <a:lnTo>
                      <a:pt x="414" y="107"/>
                    </a:lnTo>
                    <a:lnTo>
                      <a:pt x="414" y="109"/>
                    </a:lnTo>
                    <a:lnTo>
                      <a:pt x="413" y="112"/>
                    </a:lnTo>
                    <a:lnTo>
                      <a:pt x="413" y="114"/>
                    </a:lnTo>
                    <a:lnTo>
                      <a:pt x="411" y="115"/>
                    </a:lnTo>
                    <a:lnTo>
                      <a:pt x="411" y="117"/>
                    </a:lnTo>
                    <a:lnTo>
                      <a:pt x="411" y="119"/>
                    </a:lnTo>
                    <a:lnTo>
                      <a:pt x="411" y="120"/>
                    </a:lnTo>
                    <a:lnTo>
                      <a:pt x="409" y="124"/>
                    </a:lnTo>
                    <a:lnTo>
                      <a:pt x="408" y="131"/>
                    </a:lnTo>
                    <a:lnTo>
                      <a:pt x="406" y="136"/>
                    </a:lnTo>
                    <a:lnTo>
                      <a:pt x="401" y="139"/>
                    </a:lnTo>
                    <a:lnTo>
                      <a:pt x="396" y="141"/>
                    </a:lnTo>
                    <a:lnTo>
                      <a:pt x="389" y="139"/>
                    </a:lnTo>
                    <a:lnTo>
                      <a:pt x="379" y="132"/>
                    </a:lnTo>
                    <a:lnTo>
                      <a:pt x="377" y="131"/>
                    </a:lnTo>
                    <a:lnTo>
                      <a:pt x="374" y="129"/>
                    </a:lnTo>
                    <a:lnTo>
                      <a:pt x="370" y="127"/>
                    </a:lnTo>
                    <a:lnTo>
                      <a:pt x="367" y="127"/>
                    </a:lnTo>
                    <a:lnTo>
                      <a:pt x="364" y="129"/>
                    </a:lnTo>
                    <a:lnTo>
                      <a:pt x="362" y="132"/>
                    </a:lnTo>
                    <a:lnTo>
                      <a:pt x="362" y="139"/>
                    </a:lnTo>
                    <a:lnTo>
                      <a:pt x="364" y="149"/>
                    </a:lnTo>
                    <a:lnTo>
                      <a:pt x="364" y="151"/>
                    </a:lnTo>
                    <a:lnTo>
                      <a:pt x="364" y="154"/>
                    </a:lnTo>
                    <a:lnTo>
                      <a:pt x="362" y="156"/>
                    </a:lnTo>
                    <a:lnTo>
                      <a:pt x="360" y="158"/>
                    </a:lnTo>
                    <a:lnTo>
                      <a:pt x="360" y="161"/>
                    </a:lnTo>
                    <a:lnTo>
                      <a:pt x="358" y="163"/>
                    </a:lnTo>
                    <a:lnTo>
                      <a:pt x="358" y="164"/>
                    </a:lnTo>
                    <a:lnTo>
                      <a:pt x="357" y="164"/>
                    </a:lnTo>
                    <a:lnTo>
                      <a:pt x="355" y="176"/>
                    </a:lnTo>
                    <a:lnTo>
                      <a:pt x="353" y="178"/>
                    </a:lnTo>
                    <a:lnTo>
                      <a:pt x="352" y="180"/>
                    </a:lnTo>
                    <a:lnTo>
                      <a:pt x="352" y="181"/>
                    </a:lnTo>
                    <a:lnTo>
                      <a:pt x="350" y="185"/>
                    </a:lnTo>
                    <a:lnTo>
                      <a:pt x="348" y="190"/>
                    </a:lnTo>
                    <a:lnTo>
                      <a:pt x="347" y="197"/>
                    </a:lnTo>
                    <a:lnTo>
                      <a:pt x="347" y="203"/>
                    </a:lnTo>
                    <a:lnTo>
                      <a:pt x="347" y="207"/>
                    </a:lnTo>
                    <a:lnTo>
                      <a:pt x="343" y="210"/>
                    </a:lnTo>
                    <a:lnTo>
                      <a:pt x="340" y="215"/>
                    </a:lnTo>
                    <a:lnTo>
                      <a:pt x="336" y="220"/>
                    </a:lnTo>
                    <a:lnTo>
                      <a:pt x="333" y="225"/>
                    </a:lnTo>
                    <a:lnTo>
                      <a:pt x="330" y="230"/>
                    </a:lnTo>
                    <a:lnTo>
                      <a:pt x="328" y="236"/>
                    </a:lnTo>
                    <a:lnTo>
                      <a:pt x="326" y="241"/>
                    </a:lnTo>
                    <a:lnTo>
                      <a:pt x="326" y="242"/>
                    </a:lnTo>
                    <a:lnTo>
                      <a:pt x="326" y="244"/>
                    </a:lnTo>
                    <a:lnTo>
                      <a:pt x="326" y="246"/>
                    </a:lnTo>
                    <a:lnTo>
                      <a:pt x="326" y="249"/>
                    </a:lnTo>
                    <a:lnTo>
                      <a:pt x="326" y="251"/>
                    </a:lnTo>
                    <a:lnTo>
                      <a:pt x="326" y="252"/>
                    </a:lnTo>
                    <a:lnTo>
                      <a:pt x="326" y="254"/>
                    </a:lnTo>
                    <a:lnTo>
                      <a:pt x="331" y="258"/>
                    </a:lnTo>
                    <a:lnTo>
                      <a:pt x="325" y="266"/>
                    </a:lnTo>
                    <a:lnTo>
                      <a:pt x="330" y="273"/>
                    </a:lnTo>
                    <a:lnTo>
                      <a:pt x="313" y="285"/>
                    </a:lnTo>
                    <a:lnTo>
                      <a:pt x="311" y="285"/>
                    </a:lnTo>
                    <a:lnTo>
                      <a:pt x="308" y="283"/>
                    </a:lnTo>
                    <a:lnTo>
                      <a:pt x="304" y="283"/>
                    </a:lnTo>
                    <a:lnTo>
                      <a:pt x="299" y="283"/>
                    </a:lnTo>
                    <a:lnTo>
                      <a:pt x="296" y="285"/>
                    </a:lnTo>
                    <a:lnTo>
                      <a:pt x="291" y="290"/>
                    </a:lnTo>
                    <a:lnTo>
                      <a:pt x="289" y="296"/>
                    </a:lnTo>
                    <a:lnTo>
                      <a:pt x="287" y="295"/>
                    </a:lnTo>
                    <a:lnTo>
                      <a:pt x="286" y="293"/>
                    </a:lnTo>
                    <a:lnTo>
                      <a:pt x="282" y="293"/>
                    </a:lnTo>
                    <a:lnTo>
                      <a:pt x="277" y="291"/>
                    </a:lnTo>
                    <a:lnTo>
                      <a:pt x="274" y="291"/>
                    </a:lnTo>
                    <a:lnTo>
                      <a:pt x="272" y="293"/>
                    </a:lnTo>
                    <a:lnTo>
                      <a:pt x="272" y="296"/>
                    </a:lnTo>
                    <a:lnTo>
                      <a:pt x="274" y="303"/>
                    </a:lnTo>
                    <a:lnTo>
                      <a:pt x="274" y="305"/>
                    </a:lnTo>
                    <a:lnTo>
                      <a:pt x="272" y="307"/>
                    </a:lnTo>
                    <a:lnTo>
                      <a:pt x="270" y="307"/>
                    </a:lnTo>
                    <a:lnTo>
                      <a:pt x="267" y="308"/>
                    </a:lnTo>
                    <a:lnTo>
                      <a:pt x="264" y="310"/>
                    </a:lnTo>
                    <a:lnTo>
                      <a:pt x="262" y="312"/>
                    </a:lnTo>
                    <a:lnTo>
                      <a:pt x="260" y="312"/>
                    </a:lnTo>
                    <a:lnTo>
                      <a:pt x="259" y="313"/>
                    </a:lnTo>
                    <a:lnTo>
                      <a:pt x="255" y="315"/>
                    </a:lnTo>
                    <a:lnTo>
                      <a:pt x="250" y="317"/>
                    </a:lnTo>
                    <a:lnTo>
                      <a:pt x="243" y="318"/>
                    </a:lnTo>
                    <a:lnTo>
                      <a:pt x="238" y="318"/>
                    </a:lnTo>
                    <a:lnTo>
                      <a:pt x="233" y="318"/>
                    </a:lnTo>
                    <a:lnTo>
                      <a:pt x="230" y="317"/>
                    </a:lnTo>
                    <a:lnTo>
                      <a:pt x="228" y="312"/>
                    </a:lnTo>
                    <a:lnTo>
                      <a:pt x="226" y="315"/>
                    </a:lnTo>
                    <a:lnTo>
                      <a:pt x="223" y="318"/>
                    </a:lnTo>
                    <a:lnTo>
                      <a:pt x="220" y="322"/>
                    </a:lnTo>
                    <a:lnTo>
                      <a:pt x="215" y="327"/>
                    </a:lnTo>
                    <a:lnTo>
                      <a:pt x="210" y="329"/>
                    </a:lnTo>
                    <a:lnTo>
                      <a:pt x="204" y="329"/>
                    </a:lnTo>
                    <a:lnTo>
                      <a:pt x="198" y="327"/>
                    </a:lnTo>
                    <a:lnTo>
                      <a:pt x="196" y="327"/>
                    </a:lnTo>
                    <a:lnTo>
                      <a:pt x="193" y="327"/>
                    </a:lnTo>
                    <a:lnTo>
                      <a:pt x="189" y="325"/>
                    </a:lnTo>
                    <a:lnTo>
                      <a:pt x="186" y="324"/>
                    </a:lnTo>
                    <a:lnTo>
                      <a:pt x="181" y="322"/>
                    </a:lnTo>
                    <a:lnTo>
                      <a:pt x="176" y="317"/>
                    </a:lnTo>
                    <a:lnTo>
                      <a:pt x="171" y="312"/>
                    </a:lnTo>
                    <a:lnTo>
                      <a:pt x="167" y="305"/>
                    </a:lnTo>
                    <a:lnTo>
                      <a:pt x="166" y="302"/>
                    </a:lnTo>
                    <a:lnTo>
                      <a:pt x="166" y="298"/>
                    </a:lnTo>
                    <a:lnTo>
                      <a:pt x="166" y="295"/>
                    </a:lnTo>
                    <a:lnTo>
                      <a:pt x="164" y="293"/>
                    </a:lnTo>
                    <a:lnTo>
                      <a:pt x="140" y="325"/>
                    </a:lnTo>
                    <a:lnTo>
                      <a:pt x="140" y="324"/>
                    </a:lnTo>
                    <a:lnTo>
                      <a:pt x="142" y="324"/>
                    </a:lnTo>
                    <a:lnTo>
                      <a:pt x="142" y="322"/>
                    </a:lnTo>
                    <a:lnTo>
                      <a:pt x="144" y="320"/>
                    </a:lnTo>
                    <a:lnTo>
                      <a:pt x="145" y="318"/>
                    </a:lnTo>
                    <a:lnTo>
                      <a:pt x="144" y="318"/>
                    </a:lnTo>
                    <a:lnTo>
                      <a:pt x="142" y="320"/>
                    </a:lnTo>
                    <a:lnTo>
                      <a:pt x="140" y="325"/>
                    </a:lnTo>
                    <a:lnTo>
                      <a:pt x="135" y="330"/>
                    </a:lnTo>
                    <a:lnTo>
                      <a:pt x="130" y="334"/>
                    </a:lnTo>
                    <a:lnTo>
                      <a:pt x="125" y="337"/>
                    </a:lnTo>
                    <a:lnTo>
                      <a:pt x="118" y="340"/>
                    </a:lnTo>
                    <a:lnTo>
                      <a:pt x="113" y="344"/>
                    </a:lnTo>
                    <a:lnTo>
                      <a:pt x="108" y="347"/>
                    </a:lnTo>
                    <a:lnTo>
                      <a:pt x="105" y="351"/>
                    </a:lnTo>
                    <a:lnTo>
                      <a:pt x="103" y="357"/>
                    </a:lnTo>
                    <a:lnTo>
                      <a:pt x="101" y="361"/>
                    </a:lnTo>
                    <a:lnTo>
                      <a:pt x="100" y="364"/>
                    </a:lnTo>
                    <a:lnTo>
                      <a:pt x="98" y="368"/>
                    </a:lnTo>
                    <a:lnTo>
                      <a:pt x="96" y="371"/>
                    </a:lnTo>
                    <a:lnTo>
                      <a:pt x="94" y="373"/>
                    </a:lnTo>
                    <a:lnTo>
                      <a:pt x="93" y="374"/>
                    </a:lnTo>
                    <a:lnTo>
                      <a:pt x="91" y="376"/>
                    </a:lnTo>
                    <a:lnTo>
                      <a:pt x="89" y="379"/>
                    </a:lnTo>
                    <a:lnTo>
                      <a:pt x="89" y="381"/>
                    </a:lnTo>
                    <a:lnTo>
                      <a:pt x="88" y="383"/>
                    </a:lnTo>
                    <a:lnTo>
                      <a:pt x="88" y="384"/>
                    </a:lnTo>
                    <a:lnTo>
                      <a:pt x="88" y="388"/>
                    </a:lnTo>
                    <a:lnTo>
                      <a:pt x="86" y="388"/>
                    </a:lnTo>
                    <a:lnTo>
                      <a:pt x="84" y="390"/>
                    </a:lnTo>
                    <a:lnTo>
                      <a:pt x="84" y="391"/>
                    </a:lnTo>
                    <a:lnTo>
                      <a:pt x="81" y="391"/>
                    </a:lnTo>
                    <a:lnTo>
                      <a:pt x="76" y="395"/>
                    </a:lnTo>
                    <a:lnTo>
                      <a:pt x="71" y="396"/>
                    </a:lnTo>
                    <a:lnTo>
                      <a:pt x="67" y="400"/>
                    </a:lnTo>
                    <a:lnTo>
                      <a:pt x="66" y="401"/>
                    </a:lnTo>
                    <a:lnTo>
                      <a:pt x="64" y="405"/>
                    </a:lnTo>
                    <a:lnTo>
                      <a:pt x="62" y="406"/>
                    </a:lnTo>
                    <a:lnTo>
                      <a:pt x="62" y="408"/>
                    </a:lnTo>
                    <a:lnTo>
                      <a:pt x="61" y="410"/>
                    </a:lnTo>
                    <a:lnTo>
                      <a:pt x="59" y="410"/>
                    </a:lnTo>
                    <a:lnTo>
                      <a:pt x="56" y="412"/>
                    </a:lnTo>
                    <a:lnTo>
                      <a:pt x="52" y="413"/>
                    </a:lnTo>
                    <a:lnTo>
                      <a:pt x="47" y="417"/>
                    </a:lnTo>
                    <a:lnTo>
                      <a:pt x="42" y="418"/>
                    </a:lnTo>
                    <a:lnTo>
                      <a:pt x="37" y="422"/>
                    </a:lnTo>
                    <a:lnTo>
                      <a:pt x="32" y="423"/>
                    </a:lnTo>
                    <a:lnTo>
                      <a:pt x="27" y="427"/>
                    </a:lnTo>
                    <a:lnTo>
                      <a:pt x="22" y="428"/>
                    </a:lnTo>
                    <a:lnTo>
                      <a:pt x="17" y="432"/>
                    </a:lnTo>
                    <a:lnTo>
                      <a:pt x="12" y="434"/>
                    </a:lnTo>
                    <a:lnTo>
                      <a:pt x="8" y="435"/>
                    </a:lnTo>
                    <a:lnTo>
                      <a:pt x="5" y="437"/>
                    </a:lnTo>
                    <a:lnTo>
                      <a:pt x="1" y="439"/>
                    </a:lnTo>
                    <a:lnTo>
                      <a:pt x="0" y="440"/>
                    </a:lnTo>
                    <a:lnTo>
                      <a:pt x="181" y="413"/>
                    </a:lnTo>
                    <a:lnTo>
                      <a:pt x="193" y="406"/>
                    </a:lnTo>
                    <a:lnTo>
                      <a:pt x="208" y="406"/>
                    </a:lnTo>
                    <a:lnTo>
                      <a:pt x="210" y="406"/>
                    </a:lnTo>
                    <a:lnTo>
                      <a:pt x="213" y="406"/>
                    </a:lnTo>
                    <a:lnTo>
                      <a:pt x="218" y="406"/>
                    </a:lnTo>
                    <a:lnTo>
                      <a:pt x="223" y="405"/>
                    </a:lnTo>
                    <a:lnTo>
                      <a:pt x="230" y="405"/>
                    </a:lnTo>
                    <a:lnTo>
                      <a:pt x="238" y="403"/>
                    </a:lnTo>
                    <a:lnTo>
                      <a:pt x="248" y="403"/>
                    </a:lnTo>
                    <a:lnTo>
                      <a:pt x="259" y="401"/>
                    </a:lnTo>
                    <a:lnTo>
                      <a:pt x="270" y="400"/>
                    </a:lnTo>
                    <a:lnTo>
                      <a:pt x="282" y="398"/>
                    </a:lnTo>
                    <a:lnTo>
                      <a:pt x="296" y="396"/>
                    </a:lnTo>
                    <a:lnTo>
                      <a:pt x="311" y="395"/>
                    </a:lnTo>
                    <a:lnTo>
                      <a:pt x="326" y="393"/>
                    </a:lnTo>
                    <a:lnTo>
                      <a:pt x="343" y="391"/>
                    </a:lnTo>
                    <a:lnTo>
                      <a:pt x="360" y="388"/>
                    </a:lnTo>
                    <a:lnTo>
                      <a:pt x="379" y="386"/>
                    </a:lnTo>
                    <a:lnTo>
                      <a:pt x="399" y="383"/>
                    </a:lnTo>
                    <a:lnTo>
                      <a:pt x="419" y="379"/>
                    </a:lnTo>
                    <a:lnTo>
                      <a:pt x="441" y="376"/>
                    </a:lnTo>
                    <a:lnTo>
                      <a:pt x="463" y="373"/>
                    </a:lnTo>
                    <a:lnTo>
                      <a:pt x="485" y="368"/>
                    </a:lnTo>
                    <a:lnTo>
                      <a:pt x="509" y="364"/>
                    </a:lnTo>
                    <a:lnTo>
                      <a:pt x="534" y="359"/>
                    </a:lnTo>
                    <a:lnTo>
                      <a:pt x="560" y="356"/>
                    </a:lnTo>
                    <a:lnTo>
                      <a:pt x="585" y="351"/>
                    </a:lnTo>
                    <a:lnTo>
                      <a:pt x="612" y="344"/>
                    </a:lnTo>
                    <a:lnTo>
                      <a:pt x="639" y="339"/>
                    </a:lnTo>
                    <a:lnTo>
                      <a:pt x="668" y="332"/>
                    </a:lnTo>
                    <a:lnTo>
                      <a:pt x="697" y="327"/>
                    </a:lnTo>
                    <a:lnTo>
                      <a:pt x="726" y="320"/>
                    </a:lnTo>
                    <a:lnTo>
                      <a:pt x="756" y="312"/>
                    </a:lnTo>
                    <a:lnTo>
                      <a:pt x="761" y="31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587" name="Freeform 56"/>
              <p:cNvSpPr>
                <a:spLocks/>
              </p:cNvSpPr>
              <p:nvPr/>
            </p:nvSpPr>
            <p:spPr bwMode="auto">
              <a:xfrm>
                <a:off x="2028" y="1485"/>
                <a:ext cx="671" cy="471"/>
              </a:xfrm>
              <a:custGeom>
                <a:avLst/>
                <a:gdLst>
                  <a:gd name="T0" fmla="*/ 341 w 690"/>
                  <a:gd name="T1" fmla="*/ 339 h 476"/>
                  <a:gd name="T2" fmla="*/ 355 w 690"/>
                  <a:gd name="T3" fmla="*/ 352 h 476"/>
                  <a:gd name="T4" fmla="*/ 363 w 690"/>
                  <a:gd name="T5" fmla="*/ 361 h 476"/>
                  <a:gd name="T6" fmla="*/ 371 w 690"/>
                  <a:gd name="T7" fmla="*/ 366 h 476"/>
                  <a:gd name="T8" fmla="*/ 377 w 690"/>
                  <a:gd name="T9" fmla="*/ 357 h 476"/>
                  <a:gd name="T10" fmla="*/ 415 w 690"/>
                  <a:gd name="T11" fmla="*/ 354 h 476"/>
                  <a:gd name="T12" fmla="*/ 429 w 690"/>
                  <a:gd name="T13" fmla="*/ 366 h 476"/>
                  <a:gd name="T14" fmla="*/ 435 w 690"/>
                  <a:gd name="T15" fmla="*/ 369 h 476"/>
                  <a:gd name="T16" fmla="*/ 448 w 690"/>
                  <a:gd name="T17" fmla="*/ 377 h 476"/>
                  <a:gd name="T18" fmla="*/ 453 w 690"/>
                  <a:gd name="T19" fmla="*/ 389 h 476"/>
                  <a:gd name="T20" fmla="*/ 456 w 690"/>
                  <a:gd name="T21" fmla="*/ 396 h 476"/>
                  <a:gd name="T22" fmla="*/ 463 w 690"/>
                  <a:gd name="T23" fmla="*/ 404 h 476"/>
                  <a:gd name="T24" fmla="*/ 467 w 690"/>
                  <a:gd name="T25" fmla="*/ 410 h 476"/>
                  <a:gd name="T26" fmla="*/ 462 w 690"/>
                  <a:gd name="T27" fmla="*/ 381 h 476"/>
                  <a:gd name="T28" fmla="*/ 466 w 690"/>
                  <a:gd name="T29" fmla="*/ 315 h 476"/>
                  <a:gd name="T30" fmla="*/ 460 w 690"/>
                  <a:gd name="T31" fmla="*/ 305 h 476"/>
                  <a:gd name="T32" fmla="*/ 458 w 690"/>
                  <a:gd name="T33" fmla="*/ 288 h 476"/>
                  <a:gd name="T34" fmla="*/ 465 w 690"/>
                  <a:gd name="T35" fmla="*/ 86 h 476"/>
                  <a:gd name="T36" fmla="*/ 456 w 690"/>
                  <a:gd name="T37" fmla="*/ 76 h 476"/>
                  <a:gd name="T38" fmla="*/ 448 w 690"/>
                  <a:gd name="T39" fmla="*/ 66 h 476"/>
                  <a:gd name="T40" fmla="*/ 442 w 690"/>
                  <a:gd name="T41" fmla="*/ 59 h 476"/>
                  <a:gd name="T42" fmla="*/ 445 w 690"/>
                  <a:gd name="T43" fmla="*/ 47 h 476"/>
                  <a:gd name="T44" fmla="*/ 449 w 690"/>
                  <a:gd name="T45" fmla="*/ 47 h 476"/>
                  <a:gd name="T46" fmla="*/ 459 w 690"/>
                  <a:gd name="T47" fmla="*/ 26 h 476"/>
                  <a:gd name="T48" fmla="*/ 454 w 690"/>
                  <a:gd name="T49" fmla="*/ 27 h 476"/>
                  <a:gd name="T50" fmla="*/ 433 w 690"/>
                  <a:gd name="T51" fmla="*/ 26 h 476"/>
                  <a:gd name="T52" fmla="*/ 395 w 690"/>
                  <a:gd name="T53" fmla="*/ 24 h 476"/>
                  <a:gd name="T54" fmla="*/ 348 w 690"/>
                  <a:gd name="T55" fmla="*/ 22 h 476"/>
                  <a:gd name="T56" fmla="*/ 292 w 690"/>
                  <a:gd name="T57" fmla="*/ 19 h 476"/>
                  <a:gd name="T58" fmla="*/ 234 w 690"/>
                  <a:gd name="T59" fmla="*/ 17 h 476"/>
                  <a:gd name="T60" fmla="*/ 177 w 690"/>
                  <a:gd name="T61" fmla="*/ 14 h 476"/>
                  <a:gd name="T62" fmla="*/ 122 w 690"/>
                  <a:gd name="T63" fmla="*/ 10 h 476"/>
                  <a:gd name="T64" fmla="*/ 76 w 690"/>
                  <a:gd name="T65" fmla="*/ 7 h 476"/>
                  <a:gd name="T66" fmla="*/ 43 w 690"/>
                  <a:gd name="T67" fmla="*/ 4 h 476"/>
                  <a:gd name="T68" fmla="*/ 18 w 690"/>
                  <a:gd name="T69" fmla="*/ 0 h 476"/>
                  <a:gd name="T70" fmla="*/ 0 w 690"/>
                  <a:gd name="T71" fmla="*/ 315 h 476"/>
                  <a:gd name="T72" fmla="*/ 18 w 690"/>
                  <a:gd name="T73" fmla="*/ 318 h 476"/>
                  <a:gd name="T74" fmla="*/ 45 w 690"/>
                  <a:gd name="T75" fmla="*/ 321 h 476"/>
                  <a:gd name="T76" fmla="*/ 80 w 690"/>
                  <a:gd name="T77" fmla="*/ 321 h 476"/>
                  <a:gd name="T78" fmla="*/ 121 w 690"/>
                  <a:gd name="T79" fmla="*/ 324 h 476"/>
                  <a:gd name="T80" fmla="*/ 165 w 690"/>
                  <a:gd name="T81" fmla="*/ 327 h 476"/>
                  <a:gd name="T82" fmla="*/ 211 w 690"/>
                  <a:gd name="T83" fmla="*/ 329 h 476"/>
                  <a:gd name="T84" fmla="*/ 254 w 690"/>
                  <a:gd name="T85" fmla="*/ 330 h 476"/>
                  <a:gd name="T86" fmla="*/ 289 w 690"/>
                  <a:gd name="T87" fmla="*/ 332 h 476"/>
                  <a:gd name="T88" fmla="*/ 317 w 690"/>
                  <a:gd name="T89" fmla="*/ 334 h 476"/>
                  <a:gd name="T90" fmla="*/ 333 w 690"/>
                  <a:gd name="T91" fmla="*/ 335 h 47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w 690"/>
                  <a:gd name="T139" fmla="*/ 0 h 476"/>
                  <a:gd name="T140" fmla="*/ 690 w 690"/>
                  <a:gd name="T141" fmla="*/ 476 h 476"/>
                </a:gdLst>
                <a:ahLst/>
                <a:cxnLst>
                  <a:cxn ang="T92">
                    <a:pos x="T0" y="T1"/>
                  </a:cxn>
                  <a:cxn ang="T93">
                    <a:pos x="T2" y="T3"/>
                  </a:cxn>
                  <a:cxn ang="T94">
                    <a:pos x="T4" y="T5"/>
                  </a:cxn>
                  <a:cxn ang="T95">
                    <a:pos x="T6" y="T7"/>
                  </a:cxn>
                  <a:cxn ang="T96">
                    <a:pos x="T8" y="T9"/>
                  </a:cxn>
                  <a:cxn ang="T97">
                    <a:pos x="T10" y="T11"/>
                  </a:cxn>
                  <a:cxn ang="T98">
                    <a:pos x="T12" y="T13"/>
                  </a:cxn>
                  <a:cxn ang="T99">
                    <a:pos x="T14" y="T15"/>
                  </a:cxn>
                  <a:cxn ang="T100">
                    <a:pos x="T16" y="T17"/>
                  </a:cxn>
                  <a:cxn ang="T101">
                    <a:pos x="T18" y="T19"/>
                  </a:cxn>
                  <a:cxn ang="T102">
                    <a:pos x="T20" y="T21"/>
                  </a:cxn>
                  <a:cxn ang="T103">
                    <a:pos x="T22" y="T23"/>
                  </a:cxn>
                  <a:cxn ang="T104">
                    <a:pos x="T24" y="T25"/>
                  </a:cxn>
                  <a:cxn ang="T105">
                    <a:pos x="T26" y="T27"/>
                  </a:cxn>
                  <a:cxn ang="T106">
                    <a:pos x="T28" y="T29"/>
                  </a:cxn>
                  <a:cxn ang="T107">
                    <a:pos x="T30" y="T31"/>
                  </a:cxn>
                  <a:cxn ang="T108">
                    <a:pos x="T32" y="T33"/>
                  </a:cxn>
                  <a:cxn ang="T109">
                    <a:pos x="T34" y="T35"/>
                  </a:cxn>
                  <a:cxn ang="T110">
                    <a:pos x="T36" y="T37"/>
                  </a:cxn>
                  <a:cxn ang="T111">
                    <a:pos x="T38" y="T39"/>
                  </a:cxn>
                  <a:cxn ang="T112">
                    <a:pos x="T40" y="T41"/>
                  </a:cxn>
                  <a:cxn ang="T113">
                    <a:pos x="T42" y="T43"/>
                  </a:cxn>
                  <a:cxn ang="T114">
                    <a:pos x="T44" y="T45"/>
                  </a:cxn>
                  <a:cxn ang="T115">
                    <a:pos x="T46" y="T47"/>
                  </a:cxn>
                  <a:cxn ang="T116">
                    <a:pos x="T48" y="T49"/>
                  </a:cxn>
                  <a:cxn ang="T117">
                    <a:pos x="T50" y="T51"/>
                  </a:cxn>
                  <a:cxn ang="T118">
                    <a:pos x="T52" y="T53"/>
                  </a:cxn>
                  <a:cxn ang="T119">
                    <a:pos x="T54" y="T55"/>
                  </a:cxn>
                  <a:cxn ang="T120">
                    <a:pos x="T56" y="T57"/>
                  </a:cxn>
                  <a:cxn ang="T121">
                    <a:pos x="T58" y="T59"/>
                  </a:cxn>
                  <a:cxn ang="T122">
                    <a:pos x="T60" y="T61"/>
                  </a:cxn>
                  <a:cxn ang="T123">
                    <a:pos x="T62" y="T63"/>
                  </a:cxn>
                  <a:cxn ang="T124">
                    <a:pos x="T64" y="T65"/>
                  </a:cxn>
                  <a:cxn ang="T125">
                    <a:pos x="T66" y="T67"/>
                  </a:cxn>
                  <a:cxn ang="T126">
                    <a:pos x="T68" y="T69"/>
                  </a:cxn>
                  <a:cxn ang="T127">
                    <a:pos x="T70" y="T71"/>
                  </a:cxn>
                  <a:cxn ang="T128">
                    <a:pos x="T72" y="T73"/>
                  </a:cxn>
                  <a:cxn ang="T129">
                    <a:pos x="T74" y="T75"/>
                  </a:cxn>
                  <a:cxn ang="T130">
                    <a:pos x="T76" y="T77"/>
                  </a:cxn>
                  <a:cxn ang="T131">
                    <a:pos x="T78" y="T79"/>
                  </a:cxn>
                  <a:cxn ang="T132">
                    <a:pos x="T80" y="T81"/>
                  </a:cxn>
                  <a:cxn ang="T133">
                    <a:pos x="T82" y="T83"/>
                  </a:cxn>
                  <a:cxn ang="T134">
                    <a:pos x="T84" y="T85"/>
                  </a:cxn>
                  <a:cxn ang="T135">
                    <a:pos x="T86" y="T87"/>
                  </a:cxn>
                  <a:cxn ang="T136">
                    <a:pos x="T88" y="T89"/>
                  </a:cxn>
                  <a:cxn ang="T137">
                    <a:pos x="T90" y="T91"/>
                  </a:cxn>
                </a:cxnLst>
                <a:rect l="T138" t="T139" r="T140" b="T141"/>
                <a:pathLst>
                  <a:path w="690" h="476">
                    <a:moveTo>
                      <a:pt x="497" y="391"/>
                    </a:moveTo>
                    <a:lnTo>
                      <a:pt x="499" y="391"/>
                    </a:lnTo>
                    <a:lnTo>
                      <a:pt x="504" y="395"/>
                    </a:lnTo>
                    <a:lnTo>
                      <a:pt x="511" y="398"/>
                    </a:lnTo>
                    <a:lnTo>
                      <a:pt x="518" y="403"/>
                    </a:lnTo>
                    <a:lnTo>
                      <a:pt x="525" y="408"/>
                    </a:lnTo>
                    <a:lnTo>
                      <a:pt x="531" y="412"/>
                    </a:lnTo>
                    <a:lnTo>
                      <a:pt x="536" y="415"/>
                    </a:lnTo>
                    <a:lnTo>
                      <a:pt x="538" y="417"/>
                    </a:lnTo>
                    <a:lnTo>
                      <a:pt x="541" y="420"/>
                    </a:lnTo>
                    <a:lnTo>
                      <a:pt x="545" y="422"/>
                    </a:lnTo>
                    <a:lnTo>
                      <a:pt x="548" y="422"/>
                    </a:lnTo>
                    <a:lnTo>
                      <a:pt x="552" y="418"/>
                    </a:lnTo>
                    <a:lnTo>
                      <a:pt x="555" y="417"/>
                    </a:lnTo>
                    <a:lnTo>
                      <a:pt x="558" y="413"/>
                    </a:lnTo>
                    <a:lnTo>
                      <a:pt x="560" y="412"/>
                    </a:lnTo>
                    <a:lnTo>
                      <a:pt x="560" y="410"/>
                    </a:lnTo>
                    <a:lnTo>
                      <a:pt x="613" y="410"/>
                    </a:lnTo>
                    <a:lnTo>
                      <a:pt x="624" y="420"/>
                    </a:lnTo>
                    <a:lnTo>
                      <a:pt x="635" y="420"/>
                    </a:lnTo>
                    <a:lnTo>
                      <a:pt x="635" y="422"/>
                    </a:lnTo>
                    <a:lnTo>
                      <a:pt x="638" y="423"/>
                    </a:lnTo>
                    <a:lnTo>
                      <a:pt x="641" y="425"/>
                    </a:lnTo>
                    <a:lnTo>
                      <a:pt x="643" y="425"/>
                    </a:lnTo>
                    <a:lnTo>
                      <a:pt x="651" y="427"/>
                    </a:lnTo>
                    <a:lnTo>
                      <a:pt x="657" y="430"/>
                    </a:lnTo>
                    <a:lnTo>
                      <a:pt x="662" y="435"/>
                    </a:lnTo>
                    <a:lnTo>
                      <a:pt x="665" y="440"/>
                    </a:lnTo>
                    <a:lnTo>
                      <a:pt x="668" y="445"/>
                    </a:lnTo>
                    <a:lnTo>
                      <a:pt x="670" y="450"/>
                    </a:lnTo>
                    <a:lnTo>
                      <a:pt x="672" y="454"/>
                    </a:lnTo>
                    <a:lnTo>
                      <a:pt x="673" y="456"/>
                    </a:lnTo>
                    <a:lnTo>
                      <a:pt x="675" y="459"/>
                    </a:lnTo>
                    <a:lnTo>
                      <a:pt x="679" y="461"/>
                    </a:lnTo>
                    <a:lnTo>
                      <a:pt x="682" y="466"/>
                    </a:lnTo>
                    <a:lnTo>
                      <a:pt x="684" y="469"/>
                    </a:lnTo>
                    <a:lnTo>
                      <a:pt x="687" y="471"/>
                    </a:lnTo>
                    <a:lnTo>
                      <a:pt x="689" y="474"/>
                    </a:lnTo>
                    <a:lnTo>
                      <a:pt x="690" y="476"/>
                    </a:lnTo>
                    <a:lnTo>
                      <a:pt x="690" y="461"/>
                    </a:lnTo>
                    <a:lnTo>
                      <a:pt x="682" y="440"/>
                    </a:lnTo>
                    <a:lnTo>
                      <a:pt x="673" y="428"/>
                    </a:lnTo>
                    <a:lnTo>
                      <a:pt x="675" y="420"/>
                    </a:lnTo>
                    <a:lnTo>
                      <a:pt x="689" y="366"/>
                    </a:lnTo>
                    <a:lnTo>
                      <a:pt x="675" y="366"/>
                    </a:lnTo>
                    <a:lnTo>
                      <a:pt x="677" y="357"/>
                    </a:lnTo>
                    <a:lnTo>
                      <a:pt x="680" y="352"/>
                    </a:lnTo>
                    <a:lnTo>
                      <a:pt x="679" y="344"/>
                    </a:lnTo>
                    <a:lnTo>
                      <a:pt x="675" y="335"/>
                    </a:lnTo>
                    <a:lnTo>
                      <a:pt x="677" y="330"/>
                    </a:lnTo>
                    <a:lnTo>
                      <a:pt x="689" y="330"/>
                    </a:lnTo>
                    <a:lnTo>
                      <a:pt x="689" y="102"/>
                    </a:lnTo>
                    <a:lnTo>
                      <a:pt x="687" y="100"/>
                    </a:lnTo>
                    <a:lnTo>
                      <a:pt x="685" y="98"/>
                    </a:lnTo>
                    <a:lnTo>
                      <a:pt x="680" y="95"/>
                    </a:lnTo>
                    <a:lnTo>
                      <a:pt x="675" y="90"/>
                    </a:lnTo>
                    <a:lnTo>
                      <a:pt x="670" y="87"/>
                    </a:lnTo>
                    <a:lnTo>
                      <a:pt x="665" y="83"/>
                    </a:lnTo>
                    <a:lnTo>
                      <a:pt x="662" y="80"/>
                    </a:lnTo>
                    <a:lnTo>
                      <a:pt x="660" y="80"/>
                    </a:lnTo>
                    <a:lnTo>
                      <a:pt x="657" y="76"/>
                    </a:lnTo>
                    <a:lnTo>
                      <a:pt x="655" y="73"/>
                    </a:lnTo>
                    <a:lnTo>
                      <a:pt x="655" y="68"/>
                    </a:lnTo>
                    <a:lnTo>
                      <a:pt x="657" y="65"/>
                    </a:lnTo>
                    <a:lnTo>
                      <a:pt x="658" y="61"/>
                    </a:lnTo>
                    <a:lnTo>
                      <a:pt x="660" y="58"/>
                    </a:lnTo>
                    <a:lnTo>
                      <a:pt x="662" y="56"/>
                    </a:lnTo>
                    <a:lnTo>
                      <a:pt x="663" y="54"/>
                    </a:lnTo>
                    <a:lnTo>
                      <a:pt x="679" y="36"/>
                    </a:lnTo>
                    <a:lnTo>
                      <a:pt x="677" y="27"/>
                    </a:lnTo>
                    <a:lnTo>
                      <a:pt x="679" y="26"/>
                    </a:lnTo>
                    <a:lnTo>
                      <a:pt x="679" y="27"/>
                    </a:lnTo>
                    <a:lnTo>
                      <a:pt x="677" y="27"/>
                    </a:lnTo>
                    <a:lnTo>
                      <a:pt x="672" y="27"/>
                    </a:lnTo>
                    <a:lnTo>
                      <a:pt x="663" y="26"/>
                    </a:lnTo>
                    <a:lnTo>
                      <a:pt x="653" y="26"/>
                    </a:lnTo>
                    <a:lnTo>
                      <a:pt x="640" y="26"/>
                    </a:lnTo>
                    <a:lnTo>
                      <a:pt x="623" y="26"/>
                    </a:lnTo>
                    <a:lnTo>
                      <a:pt x="606" y="24"/>
                    </a:lnTo>
                    <a:lnTo>
                      <a:pt x="585" y="24"/>
                    </a:lnTo>
                    <a:lnTo>
                      <a:pt x="563" y="24"/>
                    </a:lnTo>
                    <a:lnTo>
                      <a:pt x="540" y="22"/>
                    </a:lnTo>
                    <a:lnTo>
                      <a:pt x="514" y="22"/>
                    </a:lnTo>
                    <a:lnTo>
                      <a:pt x="489" y="22"/>
                    </a:lnTo>
                    <a:lnTo>
                      <a:pt x="462" y="21"/>
                    </a:lnTo>
                    <a:lnTo>
                      <a:pt x="433" y="19"/>
                    </a:lnTo>
                    <a:lnTo>
                      <a:pt x="404" y="19"/>
                    </a:lnTo>
                    <a:lnTo>
                      <a:pt x="376" y="17"/>
                    </a:lnTo>
                    <a:lnTo>
                      <a:pt x="347" y="17"/>
                    </a:lnTo>
                    <a:lnTo>
                      <a:pt x="318" y="16"/>
                    </a:lnTo>
                    <a:lnTo>
                      <a:pt x="289" y="14"/>
                    </a:lnTo>
                    <a:lnTo>
                      <a:pt x="261" y="14"/>
                    </a:lnTo>
                    <a:lnTo>
                      <a:pt x="233" y="12"/>
                    </a:lnTo>
                    <a:lnTo>
                      <a:pt x="206" y="10"/>
                    </a:lnTo>
                    <a:lnTo>
                      <a:pt x="181" y="10"/>
                    </a:lnTo>
                    <a:lnTo>
                      <a:pt x="156" y="9"/>
                    </a:lnTo>
                    <a:lnTo>
                      <a:pt x="134" y="9"/>
                    </a:lnTo>
                    <a:lnTo>
                      <a:pt x="112" y="7"/>
                    </a:lnTo>
                    <a:lnTo>
                      <a:pt x="93" y="5"/>
                    </a:lnTo>
                    <a:lnTo>
                      <a:pt x="76" y="4"/>
                    </a:lnTo>
                    <a:lnTo>
                      <a:pt x="61" y="4"/>
                    </a:lnTo>
                    <a:lnTo>
                      <a:pt x="49" y="2"/>
                    </a:lnTo>
                    <a:lnTo>
                      <a:pt x="39" y="0"/>
                    </a:lnTo>
                    <a:lnTo>
                      <a:pt x="32" y="0"/>
                    </a:lnTo>
                    <a:lnTo>
                      <a:pt x="22" y="119"/>
                    </a:lnTo>
                    <a:lnTo>
                      <a:pt x="22" y="117"/>
                    </a:lnTo>
                    <a:lnTo>
                      <a:pt x="0" y="366"/>
                    </a:lnTo>
                    <a:lnTo>
                      <a:pt x="7" y="368"/>
                    </a:lnTo>
                    <a:lnTo>
                      <a:pt x="13" y="368"/>
                    </a:lnTo>
                    <a:lnTo>
                      <a:pt x="24" y="369"/>
                    </a:lnTo>
                    <a:lnTo>
                      <a:pt x="35" y="369"/>
                    </a:lnTo>
                    <a:lnTo>
                      <a:pt x="49" y="371"/>
                    </a:lnTo>
                    <a:lnTo>
                      <a:pt x="64" y="373"/>
                    </a:lnTo>
                    <a:lnTo>
                      <a:pt x="81" y="373"/>
                    </a:lnTo>
                    <a:lnTo>
                      <a:pt x="98" y="374"/>
                    </a:lnTo>
                    <a:lnTo>
                      <a:pt x="118" y="374"/>
                    </a:lnTo>
                    <a:lnTo>
                      <a:pt x="137" y="376"/>
                    </a:lnTo>
                    <a:lnTo>
                      <a:pt x="157" y="378"/>
                    </a:lnTo>
                    <a:lnTo>
                      <a:pt x="179" y="378"/>
                    </a:lnTo>
                    <a:lnTo>
                      <a:pt x="201" y="379"/>
                    </a:lnTo>
                    <a:lnTo>
                      <a:pt x="223" y="379"/>
                    </a:lnTo>
                    <a:lnTo>
                      <a:pt x="245" y="381"/>
                    </a:lnTo>
                    <a:lnTo>
                      <a:pt x="267" y="381"/>
                    </a:lnTo>
                    <a:lnTo>
                      <a:pt x="289" y="383"/>
                    </a:lnTo>
                    <a:lnTo>
                      <a:pt x="311" y="384"/>
                    </a:lnTo>
                    <a:lnTo>
                      <a:pt x="333" y="384"/>
                    </a:lnTo>
                    <a:lnTo>
                      <a:pt x="354" y="386"/>
                    </a:lnTo>
                    <a:lnTo>
                      <a:pt x="374" y="386"/>
                    </a:lnTo>
                    <a:lnTo>
                      <a:pt x="393" y="386"/>
                    </a:lnTo>
                    <a:lnTo>
                      <a:pt x="409" y="388"/>
                    </a:lnTo>
                    <a:lnTo>
                      <a:pt x="426" y="388"/>
                    </a:lnTo>
                    <a:lnTo>
                      <a:pt x="443" y="390"/>
                    </a:lnTo>
                    <a:lnTo>
                      <a:pt x="457" y="390"/>
                    </a:lnTo>
                    <a:lnTo>
                      <a:pt x="469" y="390"/>
                    </a:lnTo>
                    <a:lnTo>
                      <a:pt x="479" y="390"/>
                    </a:lnTo>
                    <a:lnTo>
                      <a:pt x="487" y="390"/>
                    </a:lnTo>
                    <a:lnTo>
                      <a:pt x="492" y="391"/>
                    </a:lnTo>
                    <a:lnTo>
                      <a:pt x="496" y="391"/>
                    </a:lnTo>
                    <a:lnTo>
                      <a:pt x="497" y="391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588" name="Freeform 57"/>
              <p:cNvSpPr>
                <a:spLocks/>
              </p:cNvSpPr>
              <p:nvPr/>
            </p:nvSpPr>
            <p:spPr bwMode="auto">
              <a:xfrm>
                <a:off x="2059" y="1121"/>
                <a:ext cx="630" cy="394"/>
              </a:xfrm>
              <a:custGeom>
                <a:avLst/>
                <a:gdLst>
                  <a:gd name="T0" fmla="*/ 0 w 648"/>
                  <a:gd name="T1" fmla="*/ 246 h 406"/>
                  <a:gd name="T2" fmla="*/ 0 w 648"/>
                  <a:gd name="T3" fmla="*/ 233 h 406"/>
                  <a:gd name="T4" fmla="*/ 3 w 648"/>
                  <a:gd name="T5" fmla="*/ 209 h 406"/>
                  <a:gd name="T6" fmla="*/ 7 w 648"/>
                  <a:gd name="T7" fmla="*/ 180 h 406"/>
                  <a:gd name="T8" fmla="*/ 10 w 648"/>
                  <a:gd name="T9" fmla="*/ 147 h 406"/>
                  <a:gd name="T10" fmla="*/ 15 w 648"/>
                  <a:gd name="T11" fmla="*/ 112 h 406"/>
                  <a:gd name="T12" fmla="*/ 18 w 648"/>
                  <a:gd name="T13" fmla="*/ 79 h 406"/>
                  <a:gd name="T14" fmla="*/ 18 w 648"/>
                  <a:gd name="T15" fmla="*/ 47 h 406"/>
                  <a:gd name="T16" fmla="*/ 18 w 648"/>
                  <a:gd name="T17" fmla="*/ 22 h 406"/>
                  <a:gd name="T18" fmla="*/ 18 w 648"/>
                  <a:gd name="T19" fmla="*/ 9 h 406"/>
                  <a:gd name="T20" fmla="*/ 18 w 648"/>
                  <a:gd name="T21" fmla="*/ 0 h 406"/>
                  <a:gd name="T22" fmla="*/ 22 w 648"/>
                  <a:gd name="T23" fmla="*/ 4 h 406"/>
                  <a:gd name="T24" fmla="*/ 44 w 648"/>
                  <a:gd name="T25" fmla="*/ 4 h 406"/>
                  <a:gd name="T26" fmla="*/ 73 w 648"/>
                  <a:gd name="T27" fmla="*/ 7 h 406"/>
                  <a:gd name="T28" fmla="*/ 111 w 648"/>
                  <a:gd name="T29" fmla="*/ 9 h 406"/>
                  <a:gd name="T30" fmla="*/ 157 w 648"/>
                  <a:gd name="T31" fmla="*/ 12 h 406"/>
                  <a:gd name="T32" fmla="*/ 207 w 648"/>
                  <a:gd name="T33" fmla="*/ 15 h 406"/>
                  <a:gd name="T34" fmla="*/ 256 w 648"/>
                  <a:gd name="T35" fmla="*/ 16 h 406"/>
                  <a:gd name="T36" fmla="*/ 303 w 648"/>
                  <a:gd name="T37" fmla="*/ 16 h 406"/>
                  <a:gd name="T38" fmla="*/ 345 w 648"/>
                  <a:gd name="T39" fmla="*/ 16 h 406"/>
                  <a:gd name="T40" fmla="*/ 379 w 648"/>
                  <a:gd name="T41" fmla="*/ 16 h 406"/>
                  <a:gd name="T42" fmla="*/ 401 w 648"/>
                  <a:gd name="T43" fmla="*/ 16 h 406"/>
                  <a:gd name="T44" fmla="*/ 405 w 648"/>
                  <a:gd name="T45" fmla="*/ 44 h 406"/>
                  <a:gd name="T46" fmla="*/ 403 w 648"/>
                  <a:gd name="T47" fmla="*/ 56 h 406"/>
                  <a:gd name="T48" fmla="*/ 403 w 648"/>
                  <a:gd name="T49" fmla="*/ 73 h 406"/>
                  <a:gd name="T50" fmla="*/ 405 w 648"/>
                  <a:gd name="T51" fmla="*/ 91 h 406"/>
                  <a:gd name="T52" fmla="*/ 410 w 648"/>
                  <a:gd name="T53" fmla="*/ 108 h 406"/>
                  <a:gd name="T54" fmla="*/ 415 w 648"/>
                  <a:gd name="T55" fmla="*/ 116 h 406"/>
                  <a:gd name="T56" fmla="*/ 417 w 648"/>
                  <a:gd name="T57" fmla="*/ 128 h 406"/>
                  <a:gd name="T58" fmla="*/ 421 w 648"/>
                  <a:gd name="T59" fmla="*/ 147 h 406"/>
                  <a:gd name="T60" fmla="*/ 422 w 648"/>
                  <a:gd name="T61" fmla="*/ 159 h 406"/>
                  <a:gd name="T62" fmla="*/ 422 w 648"/>
                  <a:gd name="T63" fmla="*/ 173 h 406"/>
                  <a:gd name="T64" fmla="*/ 422 w 648"/>
                  <a:gd name="T65" fmla="*/ 180 h 406"/>
                  <a:gd name="T66" fmla="*/ 426 w 648"/>
                  <a:gd name="T67" fmla="*/ 224 h 406"/>
                  <a:gd name="T68" fmla="*/ 436 w 648"/>
                  <a:gd name="T69" fmla="*/ 266 h 406"/>
                  <a:gd name="T70" fmla="*/ 432 w 648"/>
                  <a:gd name="T71" fmla="*/ 267 h 406"/>
                  <a:gd name="T72" fmla="*/ 410 w 648"/>
                  <a:gd name="T73" fmla="*/ 266 h 406"/>
                  <a:gd name="T74" fmla="*/ 372 w 648"/>
                  <a:gd name="T75" fmla="*/ 264 h 406"/>
                  <a:gd name="T76" fmla="*/ 325 w 648"/>
                  <a:gd name="T77" fmla="*/ 263 h 406"/>
                  <a:gd name="T78" fmla="*/ 270 w 648"/>
                  <a:gd name="T79" fmla="*/ 262 h 406"/>
                  <a:gd name="T80" fmla="*/ 213 w 648"/>
                  <a:gd name="T81" fmla="*/ 261 h 406"/>
                  <a:gd name="T82" fmla="*/ 154 w 648"/>
                  <a:gd name="T83" fmla="*/ 258 h 406"/>
                  <a:gd name="T84" fmla="*/ 101 w 648"/>
                  <a:gd name="T85" fmla="*/ 255 h 406"/>
                  <a:gd name="T86" fmla="*/ 52 w 648"/>
                  <a:gd name="T87" fmla="*/ 254 h 406"/>
                  <a:gd name="T88" fmla="*/ 18 w 648"/>
                  <a:gd name="T89" fmla="*/ 252 h 406"/>
                  <a:gd name="T90" fmla="*/ 0 w 648"/>
                  <a:gd name="T91" fmla="*/ 248 h 40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w 648"/>
                  <a:gd name="T139" fmla="*/ 0 h 406"/>
                  <a:gd name="T140" fmla="*/ 648 w 648"/>
                  <a:gd name="T141" fmla="*/ 406 h 406"/>
                </a:gdLst>
                <a:ahLst/>
                <a:cxnLst>
                  <a:cxn ang="T92">
                    <a:pos x="T0" y="T1"/>
                  </a:cxn>
                  <a:cxn ang="T93">
                    <a:pos x="T2" y="T3"/>
                  </a:cxn>
                  <a:cxn ang="T94">
                    <a:pos x="T4" y="T5"/>
                  </a:cxn>
                  <a:cxn ang="T95">
                    <a:pos x="T6" y="T7"/>
                  </a:cxn>
                  <a:cxn ang="T96">
                    <a:pos x="T8" y="T9"/>
                  </a:cxn>
                  <a:cxn ang="T97">
                    <a:pos x="T10" y="T11"/>
                  </a:cxn>
                  <a:cxn ang="T98">
                    <a:pos x="T12" y="T13"/>
                  </a:cxn>
                  <a:cxn ang="T99">
                    <a:pos x="T14" y="T15"/>
                  </a:cxn>
                  <a:cxn ang="T100">
                    <a:pos x="T16" y="T17"/>
                  </a:cxn>
                  <a:cxn ang="T101">
                    <a:pos x="T18" y="T19"/>
                  </a:cxn>
                  <a:cxn ang="T102">
                    <a:pos x="T20" y="T21"/>
                  </a:cxn>
                  <a:cxn ang="T103">
                    <a:pos x="T22" y="T23"/>
                  </a:cxn>
                  <a:cxn ang="T104">
                    <a:pos x="T24" y="T25"/>
                  </a:cxn>
                  <a:cxn ang="T105">
                    <a:pos x="T26" y="T27"/>
                  </a:cxn>
                  <a:cxn ang="T106">
                    <a:pos x="T28" y="T29"/>
                  </a:cxn>
                  <a:cxn ang="T107">
                    <a:pos x="T30" y="T31"/>
                  </a:cxn>
                  <a:cxn ang="T108">
                    <a:pos x="T32" y="T33"/>
                  </a:cxn>
                  <a:cxn ang="T109">
                    <a:pos x="T34" y="T35"/>
                  </a:cxn>
                  <a:cxn ang="T110">
                    <a:pos x="T36" y="T37"/>
                  </a:cxn>
                  <a:cxn ang="T111">
                    <a:pos x="T38" y="T39"/>
                  </a:cxn>
                  <a:cxn ang="T112">
                    <a:pos x="T40" y="T41"/>
                  </a:cxn>
                  <a:cxn ang="T113">
                    <a:pos x="T42" y="T43"/>
                  </a:cxn>
                  <a:cxn ang="T114">
                    <a:pos x="T44" y="T45"/>
                  </a:cxn>
                  <a:cxn ang="T115">
                    <a:pos x="T46" y="T47"/>
                  </a:cxn>
                  <a:cxn ang="T116">
                    <a:pos x="T48" y="T49"/>
                  </a:cxn>
                  <a:cxn ang="T117">
                    <a:pos x="T50" y="T51"/>
                  </a:cxn>
                  <a:cxn ang="T118">
                    <a:pos x="T52" y="T53"/>
                  </a:cxn>
                  <a:cxn ang="T119">
                    <a:pos x="T54" y="T55"/>
                  </a:cxn>
                  <a:cxn ang="T120">
                    <a:pos x="T56" y="T57"/>
                  </a:cxn>
                  <a:cxn ang="T121">
                    <a:pos x="T58" y="T59"/>
                  </a:cxn>
                  <a:cxn ang="T122">
                    <a:pos x="T60" y="T61"/>
                  </a:cxn>
                  <a:cxn ang="T123">
                    <a:pos x="T62" y="T63"/>
                  </a:cxn>
                  <a:cxn ang="T124">
                    <a:pos x="T64" y="T65"/>
                  </a:cxn>
                  <a:cxn ang="T125">
                    <a:pos x="T66" y="T67"/>
                  </a:cxn>
                  <a:cxn ang="T126">
                    <a:pos x="T68" y="T69"/>
                  </a:cxn>
                  <a:cxn ang="T127">
                    <a:pos x="T70" y="T71"/>
                  </a:cxn>
                  <a:cxn ang="T128">
                    <a:pos x="T72" y="T73"/>
                  </a:cxn>
                  <a:cxn ang="T129">
                    <a:pos x="T74" y="T75"/>
                  </a:cxn>
                  <a:cxn ang="T130">
                    <a:pos x="T76" y="T77"/>
                  </a:cxn>
                  <a:cxn ang="T131">
                    <a:pos x="T78" y="T79"/>
                  </a:cxn>
                  <a:cxn ang="T132">
                    <a:pos x="T80" y="T81"/>
                  </a:cxn>
                  <a:cxn ang="T133">
                    <a:pos x="T82" y="T83"/>
                  </a:cxn>
                  <a:cxn ang="T134">
                    <a:pos x="T84" y="T85"/>
                  </a:cxn>
                  <a:cxn ang="T135">
                    <a:pos x="T86" y="T87"/>
                  </a:cxn>
                  <a:cxn ang="T136">
                    <a:pos x="T88" y="T89"/>
                  </a:cxn>
                  <a:cxn ang="T137">
                    <a:pos x="T90" y="T91"/>
                  </a:cxn>
                </a:cxnLst>
                <a:rect l="T138" t="T139" r="T140" b="T141"/>
                <a:pathLst>
                  <a:path w="648" h="406">
                    <a:moveTo>
                      <a:pt x="0" y="379"/>
                    </a:moveTo>
                    <a:lnTo>
                      <a:pt x="0" y="378"/>
                    </a:lnTo>
                    <a:lnTo>
                      <a:pt x="0" y="374"/>
                    </a:lnTo>
                    <a:lnTo>
                      <a:pt x="0" y="369"/>
                    </a:lnTo>
                    <a:lnTo>
                      <a:pt x="0" y="362"/>
                    </a:lnTo>
                    <a:lnTo>
                      <a:pt x="0" y="354"/>
                    </a:lnTo>
                    <a:lnTo>
                      <a:pt x="2" y="344"/>
                    </a:lnTo>
                    <a:lnTo>
                      <a:pt x="2" y="332"/>
                    </a:lnTo>
                    <a:lnTo>
                      <a:pt x="3" y="318"/>
                    </a:lnTo>
                    <a:lnTo>
                      <a:pt x="3" y="305"/>
                    </a:lnTo>
                    <a:lnTo>
                      <a:pt x="5" y="291"/>
                    </a:lnTo>
                    <a:lnTo>
                      <a:pt x="7" y="274"/>
                    </a:lnTo>
                    <a:lnTo>
                      <a:pt x="9" y="259"/>
                    </a:lnTo>
                    <a:lnTo>
                      <a:pt x="9" y="242"/>
                    </a:lnTo>
                    <a:lnTo>
                      <a:pt x="10" y="224"/>
                    </a:lnTo>
                    <a:lnTo>
                      <a:pt x="12" y="207"/>
                    </a:lnTo>
                    <a:lnTo>
                      <a:pt x="14" y="190"/>
                    </a:lnTo>
                    <a:lnTo>
                      <a:pt x="15" y="171"/>
                    </a:lnTo>
                    <a:lnTo>
                      <a:pt x="17" y="154"/>
                    </a:lnTo>
                    <a:lnTo>
                      <a:pt x="17" y="137"/>
                    </a:lnTo>
                    <a:lnTo>
                      <a:pt x="19" y="120"/>
                    </a:lnTo>
                    <a:lnTo>
                      <a:pt x="20" y="103"/>
                    </a:lnTo>
                    <a:lnTo>
                      <a:pt x="22" y="88"/>
                    </a:lnTo>
                    <a:lnTo>
                      <a:pt x="24" y="73"/>
                    </a:lnTo>
                    <a:lnTo>
                      <a:pt x="25" y="59"/>
                    </a:lnTo>
                    <a:lnTo>
                      <a:pt x="25" y="46"/>
                    </a:lnTo>
                    <a:lnTo>
                      <a:pt x="27" y="36"/>
                    </a:lnTo>
                    <a:lnTo>
                      <a:pt x="27" y="26"/>
                    </a:lnTo>
                    <a:lnTo>
                      <a:pt x="29" y="17"/>
                    </a:lnTo>
                    <a:lnTo>
                      <a:pt x="29" y="9"/>
                    </a:lnTo>
                    <a:lnTo>
                      <a:pt x="29" y="5"/>
                    </a:lnTo>
                    <a:lnTo>
                      <a:pt x="31" y="2"/>
                    </a:lnTo>
                    <a:lnTo>
                      <a:pt x="31" y="0"/>
                    </a:lnTo>
                    <a:lnTo>
                      <a:pt x="31" y="2"/>
                    </a:lnTo>
                    <a:lnTo>
                      <a:pt x="32" y="2"/>
                    </a:lnTo>
                    <a:lnTo>
                      <a:pt x="36" y="4"/>
                    </a:lnTo>
                    <a:lnTo>
                      <a:pt x="42" y="4"/>
                    </a:lnTo>
                    <a:lnTo>
                      <a:pt x="51" y="4"/>
                    </a:lnTo>
                    <a:lnTo>
                      <a:pt x="63" y="4"/>
                    </a:lnTo>
                    <a:lnTo>
                      <a:pt x="75" y="5"/>
                    </a:lnTo>
                    <a:lnTo>
                      <a:pt x="90" y="5"/>
                    </a:lnTo>
                    <a:lnTo>
                      <a:pt x="107" y="7"/>
                    </a:lnTo>
                    <a:lnTo>
                      <a:pt x="125" y="7"/>
                    </a:lnTo>
                    <a:lnTo>
                      <a:pt x="144" y="9"/>
                    </a:lnTo>
                    <a:lnTo>
                      <a:pt x="164" y="9"/>
                    </a:lnTo>
                    <a:lnTo>
                      <a:pt x="186" y="10"/>
                    </a:lnTo>
                    <a:lnTo>
                      <a:pt x="210" y="12"/>
                    </a:lnTo>
                    <a:lnTo>
                      <a:pt x="232" y="12"/>
                    </a:lnTo>
                    <a:lnTo>
                      <a:pt x="257" y="14"/>
                    </a:lnTo>
                    <a:lnTo>
                      <a:pt x="281" y="14"/>
                    </a:lnTo>
                    <a:lnTo>
                      <a:pt x="306" y="15"/>
                    </a:lnTo>
                    <a:lnTo>
                      <a:pt x="330" y="17"/>
                    </a:lnTo>
                    <a:lnTo>
                      <a:pt x="355" y="17"/>
                    </a:lnTo>
                    <a:lnTo>
                      <a:pt x="379" y="19"/>
                    </a:lnTo>
                    <a:lnTo>
                      <a:pt x="403" y="21"/>
                    </a:lnTo>
                    <a:lnTo>
                      <a:pt x="427" y="21"/>
                    </a:lnTo>
                    <a:lnTo>
                      <a:pt x="450" y="22"/>
                    </a:lnTo>
                    <a:lnTo>
                      <a:pt x="471" y="22"/>
                    </a:lnTo>
                    <a:lnTo>
                      <a:pt x="491" y="24"/>
                    </a:lnTo>
                    <a:lnTo>
                      <a:pt x="511" y="24"/>
                    </a:lnTo>
                    <a:lnTo>
                      <a:pt x="530" y="24"/>
                    </a:lnTo>
                    <a:lnTo>
                      <a:pt x="547" y="26"/>
                    </a:lnTo>
                    <a:lnTo>
                      <a:pt x="562" y="26"/>
                    </a:lnTo>
                    <a:lnTo>
                      <a:pt x="574" y="26"/>
                    </a:lnTo>
                    <a:lnTo>
                      <a:pt x="586" y="26"/>
                    </a:lnTo>
                    <a:lnTo>
                      <a:pt x="594" y="26"/>
                    </a:lnTo>
                    <a:lnTo>
                      <a:pt x="601" y="63"/>
                    </a:lnTo>
                    <a:lnTo>
                      <a:pt x="601" y="65"/>
                    </a:lnTo>
                    <a:lnTo>
                      <a:pt x="601" y="66"/>
                    </a:lnTo>
                    <a:lnTo>
                      <a:pt x="601" y="71"/>
                    </a:lnTo>
                    <a:lnTo>
                      <a:pt x="599" y="78"/>
                    </a:lnTo>
                    <a:lnTo>
                      <a:pt x="599" y="85"/>
                    </a:lnTo>
                    <a:lnTo>
                      <a:pt x="599" y="92"/>
                    </a:lnTo>
                    <a:lnTo>
                      <a:pt x="599" y="102"/>
                    </a:lnTo>
                    <a:lnTo>
                      <a:pt x="599" y="110"/>
                    </a:lnTo>
                    <a:lnTo>
                      <a:pt x="599" y="120"/>
                    </a:lnTo>
                    <a:lnTo>
                      <a:pt x="601" y="131"/>
                    </a:lnTo>
                    <a:lnTo>
                      <a:pt x="601" y="139"/>
                    </a:lnTo>
                    <a:lnTo>
                      <a:pt x="603" y="147"/>
                    </a:lnTo>
                    <a:lnTo>
                      <a:pt x="604" y="156"/>
                    </a:lnTo>
                    <a:lnTo>
                      <a:pt x="608" y="164"/>
                    </a:lnTo>
                    <a:lnTo>
                      <a:pt x="611" y="171"/>
                    </a:lnTo>
                    <a:lnTo>
                      <a:pt x="616" y="176"/>
                    </a:lnTo>
                    <a:lnTo>
                      <a:pt x="616" y="178"/>
                    </a:lnTo>
                    <a:lnTo>
                      <a:pt x="616" y="181"/>
                    </a:lnTo>
                    <a:lnTo>
                      <a:pt x="618" y="186"/>
                    </a:lnTo>
                    <a:lnTo>
                      <a:pt x="619" y="195"/>
                    </a:lnTo>
                    <a:lnTo>
                      <a:pt x="621" y="203"/>
                    </a:lnTo>
                    <a:lnTo>
                      <a:pt x="623" y="213"/>
                    </a:lnTo>
                    <a:lnTo>
                      <a:pt x="623" y="224"/>
                    </a:lnTo>
                    <a:lnTo>
                      <a:pt x="625" y="234"/>
                    </a:lnTo>
                    <a:lnTo>
                      <a:pt x="625" y="237"/>
                    </a:lnTo>
                    <a:lnTo>
                      <a:pt x="625" y="242"/>
                    </a:lnTo>
                    <a:lnTo>
                      <a:pt x="625" y="249"/>
                    </a:lnTo>
                    <a:lnTo>
                      <a:pt x="625" y="256"/>
                    </a:lnTo>
                    <a:lnTo>
                      <a:pt x="625" y="263"/>
                    </a:lnTo>
                    <a:lnTo>
                      <a:pt x="625" y="268"/>
                    </a:lnTo>
                    <a:lnTo>
                      <a:pt x="625" y="273"/>
                    </a:lnTo>
                    <a:lnTo>
                      <a:pt x="625" y="274"/>
                    </a:lnTo>
                    <a:lnTo>
                      <a:pt x="633" y="288"/>
                    </a:lnTo>
                    <a:lnTo>
                      <a:pt x="630" y="310"/>
                    </a:lnTo>
                    <a:lnTo>
                      <a:pt x="633" y="340"/>
                    </a:lnTo>
                    <a:lnTo>
                      <a:pt x="643" y="354"/>
                    </a:lnTo>
                    <a:lnTo>
                      <a:pt x="648" y="367"/>
                    </a:lnTo>
                    <a:lnTo>
                      <a:pt x="647" y="405"/>
                    </a:lnTo>
                    <a:lnTo>
                      <a:pt x="647" y="406"/>
                    </a:lnTo>
                    <a:lnTo>
                      <a:pt x="645" y="406"/>
                    </a:lnTo>
                    <a:lnTo>
                      <a:pt x="640" y="406"/>
                    </a:lnTo>
                    <a:lnTo>
                      <a:pt x="631" y="405"/>
                    </a:lnTo>
                    <a:lnTo>
                      <a:pt x="621" y="405"/>
                    </a:lnTo>
                    <a:lnTo>
                      <a:pt x="608" y="405"/>
                    </a:lnTo>
                    <a:lnTo>
                      <a:pt x="591" y="405"/>
                    </a:lnTo>
                    <a:lnTo>
                      <a:pt x="574" y="403"/>
                    </a:lnTo>
                    <a:lnTo>
                      <a:pt x="553" y="403"/>
                    </a:lnTo>
                    <a:lnTo>
                      <a:pt x="531" y="403"/>
                    </a:lnTo>
                    <a:lnTo>
                      <a:pt x="508" y="401"/>
                    </a:lnTo>
                    <a:lnTo>
                      <a:pt x="482" y="401"/>
                    </a:lnTo>
                    <a:lnTo>
                      <a:pt x="457" y="401"/>
                    </a:lnTo>
                    <a:lnTo>
                      <a:pt x="430" y="400"/>
                    </a:lnTo>
                    <a:lnTo>
                      <a:pt x="401" y="398"/>
                    </a:lnTo>
                    <a:lnTo>
                      <a:pt x="372" y="398"/>
                    </a:lnTo>
                    <a:lnTo>
                      <a:pt x="344" y="396"/>
                    </a:lnTo>
                    <a:lnTo>
                      <a:pt x="315" y="396"/>
                    </a:lnTo>
                    <a:lnTo>
                      <a:pt x="286" y="395"/>
                    </a:lnTo>
                    <a:lnTo>
                      <a:pt x="257" y="393"/>
                    </a:lnTo>
                    <a:lnTo>
                      <a:pt x="229" y="393"/>
                    </a:lnTo>
                    <a:lnTo>
                      <a:pt x="201" y="391"/>
                    </a:lnTo>
                    <a:lnTo>
                      <a:pt x="174" y="389"/>
                    </a:lnTo>
                    <a:lnTo>
                      <a:pt x="149" y="389"/>
                    </a:lnTo>
                    <a:lnTo>
                      <a:pt x="124" y="388"/>
                    </a:lnTo>
                    <a:lnTo>
                      <a:pt x="102" y="388"/>
                    </a:lnTo>
                    <a:lnTo>
                      <a:pt x="80" y="386"/>
                    </a:lnTo>
                    <a:lnTo>
                      <a:pt x="61" y="384"/>
                    </a:lnTo>
                    <a:lnTo>
                      <a:pt x="44" y="383"/>
                    </a:lnTo>
                    <a:lnTo>
                      <a:pt x="29" y="383"/>
                    </a:lnTo>
                    <a:lnTo>
                      <a:pt x="17" y="381"/>
                    </a:lnTo>
                    <a:lnTo>
                      <a:pt x="7" y="379"/>
                    </a:lnTo>
                    <a:lnTo>
                      <a:pt x="0" y="37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589" name="Freeform 58"/>
              <p:cNvSpPr>
                <a:spLocks/>
              </p:cNvSpPr>
              <p:nvPr/>
            </p:nvSpPr>
            <p:spPr bwMode="auto">
              <a:xfrm>
                <a:off x="2682" y="1797"/>
                <a:ext cx="572" cy="385"/>
              </a:xfrm>
              <a:custGeom>
                <a:avLst/>
                <a:gdLst>
                  <a:gd name="T0" fmla="*/ 47 w 588"/>
                  <a:gd name="T1" fmla="*/ 239 h 397"/>
                  <a:gd name="T2" fmla="*/ 46 w 588"/>
                  <a:gd name="T3" fmla="*/ 227 h 397"/>
                  <a:gd name="T4" fmla="*/ 47 w 588"/>
                  <a:gd name="T5" fmla="*/ 211 h 397"/>
                  <a:gd name="T6" fmla="*/ 48 w 588"/>
                  <a:gd name="T7" fmla="*/ 204 h 397"/>
                  <a:gd name="T8" fmla="*/ 42 w 588"/>
                  <a:gd name="T9" fmla="*/ 174 h 397"/>
                  <a:gd name="T10" fmla="*/ 32 w 588"/>
                  <a:gd name="T11" fmla="*/ 162 h 397"/>
                  <a:gd name="T12" fmla="*/ 34 w 588"/>
                  <a:gd name="T13" fmla="*/ 153 h 397"/>
                  <a:gd name="T14" fmla="*/ 27 w 588"/>
                  <a:gd name="T15" fmla="*/ 136 h 397"/>
                  <a:gd name="T16" fmla="*/ 20 w 588"/>
                  <a:gd name="T17" fmla="*/ 130 h 397"/>
                  <a:gd name="T18" fmla="*/ 18 w 588"/>
                  <a:gd name="T19" fmla="*/ 119 h 397"/>
                  <a:gd name="T20" fmla="*/ 18 w 588"/>
                  <a:gd name="T21" fmla="*/ 112 h 397"/>
                  <a:gd name="T22" fmla="*/ 0 w 588"/>
                  <a:gd name="T23" fmla="*/ 73 h 397"/>
                  <a:gd name="T24" fmla="*/ 4 w 588"/>
                  <a:gd name="T25" fmla="*/ 26 h 397"/>
                  <a:gd name="T26" fmla="*/ 4 w 588"/>
                  <a:gd name="T27" fmla="*/ 13 h 397"/>
                  <a:gd name="T28" fmla="*/ 18 w 588"/>
                  <a:gd name="T29" fmla="*/ 12 h 397"/>
                  <a:gd name="T30" fmla="*/ 46 w 588"/>
                  <a:gd name="T31" fmla="*/ 12 h 397"/>
                  <a:gd name="T32" fmla="*/ 89 w 588"/>
                  <a:gd name="T33" fmla="*/ 12 h 397"/>
                  <a:gd name="T34" fmla="*/ 141 w 588"/>
                  <a:gd name="T35" fmla="*/ 10 h 397"/>
                  <a:gd name="T36" fmla="*/ 197 w 588"/>
                  <a:gd name="T37" fmla="*/ 10 h 397"/>
                  <a:gd name="T38" fmla="*/ 251 w 588"/>
                  <a:gd name="T39" fmla="*/ 8 h 397"/>
                  <a:gd name="T40" fmla="*/ 294 w 588"/>
                  <a:gd name="T41" fmla="*/ 5 h 397"/>
                  <a:gd name="T42" fmla="*/ 322 w 588"/>
                  <a:gd name="T43" fmla="*/ 1 h 397"/>
                  <a:gd name="T44" fmla="*/ 333 w 588"/>
                  <a:gd name="T45" fmla="*/ 16 h 397"/>
                  <a:gd name="T46" fmla="*/ 337 w 588"/>
                  <a:gd name="T47" fmla="*/ 16 h 397"/>
                  <a:gd name="T48" fmla="*/ 331 w 588"/>
                  <a:gd name="T49" fmla="*/ 36 h 397"/>
                  <a:gd name="T50" fmla="*/ 333 w 588"/>
                  <a:gd name="T51" fmla="*/ 45 h 397"/>
                  <a:gd name="T52" fmla="*/ 339 w 588"/>
                  <a:gd name="T53" fmla="*/ 55 h 397"/>
                  <a:gd name="T54" fmla="*/ 340 w 588"/>
                  <a:gd name="T55" fmla="*/ 63 h 397"/>
                  <a:gd name="T56" fmla="*/ 357 w 588"/>
                  <a:gd name="T57" fmla="*/ 69 h 397"/>
                  <a:gd name="T58" fmla="*/ 362 w 588"/>
                  <a:gd name="T59" fmla="*/ 71 h 397"/>
                  <a:gd name="T60" fmla="*/ 367 w 588"/>
                  <a:gd name="T61" fmla="*/ 80 h 397"/>
                  <a:gd name="T62" fmla="*/ 368 w 588"/>
                  <a:gd name="T63" fmla="*/ 84 h 397"/>
                  <a:gd name="T64" fmla="*/ 378 w 588"/>
                  <a:gd name="T65" fmla="*/ 91 h 397"/>
                  <a:gd name="T66" fmla="*/ 383 w 588"/>
                  <a:gd name="T67" fmla="*/ 98 h 397"/>
                  <a:gd name="T68" fmla="*/ 382 w 588"/>
                  <a:gd name="T69" fmla="*/ 101 h 397"/>
                  <a:gd name="T70" fmla="*/ 393 w 588"/>
                  <a:gd name="T71" fmla="*/ 108 h 397"/>
                  <a:gd name="T72" fmla="*/ 400 w 588"/>
                  <a:gd name="T73" fmla="*/ 123 h 397"/>
                  <a:gd name="T74" fmla="*/ 391 w 588"/>
                  <a:gd name="T75" fmla="*/ 140 h 397"/>
                  <a:gd name="T76" fmla="*/ 388 w 588"/>
                  <a:gd name="T77" fmla="*/ 146 h 397"/>
                  <a:gd name="T78" fmla="*/ 388 w 588"/>
                  <a:gd name="T79" fmla="*/ 156 h 397"/>
                  <a:gd name="T80" fmla="*/ 381 w 588"/>
                  <a:gd name="T81" fmla="*/ 161 h 397"/>
                  <a:gd name="T82" fmla="*/ 375 w 588"/>
                  <a:gd name="T83" fmla="*/ 162 h 397"/>
                  <a:gd name="T84" fmla="*/ 369 w 588"/>
                  <a:gd name="T85" fmla="*/ 166 h 397"/>
                  <a:gd name="T86" fmla="*/ 351 w 588"/>
                  <a:gd name="T87" fmla="*/ 171 h 397"/>
                  <a:gd name="T88" fmla="*/ 345 w 588"/>
                  <a:gd name="T89" fmla="*/ 183 h 397"/>
                  <a:gd name="T90" fmla="*/ 355 w 588"/>
                  <a:gd name="T91" fmla="*/ 201 h 397"/>
                  <a:gd name="T92" fmla="*/ 354 w 588"/>
                  <a:gd name="T93" fmla="*/ 211 h 397"/>
                  <a:gd name="T94" fmla="*/ 348 w 588"/>
                  <a:gd name="T95" fmla="*/ 220 h 397"/>
                  <a:gd name="T96" fmla="*/ 347 w 588"/>
                  <a:gd name="T97" fmla="*/ 225 h 397"/>
                  <a:gd name="T98" fmla="*/ 345 w 588"/>
                  <a:gd name="T99" fmla="*/ 229 h 397"/>
                  <a:gd name="T100" fmla="*/ 339 w 588"/>
                  <a:gd name="T101" fmla="*/ 234 h 397"/>
                  <a:gd name="T102" fmla="*/ 329 w 588"/>
                  <a:gd name="T103" fmla="*/ 241 h 397"/>
                  <a:gd name="T104" fmla="*/ 330 w 588"/>
                  <a:gd name="T105" fmla="*/ 248 h 397"/>
                  <a:gd name="T106" fmla="*/ 331 w 588"/>
                  <a:gd name="T107" fmla="*/ 252 h 397"/>
                  <a:gd name="T108" fmla="*/ 327 w 588"/>
                  <a:gd name="T109" fmla="*/ 257 h 397"/>
                  <a:gd name="T110" fmla="*/ 321 w 588"/>
                  <a:gd name="T111" fmla="*/ 254 h 397"/>
                  <a:gd name="T112" fmla="*/ 310 w 588"/>
                  <a:gd name="T113" fmla="*/ 241 h 397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588"/>
                  <a:gd name="T172" fmla="*/ 0 h 397"/>
                  <a:gd name="T173" fmla="*/ 588 w 588"/>
                  <a:gd name="T174" fmla="*/ 397 h 397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588" h="397">
                    <a:moveTo>
                      <a:pt x="75" y="379"/>
                    </a:moveTo>
                    <a:lnTo>
                      <a:pt x="72" y="375"/>
                    </a:lnTo>
                    <a:lnTo>
                      <a:pt x="70" y="372"/>
                    </a:lnTo>
                    <a:lnTo>
                      <a:pt x="68" y="367"/>
                    </a:lnTo>
                    <a:lnTo>
                      <a:pt x="68" y="362"/>
                    </a:lnTo>
                    <a:lnTo>
                      <a:pt x="66" y="357"/>
                    </a:lnTo>
                    <a:lnTo>
                      <a:pt x="66" y="352"/>
                    </a:lnTo>
                    <a:lnTo>
                      <a:pt x="66" y="347"/>
                    </a:lnTo>
                    <a:lnTo>
                      <a:pt x="66" y="340"/>
                    </a:lnTo>
                    <a:lnTo>
                      <a:pt x="68" y="335"/>
                    </a:lnTo>
                    <a:lnTo>
                      <a:pt x="68" y="330"/>
                    </a:lnTo>
                    <a:lnTo>
                      <a:pt x="68" y="325"/>
                    </a:lnTo>
                    <a:lnTo>
                      <a:pt x="68" y="321"/>
                    </a:lnTo>
                    <a:lnTo>
                      <a:pt x="70" y="318"/>
                    </a:lnTo>
                    <a:lnTo>
                      <a:pt x="70" y="315"/>
                    </a:lnTo>
                    <a:lnTo>
                      <a:pt x="70" y="313"/>
                    </a:lnTo>
                    <a:lnTo>
                      <a:pt x="63" y="304"/>
                    </a:lnTo>
                    <a:lnTo>
                      <a:pt x="61" y="272"/>
                    </a:lnTo>
                    <a:lnTo>
                      <a:pt x="58" y="267"/>
                    </a:lnTo>
                    <a:lnTo>
                      <a:pt x="53" y="264"/>
                    </a:lnTo>
                    <a:lnTo>
                      <a:pt x="50" y="259"/>
                    </a:lnTo>
                    <a:lnTo>
                      <a:pt x="46" y="254"/>
                    </a:lnTo>
                    <a:lnTo>
                      <a:pt x="46" y="249"/>
                    </a:lnTo>
                    <a:lnTo>
                      <a:pt x="46" y="243"/>
                    </a:lnTo>
                    <a:lnTo>
                      <a:pt x="46" y="240"/>
                    </a:lnTo>
                    <a:lnTo>
                      <a:pt x="46" y="237"/>
                    </a:lnTo>
                    <a:lnTo>
                      <a:pt x="48" y="235"/>
                    </a:lnTo>
                    <a:lnTo>
                      <a:pt x="46" y="227"/>
                    </a:lnTo>
                    <a:lnTo>
                      <a:pt x="46" y="218"/>
                    </a:lnTo>
                    <a:lnTo>
                      <a:pt x="44" y="213"/>
                    </a:lnTo>
                    <a:lnTo>
                      <a:pt x="41" y="208"/>
                    </a:lnTo>
                    <a:lnTo>
                      <a:pt x="39" y="205"/>
                    </a:lnTo>
                    <a:lnTo>
                      <a:pt x="38" y="203"/>
                    </a:lnTo>
                    <a:lnTo>
                      <a:pt x="36" y="201"/>
                    </a:lnTo>
                    <a:lnTo>
                      <a:pt x="34" y="199"/>
                    </a:lnTo>
                    <a:lnTo>
                      <a:pt x="29" y="196"/>
                    </a:lnTo>
                    <a:lnTo>
                      <a:pt x="28" y="193"/>
                    </a:lnTo>
                    <a:lnTo>
                      <a:pt x="24" y="188"/>
                    </a:lnTo>
                    <a:lnTo>
                      <a:pt x="24" y="183"/>
                    </a:lnTo>
                    <a:lnTo>
                      <a:pt x="22" y="179"/>
                    </a:lnTo>
                    <a:lnTo>
                      <a:pt x="22" y="174"/>
                    </a:lnTo>
                    <a:lnTo>
                      <a:pt x="22" y="172"/>
                    </a:lnTo>
                    <a:lnTo>
                      <a:pt x="17" y="159"/>
                    </a:lnTo>
                    <a:lnTo>
                      <a:pt x="17" y="144"/>
                    </a:lnTo>
                    <a:lnTo>
                      <a:pt x="9" y="123"/>
                    </a:lnTo>
                    <a:lnTo>
                      <a:pt x="0" y="111"/>
                    </a:lnTo>
                    <a:lnTo>
                      <a:pt x="2" y="103"/>
                    </a:lnTo>
                    <a:lnTo>
                      <a:pt x="16" y="49"/>
                    </a:lnTo>
                    <a:lnTo>
                      <a:pt x="2" y="49"/>
                    </a:lnTo>
                    <a:lnTo>
                      <a:pt x="4" y="40"/>
                    </a:lnTo>
                    <a:lnTo>
                      <a:pt x="7" y="35"/>
                    </a:lnTo>
                    <a:lnTo>
                      <a:pt x="6" y="27"/>
                    </a:lnTo>
                    <a:lnTo>
                      <a:pt x="2" y="18"/>
                    </a:lnTo>
                    <a:lnTo>
                      <a:pt x="4" y="13"/>
                    </a:lnTo>
                    <a:lnTo>
                      <a:pt x="16" y="13"/>
                    </a:lnTo>
                    <a:lnTo>
                      <a:pt x="16" y="12"/>
                    </a:lnTo>
                    <a:lnTo>
                      <a:pt x="19" y="12"/>
                    </a:lnTo>
                    <a:lnTo>
                      <a:pt x="26" y="12"/>
                    </a:lnTo>
                    <a:lnTo>
                      <a:pt x="33" y="12"/>
                    </a:lnTo>
                    <a:lnTo>
                      <a:pt x="43" y="12"/>
                    </a:lnTo>
                    <a:lnTo>
                      <a:pt x="53" y="12"/>
                    </a:lnTo>
                    <a:lnTo>
                      <a:pt x="66" y="12"/>
                    </a:lnTo>
                    <a:lnTo>
                      <a:pt x="80" y="12"/>
                    </a:lnTo>
                    <a:lnTo>
                      <a:pt x="97" y="12"/>
                    </a:lnTo>
                    <a:lnTo>
                      <a:pt x="112" y="12"/>
                    </a:lnTo>
                    <a:lnTo>
                      <a:pt x="131" y="12"/>
                    </a:lnTo>
                    <a:lnTo>
                      <a:pt x="149" y="12"/>
                    </a:lnTo>
                    <a:lnTo>
                      <a:pt x="168" y="12"/>
                    </a:lnTo>
                    <a:lnTo>
                      <a:pt x="188" y="10"/>
                    </a:lnTo>
                    <a:lnTo>
                      <a:pt x="207" y="10"/>
                    </a:lnTo>
                    <a:lnTo>
                      <a:pt x="227" y="10"/>
                    </a:lnTo>
                    <a:lnTo>
                      <a:pt x="249" y="10"/>
                    </a:lnTo>
                    <a:lnTo>
                      <a:pt x="270" y="10"/>
                    </a:lnTo>
                    <a:lnTo>
                      <a:pt x="290" y="10"/>
                    </a:lnTo>
                    <a:lnTo>
                      <a:pt x="310" y="8"/>
                    </a:lnTo>
                    <a:lnTo>
                      <a:pt x="329" y="8"/>
                    </a:lnTo>
                    <a:lnTo>
                      <a:pt x="349" y="8"/>
                    </a:lnTo>
                    <a:lnTo>
                      <a:pt x="368" y="8"/>
                    </a:lnTo>
                    <a:lnTo>
                      <a:pt x="385" y="7"/>
                    </a:lnTo>
                    <a:lnTo>
                      <a:pt x="402" y="7"/>
                    </a:lnTo>
                    <a:lnTo>
                      <a:pt x="418" y="7"/>
                    </a:lnTo>
                    <a:lnTo>
                      <a:pt x="432" y="5"/>
                    </a:lnTo>
                    <a:lnTo>
                      <a:pt x="446" y="5"/>
                    </a:lnTo>
                    <a:lnTo>
                      <a:pt x="456" y="3"/>
                    </a:lnTo>
                    <a:lnTo>
                      <a:pt x="466" y="3"/>
                    </a:lnTo>
                    <a:lnTo>
                      <a:pt x="474" y="1"/>
                    </a:lnTo>
                    <a:lnTo>
                      <a:pt x="479" y="0"/>
                    </a:lnTo>
                    <a:lnTo>
                      <a:pt x="479" y="1"/>
                    </a:lnTo>
                    <a:lnTo>
                      <a:pt x="488" y="22"/>
                    </a:lnTo>
                    <a:lnTo>
                      <a:pt x="490" y="22"/>
                    </a:lnTo>
                    <a:lnTo>
                      <a:pt x="490" y="23"/>
                    </a:lnTo>
                    <a:lnTo>
                      <a:pt x="491" y="23"/>
                    </a:lnTo>
                    <a:lnTo>
                      <a:pt x="493" y="25"/>
                    </a:lnTo>
                    <a:lnTo>
                      <a:pt x="495" y="29"/>
                    </a:lnTo>
                    <a:lnTo>
                      <a:pt x="495" y="34"/>
                    </a:lnTo>
                    <a:lnTo>
                      <a:pt x="493" y="39"/>
                    </a:lnTo>
                    <a:lnTo>
                      <a:pt x="490" y="47"/>
                    </a:lnTo>
                    <a:lnTo>
                      <a:pt x="488" y="52"/>
                    </a:lnTo>
                    <a:lnTo>
                      <a:pt x="486" y="56"/>
                    </a:lnTo>
                    <a:lnTo>
                      <a:pt x="488" y="61"/>
                    </a:lnTo>
                    <a:lnTo>
                      <a:pt x="488" y="64"/>
                    </a:lnTo>
                    <a:lnTo>
                      <a:pt x="490" y="69"/>
                    </a:lnTo>
                    <a:lnTo>
                      <a:pt x="491" y="73"/>
                    </a:lnTo>
                    <a:lnTo>
                      <a:pt x="495" y="76"/>
                    </a:lnTo>
                    <a:lnTo>
                      <a:pt x="496" y="81"/>
                    </a:lnTo>
                    <a:lnTo>
                      <a:pt x="500" y="84"/>
                    </a:lnTo>
                    <a:lnTo>
                      <a:pt x="501" y="89"/>
                    </a:lnTo>
                    <a:lnTo>
                      <a:pt x="501" y="91"/>
                    </a:lnTo>
                    <a:lnTo>
                      <a:pt x="501" y="95"/>
                    </a:lnTo>
                    <a:lnTo>
                      <a:pt x="501" y="96"/>
                    </a:lnTo>
                    <a:lnTo>
                      <a:pt x="501" y="98"/>
                    </a:lnTo>
                    <a:lnTo>
                      <a:pt x="525" y="105"/>
                    </a:lnTo>
                    <a:lnTo>
                      <a:pt x="527" y="106"/>
                    </a:lnTo>
                    <a:lnTo>
                      <a:pt x="530" y="106"/>
                    </a:lnTo>
                    <a:lnTo>
                      <a:pt x="532" y="108"/>
                    </a:lnTo>
                    <a:lnTo>
                      <a:pt x="535" y="111"/>
                    </a:lnTo>
                    <a:lnTo>
                      <a:pt x="537" y="115"/>
                    </a:lnTo>
                    <a:lnTo>
                      <a:pt x="539" y="120"/>
                    </a:lnTo>
                    <a:lnTo>
                      <a:pt x="540" y="125"/>
                    </a:lnTo>
                    <a:lnTo>
                      <a:pt x="540" y="127"/>
                    </a:lnTo>
                    <a:lnTo>
                      <a:pt x="540" y="128"/>
                    </a:lnTo>
                    <a:lnTo>
                      <a:pt x="542" y="130"/>
                    </a:lnTo>
                    <a:lnTo>
                      <a:pt x="545" y="132"/>
                    </a:lnTo>
                    <a:lnTo>
                      <a:pt x="547" y="133"/>
                    </a:lnTo>
                    <a:lnTo>
                      <a:pt x="552" y="135"/>
                    </a:lnTo>
                    <a:lnTo>
                      <a:pt x="556" y="139"/>
                    </a:lnTo>
                    <a:lnTo>
                      <a:pt x="561" y="142"/>
                    </a:lnTo>
                    <a:lnTo>
                      <a:pt x="564" y="145"/>
                    </a:lnTo>
                    <a:lnTo>
                      <a:pt x="564" y="149"/>
                    </a:lnTo>
                    <a:lnTo>
                      <a:pt x="564" y="150"/>
                    </a:lnTo>
                    <a:lnTo>
                      <a:pt x="564" y="152"/>
                    </a:lnTo>
                    <a:lnTo>
                      <a:pt x="562" y="154"/>
                    </a:lnTo>
                    <a:lnTo>
                      <a:pt x="562" y="155"/>
                    </a:lnTo>
                    <a:lnTo>
                      <a:pt x="572" y="162"/>
                    </a:lnTo>
                    <a:lnTo>
                      <a:pt x="574" y="162"/>
                    </a:lnTo>
                    <a:lnTo>
                      <a:pt x="576" y="164"/>
                    </a:lnTo>
                    <a:lnTo>
                      <a:pt x="579" y="166"/>
                    </a:lnTo>
                    <a:lnTo>
                      <a:pt x="584" y="169"/>
                    </a:lnTo>
                    <a:lnTo>
                      <a:pt x="586" y="174"/>
                    </a:lnTo>
                    <a:lnTo>
                      <a:pt x="588" y="181"/>
                    </a:lnTo>
                    <a:lnTo>
                      <a:pt x="588" y="189"/>
                    </a:lnTo>
                    <a:lnTo>
                      <a:pt x="586" y="201"/>
                    </a:lnTo>
                    <a:lnTo>
                      <a:pt x="583" y="210"/>
                    </a:lnTo>
                    <a:lnTo>
                      <a:pt x="579" y="213"/>
                    </a:lnTo>
                    <a:lnTo>
                      <a:pt x="576" y="215"/>
                    </a:lnTo>
                    <a:lnTo>
                      <a:pt x="574" y="213"/>
                    </a:lnTo>
                    <a:lnTo>
                      <a:pt x="572" y="215"/>
                    </a:lnTo>
                    <a:lnTo>
                      <a:pt x="572" y="216"/>
                    </a:lnTo>
                    <a:lnTo>
                      <a:pt x="571" y="225"/>
                    </a:lnTo>
                    <a:lnTo>
                      <a:pt x="571" y="238"/>
                    </a:lnTo>
                    <a:lnTo>
                      <a:pt x="571" y="240"/>
                    </a:lnTo>
                    <a:lnTo>
                      <a:pt x="569" y="242"/>
                    </a:lnTo>
                    <a:lnTo>
                      <a:pt x="567" y="243"/>
                    </a:lnTo>
                    <a:lnTo>
                      <a:pt x="564" y="245"/>
                    </a:lnTo>
                    <a:lnTo>
                      <a:pt x="561" y="247"/>
                    </a:lnTo>
                    <a:lnTo>
                      <a:pt x="554" y="247"/>
                    </a:lnTo>
                    <a:lnTo>
                      <a:pt x="552" y="247"/>
                    </a:lnTo>
                    <a:lnTo>
                      <a:pt x="552" y="249"/>
                    </a:lnTo>
                    <a:lnTo>
                      <a:pt x="552" y="250"/>
                    </a:lnTo>
                    <a:lnTo>
                      <a:pt x="550" y="252"/>
                    </a:lnTo>
                    <a:lnTo>
                      <a:pt x="549" y="254"/>
                    </a:lnTo>
                    <a:lnTo>
                      <a:pt x="544" y="255"/>
                    </a:lnTo>
                    <a:lnTo>
                      <a:pt x="537" y="257"/>
                    </a:lnTo>
                    <a:lnTo>
                      <a:pt x="530" y="257"/>
                    </a:lnTo>
                    <a:lnTo>
                      <a:pt x="523" y="259"/>
                    </a:lnTo>
                    <a:lnTo>
                      <a:pt x="517" y="262"/>
                    </a:lnTo>
                    <a:lnTo>
                      <a:pt x="512" y="265"/>
                    </a:lnTo>
                    <a:lnTo>
                      <a:pt x="508" y="269"/>
                    </a:lnTo>
                    <a:lnTo>
                      <a:pt x="508" y="276"/>
                    </a:lnTo>
                    <a:lnTo>
                      <a:pt x="508" y="282"/>
                    </a:lnTo>
                    <a:lnTo>
                      <a:pt x="512" y="291"/>
                    </a:lnTo>
                    <a:lnTo>
                      <a:pt x="515" y="299"/>
                    </a:lnTo>
                    <a:lnTo>
                      <a:pt x="520" y="304"/>
                    </a:lnTo>
                    <a:lnTo>
                      <a:pt x="522" y="309"/>
                    </a:lnTo>
                    <a:lnTo>
                      <a:pt x="523" y="313"/>
                    </a:lnTo>
                    <a:lnTo>
                      <a:pt x="525" y="318"/>
                    </a:lnTo>
                    <a:lnTo>
                      <a:pt x="523" y="321"/>
                    </a:lnTo>
                    <a:lnTo>
                      <a:pt x="520" y="325"/>
                    </a:lnTo>
                    <a:lnTo>
                      <a:pt x="515" y="331"/>
                    </a:lnTo>
                    <a:lnTo>
                      <a:pt x="515" y="335"/>
                    </a:lnTo>
                    <a:lnTo>
                      <a:pt x="513" y="337"/>
                    </a:lnTo>
                    <a:lnTo>
                      <a:pt x="512" y="340"/>
                    </a:lnTo>
                    <a:lnTo>
                      <a:pt x="512" y="342"/>
                    </a:lnTo>
                    <a:lnTo>
                      <a:pt x="510" y="343"/>
                    </a:lnTo>
                    <a:lnTo>
                      <a:pt x="510" y="345"/>
                    </a:lnTo>
                    <a:lnTo>
                      <a:pt x="510" y="347"/>
                    </a:lnTo>
                    <a:lnTo>
                      <a:pt x="508" y="348"/>
                    </a:lnTo>
                    <a:lnTo>
                      <a:pt x="508" y="352"/>
                    </a:lnTo>
                    <a:lnTo>
                      <a:pt x="508" y="353"/>
                    </a:lnTo>
                    <a:lnTo>
                      <a:pt x="506" y="357"/>
                    </a:lnTo>
                    <a:lnTo>
                      <a:pt x="503" y="359"/>
                    </a:lnTo>
                    <a:lnTo>
                      <a:pt x="498" y="360"/>
                    </a:lnTo>
                    <a:lnTo>
                      <a:pt x="493" y="362"/>
                    </a:lnTo>
                    <a:lnTo>
                      <a:pt x="488" y="364"/>
                    </a:lnTo>
                    <a:lnTo>
                      <a:pt x="484" y="365"/>
                    </a:lnTo>
                    <a:lnTo>
                      <a:pt x="483" y="369"/>
                    </a:lnTo>
                    <a:lnTo>
                      <a:pt x="483" y="372"/>
                    </a:lnTo>
                    <a:lnTo>
                      <a:pt x="483" y="375"/>
                    </a:lnTo>
                    <a:lnTo>
                      <a:pt x="484" y="377"/>
                    </a:lnTo>
                    <a:lnTo>
                      <a:pt x="486" y="381"/>
                    </a:lnTo>
                    <a:lnTo>
                      <a:pt x="488" y="382"/>
                    </a:lnTo>
                    <a:lnTo>
                      <a:pt x="488" y="384"/>
                    </a:lnTo>
                    <a:lnTo>
                      <a:pt x="488" y="387"/>
                    </a:lnTo>
                    <a:lnTo>
                      <a:pt x="486" y="389"/>
                    </a:lnTo>
                    <a:lnTo>
                      <a:pt x="484" y="392"/>
                    </a:lnTo>
                    <a:lnTo>
                      <a:pt x="483" y="394"/>
                    </a:lnTo>
                    <a:lnTo>
                      <a:pt x="481" y="396"/>
                    </a:lnTo>
                    <a:lnTo>
                      <a:pt x="479" y="397"/>
                    </a:lnTo>
                    <a:lnTo>
                      <a:pt x="478" y="397"/>
                    </a:lnTo>
                    <a:lnTo>
                      <a:pt x="476" y="394"/>
                    </a:lnTo>
                    <a:lnTo>
                      <a:pt x="471" y="389"/>
                    </a:lnTo>
                    <a:lnTo>
                      <a:pt x="466" y="384"/>
                    </a:lnTo>
                    <a:lnTo>
                      <a:pt x="462" y="379"/>
                    </a:lnTo>
                    <a:lnTo>
                      <a:pt x="457" y="374"/>
                    </a:lnTo>
                    <a:lnTo>
                      <a:pt x="456" y="370"/>
                    </a:lnTo>
                    <a:lnTo>
                      <a:pt x="454" y="369"/>
                    </a:lnTo>
                    <a:lnTo>
                      <a:pt x="75" y="379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590" name="Freeform 59"/>
              <p:cNvSpPr>
                <a:spLocks/>
              </p:cNvSpPr>
              <p:nvPr/>
            </p:nvSpPr>
            <p:spPr bwMode="auto">
              <a:xfrm>
                <a:off x="2869" y="2644"/>
                <a:ext cx="478" cy="439"/>
              </a:xfrm>
              <a:custGeom>
                <a:avLst/>
                <a:gdLst>
                  <a:gd name="T0" fmla="*/ 242 w 492"/>
                  <a:gd name="T1" fmla="*/ 294 h 452"/>
                  <a:gd name="T2" fmla="*/ 243 w 492"/>
                  <a:gd name="T3" fmla="*/ 287 h 452"/>
                  <a:gd name="T4" fmla="*/ 244 w 492"/>
                  <a:gd name="T5" fmla="*/ 283 h 452"/>
                  <a:gd name="T6" fmla="*/ 247 w 492"/>
                  <a:gd name="T7" fmla="*/ 280 h 452"/>
                  <a:gd name="T8" fmla="*/ 247 w 492"/>
                  <a:gd name="T9" fmla="*/ 276 h 452"/>
                  <a:gd name="T10" fmla="*/ 242 w 492"/>
                  <a:gd name="T11" fmla="*/ 262 h 452"/>
                  <a:gd name="T12" fmla="*/ 237 w 492"/>
                  <a:gd name="T13" fmla="*/ 246 h 452"/>
                  <a:gd name="T14" fmla="*/ 239 w 492"/>
                  <a:gd name="T15" fmla="*/ 241 h 452"/>
                  <a:gd name="T16" fmla="*/ 247 w 492"/>
                  <a:gd name="T17" fmla="*/ 238 h 452"/>
                  <a:gd name="T18" fmla="*/ 247 w 492"/>
                  <a:gd name="T19" fmla="*/ 234 h 452"/>
                  <a:gd name="T20" fmla="*/ 243 w 492"/>
                  <a:gd name="T21" fmla="*/ 233 h 452"/>
                  <a:gd name="T22" fmla="*/ 243 w 492"/>
                  <a:gd name="T23" fmla="*/ 231 h 452"/>
                  <a:gd name="T24" fmla="*/ 247 w 492"/>
                  <a:gd name="T25" fmla="*/ 226 h 452"/>
                  <a:gd name="T26" fmla="*/ 247 w 492"/>
                  <a:gd name="T27" fmla="*/ 222 h 452"/>
                  <a:gd name="T28" fmla="*/ 245 w 492"/>
                  <a:gd name="T29" fmla="*/ 218 h 452"/>
                  <a:gd name="T30" fmla="*/ 247 w 492"/>
                  <a:gd name="T31" fmla="*/ 213 h 452"/>
                  <a:gd name="T32" fmla="*/ 251 w 492"/>
                  <a:gd name="T33" fmla="*/ 210 h 452"/>
                  <a:gd name="T34" fmla="*/ 254 w 492"/>
                  <a:gd name="T35" fmla="*/ 207 h 452"/>
                  <a:gd name="T36" fmla="*/ 253 w 492"/>
                  <a:gd name="T37" fmla="*/ 202 h 452"/>
                  <a:gd name="T38" fmla="*/ 258 w 492"/>
                  <a:gd name="T39" fmla="*/ 190 h 452"/>
                  <a:gd name="T40" fmla="*/ 278 w 492"/>
                  <a:gd name="T41" fmla="*/ 175 h 452"/>
                  <a:gd name="T42" fmla="*/ 294 w 492"/>
                  <a:gd name="T43" fmla="*/ 136 h 452"/>
                  <a:gd name="T44" fmla="*/ 295 w 492"/>
                  <a:gd name="T45" fmla="*/ 134 h 452"/>
                  <a:gd name="T46" fmla="*/ 297 w 492"/>
                  <a:gd name="T47" fmla="*/ 130 h 452"/>
                  <a:gd name="T48" fmla="*/ 293 w 492"/>
                  <a:gd name="T49" fmla="*/ 128 h 452"/>
                  <a:gd name="T50" fmla="*/ 294 w 492"/>
                  <a:gd name="T51" fmla="*/ 125 h 452"/>
                  <a:gd name="T52" fmla="*/ 301 w 492"/>
                  <a:gd name="T53" fmla="*/ 120 h 452"/>
                  <a:gd name="T54" fmla="*/ 306 w 492"/>
                  <a:gd name="T55" fmla="*/ 112 h 452"/>
                  <a:gd name="T56" fmla="*/ 305 w 492"/>
                  <a:gd name="T57" fmla="*/ 103 h 452"/>
                  <a:gd name="T58" fmla="*/ 302 w 492"/>
                  <a:gd name="T59" fmla="*/ 100 h 452"/>
                  <a:gd name="T60" fmla="*/ 307 w 492"/>
                  <a:gd name="T61" fmla="*/ 88 h 452"/>
                  <a:gd name="T62" fmla="*/ 312 w 492"/>
                  <a:gd name="T63" fmla="*/ 83 h 452"/>
                  <a:gd name="T64" fmla="*/ 315 w 492"/>
                  <a:gd name="T65" fmla="*/ 80 h 452"/>
                  <a:gd name="T66" fmla="*/ 320 w 492"/>
                  <a:gd name="T67" fmla="*/ 72 h 452"/>
                  <a:gd name="T68" fmla="*/ 314 w 492"/>
                  <a:gd name="T69" fmla="*/ 68 h 452"/>
                  <a:gd name="T70" fmla="*/ 312 w 492"/>
                  <a:gd name="T71" fmla="*/ 68 h 452"/>
                  <a:gd name="T72" fmla="*/ 317 w 492"/>
                  <a:gd name="T73" fmla="*/ 64 h 452"/>
                  <a:gd name="T74" fmla="*/ 320 w 492"/>
                  <a:gd name="T75" fmla="*/ 60 h 452"/>
                  <a:gd name="T76" fmla="*/ 327 w 492"/>
                  <a:gd name="T77" fmla="*/ 50 h 452"/>
                  <a:gd name="T78" fmla="*/ 329 w 492"/>
                  <a:gd name="T79" fmla="*/ 45 h 452"/>
                  <a:gd name="T80" fmla="*/ 326 w 492"/>
                  <a:gd name="T81" fmla="*/ 43 h 452"/>
                  <a:gd name="T82" fmla="*/ 283 w 492"/>
                  <a:gd name="T83" fmla="*/ 44 h 452"/>
                  <a:gd name="T84" fmla="*/ 287 w 492"/>
                  <a:gd name="T85" fmla="*/ 37 h 452"/>
                  <a:gd name="T86" fmla="*/ 293 w 492"/>
                  <a:gd name="T87" fmla="*/ 20 h 452"/>
                  <a:gd name="T88" fmla="*/ 302 w 492"/>
                  <a:gd name="T89" fmla="*/ 17 h 452"/>
                  <a:gd name="T90" fmla="*/ 295 w 492"/>
                  <a:gd name="T91" fmla="*/ 5 h 452"/>
                  <a:gd name="T92" fmla="*/ 288 w 492"/>
                  <a:gd name="T93" fmla="*/ 0 h 452"/>
                  <a:gd name="T94" fmla="*/ 280 w 492"/>
                  <a:gd name="T95" fmla="*/ 2 h 452"/>
                  <a:gd name="T96" fmla="*/ 261 w 492"/>
                  <a:gd name="T97" fmla="*/ 3 h 452"/>
                  <a:gd name="T98" fmla="*/ 232 w 492"/>
                  <a:gd name="T99" fmla="*/ 5 h 452"/>
                  <a:gd name="T100" fmla="*/ 198 w 492"/>
                  <a:gd name="T101" fmla="*/ 7 h 452"/>
                  <a:gd name="T102" fmla="*/ 158 w 492"/>
                  <a:gd name="T103" fmla="*/ 10 h 452"/>
                  <a:gd name="T104" fmla="*/ 119 w 492"/>
                  <a:gd name="T105" fmla="*/ 12 h 452"/>
                  <a:gd name="T106" fmla="*/ 83 w 492"/>
                  <a:gd name="T107" fmla="*/ 15 h 452"/>
                  <a:gd name="T108" fmla="*/ 48 w 492"/>
                  <a:gd name="T109" fmla="*/ 17 h 452"/>
                  <a:gd name="T110" fmla="*/ 18 w 492"/>
                  <a:gd name="T111" fmla="*/ 17 h 452"/>
                  <a:gd name="T112" fmla="*/ 6 w 492"/>
                  <a:gd name="T113" fmla="*/ 17 h 452"/>
                  <a:gd name="T114" fmla="*/ 17 w 492"/>
                  <a:gd name="T115" fmla="*/ 106 h 452"/>
                  <a:gd name="T116" fmla="*/ 17 w 492"/>
                  <a:gd name="T117" fmla="*/ 258 h 452"/>
                  <a:gd name="T118" fmla="*/ 44 w 492"/>
                  <a:gd name="T119" fmla="*/ 300 h 452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w 492"/>
                  <a:gd name="T181" fmla="*/ 0 h 452"/>
                  <a:gd name="T182" fmla="*/ 492 w 492"/>
                  <a:gd name="T183" fmla="*/ 452 h 452"/>
                </a:gdLst>
                <a:ahLst/>
                <a:cxnLst>
                  <a:cxn ang="T120">
                    <a:pos x="T0" y="T1"/>
                  </a:cxn>
                  <a:cxn ang="T121">
                    <a:pos x="T2" y="T3"/>
                  </a:cxn>
                  <a:cxn ang="T122">
                    <a:pos x="T4" y="T5"/>
                  </a:cxn>
                  <a:cxn ang="T123">
                    <a:pos x="T6" y="T7"/>
                  </a:cxn>
                  <a:cxn ang="T124">
                    <a:pos x="T8" y="T9"/>
                  </a:cxn>
                  <a:cxn ang="T125">
                    <a:pos x="T10" y="T11"/>
                  </a:cxn>
                  <a:cxn ang="T126">
                    <a:pos x="T12" y="T13"/>
                  </a:cxn>
                  <a:cxn ang="T127">
                    <a:pos x="T14" y="T15"/>
                  </a:cxn>
                  <a:cxn ang="T128">
                    <a:pos x="T16" y="T17"/>
                  </a:cxn>
                  <a:cxn ang="T129">
                    <a:pos x="T18" y="T19"/>
                  </a:cxn>
                  <a:cxn ang="T130">
                    <a:pos x="T20" y="T21"/>
                  </a:cxn>
                  <a:cxn ang="T131">
                    <a:pos x="T22" y="T23"/>
                  </a:cxn>
                  <a:cxn ang="T132">
                    <a:pos x="T24" y="T25"/>
                  </a:cxn>
                  <a:cxn ang="T133">
                    <a:pos x="T26" y="T27"/>
                  </a:cxn>
                  <a:cxn ang="T134">
                    <a:pos x="T28" y="T29"/>
                  </a:cxn>
                  <a:cxn ang="T135">
                    <a:pos x="T30" y="T31"/>
                  </a:cxn>
                  <a:cxn ang="T136">
                    <a:pos x="T32" y="T33"/>
                  </a:cxn>
                  <a:cxn ang="T137">
                    <a:pos x="T34" y="T35"/>
                  </a:cxn>
                  <a:cxn ang="T138">
                    <a:pos x="T36" y="T37"/>
                  </a:cxn>
                  <a:cxn ang="T139">
                    <a:pos x="T38" y="T39"/>
                  </a:cxn>
                  <a:cxn ang="T140">
                    <a:pos x="T40" y="T41"/>
                  </a:cxn>
                  <a:cxn ang="T141">
                    <a:pos x="T42" y="T43"/>
                  </a:cxn>
                  <a:cxn ang="T142">
                    <a:pos x="T44" y="T45"/>
                  </a:cxn>
                  <a:cxn ang="T143">
                    <a:pos x="T46" y="T47"/>
                  </a:cxn>
                  <a:cxn ang="T144">
                    <a:pos x="T48" y="T49"/>
                  </a:cxn>
                  <a:cxn ang="T145">
                    <a:pos x="T50" y="T51"/>
                  </a:cxn>
                  <a:cxn ang="T146">
                    <a:pos x="T52" y="T53"/>
                  </a:cxn>
                  <a:cxn ang="T147">
                    <a:pos x="T54" y="T55"/>
                  </a:cxn>
                  <a:cxn ang="T148">
                    <a:pos x="T56" y="T57"/>
                  </a:cxn>
                  <a:cxn ang="T149">
                    <a:pos x="T58" y="T59"/>
                  </a:cxn>
                  <a:cxn ang="T150">
                    <a:pos x="T60" y="T61"/>
                  </a:cxn>
                  <a:cxn ang="T151">
                    <a:pos x="T62" y="T63"/>
                  </a:cxn>
                  <a:cxn ang="T152">
                    <a:pos x="T64" y="T65"/>
                  </a:cxn>
                  <a:cxn ang="T153">
                    <a:pos x="T66" y="T67"/>
                  </a:cxn>
                  <a:cxn ang="T154">
                    <a:pos x="T68" y="T69"/>
                  </a:cxn>
                  <a:cxn ang="T155">
                    <a:pos x="T70" y="T71"/>
                  </a:cxn>
                  <a:cxn ang="T156">
                    <a:pos x="T72" y="T73"/>
                  </a:cxn>
                  <a:cxn ang="T157">
                    <a:pos x="T74" y="T75"/>
                  </a:cxn>
                  <a:cxn ang="T158">
                    <a:pos x="T76" y="T77"/>
                  </a:cxn>
                  <a:cxn ang="T159">
                    <a:pos x="T78" y="T79"/>
                  </a:cxn>
                  <a:cxn ang="T160">
                    <a:pos x="T80" y="T81"/>
                  </a:cxn>
                  <a:cxn ang="T161">
                    <a:pos x="T82" y="T83"/>
                  </a:cxn>
                  <a:cxn ang="T162">
                    <a:pos x="T84" y="T85"/>
                  </a:cxn>
                  <a:cxn ang="T163">
                    <a:pos x="T86" y="T87"/>
                  </a:cxn>
                  <a:cxn ang="T164">
                    <a:pos x="T88" y="T89"/>
                  </a:cxn>
                  <a:cxn ang="T165">
                    <a:pos x="T90" y="T91"/>
                  </a:cxn>
                  <a:cxn ang="T166">
                    <a:pos x="T92" y="T93"/>
                  </a:cxn>
                  <a:cxn ang="T167">
                    <a:pos x="T94" y="T95"/>
                  </a:cxn>
                  <a:cxn ang="T168">
                    <a:pos x="T96" y="T97"/>
                  </a:cxn>
                  <a:cxn ang="T169">
                    <a:pos x="T98" y="T99"/>
                  </a:cxn>
                  <a:cxn ang="T170">
                    <a:pos x="T100" y="T101"/>
                  </a:cxn>
                  <a:cxn ang="T171">
                    <a:pos x="T102" y="T103"/>
                  </a:cxn>
                  <a:cxn ang="T172">
                    <a:pos x="T104" y="T105"/>
                  </a:cxn>
                  <a:cxn ang="T173">
                    <a:pos x="T106" y="T107"/>
                  </a:cxn>
                  <a:cxn ang="T174">
                    <a:pos x="T108" y="T109"/>
                  </a:cxn>
                  <a:cxn ang="T175">
                    <a:pos x="T110" y="T111"/>
                  </a:cxn>
                  <a:cxn ang="T176">
                    <a:pos x="T112" y="T113"/>
                  </a:cxn>
                  <a:cxn ang="T177">
                    <a:pos x="T114" y="T115"/>
                  </a:cxn>
                  <a:cxn ang="T178">
                    <a:pos x="T116" y="T117"/>
                  </a:cxn>
                  <a:cxn ang="T179">
                    <a:pos x="T118" y="T119"/>
                  </a:cxn>
                </a:cxnLst>
                <a:rect l="T180" t="T181" r="T182" b="T183"/>
                <a:pathLst>
                  <a:path w="492" h="452">
                    <a:moveTo>
                      <a:pt x="362" y="443"/>
                    </a:moveTo>
                    <a:lnTo>
                      <a:pt x="362" y="443"/>
                    </a:lnTo>
                    <a:lnTo>
                      <a:pt x="362" y="442"/>
                    </a:lnTo>
                    <a:lnTo>
                      <a:pt x="362" y="438"/>
                    </a:lnTo>
                    <a:lnTo>
                      <a:pt x="362" y="435"/>
                    </a:lnTo>
                    <a:lnTo>
                      <a:pt x="364" y="432"/>
                    </a:lnTo>
                    <a:lnTo>
                      <a:pt x="364" y="428"/>
                    </a:lnTo>
                    <a:lnTo>
                      <a:pt x="365" y="426"/>
                    </a:lnTo>
                    <a:lnTo>
                      <a:pt x="369" y="425"/>
                    </a:lnTo>
                    <a:lnTo>
                      <a:pt x="370" y="423"/>
                    </a:lnTo>
                    <a:lnTo>
                      <a:pt x="370" y="421"/>
                    </a:lnTo>
                    <a:lnTo>
                      <a:pt x="370" y="420"/>
                    </a:lnTo>
                    <a:lnTo>
                      <a:pt x="369" y="416"/>
                    </a:lnTo>
                    <a:lnTo>
                      <a:pt x="369" y="415"/>
                    </a:lnTo>
                    <a:lnTo>
                      <a:pt x="367" y="413"/>
                    </a:lnTo>
                    <a:lnTo>
                      <a:pt x="362" y="393"/>
                    </a:lnTo>
                    <a:lnTo>
                      <a:pt x="360" y="386"/>
                    </a:lnTo>
                    <a:lnTo>
                      <a:pt x="352" y="377"/>
                    </a:lnTo>
                    <a:lnTo>
                      <a:pt x="355" y="369"/>
                    </a:lnTo>
                    <a:lnTo>
                      <a:pt x="355" y="364"/>
                    </a:lnTo>
                    <a:lnTo>
                      <a:pt x="357" y="362"/>
                    </a:lnTo>
                    <a:lnTo>
                      <a:pt x="358" y="362"/>
                    </a:lnTo>
                    <a:lnTo>
                      <a:pt x="362" y="360"/>
                    </a:lnTo>
                    <a:lnTo>
                      <a:pt x="364" y="360"/>
                    </a:lnTo>
                    <a:lnTo>
                      <a:pt x="369" y="357"/>
                    </a:lnTo>
                    <a:lnTo>
                      <a:pt x="370" y="355"/>
                    </a:lnTo>
                    <a:lnTo>
                      <a:pt x="370" y="354"/>
                    </a:lnTo>
                    <a:lnTo>
                      <a:pt x="369" y="352"/>
                    </a:lnTo>
                    <a:lnTo>
                      <a:pt x="367" y="350"/>
                    </a:lnTo>
                    <a:lnTo>
                      <a:pt x="365" y="350"/>
                    </a:lnTo>
                    <a:lnTo>
                      <a:pt x="364" y="350"/>
                    </a:lnTo>
                    <a:lnTo>
                      <a:pt x="362" y="350"/>
                    </a:lnTo>
                    <a:lnTo>
                      <a:pt x="362" y="349"/>
                    </a:lnTo>
                    <a:lnTo>
                      <a:pt x="364" y="347"/>
                    </a:lnTo>
                    <a:lnTo>
                      <a:pt x="365" y="345"/>
                    </a:lnTo>
                    <a:lnTo>
                      <a:pt x="367" y="344"/>
                    </a:lnTo>
                    <a:lnTo>
                      <a:pt x="369" y="340"/>
                    </a:lnTo>
                    <a:lnTo>
                      <a:pt x="370" y="338"/>
                    </a:lnTo>
                    <a:lnTo>
                      <a:pt x="370" y="337"/>
                    </a:lnTo>
                    <a:lnTo>
                      <a:pt x="370" y="335"/>
                    </a:lnTo>
                    <a:lnTo>
                      <a:pt x="369" y="332"/>
                    </a:lnTo>
                    <a:lnTo>
                      <a:pt x="367" y="330"/>
                    </a:lnTo>
                    <a:lnTo>
                      <a:pt x="367" y="327"/>
                    </a:lnTo>
                    <a:lnTo>
                      <a:pt x="367" y="323"/>
                    </a:lnTo>
                    <a:lnTo>
                      <a:pt x="367" y="322"/>
                    </a:lnTo>
                    <a:lnTo>
                      <a:pt x="369" y="320"/>
                    </a:lnTo>
                    <a:lnTo>
                      <a:pt x="370" y="318"/>
                    </a:lnTo>
                    <a:lnTo>
                      <a:pt x="372" y="318"/>
                    </a:lnTo>
                    <a:lnTo>
                      <a:pt x="377" y="316"/>
                    </a:lnTo>
                    <a:lnTo>
                      <a:pt x="380" y="315"/>
                    </a:lnTo>
                    <a:lnTo>
                      <a:pt x="380" y="311"/>
                    </a:lnTo>
                    <a:lnTo>
                      <a:pt x="380" y="310"/>
                    </a:lnTo>
                    <a:lnTo>
                      <a:pt x="380" y="308"/>
                    </a:lnTo>
                    <a:lnTo>
                      <a:pt x="379" y="306"/>
                    </a:lnTo>
                    <a:lnTo>
                      <a:pt x="379" y="305"/>
                    </a:lnTo>
                    <a:lnTo>
                      <a:pt x="377" y="305"/>
                    </a:lnTo>
                    <a:lnTo>
                      <a:pt x="392" y="296"/>
                    </a:lnTo>
                    <a:lnTo>
                      <a:pt x="387" y="286"/>
                    </a:lnTo>
                    <a:lnTo>
                      <a:pt x="402" y="271"/>
                    </a:lnTo>
                    <a:lnTo>
                      <a:pt x="408" y="271"/>
                    </a:lnTo>
                    <a:lnTo>
                      <a:pt x="416" y="262"/>
                    </a:lnTo>
                    <a:lnTo>
                      <a:pt x="416" y="232"/>
                    </a:lnTo>
                    <a:lnTo>
                      <a:pt x="426" y="217"/>
                    </a:lnTo>
                    <a:lnTo>
                      <a:pt x="441" y="205"/>
                    </a:lnTo>
                    <a:lnTo>
                      <a:pt x="441" y="203"/>
                    </a:lnTo>
                    <a:lnTo>
                      <a:pt x="443" y="201"/>
                    </a:lnTo>
                    <a:lnTo>
                      <a:pt x="443" y="198"/>
                    </a:lnTo>
                    <a:lnTo>
                      <a:pt x="443" y="196"/>
                    </a:lnTo>
                    <a:lnTo>
                      <a:pt x="445" y="195"/>
                    </a:lnTo>
                    <a:lnTo>
                      <a:pt x="445" y="193"/>
                    </a:lnTo>
                    <a:lnTo>
                      <a:pt x="440" y="193"/>
                    </a:lnTo>
                    <a:lnTo>
                      <a:pt x="438" y="191"/>
                    </a:lnTo>
                    <a:lnTo>
                      <a:pt x="438" y="190"/>
                    </a:lnTo>
                    <a:lnTo>
                      <a:pt x="441" y="188"/>
                    </a:lnTo>
                    <a:lnTo>
                      <a:pt x="445" y="184"/>
                    </a:lnTo>
                    <a:lnTo>
                      <a:pt x="446" y="183"/>
                    </a:lnTo>
                    <a:lnTo>
                      <a:pt x="450" y="181"/>
                    </a:lnTo>
                    <a:lnTo>
                      <a:pt x="452" y="181"/>
                    </a:lnTo>
                    <a:lnTo>
                      <a:pt x="457" y="174"/>
                    </a:lnTo>
                    <a:lnTo>
                      <a:pt x="458" y="168"/>
                    </a:lnTo>
                    <a:lnTo>
                      <a:pt x="460" y="162"/>
                    </a:lnTo>
                    <a:lnTo>
                      <a:pt x="458" y="157"/>
                    </a:lnTo>
                    <a:lnTo>
                      <a:pt x="457" y="154"/>
                    </a:lnTo>
                    <a:lnTo>
                      <a:pt x="455" y="152"/>
                    </a:lnTo>
                    <a:lnTo>
                      <a:pt x="453" y="149"/>
                    </a:lnTo>
                    <a:lnTo>
                      <a:pt x="458" y="137"/>
                    </a:lnTo>
                    <a:lnTo>
                      <a:pt x="458" y="135"/>
                    </a:lnTo>
                    <a:lnTo>
                      <a:pt x="460" y="134"/>
                    </a:lnTo>
                    <a:lnTo>
                      <a:pt x="462" y="132"/>
                    </a:lnTo>
                    <a:lnTo>
                      <a:pt x="463" y="129"/>
                    </a:lnTo>
                    <a:lnTo>
                      <a:pt x="467" y="125"/>
                    </a:lnTo>
                    <a:lnTo>
                      <a:pt x="468" y="122"/>
                    </a:lnTo>
                    <a:lnTo>
                      <a:pt x="470" y="120"/>
                    </a:lnTo>
                    <a:lnTo>
                      <a:pt x="472" y="120"/>
                    </a:lnTo>
                    <a:lnTo>
                      <a:pt x="477" y="113"/>
                    </a:lnTo>
                    <a:lnTo>
                      <a:pt x="479" y="108"/>
                    </a:lnTo>
                    <a:lnTo>
                      <a:pt x="479" y="107"/>
                    </a:lnTo>
                    <a:lnTo>
                      <a:pt x="477" y="103"/>
                    </a:lnTo>
                    <a:lnTo>
                      <a:pt x="474" y="103"/>
                    </a:lnTo>
                    <a:lnTo>
                      <a:pt x="470" y="102"/>
                    </a:lnTo>
                    <a:lnTo>
                      <a:pt x="468" y="102"/>
                    </a:lnTo>
                    <a:lnTo>
                      <a:pt x="470" y="100"/>
                    </a:lnTo>
                    <a:lnTo>
                      <a:pt x="472" y="98"/>
                    </a:lnTo>
                    <a:lnTo>
                      <a:pt x="474" y="96"/>
                    </a:lnTo>
                    <a:lnTo>
                      <a:pt x="477" y="93"/>
                    </a:lnTo>
                    <a:lnTo>
                      <a:pt x="479" y="91"/>
                    </a:lnTo>
                    <a:lnTo>
                      <a:pt x="480" y="90"/>
                    </a:lnTo>
                    <a:lnTo>
                      <a:pt x="482" y="88"/>
                    </a:lnTo>
                    <a:lnTo>
                      <a:pt x="487" y="81"/>
                    </a:lnTo>
                    <a:lnTo>
                      <a:pt x="490" y="76"/>
                    </a:lnTo>
                    <a:lnTo>
                      <a:pt x="492" y="73"/>
                    </a:lnTo>
                    <a:lnTo>
                      <a:pt x="492" y="69"/>
                    </a:lnTo>
                    <a:lnTo>
                      <a:pt x="492" y="66"/>
                    </a:lnTo>
                    <a:lnTo>
                      <a:pt x="490" y="64"/>
                    </a:lnTo>
                    <a:lnTo>
                      <a:pt x="489" y="63"/>
                    </a:lnTo>
                    <a:lnTo>
                      <a:pt x="424" y="66"/>
                    </a:lnTo>
                    <a:lnTo>
                      <a:pt x="424" y="64"/>
                    </a:lnTo>
                    <a:lnTo>
                      <a:pt x="426" y="61"/>
                    </a:lnTo>
                    <a:lnTo>
                      <a:pt x="428" y="58"/>
                    </a:lnTo>
                    <a:lnTo>
                      <a:pt x="430" y="51"/>
                    </a:lnTo>
                    <a:lnTo>
                      <a:pt x="433" y="46"/>
                    </a:lnTo>
                    <a:lnTo>
                      <a:pt x="436" y="39"/>
                    </a:lnTo>
                    <a:lnTo>
                      <a:pt x="440" y="34"/>
                    </a:lnTo>
                    <a:lnTo>
                      <a:pt x="446" y="29"/>
                    </a:lnTo>
                    <a:lnTo>
                      <a:pt x="450" y="24"/>
                    </a:lnTo>
                    <a:lnTo>
                      <a:pt x="452" y="19"/>
                    </a:lnTo>
                    <a:lnTo>
                      <a:pt x="450" y="14"/>
                    </a:lnTo>
                    <a:lnTo>
                      <a:pt x="446" y="8"/>
                    </a:lnTo>
                    <a:lnTo>
                      <a:pt x="443" y="5"/>
                    </a:lnTo>
                    <a:lnTo>
                      <a:pt x="438" y="2"/>
                    </a:lnTo>
                    <a:lnTo>
                      <a:pt x="435" y="0"/>
                    </a:lnTo>
                    <a:lnTo>
                      <a:pt x="431" y="0"/>
                    </a:lnTo>
                    <a:lnTo>
                      <a:pt x="430" y="2"/>
                    </a:lnTo>
                    <a:lnTo>
                      <a:pt x="426" y="2"/>
                    </a:lnTo>
                    <a:lnTo>
                      <a:pt x="419" y="2"/>
                    </a:lnTo>
                    <a:lnTo>
                      <a:pt x="411" y="2"/>
                    </a:lnTo>
                    <a:lnTo>
                      <a:pt x="402" y="3"/>
                    </a:lnTo>
                    <a:lnTo>
                      <a:pt x="391" y="3"/>
                    </a:lnTo>
                    <a:lnTo>
                      <a:pt x="377" y="3"/>
                    </a:lnTo>
                    <a:lnTo>
                      <a:pt x="364" y="5"/>
                    </a:lnTo>
                    <a:lnTo>
                      <a:pt x="348" y="5"/>
                    </a:lnTo>
                    <a:lnTo>
                      <a:pt x="331" y="7"/>
                    </a:lnTo>
                    <a:lnTo>
                      <a:pt x="314" y="7"/>
                    </a:lnTo>
                    <a:lnTo>
                      <a:pt x="296" y="7"/>
                    </a:lnTo>
                    <a:lnTo>
                      <a:pt x="277" y="8"/>
                    </a:lnTo>
                    <a:lnTo>
                      <a:pt x="259" y="8"/>
                    </a:lnTo>
                    <a:lnTo>
                      <a:pt x="238" y="10"/>
                    </a:lnTo>
                    <a:lnTo>
                      <a:pt x="220" y="10"/>
                    </a:lnTo>
                    <a:lnTo>
                      <a:pt x="199" y="12"/>
                    </a:lnTo>
                    <a:lnTo>
                      <a:pt x="179" y="12"/>
                    </a:lnTo>
                    <a:lnTo>
                      <a:pt x="160" y="14"/>
                    </a:lnTo>
                    <a:lnTo>
                      <a:pt x="142" y="14"/>
                    </a:lnTo>
                    <a:lnTo>
                      <a:pt x="123" y="15"/>
                    </a:lnTo>
                    <a:lnTo>
                      <a:pt x="105" y="15"/>
                    </a:lnTo>
                    <a:lnTo>
                      <a:pt x="88" y="17"/>
                    </a:lnTo>
                    <a:lnTo>
                      <a:pt x="72" y="17"/>
                    </a:lnTo>
                    <a:lnTo>
                      <a:pt x="57" y="17"/>
                    </a:lnTo>
                    <a:lnTo>
                      <a:pt x="45" y="19"/>
                    </a:lnTo>
                    <a:lnTo>
                      <a:pt x="32" y="19"/>
                    </a:lnTo>
                    <a:lnTo>
                      <a:pt x="22" y="19"/>
                    </a:lnTo>
                    <a:lnTo>
                      <a:pt x="13" y="19"/>
                    </a:lnTo>
                    <a:lnTo>
                      <a:pt x="6" y="19"/>
                    </a:lnTo>
                    <a:lnTo>
                      <a:pt x="1" y="20"/>
                    </a:lnTo>
                    <a:lnTo>
                      <a:pt x="0" y="20"/>
                    </a:lnTo>
                    <a:lnTo>
                      <a:pt x="20" y="159"/>
                    </a:lnTo>
                    <a:lnTo>
                      <a:pt x="18" y="377"/>
                    </a:lnTo>
                    <a:lnTo>
                      <a:pt x="17" y="374"/>
                    </a:lnTo>
                    <a:lnTo>
                      <a:pt x="28" y="389"/>
                    </a:lnTo>
                    <a:lnTo>
                      <a:pt x="54" y="386"/>
                    </a:lnTo>
                    <a:lnTo>
                      <a:pt x="64" y="388"/>
                    </a:lnTo>
                    <a:lnTo>
                      <a:pt x="64" y="452"/>
                    </a:lnTo>
                    <a:lnTo>
                      <a:pt x="362" y="443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591" name="Freeform 60"/>
              <p:cNvSpPr>
                <a:spLocks/>
              </p:cNvSpPr>
              <p:nvPr/>
            </p:nvSpPr>
            <p:spPr bwMode="auto">
              <a:xfrm>
                <a:off x="2931" y="3072"/>
                <a:ext cx="540" cy="475"/>
              </a:xfrm>
              <a:custGeom>
                <a:avLst/>
                <a:gdLst>
                  <a:gd name="T0" fmla="*/ 27 w 555"/>
                  <a:gd name="T1" fmla="*/ 234 h 489"/>
                  <a:gd name="T2" fmla="*/ 27 w 555"/>
                  <a:gd name="T3" fmla="*/ 209 h 489"/>
                  <a:gd name="T4" fmla="*/ 43 w 555"/>
                  <a:gd name="T5" fmla="*/ 176 h 489"/>
                  <a:gd name="T6" fmla="*/ 35 w 555"/>
                  <a:gd name="T7" fmla="*/ 153 h 489"/>
                  <a:gd name="T8" fmla="*/ 203 w 555"/>
                  <a:gd name="T9" fmla="*/ 0 h 489"/>
                  <a:gd name="T10" fmla="*/ 204 w 555"/>
                  <a:gd name="T11" fmla="*/ 12 h 489"/>
                  <a:gd name="T12" fmla="*/ 206 w 555"/>
                  <a:gd name="T13" fmla="*/ 30 h 489"/>
                  <a:gd name="T14" fmla="*/ 211 w 555"/>
                  <a:gd name="T15" fmla="*/ 45 h 489"/>
                  <a:gd name="T16" fmla="*/ 217 w 555"/>
                  <a:gd name="T17" fmla="*/ 51 h 489"/>
                  <a:gd name="T18" fmla="*/ 221 w 555"/>
                  <a:gd name="T19" fmla="*/ 63 h 489"/>
                  <a:gd name="T20" fmla="*/ 206 w 555"/>
                  <a:gd name="T21" fmla="*/ 70 h 489"/>
                  <a:gd name="T22" fmla="*/ 209 w 555"/>
                  <a:gd name="T23" fmla="*/ 84 h 489"/>
                  <a:gd name="T24" fmla="*/ 193 w 555"/>
                  <a:gd name="T25" fmla="*/ 118 h 489"/>
                  <a:gd name="T26" fmla="*/ 188 w 555"/>
                  <a:gd name="T27" fmla="*/ 130 h 489"/>
                  <a:gd name="T28" fmla="*/ 186 w 555"/>
                  <a:gd name="T29" fmla="*/ 141 h 489"/>
                  <a:gd name="T30" fmla="*/ 177 w 555"/>
                  <a:gd name="T31" fmla="*/ 153 h 489"/>
                  <a:gd name="T32" fmla="*/ 180 w 555"/>
                  <a:gd name="T33" fmla="*/ 162 h 489"/>
                  <a:gd name="T34" fmla="*/ 313 w 555"/>
                  <a:gd name="T35" fmla="*/ 179 h 489"/>
                  <a:gd name="T36" fmla="*/ 318 w 555"/>
                  <a:gd name="T37" fmla="*/ 202 h 489"/>
                  <a:gd name="T38" fmla="*/ 326 w 555"/>
                  <a:gd name="T39" fmla="*/ 227 h 489"/>
                  <a:gd name="T40" fmla="*/ 304 w 555"/>
                  <a:gd name="T41" fmla="*/ 222 h 489"/>
                  <a:gd name="T42" fmla="*/ 282 w 555"/>
                  <a:gd name="T43" fmla="*/ 220 h 489"/>
                  <a:gd name="T44" fmla="*/ 273 w 555"/>
                  <a:gd name="T45" fmla="*/ 230 h 489"/>
                  <a:gd name="T46" fmla="*/ 289 w 555"/>
                  <a:gd name="T47" fmla="*/ 242 h 489"/>
                  <a:gd name="T48" fmla="*/ 312 w 555"/>
                  <a:gd name="T49" fmla="*/ 234 h 489"/>
                  <a:gd name="T50" fmla="*/ 322 w 555"/>
                  <a:gd name="T51" fmla="*/ 242 h 489"/>
                  <a:gd name="T52" fmla="*/ 322 w 555"/>
                  <a:gd name="T53" fmla="*/ 249 h 489"/>
                  <a:gd name="T54" fmla="*/ 333 w 555"/>
                  <a:gd name="T55" fmla="*/ 247 h 489"/>
                  <a:gd name="T56" fmla="*/ 341 w 555"/>
                  <a:gd name="T57" fmla="*/ 238 h 489"/>
                  <a:gd name="T58" fmla="*/ 342 w 555"/>
                  <a:gd name="T59" fmla="*/ 242 h 489"/>
                  <a:gd name="T60" fmla="*/ 344 w 555"/>
                  <a:gd name="T61" fmla="*/ 263 h 489"/>
                  <a:gd name="T62" fmla="*/ 332 w 555"/>
                  <a:gd name="T63" fmla="*/ 284 h 489"/>
                  <a:gd name="T64" fmla="*/ 370 w 555"/>
                  <a:gd name="T65" fmla="*/ 304 h 489"/>
                  <a:gd name="T66" fmla="*/ 360 w 555"/>
                  <a:gd name="T67" fmla="*/ 320 h 489"/>
                  <a:gd name="T68" fmla="*/ 352 w 555"/>
                  <a:gd name="T69" fmla="*/ 314 h 489"/>
                  <a:gd name="T70" fmla="*/ 342 w 555"/>
                  <a:gd name="T71" fmla="*/ 304 h 489"/>
                  <a:gd name="T72" fmla="*/ 321 w 555"/>
                  <a:gd name="T73" fmla="*/ 300 h 489"/>
                  <a:gd name="T74" fmla="*/ 315 w 555"/>
                  <a:gd name="T75" fmla="*/ 288 h 489"/>
                  <a:gd name="T76" fmla="*/ 291 w 555"/>
                  <a:gd name="T77" fmla="*/ 283 h 489"/>
                  <a:gd name="T78" fmla="*/ 301 w 555"/>
                  <a:gd name="T79" fmla="*/ 300 h 489"/>
                  <a:gd name="T80" fmla="*/ 301 w 555"/>
                  <a:gd name="T81" fmla="*/ 310 h 489"/>
                  <a:gd name="T82" fmla="*/ 290 w 555"/>
                  <a:gd name="T83" fmla="*/ 322 h 489"/>
                  <a:gd name="T84" fmla="*/ 265 w 555"/>
                  <a:gd name="T85" fmla="*/ 313 h 489"/>
                  <a:gd name="T86" fmla="*/ 239 w 555"/>
                  <a:gd name="T87" fmla="*/ 318 h 489"/>
                  <a:gd name="T88" fmla="*/ 223 w 555"/>
                  <a:gd name="T89" fmla="*/ 314 h 489"/>
                  <a:gd name="T90" fmla="*/ 193 w 555"/>
                  <a:gd name="T91" fmla="*/ 291 h 489"/>
                  <a:gd name="T92" fmla="*/ 185 w 555"/>
                  <a:gd name="T93" fmla="*/ 278 h 489"/>
                  <a:gd name="T94" fmla="*/ 173 w 555"/>
                  <a:gd name="T95" fmla="*/ 275 h 489"/>
                  <a:gd name="T96" fmla="*/ 167 w 555"/>
                  <a:gd name="T97" fmla="*/ 268 h 489"/>
                  <a:gd name="T98" fmla="*/ 139 w 555"/>
                  <a:gd name="T99" fmla="*/ 292 h 489"/>
                  <a:gd name="T100" fmla="*/ 114 w 555"/>
                  <a:gd name="T101" fmla="*/ 290 h 489"/>
                  <a:gd name="T102" fmla="*/ 77 w 555"/>
                  <a:gd name="T103" fmla="*/ 278 h 489"/>
                  <a:gd name="T104" fmla="*/ 60 w 555"/>
                  <a:gd name="T105" fmla="*/ 276 h 489"/>
                  <a:gd name="T106" fmla="*/ 57 w 555"/>
                  <a:gd name="T107" fmla="*/ 272 h 489"/>
                  <a:gd name="T108" fmla="*/ 28 w 555"/>
                  <a:gd name="T109" fmla="*/ 280 h 489"/>
                  <a:gd name="T110" fmla="*/ 18 w 555"/>
                  <a:gd name="T111" fmla="*/ 275 h 489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555"/>
                  <a:gd name="T169" fmla="*/ 0 h 489"/>
                  <a:gd name="T170" fmla="*/ 555 w 555"/>
                  <a:gd name="T171" fmla="*/ 489 h 489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555" h="489">
                    <a:moveTo>
                      <a:pt x="41" y="390"/>
                    </a:moveTo>
                    <a:lnTo>
                      <a:pt x="47" y="381"/>
                    </a:lnTo>
                    <a:lnTo>
                      <a:pt x="51" y="373"/>
                    </a:lnTo>
                    <a:lnTo>
                      <a:pt x="51" y="366"/>
                    </a:lnTo>
                    <a:lnTo>
                      <a:pt x="49" y="361"/>
                    </a:lnTo>
                    <a:lnTo>
                      <a:pt x="46" y="356"/>
                    </a:lnTo>
                    <a:lnTo>
                      <a:pt x="44" y="352"/>
                    </a:lnTo>
                    <a:lnTo>
                      <a:pt x="41" y="351"/>
                    </a:lnTo>
                    <a:lnTo>
                      <a:pt x="44" y="329"/>
                    </a:lnTo>
                    <a:lnTo>
                      <a:pt x="42" y="327"/>
                    </a:lnTo>
                    <a:lnTo>
                      <a:pt x="41" y="325"/>
                    </a:lnTo>
                    <a:lnTo>
                      <a:pt x="39" y="322"/>
                    </a:lnTo>
                    <a:lnTo>
                      <a:pt x="39" y="319"/>
                    </a:lnTo>
                    <a:lnTo>
                      <a:pt x="41" y="313"/>
                    </a:lnTo>
                    <a:lnTo>
                      <a:pt x="44" y="307"/>
                    </a:lnTo>
                    <a:lnTo>
                      <a:pt x="51" y="298"/>
                    </a:lnTo>
                    <a:lnTo>
                      <a:pt x="54" y="293"/>
                    </a:lnTo>
                    <a:lnTo>
                      <a:pt x="56" y="288"/>
                    </a:lnTo>
                    <a:lnTo>
                      <a:pt x="58" y="281"/>
                    </a:lnTo>
                    <a:lnTo>
                      <a:pt x="59" y="276"/>
                    </a:lnTo>
                    <a:lnTo>
                      <a:pt x="59" y="271"/>
                    </a:lnTo>
                    <a:lnTo>
                      <a:pt x="59" y="264"/>
                    </a:lnTo>
                    <a:lnTo>
                      <a:pt x="59" y="259"/>
                    </a:lnTo>
                    <a:lnTo>
                      <a:pt x="58" y="254"/>
                    </a:lnTo>
                    <a:lnTo>
                      <a:pt x="56" y="249"/>
                    </a:lnTo>
                    <a:lnTo>
                      <a:pt x="54" y="244"/>
                    </a:lnTo>
                    <a:lnTo>
                      <a:pt x="54" y="241"/>
                    </a:lnTo>
                    <a:lnTo>
                      <a:pt x="52" y="236"/>
                    </a:lnTo>
                    <a:lnTo>
                      <a:pt x="51" y="232"/>
                    </a:lnTo>
                    <a:lnTo>
                      <a:pt x="49" y="231"/>
                    </a:lnTo>
                    <a:lnTo>
                      <a:pt x="49" y="229"/>
                    </a:lnTo>
                    <a:lnTo>
                      <a:pt x="42" y="209"/>
                    </a:lnTo>
                    <a:lnTo>
                      <a:pt x="29" y="195"/>
                    </a:lnTo>
                    <a:lnTo>
                      <a:pt x="29" y="165"/>
                    </a:lnTo>
                    <a:lnTo>
                      <a:pt x="5" y="134"/>
                    </a:lnTo>
                    <a:lnTo>
                      <a:pt x="0" y="9"/>
                    </a:lnTo>
                    <a:lnTo>
                      <a:pt x="298" y="0"/>
                    </a:lnTo>
                    <a:lnTo>
                      <a:pt x="296" y="0"/>
                    </a:lnTo>
                    <a:lnTo>
                      <a:pt x="296" y="2"/>
                    </a:lnTo>
                    <a:lnTo>
                      <a:pt x="296" y="4"/>
                    </a:lnTo>
                    <a:lnTo>
                      <a:pt x="296" y="5"/>
                    </a:lnTo>
                    <a:lnTo>
                      <a:pt x="296" y="9"/>
                    </a:lnTo>
                    <a:lnTo>
                      <a:pt x="296" y="11"/>
                    </a:lnTo>
                    <a:lnTo>
                      <a:pt x="298" y="12"/>
                    </a:lnTo>
                    <a:lnTo>
                      <a:pt x="300" y="12"/>
                    </a:lnTo>
                    <a:lnTo>
                      <a:pt x="301" y="11"/>
                    </a:lnTo>
                    <a:lnTo>
                      <a:pt x="303" y="11"/>
                    </a:lnTo>
                    <a:lnTo>
                      <a:pt x="305" y="14"/>
                    </a:lnTo>
                    <a:lnTo>
                      <a:pt x="305" y="16"/>
                    </a:lnTo>
                    <a:lnTo>
                      <a:pt x="306" y="17"/>
                    </a:lnTo>
                    <a:lnTo>
                      <a:pt x="305" y="29"/>
                    </a:lnTo>
                    <a:lnTo>
                      <a:pt x="311" y="34"/>
                    </a:lnTo>
                    <a:lnTo>
                      <a:pt x="303" y="44"/>
                    </a:lnTo>
                    <a:lnTo>
                      <a:pt x="305" y="49"/>
                    </a:lnTo>
                    <a:lnTo>
                      <a:pt x="316" y="48"/>
                    </a:lnTo>
                    <a:lnTo>
                      <a:pt x="316" y="60"/>
                    </a:lnTo>
                    <a:lnTo>
                      <a:pt x="315" y="60"/>
                    </a:lnTo>
                    <a:lnTo>
                      <a:pt x="315" y="61"/>
                    </a:lnTo>
                    <a:lnTo>
                      <a:pt x="313" y="63"/>
                    </a:lnTo>
                    <a:lnTo>
                      <a:pt x="311" y="65"/>
                    </a:lnTo>
                    <a:lnTo>
                      <a:pt x="310" y="66"/>
                    </a:lnTo>
                    <a:lnTo>
                      <a:pt x="311" y="68"/>
                    </a:lnTo>
                    <a:lnTo>
                      <a:pt x="313" y="70"/>
                    </a:lnTo>
                    <a:lnTo>
                      <a:pt x="320" y="70"/>
                    </a:lnTo>
                    <a:lnTo>
                      <a:pt x="320" y="71"/>
                    </a:lnTo>
                    <a:lnTo>
                      <a:pt x="320" y="73"/>
                    </a:lnTo>
                    <a:lnTo>
                      <a:pt x="318" y="75"/>
                    </a:lnTo>
                    <a:lnTo>
                      <a:pt x="318" y="78"/>
                    </a:lnTo>
                    <a:lnTo>
                      <a:pt x="320" y="80"/>
                    </a:lnTo>
                    <a:lnTo>
                      <a:pt x="323" y="82"/>
                    </a:lnTo>
                    <a:lnTo>
                      <a:pt x="328" y="82"/>
                    </a:lnTo>
                    <a:lnTo>
                      <a:pt x="327" y="85"/>
                    </a:lnTo>
                    <a:lnTo>
                      <a:pt x="325" y="87"/>
                    </a:lnTo>
                    <a:lnTo>
                      <a:pt x="325" y="90"/>
                    </a:lnTo>
                    <a:lnTo>
                      <a:pt x="323" y="93"/>
                    </a:lnTo>
                    <a:lnTo>
                      <a:pt x="322" y="97"/>
                    </a:lnTo>
                    <a:lnTo>
                      <a:pt x="320" y="99"/>
                    </a:lnTo>
                    <a:lnTo>
                      <a:pt x="320" y="100"/>
                    </a:lnTo>
                    <a:lnTo>
                      <a:pt x="318" y="100"/>
                    </a:lnTo>
                    <a:lnTo>
                      <a:pt x="315" y="100"/>
                    </a:lnTo>
                    <a:lnTo>
                      <a:pt x="310" y="102"/>
                    </a:lnTo>
                    <a:lnTo>
                      <a:pt x="306" y="102"/>
                    </a:lnTo>
                    <a:lnTo>
                      <a:pt x="303" y="104"/>
                    </a:lnTo>
                    <a:lnTo>
                      <a:pt x="303" y="105"/>
                    </a:lnTo>
                    <a:lnTo>
                      <a:pt x="306" y="107"/>
                    </a:lnTo>
                    <a:lnTo>
                      <a:pt x="313" y="110"/>
                    </a:lnTo>
                    <a:lnTo>
                      <a:pt x="313" y="112"/>
                    </a:lnTo>
                    <a:lnTo>
                      <a:pt x="313" y="114"/>
                    </a:lnTo>
                    <a:lnTo>
                      <a:pt x="311" y="119"/>
                    </a:lnTo>
                    <a:lnTo>
                      <a:pt x="308" y="122"/>
                    </a:lnTo>
                    <a:lnTo>
                      <a:pt x="306" y="126"/>
                    </a:lnTo>
                    <a:lnTo>
                      <a:pt x="303" y="129"/>
                    </a:lnTo>
                    <a:lnTo>
                      <a:pt x="303" y="132"/>
                    </a:lnTo>
                    <a:lnTo>
                      <a:pt x="301" y="134"/>
                    </a:lnTo>
                    <a:lnTo>
                      <a:pt x="300" y="146"/>
                    </a:lnTo>
                    <a:lnTo>
                      <a:pt x="291" y="146"/>
                    </a:lnTo>
                    <a:lnTo>
                      <a:pt x="284" y="173"/>
                    </a:lnTo>
                    <a:lnTo>
                      <a:pt x="276" y="178"/>
                    </a:lnTo>
                    <a:lnTo>
                      <a:pt x="284" y="178"/>
                    </a:lnTo>
                    <a:lnTo>
                      <a:pt x="284" y="180"/>
                    </a:lnTo>
                    <a:lnTo>
                      <a:pt x="283" y="180"/>
                    </a:lnTo>
                    <a:lnTo>
                      <a:pt x="279" y="183"/>
                    </a:lnTo>
                    <a:lnTo>
                      <a:pt x="278" y="185"/>
                    </a:lnTo>
                    <a:lnTo>
                      <a:pt x="274" y="188"/>
                    </a:lnTo>
                    <a:lnTo>
                      <a:pt x="274" y="190"/>
                    </a:lnTo>
                    <a:lnTo>
                      <a:pt x="274" y="193"/>
                    </a:lnTo>
                    <a:lnTo>
                      <a:pt x="276" y="195"/>
                    </a:lnTo>
                    <a:lnTo>
                      <a:pt x="276" y="197"/>
                    </a:lnTo>
                    <a:lnTo>
                      <a:pt x="274" y="198"/>
                    </a:lnTo>
                    <a:lnTo>
                      <a:pt x="272" y="200"/>
                    </a:lnTo>
                    <a:lnTo>
                      <a:pt x="269" y="203"/>
                    </a:lnTo>
                    <a:lnTo>
                      <a:pt x="269" y="207"/>
                    </a:lnTo>
                    <a:lnTo>
                      <a:pt x="267" y="209"/>
                    </a:lnTo>
                    <a:lnTo>
                      <a:pt x="269" y="210"/>
                    </a:lnTo>
                    <a:lnTo>
                      <a:pt x="272" y="210"/>
                    </a:lnTo>
                    <a:lnTo>
                      <a:pt x="274" y="212"/>
                    </a:lnTo>
                    <a:lnTo>
                      <a:pt x="274" y="215"/>
                    </a:lnTo>
                    <a:lnTo>
                      <a:pt x="272" y="217"/>
                    </a:lnTo>
                    <a:lnTo>
                      <a:pt x="267" y="222"/>
                    </a:lnTo>
                    <a:lnTo>
                      <a:pt x="264" y="224"/>
                    </a:lnTo>
                    <a:lnTo>
                      <a:pt x="261" y="225"/>
                    </a:lnTo>
                    <a:lnTo>
                      <a:pt x="259" y="227"/>
                    </a:lnTo>
                    <a:lnTo>
                      <a:pt x="259" y="231"/>
                    </a:lnTo>
                    <a:lnTo>
                      <a:pt x="259" y="232"/>
                    </a:lnTo>
                    <a:lnTo>
                      <a:pt x="261" y="234"/>
                    </a:lnTo>
                    <a:lnTo>
                      <a:pt x="262" y="236"/>
                    </a:lnTo>
                    <a:lnTo>
                      <a:pt x="264" y="236"/>
                    </a:lnTo>
                    <a:lnTo>
                      <a:pt x="266" y="237"/>
                    </a:lnTo>
                    <a:lnTo>
                      <a:pt x="264" y="239"/>
                    </a:lnTo>
                    <a:lnTo>
                      <a:pt x="264" y="242"/>
                    </a:lnTo>
                    <a:lnTo>
                      <a:pt x="264" y="244"/>
                    </a:lnTo>
                    <a:lnTo>
                      <a:pt x="262" y="247"/>
                    </a:lnTo>
                    <a:lnTo>
                      <a:pt x="262" y="251"/>
                    </a:lnTo>
                    <a:lnTo>
                      <a:pt x="262" y="253"/>
                    </a:lnTo>
                    <a:lnTo>
                      <a:pt x="262" y="254"/>
                    </a:lnTo>
                    <a:lnTo>
                      <a:pt x="462" y="241"/>
                    </a:lnTo>
                    <a:lnTo>
                      <a:pt x="462" y="264"/>
                    </a:lnTo>
                    <a:lnTo>
                      <a:pt x="460" y="264"/>
                    </a:lnTo>
                    <a:lnTo>
                      <a:pt x="459" y="268"/>
                    </a:lnTo>
                    <a:lnTo>
                      <a:pt x="457" y="273"/>
                    </a:lnTo>
                    <a:lnTo>
                      <a:pt x="455" y="276"/>
                    </a:lnTo>
                    <a:lnTo>
                      <a:pt x="454" y="283"/>
                    </a:lnTo>
                    <a:lnTo>
                      <a:pt x="454" y="288"/>
                    </a:lnTo>
                    <a:lnTo>
                      <a:pt x="457" y="293"/>
                    </a:lnTo>
                    <a:lnTo>
                      <a:pt x="462" y="297"/>
                    </a:lnTo>
                    <a:lnTo>
                      <a:pt x="464" y="298"/>
                    </a:lnTo>
                    <a:lnTo>
                      <a:pt x="467" y="302"/>
                    </a:lnTo>
                    <a:lnTo>
                      <a:pt x="470" y="307"/>
                    </a:lnTo>
                    <a:lnTo>
                      <a:pt x="476" y="313"/>
                    </a:lnTo>
                    <a:lnTo>
                      <a:pt x="479" y="320"/>
                    </a:lnTo>
                    <a:lnTo>
                      <a:pt x="482" y="327"/>
                    </a:lnTo>
                    <a:lnTo>
                      <a:pt x="482" y="335"/>
                    </a:lnTo>
                    <a:lnTo>
                      <a:pt x="481" y="342"/>
                    </a:lnTo>
                    <a:lnTo>
                      <a:pt x="479" y="342"/>
                    </a:lnTo>
                    <a:lnTo>
                      <a:pt x="477" y="342"/>
                    </a:lnTo>
                    <a:lnTo>
                      <a:pt x="474" y="342"/>
                    </a:lnTo>
                    <a:lnTo>
                      <a:pt x="472" y="342"/>
                    </a:lnTo>
                    <a:lnTo>
                      <a:pt x="470" y="342"/>
                    </a:lnTo>
                    <a:lnTo>
                      <a:pt x="469" y="342"/>
                    </a:lnTo>
                    <a:lnTo>
                      <a:pt x="467" y="342"/>
                    </a:lnTo>
                    <a:lnTo>
                      <a:pt x="450" y="334"/>
                    </a:lnTo>
                    <a:lnTo>
                      <a:pt x="445" y="335"/>
                    </a:lnTo>
                    <a:lnTo>
                      <a:pt x="443" y="334"/>
                    </a:lnTo>
                    <a:lnTo>
                      <a:pt x="442" y="332"/>
                    </a:lnTo>
                    <a:lnTo>
                      <a:pt x="440" y="329"/>
                    </a:lnTo>
                    <a:lnTo>
                      <a:pt x="437" y="325"/>
                    </a:lnTo>
                    <a:lnTo>
                      <a:pt x="432" y="322"/>
                    </a:lnTo>
                    <a:lnTo>
                      <a:pt x="426" y="322"/>
                    </a:lnTo>
                    <a:lnTo>
                      <a:pt x="421" y="324"/>
                    </a:lnTo>
                    <a:lnTo>
                      <a:pt x="415" y="329"/>
                    </a:lnTo>
                    <a:lnTo>
                      <a:pt x="413" y="330"/>
                    </a:lnTo>
                    <a:lnTo>
                      <a:pt x="411" y="332"/>
                    </a:lnTo>
                    <a:lnTo>
                      <a:pt x="410" y="335"/>
                    </a:lnTo>
                    <a:lnTo>
                      <a:pt x="408" y="339"/>
                    </a:lnTo>
                    <a:lnTo>
                      <a:pt x="404" y="341"/>
                    </a:lnTo>
                    <a:lnTo>
                      <a:pt x="403" y="344"/>
                    </a:lnTo>
                    <a:lnTo>
                      <a:pt x="403" y="346"/>
                    </a:lnTo>
                    <a:lnTo>
                      <a:pt x="401" y="346"/>
                    </a:lnTo>
                    <a:lnTo>
                      <a:pt x="401" y="347"/>
                    </a:lnTo>
                    <a:lnTo>
                      <a:pt x="399" y="349"/>
                    </a:lnTo>
                    <a:lnTo>
                      <a:pt x="398" y="352"/>
                    </a:lnTo>
                    <a:lnTo>
                      <a:pt x="398" y="356"/>
                    </a:lnTo>
                    <a:lnTo>
                      <a:pt x="399" y="359"/>
                    </a:lnTo>
                    <a:lnTo>
                      <a:pt x="403" y="361"/>
                    </a:lnTo>
                    <a:lnTo>
                      <a:pt x="411" y="364"/>
                    </a:lnTo>
                    <a:lnTo>
                      <a:pt x="423" y="364"/>
                    </a:lnTo>
                    <a:lnTo>
                      <a:pt x="426" y="366"/>
                    </a:lnTo>
                    <a:lnTo>
                      <a:pt x="428" y="366"/>
                    </a:lnTo>
                    <a:lnTo>
                      <a:pt x="433" y="366"/>
                    </a:lnTo>
                    <a:lnTo>
                      <a:pt x="437" y="364"/>
                    </a:lnTo>
                    <a:lnTo>
                      <a:pt x="443" y="363"/>
                    </a:lnTo>
                    <a:lnTo>
                      <a:pt x="450" y="359"/>
                    </a:lnTo>
                    <a:lnTo>
                      <a:pt x="457" y="352"/>
                    </a:lnTo>
                    <a:lnTo>
                      <a:pt x="459" y="352"/>
                    </a:lnTo>
                    <a:lnTo>
                      <a:pt x="462" y="352"/>
                    </a:lnTo>
                    <a:lnTo>
                      <a:pt x="464" y="356"/>
                    </a:lnTo>
                    <a:lnTo>
                      <a:pt x="465" y="356"/>
                    </a:lnTo>
                    <a:lnTo>
                      <a:pt x="474" y="347"/>
                    </a:lnTo>
                    <a:lnTo>
                      <a:pt x="481" y="352"/>
                    </a:lnTo>
                    <a:lnTo>
                      <a:pt x="474" y="363"/>
                    </a:lnTo>
                    <a:lnTo>
                      <a:pt x="472" y="363"/>
                    </a:lnTo>
                    <a:lnTo>
                      <a:pt x="469" y="364"/>
                    </a:lnTo>
                    <a:lnTo>
                      <a:pt x="465" y="366"/>
                    </a:lnTo>
                    <a:lnTo>
                      <a:pt x="462" y="368"/>
                    </a:lnTo>
                    <a:lnTo>
                      <a:pt x="460" y="369"/>
                    </a:lnTo>
                    <a:lnTo>
                      <a:pt x="459" y="373"/>
                    </a:lnTo>
                    <a:lnTo>
                      <a:pt x="462" y="373"/>
                    </a:lnTo>
                    <a:lnTo>
                      <a:pt x="470" y="374"/>
                    </a:lnTo>
                    <a:lnTo>
                      <a:pt x="472" y="374"/>
                    </a:lnTo>
                    <a:lnTo>
                      <a:pt x="474" y="376"/>
                    </a:lnTo>
                    <a:lnTo>
                      <a:pt x="479" y="378"/>
                    </a:lnTo>
                    <a:lnTo>
                      <a:pt x="484" y="379"/>
                    </a:lnTo>
                    <a:lnTo>
                      <a:pt x="487" y="381"/>
                    </a:lnTo>
                    <a:lnTo>
                      <a:pt x="491" y="379"/>
                    </a:lnTo>
                    <a:lnTo>
                      <a:pt x="491" y="378"/>
                    </a:lnTo>
                    <a:lnTo>
                      <a:pt x="489" y="373"/>
                    </a:lnTo>
                    <a:lnTo>
                      <a:pt x="489" y="371"/>
                    </a:lnTo>
                    <a:lnTo>
                      <a:pt x="491" y="369"/>
                    </a:lnTo>
                    <a:lnTo>
                      <a:pt x="492" y="368"/>
                    </a:lnTo>
                    <a:lnTo>
                      <a:pt x="494" y="364"/>
                    </a:lnTo>
                    <a:lnTo>
                      <a:pt x="496" y="363"/>
                    </a:lnTo>
                    <a:lnTo>
                      <a:pt x="496" y="361"/>
                    </a:lnTo>
                    <a:lnTo>
                      <a:pt x="498" y="359"/>
                    </a:lnTo>
                    <a:lnTo>
                      <a:pt x="499" y="357"/>
                    </a:lnTo>
                    <a:lnTo>
                      <a:pt x="503" y="357"/>
                    </a:lnTo>
                    <a:lnTo>
                      <a:pt x="504" y="357"/>
                    </a:lnTo>
                    <a:lnTo>
                      <a:pt x="506" y="357"/>
                    </a:lnTo>
                    <a:lnTo>
                      <a:pt x="504" y="359"/>
                    </a:lnTo>
                    <a:lnTo>
                      <a:pt x="503" y="361"/>
                    </a:lnTo>
                    <a:lnTo>
                      <a:pt x="503" y="364"/>
                    </a:lnTo>
                    <a:lnTo>
                      <a:pt x="504" y="366"/>
                    </a:lnTo>
                    <a:lnTo>
                      <a:pt x="506" y="369"/>
                    </a:lnTo>
                    <a:lnTo>
                      <a:pt x="508" y="369"/>
                    </a:lnTo>
                    <a:lnTo>
                      <a:pt x="506" y="383"/>
                    </a:lnTo>
                    <a:lnTo>
                      <a:pt x="509" y="388"/>
                    </a:lnTo>
                    <a:lnTo>
                      <a:pt x="523" y="388"/>
                    </a:lnTo>
                    <a:lnTo>
                      <a:pt x="521" y="395"/>
                    </a:lnTo>
                    <a:lnTo>
                      <a:pt x="506" y="395"/>
                    </a:lnTo>
                    <a:lnTo>
                      <a:pt x="499" y="400"/>
                    </a:lnTo>
                    <a:lnTo>
                      <a:pt x="486" y="400"/>
                    </a:lnTo>
                    <a:lnTo>
                      <a:pt x="486" y="417"/>
                    </a:lnTo>
                    <a:lnTo>
                      <a:pt x="486" y="418"/>
                    </a:lnTo>
                    <a:lnTo>
                      <a:pt x="486" y="422"/>
                    </a:lnTo>
                    <a:lnTo>
                      <a:pt x="486" y="423"/>
                    </a:lnTo>
                    <a:lnTo>
                      <a:pt x="486" y="427"/>
                    </a:lnTo>
                    <a:lnTo>
                      <a:pt x="487" y="429"/>
                    </a:lnTo>
                    <a:lnTo>
                      <a:pt x="489" y="430"/>
                    </a:lnTo>
                    <a:lnTo>
                      <a:pt x="494" y="432"/>
                    </a:lnTo>
                    <a:lnTo>
                      <a:pt x="499" y="437"/>
                    </a:lnTo>
                    <a:lnTo>
                      <a:pt x="504" y="442"/>
                    </a:lnTo>
                    <a:lnTo>
                      <a:pt x="516" y="442"/>
                    </a:lnTo>
                    <a:lnTo>
                      <a:pt x="523" y="449"/>
                    </a:lnTo>
                    <a:lnTo>
                      <a:pt x="543" y="456"/>
                    </a:lnTo>
                    <a:lnTo>
                      <a:pt x="542" y="462"/>
                    </a:lnTo>
                    <a:lnTo>
                      <a:pt x="555" y="462"/>
                    </a:lnTo>
                    <a:lnTo>
                      <a:pt x="553" y="474"/>
                    </a:lnTo>
                    <a:lnTo>
                      <a:pt x="542" y="479"/>
                    </a:lnTo>
                    <a:lnTo>
                      <a:pt x="540" y="486"/>
                    </a:lnTo>
                    <a:lnTo>
                      <a:pt x="531" y="478"/>
                    </a:lnTo>
                    <a:lnTo>
                      <a:pt x="530" y="478"/>
                    </a:lnTo>
                    <a:lnTo>
                      <a:pt x="528" y="481"/>
                    </a:lnTo>
                    <a:lnTo>
                      <a:pt x="525" y="484"/>
                    </a:lnTo>
                    <a:lnTo>
                      <a:pt x="521" y="488"/>
                    </a:lnTo>
                    <a:lnTo>
                      <a:pt x="520" y="489"/>
                    </a:lnTo>
                    <a:lnTo>
                      <a:pt x="518" y="489"/>
                    </a:lnTo>
                    <a:lnTo>
                      <a:pt x="518" y="486"/>
                    </a:lnTo>
                    <a:lnTo>
                      <a:pt x="521" y="478"/>
                    </a:lnTo>
                    <a:lnTo>
                      <a:pt x="521" y="474"/>
                    </a:lnTo>
                    <a:lnTo>
                      <a:pt x="518" y="471"/>
                    </a:lnTo>
                    <a:lnTo>
                      <a:pt x="514" y="469"/>
                    </a:lnTo>
                    <a:lnTo>
                      <a:pt x="513" y="467"/>
                    </a:lnTo>
                    <a:lnTo>
                      <a:pt x="513" y="466"/>
                    </a:lnTo>
                    <a:lnTo>
                      <a:pt x="513" y="464"/>
                    </a:lnTo>
                    <a:lnTo>
                      <a:pt x="511" y="462"/>
                    </a:lnTo>
                    <a:lnTo>
                      <a:pt x="508" y="461"/>
                    </a:lnTo>
                    <a:lnTo>
                      <a:pt x="503" y="457"/>
                    </a:lnTo>
                    <a:lnTo>
                      <a:pt x="494" y="456"/>
                    </a:lnTo>
                    <a:lnTo>
                      <a:pt x="484" y="454"/>
                    </a:lnTo>
                    <a:lnTo>
                      <a:pt x="481" y="454"/>
                    </a:lnTo>
                    <a:lnTo>
                      <a:pt x="477" y="454"/>
                    </a:lnTo>
                    <a:lnTo>
                      <a:pt x="476" y="452"/>
                    </a:lnTo>
                    <a:lnTo>
                      <a:pt x="472" y="452"/>
                    </a:lnTo>
                    <a:lnTo>
                      <a:pt x="470" y="452"/>
                    </a:lnTo>
                    <a:lnTo>
                      <a:pt x="469" y="451"/>
                    </a:lnTo>
                    <a:lnTo>
                      <a:pt x="469" y="447"/>
                    </a:lnTo>
                    <a:lnTo>
                      <a:pt x="467" y="442"/>
                    </a:lnTo>
                    <a:lnTo>
                      <a:pt x="465" y="439"/>
                    </a:lnTo>
                    <a:lnTo>
                      <a:pt x="464" y="435"/>
                    </a:lnTo>
                    <a:lnTo>
                      <a:pt x="462" y="432"/>
                    </a:lnTo>
                    <a:lnTo>
                      <a:pt x="459" y="432"/>
                    </a:lnTo>
                    <a:lnTo>
                      <a:pt x="454" y="435"/>
                    </a:lnTo>
                    <a:lnTo>
                      <a:pt x="452" y="435"/>
                    </a:lnTo>
                    <a:lnTo>
                      <a:pt x="447" y="432"/>
                    </a:lnTo>
                    <a:lnTo>
                      <a:pt x="440" y="429"/>
                    </a:lnTo>
                    <a:lnTo>
                      <a:pt x="435" y="425"/>
                    </a:lnTo>
                    <a:lnTo>
                      <a:pt x="430" y="423"/>
                    </a:lnTo>
                    <a:lnTo>
                      <a:pt x="428" y="425"/>
                    </a:lnTo>
                    <a:lnTo>
                      <a:pt x="433" y="430"/>
                    </a:lnTo>
                    <a:lnTo>
                      <a:pt x="443" y="440"/>
                    </a:lnTo>
                    <a:lnTo>
                      <a:pt x="443" y="444"/>
                    </a:lnTo>
                    <a:lnTo>
                      <a:pt x="443" y="445"/>
                    </a:lnTo>
                    <a:lnTo>
                      <a:pt x="445" y="449"/>
                    </a:lnTo>
                    <a:lnTo>
                      <a:pt x="445" y="451"/>
                    </a:lnTo>
                    <a:lnTo>
                      <a:pt x="443" y="451"/>
                    </a:lnTo>
                    <a:lnTo>
                      <a:pt x="442" y="451"/>
                    </a:lnTo>
                    <a:lnTo>
                      <a:pt x="438" y="449"/>
                    </a:lnTo>
                    <a:lnTo>
                      <a:pt x="435" y="451"/>
                    </a:lnTo>
                    <a:lnTo>
                      <a:pt x="433" y="451"/>
                    </a:lnTo>
                    <a:lnTo>
                      <a:pt x="432" y="452"/>
                    </a:lnTo>
                    <a:lnTo>
                      <a:pt x="433" y="456"/>
                    </a:lnTo>
                    <a:lnTo>
                      <a:pt x="437" y="461"/>
                    </a:lnTo>
                    <a:lnTo>
                      <a:pt x="438" y="462"/>
                    </a:lnTo>
                    <a:lnTo>
                      <a:pt x="442" y="466"/>
                    </a:lnTo>
                    <a:lnTo>
                      <a:pt x="445" y="469"/>
                    </a:lnTo>
                    <a:lnTo>
                      <a:pt x="445" y="471"/>
                    </a:lnTo>
                    <a:lnTo>
                      <a:pt x="432" y="484"/>
                    </a:lnTo>
                    <a:lnTo>
                      <a:pt x="430" y="484"/>
                    </a:lnTo>
                    <a:lnTo>
                      <a:pt x="428" y="484"/>
                    </a:lnTo>
                    <a:lnTo>
                      <a:pt x="425" y="483"/>
                    </a:lnTo>
                    <a:lnTo>
                      <a:pt x="425" y="481"/>
                    </a:lnTo>
                    <a:lnTo>
                      <a:pt x="423" y="478"/>
                    </a:lnTo>
                    <a:lnTo>
                      <a:pt x="423" y="473"/>
                    </a:lnTo>
                    <a:lnTo>
                      <a:pt x="411" y="459"/>
                    </a:lnTo>
                    <a:lnTo>
                      <a:pt x="401" y="454"/>
                    </a:lnTo>
                    <a:lnTo>
                      <a:pt x="393" y="462"/>
                    </a:lnTo>
                    <a:lnTo>
                      <a:pt x="386" y="459"/>
                    </a:lnTo>
                    <a:lnTo>
                      <a:pt x="388" y="469"/>
                    </a:lnTo>
                    <a:lnTo>
                      <a:pt x="369" y="484"/>
                    </a:lnTo>
                    <a:lnTo>
                      <a:pt x="366" y="486"/>
                    </a:lnTo>
                    <a:lnTo>
                      <a:pt x="362" y="486"/>
                    </a:lnTo>
                    <a:lnTo>
                      <a:pt x="359" y="486"/>
                    </a:lnTo>
                    <a:lnTo>
                      <a:pt x="355" y="484"/>
                    </a:lnTo>
                    <a:lnTo>
                      <a:pt x="352" y="481"/>
                    </a:lnTo>
                    <a:lnTo>
                      <a:pt x="352" y="478"/>
                    </a:lnTo>
                    <a:lnTo>
                      <a:pt x="355" y="471"/>
                    </a:lnTo>
                    <a:lnTo>
                      <a:pt x="355" y="469"/>
                    </a:lnTo>
                    <a:lnTo>
                      <a:pt x="359" y="467"/>
                    </a:lnTo>
                    <a:lnTo>
                      <a:pt x="360" y="466"/>
                    </a:lnTo>
                    <a:lnTo>
                      <a:pt x="362" y="466"/>
                    </a:lnTo>
                    <a:lnTo>
                      <a:pt x="345" y="467"/>
                    </a:lnTo>
                    <a:lnTo>
                      <a:pt x="342" y="478"/>
                    </a:lnTo>
                    <a:lnTo>
                      <a:pt x="327" y="471"/>
                    </a:lnTo>
                    <a:lnTo>
                      <a:pt x="330" y="462"/>
                    </a:lnTo>
                    <a:lnTo>
                      <a:pt x="308" y="440"/>
                    </a:lnTo>
                    <a:lnTo>
                      <a:pt x="301" y="440"/>
                    </a:lnTo>
                    <a:lnTo>
                      <a:pt x="289" y="435"/>
                    </a:lnTo>
                    <a:lnTo>
                      <a:pt x="288" y="437"/>
                    </a:lnTo>
                    <a:lnTo>
                      <a:pt x="286" y="437"/>
                    </a:lnTo>
                    <a:lnTo>
                      <a:pt x="284" y="439"/>
                    </a:lnTo>
                    <a:lnTo>
                      <a:pt x="281" y="439"/>
                    </a:lnTo>
                    <a:lnTo>
                      <a:pt x="281" y="437"/>
                    </a:lnTo>
                    <a:lnTo>
                      <a:pt x="279" y="435"/>
                    </a:lnTo>
                    <a:lnTo>
                      <a:pt x="278" y="432"/>
                    </a:lnTo>
                    <a:lnTo>
                      <a:pt x="278" y="423"/>
                    </a:lnTo>
                    <a:lnTo>
                      <a:pt x="271" y="420"/>
                    </a:lnTo>
                    <a:lnTo>
                      <a:pt x="271" y="418"/>
                    </a:lnTo>
                    <a:lnTo>
                      <a:pt x="271" y="417"/>
                    </a:lnTo>
                    <a:lnTo>
                      <a:pt x="269" y="413"/>
                    </a:lnTo>
                    <a:lnTo>
                      <a:pt x="269" y="412"/>
                    </a:lnTo>
                    <a:lnTo>
                      <a:pt x="267" y="408"/>
                    </a:lnTo>
                    <a:lnTo>
                      <a:pt x="264" y="407"/>
                    </a:lnTo>
                    <a:lnTo>
                      <a:pt x="261" y="408"/>
                    </a:lnTo>
                    <a:lnTo>
                      <a:pt x="256" y="412"/>
                    </a:lnTo>
                    <a:lnTo>
                      <a:pt x="254" y="413"/>
                    </a:lnTo>
                    <a:lnTo>
                      <a:pt x="252" y="415"/>
                    </a:lnTo>
                    <a:lnTo>
                      <a:pt x="250" y="417"/>
                    </a:lnTo>
                    <a:lnTo>
                      <a:pt x="247" y="417"/>
                    </a:lnTo>
                    <a:lnTo>
                      <a:pt x="245" y="415"/>
                    </a:lnTo>
                    <a:lnTo>
                      <a:pt x="244" y="412"/>
                    </a:lnTo>
                    <a:lnTo>
                      <a:pt x="244" y="405"/>
                    </a:lnTo>
                    <a:lnTo>
                      <a:pt x="245" y="403"/>
                    </a:lnTo>
                    <a:lnTo>
                      <a:pt x="245" y="401"/>
                    </a:lnTo>
                    <a:lnTo>
                      <a:pt x="245" y="400"/>
                    </a:lnTo>
                    <a:lnTo>
                      <a:pt x="232" y="401"/>
                    </a:lnTo>
                    <a:lnTo>
                      <a:pt x="215" y="412"/>
                    </a:lnTo>
                    <a:lnTo>
                      <a:pt x="210" y="415"/>
                    </a:lnTo>
                    <a:lnTo>
                      <a:pt x="225" y="429"/>
                    </a:lnTo>
                    <a:lnTo>
                      <a:pt x="223" y="435"/>
                    </a:lnTo>
                    <a:lnTo>
                      <a:pt x="203" y="440"/>
                    </a:lnTo>
                    <a:lnTo>
                      <a:pt x="200" y="440"/>
                    </a:lnTo>
                    <a:lnTo>
                      <a:pt x="196" y="440"/>
                    </a:lnTo>
                    <a:lnTo>
                      <a:pt x="193" y="440"/>
                    </a:lnTo>
                    <a:lnTo>
                      <a:pt x="186" y="440"/>
                    </a:lnTo>
                    <a:lnTo>
                      <a:pt x="179" y="439"/>
                    </a:lnTo>
                    <a:lnTo>
                      <a:pt x="173" y="439"/>
                    </a:lnTo>
                    <a:lnTo>
                      <a:pt x="166" y="437"/>
                    </a:lnTo>
                    <a:lnTo>
                      <a:pt x="159" y="435"/>
                    </a:lnTo>
                    <a:lnTo>
                      <a:pt x="151" y="434"/>
                    </a:lnTo>
                    <a:lnTo>
                      <a:pt x="142" y="432"/>
                    </a:lnTo>
                    <a:lnTo>
                      <a:pt x="135" y="430"/>
                    </a:lnTo>
                    <a:lnTo>
                      <a:pt x="129" y="427"/>
                    </a:lnTo>
                    <a:lnTo>
                      <a:pt x="122" y="423"/>
                    </a:lnTo>
                    <a:lnTo>
                      <a:pt x="117" y="420"/>
                    </a:lnTo>
                    <a:lnTo>
                      <a:pt x="112" y="417"/>
                    </a:lnTo>
                    <a:lnTo>
                      <a:pt x="108" y="417"/>
                    </a:lnTo>
                    <a:lnTo>
                      <a:pt x="105" y="417"/>
                    </a:lnTo>
                    <a:lnTo>
                      <a:pt x="100" y="415"/>
                    </a:lnTo>
                    <a:lnTo>
                      <a:pt x="95" y="415"/>
                    </a:lnTo>
                    <a:lnTo>
                      <a:pt x="91" y="415"/>
                    </a:lnTo>
                    <a:lnTo>
                      <a:pt x="90" y="415"/>
                    </a:lnTo>
                    <a:lnTo>
                      <a:pt x="88" y="415"/>
                    </a:lnTo>
                    <a:lnTo>
                      <a:pt x="90" y="407"/>
                    </a:lnTo>
                    <a:lnTo>
                      <a:pt x="98" y="400"/>
                    </a:lnTo>
                    <a:lnTo>
                      <a:pt x="88" y="381"/>
                    </a:lnTo>
                    <a:lnTo>
                      <a:pt x="81" y="391"/>
                    </a:lnTo>
                    <a:lnTo>
                      <a:pt x="85" y="396"/>
                    </a:lnTo>
                    <a:lnTo>
                      <a:pt x="81" y="400"/>
                    </a:lnTo>
                    <a:lnTo>
                      <a:pt x="76" y="405"/>
                    </a:lnTo>
                    <a:lnTo>
                      <a:pt x="85" y="408"/>
                    </a:lnTo>
                    <a:lnTo>
                      <a:pt x="81" y="417"/>
                    </a:lnTo>
                    <a:lnTo>
                      <a:pt x="76" y="417"/>
                    </a:lnTo>
                    <a:lnTo>
                      <a:pt x="71" y="417"/>
                    </a:lnTo>
                    <a:lnTo>
                      <a:pt x="64" y="417"/>
                    </a:lnTo>
                    <a:lnTo>
                      <a:pt x="56" y="417"/>
                    </a:lnTo>
                    <a:lnTo>
                      <a:pt x="49" y="418"/>
                    </a:lnTo>
                    <a:lnTo>
                      <a:pt x="42" y="420"/>
                    </a:lnTo>
                    <a:lnTo>
                      <a:pt x="36" y="423"/>
                    </a:lnTo>
                    <a:lnTo>
                      <a:pt x="34" y="423"/>
                    </a:lnTo>
                    <a:lnTo>
                      <a:pt x="32" y="422"/>
                    </a:lnTo>
                    <a:lnTo>
                      <a:pt x="32" y="420"/>
                    </a:lnTo>
                    <a:lnTo>
                      <a:pt x="30" y="417"/>
                    </a:lnTo>
                    <a:lnTo>
                      <a:pt x="29" y="415"/>
                    </a:lnTo>
                    <a:lnTo>
                      <a:pt x="29" y="413"/>
                    </a:lnTo>
                    <a:lnTo>
                      <a:pt x="27" y="413"/>
                    </a:lnTo>
                    <a:lnTo>
                      <a:pt x="39" y="400"/>
                    </a:lnTo>
                    <a:lnTo>
                      <a:pt x="41" y="39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592" name="Freeform 61"/>
              <p:cNvSpPr>
                <a:spLocks/>
              </p:cNvSpPr>
              <p:nvPr/>
            </p:nvSpPr>
            <p:spPr bwMode="auto">
              <a:xfrm>
                <a:off x="3486" y="1959"/>
                <a:ext cx="289" cy="512"/>
              </a:xfrm>
              <a:custGeom>
                <a:avLst/>
                <a:gdLst>
                  <a:gd name="T0" fmla="*/ 0 w 298"/>
                  <a:gd name="T1" fmla="*/ 333 h 528"/>
                  <a:gd name="T2" fmla="*/ 5 w 298"/>
                  <a:gd name="T3" fmla="*/ 327 h 528"/>
                  <a:gd name="T4" fmla="*/ 7 w 298"/>
                  <a:gd name="T5" fmla="*/ 317 h 528"/>
                  <a:gd name="T6" fmla="*/ 10 w 298"/>
                  <a:gd name="T7" fmla="*/ 307 h 528"/>
                  <a:gd name="T8" fmla="*/ 16 w 298"/>
                  <a:gd name="T9" fmla="*/ 297 h 528"/>
                  <a:gd name="T10" fmla="*/ 20 w 298"/>
                  <a:gd name="T11" fmla="*/ 277 h 528"/>
                  <a:gd name="T12" fmla="*/ 24 w 298"/>
                  <a:gd name="T13" fmla="*/ 271 h 528"/>
                  <a:gd name="T14" fmla="*/ 29 w 298"/>
                  <a:gd name="T15" fmla="*/ 255 h 528"/>
                  <a:gd name="T16" fmla="*/ 18 w 298"/>
                  <a:gd name="T17" fmla="*/ 238 h 528"/>
                  <a:gd name="T18" fmla="*/ 16 w 298"/>
                  <a:gd name="T19" fmla="*/ 217 h 528"/>
                  <a:gd name="T20" fmla="*/ 18 w 298"/>
                  <a:gd name="T21" fmla="*/ 208 h 528"/>
                  <a:gd name="T22" fmla="*/ 16 w 298"/>
                  <a:gd name="T23" fmla="*/ 189 h 528"/>
                  <a:gd name="T24" fmla="*/ 16 w 298"/>
                  <a:gd name="T25" fmla="*/ 161 h 528"/>
                  <a:gd name="T26" fmla="*/ 16 w 298"/>
                  <a:gd name="T27" fmla="*/ 127 h 528"/>
                  <a:gd name="T28" fmla="*/ 16 w 298"/>
                  <a:gd name="T29" fmla="*/ 91 h 528"/>
                  <a:gd name="T30" fmla="*/ 12 w 298"/>
                  <a:gd name="T31" fmla="*/ 59 h 528"/>
                  <a:gd name="T32" fmla="*/ 9 w 298"/>
                  <a:gd name="T33" fmla="*/ 37 h 528"/>
                  <a:gd name="T34" fmla="*/ 7 w 298"/>
                  <a:gd name="T35" fmla="*/ 20 h 528"/>
                  <a:gd name="T36" fmla="*/ 9 w 298"/>
                  <a:gd name="T37" fmla="*/ 22 h 528"/>
                  <a:gd name="T38" fmla="*/ 16 w 298"/>
                  <a:gd name="T39" fmla="*/ 29 h 528"/>
                  <a:gd name="T40" fmla="*/ 18 w 298"/>
                  <a:gd name="T41" fmla="*/ 30 h 528"/>
                  <a:gd name="T42" fmla="*/ 41 w 298"/>
                  <a:gd name="T43" fmla="*/ 16 h 528"/>
                  <a:gd name="T44" fmla="*/ 168 w 298"/>
                  <a:gd name="T45" fmla="*/ 16 h 528"/>
                  <a:gd name="T46" fmla="*/ 191 w 298"/>
                  <a:gd name="T47" fmla="*/ 218 h 528"/>
                  <a:gd name="T48" fmla="*/ 189 w 298"/>
                  <a:gd name="T49" fmla="*/ 228 h 528"/>
                  <a:gd name="T50" fmla="*/ 192 w 298"/>
                  <a:gd name="T51" fmla="*/ 238 h 528"/>
                  <a:gd name="T52" fmla="*/ 193 w 298"/>
                  <a:gd name="T53" fmla="*/ 245 h 528"/>
                  <a:gd name="T54" fmla="*/ 179 w 298"/>
                  <a:gd name="T55" fmla="*/ 247 h 528"/>
                  <a:gd name="T56" fmla="*/ 170 w 298"/>
                  <a:gd name="T57" fmla="*/ 249 h 528"/>
                  <a:gd name="T58" fmla="*/ 166 w 298"/>
                  <a:gd name="T59" fmla="*/ 249 h 528"/>
                  <a:gd name="T60" fmla="*/ 156 w 298"/>
                  <a:gd name="T61" fmla="*/ 256 h 528"/>
                  <a:gd name="T62" fmla="*/ 159 w 298"/>
                  <a:gd name="T63" fmla="*/ 267 h 528"/>
                  <a:gd name="T64" fmla="*/ 156 w 298"/>
                  <a:gd name="T65" fmla="*/ 271 h 528"/>
                  <a:gd name="T66" fmla="*/ 149 w 298"/>
                  <a:gd name="T67" fmla="*/ 278 h 528"/>
                  <a:gd name="T68" fmla="*/ 146 w 298"/>
                  <a:gd name="T69" fmla="*/ 286 h 528"/>
                  <a:gd name="T70" fmla="*/ 146 w 298"/>
                  <a:gd name="T71" fmla="*/ 288 h 528"/>
                  <a:gd name="T72" fmla="*/ 143 w 298"/>
                  <a:gd name="T73" fmla="*/ 289 h 528"/>
                  <a:gd name="T74" fmla="*/ 137 w 298"/>
                  <a:gd name="T75" fmla="*/ 293 h 528"/>
                  <a:gd name="T76" fmla="*/ 133 w 298"/>
                  <a:gd name="T77" fmla="*/ 306 h 528"/>
                  <a:gd name="T78" fmla="*/ 132 w 298"/>
                  <a:gd name="T79" fmla="*/ 311 h 528"/>
                  <a:gd name="T80" fmla="*/ 123 w 298"/>
                  <a:gd name="T81" fmla="*/ 315 h 528"/>
                  <a:gd name="T82" fmla="*/ 110 w 298"/>
                  <a:gd name="T83" fmla="*/ 306 h 528"/>
                  <a:gd name="T84" fmla="*/ 104 w 298"/>
                  <a:gd name="T85" fmla="*/ 302 h 528"/>
                  <a:gd name="T86" fmla="*/ 98 w 298"/>
                  <a:gd name="T87" fmla="*/ 317 h 528"/>
                  <a:gd name="T88" fmla="*/ 92 w 298"/>
                  <a:gd name="T89" fmla="*/ 332 h 528"/>
                  <a:gd name="T90" fmla="*/ 81 w 298"/>
                  <a:gd name="T91" fmla="*/ 324 h 528"/>
                  <a:gd name="T92" fmla="*/ 76 w 298"/>
                  <a:gd name="T93" fmla="*/ 321 h 528"/>
                  <a:gd name="T94" fmla="*/ 67 w 298"/>
                  <a:gd name="T95" fmla="*/ 332 h 528"/>
                  <a:gd name="T96" fmla="*/ 59 w 298"/>
                  <a:gd name="T97" fmla="*/ 337 h 528"/>
                  <a:gd name="T98" fmla="*/ 48 w 298"/>
                  <a:gd name="T99" fmla="*/ 332 h 528"/>
                  <a:gd name="T100" fmla="*/ 42 w 298"/>
                  <a:gd name="T101" fmla="*/ 328 h 528"/>
                  <a:gd name="T102" fmla="*/ 37 w 298"/>
                  <a:gd name="T103" fmla="*/ 329 h 528"/>
                  <a:gd name="T104" fmla="*/ 32 w 298"/>
                  <a:gd name="T105" fmla="*/ 328 h 528"/>
                  <a:gd name="T106" fmla="*/ 32 w 298"/>
                  <a:gd name="T107" fmla="*/ 336 h 528"/>
                  <a:gd name="T108" fmla="*/ 29 w 298"/>
                  <a:gd name="T109" fmla="*/ 339 h 528"/>
                  <a:gd name="T110" fmla="*/ 16 w 298"/>
                  <a:gd name="T111" fmla="*/ 335 h 528"/>
                  <a:gd name="T112" fmla="*/ 12 w 298"/>
                  <a:gd name="T113" fmla="*/ 333 h 528"/>
                  <a:gd name="T114" fmla="*/ 16 w 298"/>
                  <a:gd name="T115" fmla="*/ 339 h 528"/>
                  <a:gd name="T116" fmla="*/ 10 w 298"/>
                  <a:gd name="T117" fmla="*/ 343 h 528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298"/>
                  <a:gd name="T178" fmla="*/ 0 h 528"/>
                  <a:gd name="T179" fmla="*/ 298 w 298"/>
                  <a:gd name="T180" fmla="*/ 528 h 528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298" h="528">
                    <a:moveTo>
                      <a:pt x="7" y="528"/>
                    </a:moveTo>
                    <a:lnTo>
                      <a:pt x="2" y="523"/>
                    </a:lnTo>
                    <a:lnTo>
                      <a:pt x="0" y="518"/>
                    </a:lnTo>
                    <a:lnTo>
                      <a:pt x="0" y="513"/>
                    </a:lnTo>
                    <a:lnTo>
                      <a:pt x="0" y="510"/>
                    </a:lnTo>
                    <a:lnTo>
                      <a:pt x="2" y="506"/>
                    </a:lnTo>
                    <a:lnTo>
                      <a:pt x="4" y="505"/>
                    </a:lnTo>
                    <a:lnTo>
                      <a:pt x="5" y="503"/>
                    </a:lnTo>
                    <a:lnTo>
                      <a:pt x="7" y="493"/>
                    </a:lnTo>
                    <a:lnTo>
                      <a:pt x="7" y="491"/>
                    </a:lnTo>
                    <a:lnTo>
                      <a:pt x="7" y="489"/>
                    </a:lnTo>
                    <a:lnTo>
                      <a:pt x="7" y="486"/>
                    </a:lnTo>
                    <a:lnTo>
                      <a:pt x="9" y="481"/>
                    </a:lnTo>
                    <a:lnTo>
                      <a:pt x="9" y="478"/>
                    </a:lnTo>
                    <a:lnTo>
                      <a:pt x="10" y="474"/>
                    </a:lnTo>
                    <a:lnTo>
                      <a:pt x="10" y="471"/>
                    </a:lnTo>
                    <a:lnTo>
                      <a:pt x="10" y="469"/>
                    </a:lnTo>
                    <a:lnTo>
                      <a:pt x="17" y="464"/>
                    </a:lnTo>
                    <a:lnTo>
                      <a:pt x="22" y="456"/>
                    </a:lnTo>
                    <a:lnTo>
                      <a:pt x="26" y="447"/>
                    </a:lnTo>
                    <a:lnTo>
                      <a:pt x="29" y="440"/>
                    </a:lnTo>
                    <a:lnTo>
                      <a:pt x="32" y="432"/>
                    </a:lnTo>
                    <a:lnTo>
                      <a:pt x="34" y="427"/>
                    </a:lnTo>
                    <a:lnTo>
                      <a:pt x="36" y="422"/>
                    </a:lnTo>
                    <a:lnTo>
                      <a:pt x="36" y="420"/>
                    </a:lnTo>
                    <a:lnTo>
                      <a:pt x="38" y="417"/>
                    </a:lnTo>
                    <a:lnTo>
                      <a:pt x="39" y="413"/>
                    </a:lnTo>
                    <a:lnTo>
                      <a:pt x="41" y="412"/>
                    </a:lnTo>
                    <a:lnTo>
                      <a:pt x="43" y="401"/>
                    </a:lnTo>
                    <a:lnTo>
                      <a:pt x="43" y="393"/>
                    </a:lnTo>
                    <a:lnTo>
                      <a:pt x="41" y="384"/>
                    </a:lnTo>
                    <a:lnTo>
                      <a:pt x="38" y="378"/>
                    </a:lnTo>
                    <a:lnTo>
                      <a:pt x="36" y="371"/>
                    </a:lnTo>
                    <a:lnTo>
                      <a:pt x="32" y="366"/>
                    </a:lnTo>
                    <a:lnTo>
                      <a:pt x="31" y="362"/>
                    </a:lnTo>
                    <a:lnTo>
                      <a:pt x="29" y="361"/>
                    </a:lnTo>
                    <a:lnTo>
                      <a:pt x="29" y="357"/>
                    </a:lnTo>
                    <a:lnTo>
                      <a:pt x="29" y="334"/>
                    </a:lnTo>
                    <a:lnTo>
                      <a:pt x="32" y="329"/>
                    </a:lnTo>
                    <a:lnTo>
                      <a:pt x="32" y="327"/>
                    </a:lnTo>
                    <a:lnTo>
                      <a:pt x="32" y="325"/>
                    </a:lnTo>
                    <a:lnTo>
                      <a:pt x="32" y="320"/>
                    </a:lnTo>
                    <a:lnTo>
                      <a:pt x="31" y="315"/>
                    </a:lnTo>
                    <a:lnTo>
                      <a:pt x="31" y="308"/>
                    </a:lnTo>
                    <a:lnTo>
                      <a:pt x="31" y="300"/>
                    </a:lnTo>
                    <a:lnTo>
                      <a:pt x="29" y="291"/>
                    </a:lnTo>
                    <a:lnTo>
                      <a:pt x="29" y="281"/>
                    </a:lnTo>
                    <a:lnTo>
                      <a:pt x="27" y="271"/>
                    </a:lnTo>
                    <a:lnTo>
                      <a:pt x="27" y="259"/>
                    </a:lnTo>
                    <a:lnTo>
                      <a:pt x="26" y="247"/>
                    </a:lnTo>
                    <a:lnTo>
                      <a:pt x="24" y="234"/>
                    </a:lnTo>
                    <a:lnTo>
                      <a:pt x="24" y="222"/>
                    </a:lnTo>
                    <a:lnTo>
                      <a:pt x="22" y="208"/>
                    </a:lnTo>
                    <a:lnTo>
                      <a:pt x="21" y="195"/>
                    </a:lnTo>
                    <a:lnTo>
                      <a:pt x="21" y="181"/>
                    </a:lnTo>
                    <a:lnTo>
                      <a:pt x="19" y="166"/>
                    </a:lnTo>
                    <a:lnTo>
                      <a:pt x="17" y="153"/>
                    </a:lnTo>
                    <a:lnTo>
                      <a:pt x="17" y="139"/>
                    </a:lnTo>
                    <a:lnTo>
                      <a:pt x="16" y="127"/>
                    </a:lnTo>
                    <a:lnTo>
                      <a:pt x="14" y="114"/>
                    </a:lnTo>
                    <a:lnTo>
                      <a:pt x="14" y="102"/>
                    </a:lnTo>
                    <a:lnTo>
                      <a:pt x="12" y="90"/>
                    </a:lnTo>
                    <a:lnTo>
                      <a:pt x="12" y="80"/>
                    </a:lnTo>
                    <a:lnTo>
                      <a:pt x="10" y="70"/>
                    </a:lnTo>
                    <a:lnTo>
                      <a:pt x="10" y="60"/>
                    </a:lnTo>
                    <a:lnTo>
                      <a:pt x="9" y="53"/>
                    </a:lnTo>
                    <a:lnTo>
                      <a:pt x="9" y="46"/>
                    </a:lnTo>
                    <a:lnTo>
                      <a:pt x="9" y="41"/>
                    </a:lnTo>
                    <a:lnTo>
                      <a:pt x="7" y="36"/>
                    </a:lnTo>
                    <a:lnTo>
                      <a:pt x="7" y="34"/>
                    </a:lnTo>
                    <a:lnTo>
                      <a:pt x="7" y="32"/>
                    </a:lnTo>
                    <a:lnTo>
                      <a:pt x="7" y="34"/>
                    </a:lnTo>
                    <a:lnTo>
                      <a:pt x="9" y="36"/>
                    </a:lnTo>
                    <a:lnTo>
                      <a:pt x="10" y="38"/>
                    </a:lnTo>
                    <a:lnTo>
                      <a:pt x="12" y="39"/>
                    </a:lnTo>
                    <a:lnTo>
                      <a:pt x="14" y="41"/>
                    </a:lnTo>
                    <a:lnTo>
                      <a:pt x="16" y="43"/>
                    </a:lnTo>
                    <a:lnTo>
                      <a:pt x="19" y="44"/>
                    </a:lnTo>
                    <a:lnTo>
                      <a:pt x="22" y="44"/>
                    </a:lnTo>
                    <a:lnTo>
                      <a:pt x="27" y="44"/>
                    </a:lnTo>
                    <a:lnTo>
                      <a:pt x="32" y="44"/>
                    </a:lnTo>
                    <a:lnTo>
                      <a:pt x="38" y="43"/>
                    </a:lnTo>
                    <a:lnTo>
                      <a:pt x="46" y="39"/>
                    </a:lnTo>
                    <a:lnTo>
                      <a:pt x="53" y="36"/>
                    </a:lnTo>
                    <a:lnTo>
                      <a:pt x="61" y="29"/>
                    </a:lnTo>
                    <a:lnTo>
                      <a:pt x="71" y="22"/>
                    </a:lnTo>
                    <a:lnTo>
                      <a:pt x="70" y="22"/>
                    </a:lnTo>
                    <a:lnTo>
                      <a:pt x="254" y="0"/>
                    </a:lnTo>
                    <a:lnTo>
                      <a:pt x="258" y="17"/>
                    </a:lnTo>
                    <a:lnTo>
                      <a:pt x="293" y="335"/>
                    </a:lnTo>
                    <a:lnTo>
                      <a:pt x="295" y="334"/>
                    </a:lnTo>
                    <a:lnTo>
                      <a:pt x="293" y="334"/>
                    </a:lnTo>
                    <a:lnTo>
                      <a:pt x="293" y="335"/>
                    </a:lnTo>
                    <a:lnTo>
                      <a:pt x="291" y="337"/>
                    </a:lnTo>
                    <a:lnTo>
                      <a:pt x="291" y="340"/>
                    </a:lnTo>
                    <a:lnTo>
                      <a:pt x="290" y="346"/>
                    </a:lnTo>
                    <a:lnTo>
                      <a:pt x="290" y="351"/>
                    </a:lnTo>
                    <a:lnTo>
                      <a:pt x="290" y="356"/>
                    </a:lnTo>
                    <a:lnTo>
                      <a:pt x="291" y="362"/>
                    </a:lnTo>
                    <a:lnTo>
                      <a:pt x="293" y="364"/>
                    </a:lnTo>
                    <a:lnTo>
                      <a:pt x="295" y="366"/>
                    </a:lnTo>
                    <a:lnTo>
                      <a:pt x="296" y="369"/>
                    </a:lnTo>
                    <a:lnTo>
                      <a:pt x="298" y="371"/>
                    </a:lnTo>
                    <a:lnTo>
                      <a:pt x="298" y="374"/>
                    </a:lnTo>
                    <a:lnTo>
                      <a:pt x="296" y="376"/>
                    </a:lnTo>
                    <a:lnTo>
                      <a:pt x="290" y="378"/>
                    </a:lnTo>
                    <a:lnTo>
                      <a:pt x="281" y="379"/>
                    </a:lnTo>
                    <a:lnTo>
                      <a:pt x="280" y="379"/>
                    </a:lnTo>
                    <a:lnTo>
                      <a:pt x="276" y="379"/>
                    </a:lnTo>
                    <a:lnTo>
                      <a:pt x="273" y="381"/>
                    </a:lnTo>
                    <a:lnTo>
                      <a:pt x="268" y="383"/>
                    </a:lnTo>
                    <a:lnTo>
                      <a:pt x="264" y="383"/>
                    </a:lnTo>
                    <a:lnTo>
                      <a:pt x="261" y="384"/>
                    </a:lnTo>
                    <a:lnTo>
                      <a:pt x="259" y="384"/>
                    </a:lnTo>
                    <a:lnTo>
                      <a:pt x="258" y="384"/>
                    </a:lnTo>
                    <a:lnTo>
                      <a:pt x="254" y="384"/>
                    </a:lnTo>
                    <a:lnTo>
                      <a:pt x="251" y="386"/>
                    </a:lnTo>
                    <a:lnTo>
                      <a:pt x="246" y="388"/>
                    </a:lnTo>
                    <a:lnTo>
                      <a:pt x="242" y="390"/>
                    </a:lnTo>
                    <a:lnTo>
                      <a:pt x="239" y="395"/>
                    </a:lnTo>
                    <a:lnTo>
                      <a:pt x="241" y="400"/>
                    </a:lnTo>
                    <a:lnTo>
                      <a:pt x="244" y="408"/>
                    </a:lnTo>
                    <a:lnTo>
                      <a:pt x="244" y="410"/>
                    </a:lnTo>
                    <a:lnTo>
                      <a:pt x="244" y="412"/>
                    </a:lnTo>
                    <a:lnTo>
                      <a:pt x="242" y="413"/>
                    </a:lnTo>
                    <a:lnTo>
                      <a:pt x="241" y="417"/>
                    </a:lnTo>
                    <a:lnTo>
                      <a:pt x="239" y="418"/>
                    </a:lnTo>
                    <a:lnTo>
                      <a:pt x="236" y="422"/>
                    </a:lnTo>
                    <a:lnTo>
                      <a:pt x="232" y="425"/>
                    </a:lnTo>
                    <a:lnTo>
                      <a:pt x="232" y="427"/>
                    </a:lnTo>
                    <a:lnTo>
                      <a:pt x="230" y="428"/>
                    </a:lnTo>
                    <a:lnTo>
                      <a:pt x="229" y="430"/>
                    </a:lnTo>
                    <a:lnTo>
                      <a:pt x="229" y="434"/>
                    </a:lnTo>
                    <a:lnTo>
                      <a:pt x="227" y="435"/>
                    </a:lnTo>
                    <a:lnTo>
                      <a:pt x="225" y="439"/>
                    </a:lnTo>
                    <a:lnTo>
                      <a:pt x="225" y="440"/>
                    </a:lnTo>
                    <a:lnTo>
                      <a:pt x="225" y="442"/>
                    </a:lnTo>
                    <a:lnTo>
                      <a:pt x="224" y="442"/>
                    </a:lnTo>
                    <a:lnTo>
                      <a:pt x="224" y="444"/>
                    </a:lnTo>
                    <a:lnTo>
                      <a:pt x="222" y="445"/>
                    </a:lnTo>
                    <a:lnTo>
                      <a:pt x="220" y="445"/>
                    </a:lnTo>
                    <a:lnTo>
                      <a:pt x="217" y="447"/>
                    </a:lnTo>
                    <a:lnTo>
                      <a:pt x="212" y="447"/>
                    </a:lnTo>
                    <a:lnTo>
                      <a:pt x="210" y="450"/>
                    </a:lnTo>
                    <a:lnTo>
                      <a:pt x="208" y="456"/>
                    </a:lnTo>
                    <a:lnTo>
                      <a:pt x="207" y="461"/>
                    </a:lnTo>
                    <a:lnTo>
                      <a:pt x="205" y="467"/>
                    </a:lnTo>
                    <a:lnTo>
                      <a:pt x="203" y="471"/>
                    </a:lnTo>
                    <a:lnTo>
                      <a:pt x="203" y="474"/>
                    </a:lnTo>
                    <a:lnTo>
                      <a:pt x="203" y="476"/>
                    </a:lnTo>
                    <a:lnTo>
                      <a:pt x="203" y="478"/>
                    </a:lnTo>
                    <a:lnTo>
                      <a:pt x="202" y="479"/>
                    </a:lnTo>
                    <a:lnTo>
                      <a:pt x="200" y="481"/>
                    </a:lnTo>
                    <a:lnTo>
                      <a:pt x="198" y="483"/>
                    </a:lnTo>
                    <a:lnTo>
                      <a:pt x="193" y="484"/>
                    </a:lnTo>
                    <a:lnTo>
                      <a:pt x="188" y="484"/>
                    </a:lnTo>
                    <a:lnTo>
                      <a:pt x="180" y="483"/>
                    </a:lnTo>
                    <a:lnTo>
                      <a:pt x="170" y="478"/>
                    </a:lnTo>
                    <a:lnTo>
                      <a:pt x="170" y="476"/>
                    </a:lnTo>
                    <a:lnTo>
                      <a:pt x="170" y="472"/>
                    </a:lnTo>
                    <a:lnTo>
                      <a:pt x="168" y="469"/>
                    </a:lnTo>
                    <a:lnTo>
                      <a:pt x="166" y="466"/>
                    </a:lnTo>
                    <a:lnTo>
                      <a:pt x="163" y="464"/>
                    </a:lnTo>
                    <a:lnTo>
                      <a:pt x="159" y="464"/>
                    </a:lnTo>
                    <a:lnTo>
                      <a:pt x="156" y="471"/>
                    </a:lnTo>
                    <a:lnTo>
                      <a:pt x="151" y="481"/>
                    </a:lnTo>
                    <a:lnTo>
                      <a:pt x="151" y="484"/>
                    </a:lnTo>
                    <a:lnTo>
                      <a:pt x="149" y="489"/>
                    </a:lnTo>
                    <a:lnTo>
                      <a:pt x="149" y="496"/>
                    </a:lnTo>
                    <a:lnTo>
                      <a:pt x="148" y="503"/>
                    </a:lnTo>
                    <a:lnTo>
                      <a:pt x="144" y="506"/>
                    </a:lnTo>
                    <a:lnTo>
                      <a:pt x="141" y="510"/>
                    </a:lnTo>
                    <a:lnTo>
                      <a:pt x="134" y="508"/>
                    </a:lnTo>
                    <a:lnTo>
                      <a:pt x="127" y="501"/>
                    </a:lnTo>
                    <a:lnTo>
                      <a:pt x="126" y="500"/>
                    </a:lnTo>
                    <a:lnTo>
                      <a:pt x="126" y="498"/>
                    </a:lnTo>
                    <a:lnTo>
                      <a:pt x="126" y="496"/>
                    </a:lnTo>
                    <a:lnTo>
                      <a:pt x="124" y="493"/>
                    </a:lnTo>
                    <a:lnTo>
                      <a:pt x="122" y="493"/>
                    </a:lnTo>
                    <a:lnTo>
                      <a:pt x="117" y="493"/>
                    </a:lnTo>
                    <a:lnTo>
                      <a:pt x="112" y="498"/>
                    </a:lnTo>
                    <a:lnTo>
                      <a:pt x="104" y="505"/>
                    </a:lnTo>
                    <a:lnTo>
                      <a:pt x="104" y="506"/>
                    </a:lnTo>
                    <a:lnTo>
                      <a:pt x="102" y="510"/>
                    </a:lnTo>
                    <a:lnTo>
                      <a:pt x="100" y="513"/>
                    </a:lnTo>
                    <a:lnTo>
                      <a:pt x="98" y="516"/>
                    </a:lnTo>
                    <a:lnTo>
                      <a:pt x="95" y="520"/>
                    </a:lnTo>
                    <a:lnTo>
                      <a:pt x="90" y="520"/>
                    </a:lnTo>
                    <a:lnTo>
                      <a:pt x="85" y="518"/>
                    </a:lnTo>
                    <a:lnTo>
                      <a:pt x="78" y="513"/>
                    </a:lnTo>
                    <a:lnTo>
                      <a:pt x="78" y="511"/>
                    </a:lnTo>
                    <a:lnTo>
                      <a:pt x="76" y="510"/>
                    </a:lnTo>
                    <a:lnTo>
                      <a:pt x="73" y="508"/>
                    </a:lnTo>
                    <a:lnTo>
                      <a:pt x="70" y="506"/>
                    </a:lnTo>
                    <a:lnTo>
                      <a:pt x="66" y="505"/>
                    </a:lnTo>
                    <a:lnTo>
                      <a:pt x="63" y="505"/>
                    </a:lnTo>
                    <a:lnTo>
                      <a:pt x="58" y="505"/>
                    </a:lnTo>
                    <a:lnTo>
                      <a:pt x="54" y="508"/>
                    </a:lnTo>
                    <a:lnTo>
                      <a:pt x="53" y="506"/>
                    </a:lnTo>
                    <a:lnTo>
                      <a:pt x="51" y="505"/>
                    </a:lnTo>
                    <a:lnTo>
                      <a:pt x="49" y="505"/>
                    </a:lnTo>
                    <a:lnTo>
                      <a:pt x="48" y="505"/>
                    </a:lnTo>
                    <a:lnTo>
                      <a:pt x="46" y="505"/>
                    </a:lnTo>
                    <a:lnTo>
                      <a:pt x="46" y="510"/>
                    </a:lnTo>
                    <a:lnTo>
                      <a:pt x="46" y="515"/>
                    </a:lnTo>
                    <a:lnTo>
                      <a:pt x="46" y="516"/>
                    </a:lnTo>
                    <a:lnTo>
                      <a:pt x="46" y="518"/>
                    </a:lnTo>
                    <a:lnTo>
                      <a:pt x="44" y="520"/>
                    </a:lnTo>
                    <a:lnTo>
                      <a:pt x="44" y="522"/>
                    </a:lnTo>
                    <a:lnTo>
                      <a:pt x="43" y="522"/>
                    </a:lnTo>
                    <a:lnTo>
                      <a:pt x="39" y="520"/>
                    </a:lnTo>
                    <a:lnTo>
                      <a:pt x="36" y="516"/>
                    </a:lnTo>
                    <a:lnTo>
                      <a:pt x="34" y="516"/>
                    </a:lnTo>
                    <a:lnTo>
                      <a:pt x="29" y="515"/>
                    </a:lnTo>
                    <a:lnTo>
                      <a:pt x="24" y="513"/>
                    </a:lnTo>
                    <a:lnTo>
                      <a:pt x="19" y="513"/>
                    </a:lnTo>
                    <a:lnTo>
                      <a:pt x="16" y="513"/>
                    </a:lnTo>
                    <a:lnTo>
                      <a:pt x="12" y="513"/>
                    </a:lnTo>
                    <a:lnTo>
                      <a:pt x="12" y="516"/>
                    </a:lnTo>
                    <a:lnTo>
                      <a:pt x="16" y="520"/>
                    </a:lnTo>
                    <a:lnTo>
                      <a:pt x="16" y="522"/>
                    </a:lnTo>
                    <a:lnTo>
                      <a:pt x="14" y="525"/>
                    </a:lnTo>
                    <a:lnTo>
                      <a:pt x="14" y="527"/>
                    </a:lnTo>
                    <a:lnTo>
                      <a:pt x="12" y="527"/>
                    </a:lnTo>
                    <a:lnTo>
                      <a:pt x="10" y="528"/>
                    </a:lnTo>
                    <a:lnTo>
                      <a:pt x="9" y="528"/>
                    </a:lnTo>
                    <a:lnTo>
                      <a:pt x="7" y="52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593" name="Freeform 62"/>
              <p:cNvSpPr>
                <a:spLocks/>
              </p:cNvSpPr>
              <p:nvPr/>
            </p:nvSpPr>
            <p:spPr bwMode="auto">
              <a:xfrm>
                <a:off x="3357" y="2283"/>
                <a:ext cx="703" cy="359"/>
              </a:xfrm>
              <a:custGeom>
                <a:avLst/>
                <a:gdLst>
                  <a:gd name="T0" fmla="*/ 426 w 723"/>
                  <a:gd name="T1" fmla="*/ 23 h 370"/>
                  <a:gd name="T2" fmla="*/ 415 w 723"/>
                  <a:gd name="T3" fmla="*/ 16 h 370"/>
                  <a:gd name="T4" fmla="*/ 394 w 723"/>
                  <a:gd name="T5" fmla="*/ 26 h 370"/>
                  <a:gd name="T6" fmla="*/ 378 w 723"/>
                  <a:gd name="T7" fmla="*/ 21 h 370"/>
                  <a:gd name="T8" fmla="*/ 362 w 723"/>
                  <a:gd name="T9" fmla="*/ 28 h 370"/>
                  <a:gd name="T10" fmla="*/ 329 w 723"/>
                  <a:gd name="T11" fmla="*/ 16 h 370"/>
                  <a:gd name="T12" fmla="*/ 300 w 723"/>
                  <a:gd name="T13" fmla="*/ 1 h 370"/>
                  <a:gd name="T14" fmla="*/ 289 w 723"/>
                  <a:gd name="T15" fmla="*/ 0 h 370"/>
                  <a:gd name="T16" fmla="*/ 285 w 723"/>
                  <a:gd name="T17" fmla="*/ 16 h 370"/>
                  <a:gd name="T18" fmla="*/ 289 w 723"/>
                  <a:gd name="T19" fmla="*/ 28 h 370"/>
                  <a:gd name="T20" fmla="*/ 267 w 723"/>
                  <a:gd name="T21" fmla="*/ 35 h 370"/>
                  <a:gd name="T22" fmla="*/ 256 w 723"/>
                  <a:gd name="T23" fmla="*/ 38 h 370"/>
                  <a:gd name="T24" fmla="*/ 254 w 723"/>
                  <a:gd name="T25" fmla="*/ 50 h 370"/>
                  <a:gd name="T26" fmla="*/ 245 w 723"/>
                  <a:gd name="T27" fmla="*/ 62 h 370"/>
                  <a:gd name="T28" fmla="*/ 241 w 723"/>
                  <a:gd name="T29" fmla="*/ 70 h 370"/>
                  <a:gd name="T30" fmla="*/ 232 w 723"/>
                  <a:gd name="T31" fmla="*/ 75 h 370"/>
                  <a:gd name="T32" fmla="*/ 226 w 723"/>
                  <a:gd name="T33" fmla="*/ 92 h 370"/>
                  <a:gd name="T34" fmla="*/ 216 w 723"/>
                  <a:gd name="T35" fmla="*/ 99 h 370"/>
                  <a:gd name="T36" fmla="*/ 199 w 723"/>
                  <a:gd name="T37" fmla="*/ 84 h 370"/>
                  <a:gd name="T38" fmla="*/ 188 w 723"/>
                  <a:gd name="T39" fmla="*/ 111 h 370"/>
                  <a:gd name="T40" fmla="*/ 174 w 723"/>
                  <a:gd name="T41" fmla="*/ 106 h 370"/>
                  <a:gd name="T42" fmla="*/ 158 w 723"/>
                  <a:gd name="T43" fmla="*/ 115 h 370"/>
                  <a:gd name="T44" fmla="*/ 142 w 723"/>
                  <a:gd name="T45" fmla="*/ 115 h 370"/>
                  <a:gd name="T46" fmla="*/ 125 w 723"/>
                  <a:gd name="T47" fmla="*/ 114 h 370"/>
                  <a:gd name="T48" fmla="*/ 120 w 723"/>
                  <a:gd name="T49" fmla="*/ 115 h 370"/>
                  <a:gd name="T50" fmla="*/ 118 w 723"/>
                  <a:gd name="T51" fmla="*/ 123 h 370"/>
                  <a:gd name="T52" fmla="*/ 100 w 723"/>
                  <a:gd name="T53" fmla="*/ 117 h 370"/>
                  <a:gd name="T54" fmla="*/ 97 w 723"/>
                  <a:gd name="T55" fmla="*/ 127 h 370"/>
                  <a:gd name="T56" fmla="*/ 90 w 723"/>
                  <a:gd name="T57" fmla="*/ 131 h 370"/>
                  <a:gd name="T58" fmla="*/ 88 w 723"/>
                  <a:gd name="T59" fmla="*/ 146 h 370"/>
                  <a:gd name="T60" fmla="*/ 86 w 723"/>
                  <a:gd name="T61" fmla="*/ 156 h 370"/>
                  <a:gd name="T62" fmla="*/ 65 w 723"/>
                  <a:gd name="T63" fmla="*/ 167 h 370"/>
                  <a:gd name="T64" fmla="*/ 71 w 723"/>
                  <a:gd name="T65" fmla="*/ 188 h 370"/>
                  <a:gd name="T66" fmla="*/ 43 w 723"/>
                  <a:gd name="T67" fmla="*/ 178 h 370"/>
                  <a:gd name="T68" fmla="*/ 18 w 723"/>
                  <a:gd name="T69" fmla="*/ 188 h 370"/>
                  <a:gd name="T70" fmla="*/ 18 w 723"/>
                  <a:gd name="T71" fmla="*/ 198 h 370"/>
                  <a:gd name="T72" fmla="*/ 0 w 723"/>
                  <a:gd name="T73" fmla="*/ 243 h 370"/>
                  <a:gd name="T74" fmla="*/ 108 w 723"/>
                  <a:gd name="T75" fmla="*/ 219 h 370"/>
                  <a:gd name="T76" fmla="*/ 134 w 723"/>
                  <a:gd name="T77" fmla="*/ 219 h 370"/>
                  <a:gd name="T78" fmla="*/ 184 w 723"/>
                  <a:gd name="T79" fmla="*/ 215 h 370"/>
                  <a:gd name="T80" fmla="*/ 264 w 723"/>
                  <a:gd name="T81" fmla="*/ 209 h 370"/>
                  <a:gd name="T82" fmla="*/ 339 w 723"/>
                  <a:gd name="T83" fmla="*/ 203 h 370"/>
                  <a:gd name="T84" fmla="*/ 376 w 723"/>
                  <a:gd name="T85" fmla="*/ 199 h 370"/>
                  <a:gd name="T86" fmla="*/ 390 w 723"/>
                  <a:gd name="T87" fmla="*/ 194 h 370"/>
                  <a:gd name="T88" fmla="*/ 413 w 723"/>
                  <a:gd name="T89" fmla="*/ 181 h 370"/>
                  <a:gd name="T90" fmla="*/ 423 w 723"/>
                  <a:gd name="T91" fmla="*/ 174 h 370"/>
                  <a:gd name="T92" fmla="*/ 436 w 723"/>
                  <a:gd name="T93" fmla="*/ 166 h 370"/>
                  <a:gd name="T94" fmla="*/ 439 w 723"/>
                  <a:gd name="T95" fmla="*/ 156 h 370"/>
                  <a:gd name="T96" fmla="*/ 449 w 723"/>
                  <a:gd name="T97" fmla="*/ 142 h 370"/>
                  <a:gd name="T98" fmla="*/ 473 w 723"/>
                  <a:gd name="T99" fmla="*/ 124 h 370"/>
                  <a:gd name="T100" fmla="*/ 473 w 723"/>
                  <a:gd name="T101" fmla="*/ 123 h 370"/>
                  <a:gd name="T102" fmla="*/ 477 w 723"/>
                  <a:gd name="T103" fmla="*/ 100 h 370"/>
                  <a:gd name="T104" fmla="*/ 464 w 723"/>
                  <a:gd name="T105" fmla="*/ 90 h 370"/>
                  <a:gd name="T106" fmla="*/ 439 w 723"/>
                  <a:gd name="T107" fmla="*/ 58 h 370"/>
                  <a:gd name="T108" fmla="*/ 437 w 723"/>
                  <a:gd name="T109" fmla="*/ 39 h 370"/>
                  <a:gd name="T110" fmla="*/ 439 w 723"/>
                  <a:gd name="T111" fmla="*/ 37 h 370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w 723"/>
                  <a:gd name="T169" fmla="*/ 0 h 370"/>
                  <a:gd name="T170" fmla="*/ 723 w 723"/>
                  <a:gd name="T171" fmla="*/ 370 h 370"/>
                </a:gdLst>
                <a:ahLst/>
                <a:cxnLst>
                  <a:cxn ang="T112">
                    <a:pos x="T0" y="T1"/>
                  </a:cxn>
                  <a:cxn ang="T113">
                    <a:pos x="T2" y="T3"/>
                  </a:cxn>
                  <a:cxn ang="T114">
                    <a:pos x="T4" y="T5"/>
                  </a:cxn>
                  <a:cxn ang="T115">
                    <a:pos x="T6" y="T7"/>
                  </a:cxn>
                  <a:cxn ang="T116">
                    <a:pos x="T8" y="T9"/>
                  </a:cxn>
                  <a:cxn ang="T117">
                    <a:pos x="T10" y="T11"/>
                  </a:cxn>
                  <a:cxn ang="T118">
                    <a:pos x="T12" y="T13"/>
                  </a:cxn>
                  <a:cxn ang="T119">
                    <a:pos x="T14" y="T15"/>
                  </a:cxn>
                  <a:cxn ang="T120">
                    <a:pos x="T16" y="T17"/>
                  </a:cxn>
                  <a:cxn ang="T121">
                    <a:pos x="T18" y="T19"/>
                  </a:cxn>
                  <a:cxn ang="T122">
                    <a:pos x="T20" y="T21"/>
                  </a:cxn>
                  <a:cxn ang="T123">
                    <a:pos x="T22" y="T23"/>
                  </a:cxn>
                  <a:cxn ang="T124">
                    <a:pos x="T24" y="T25"/>
                  </a:cxn>
                  <a:cxn ang="T125">
                    <a:pos x="T26" y="T27"/>
                  </a:cxn>
                  <a:cxn ang="T126">
                    <a:pos x="T28" y="T29"/>
                  </a:cxn>
                  <a:cxn ang="T127">
                    <a:pos x="T30" y="T31"/>
                  </a:cxn>
                  <a:cxn ang="T128">
                    <a:pos x="T32" y="T33"/>
                  </a:cxn>
                  <a:cxn ang="T129">
                    <a:pos x="T34" y="T35"/>
                  </a:cxn>
                  <a:cxn ang="T130">
                    <a:pos x="T36" y="T37"/>
                  </a:cxn>
                  <a:cxn ang="T131">
                    <a:pos x="T38" y="T39"/>
                  </a:cxn>
                  <a:cxn ang="T132">
                    <a:pos x="T40" y="T41"/>
                  </a:cxn>
                  <a:cxn ang="T133">
                    <a:pos x="T42" y="T43"/>
                  </a:cxn>
                  <a:cxn ang="T134">
                    <a:pos x="T44" y="T45"/>
                  </a:cxn>
                  <a:cxn ang="T135">
                    <a:pos x="T46" y="T47"/>
                  </a:cxn>
                  <a:cxn ang="T136">
                    <a:pos x="T48" y="T49"/>
                  </a:cxn>
                  <a:cxn ang="T137">
                    <a:pos x="T50" y="T51"/>
                  </a:cxn>
                  <a:cxn ang="T138">
                    <a:pos x="T52" y="T53"/>
                  </a:cxn>
                  <a:cxn ang="T139">
                    <a:pos x="T54" y="T55"/>
                  </a:cxn>
                  <a:cxn ang="T140">
                    <a:pos x="T56" y="T57"/>
                  </a:cxn>
                  <a:cxn ang="T141">
                    <a:pos x="T58" y="T59"/>
                  </a:cxn>
                  <a:cxn ang="T142">
                    <a:pos x="T60" y="T61"/>
                  </a:cxn>
                  <a:cxn ang="T143">
                    <a:pos x="T62" y="T63"/>
                  </a:cxn>
                  <a:cxn ang="T144">
                    <a:pos x="T64" y="T65"/>
                  </a:cxn>
                  <a:cxn ang="T145">
                    <a:pos x="T66" y="T67"/>
                  </a:cxn>
                  <a:cxn ang="T146">
                    <a:pos x="T68" y="T69"/>
                  </a:cxn>
                  <a:cxn ang="T147">
                    <a:pos x="T70" y="T71"/>
                  </a:cxn>
                  <a:cxn ang="T148">
                    <a:pos x="T72" y="T73"/>
                  </a:cxn>
                  <a:cxn ang="T149">
                    <a:pos x="T74" y="T75"/>
                  </a:cxn>
                  <a:cxn ang="T150">
                    <a:pos x="T76" y="T77"/>
                  </a:cxn>
                  <a:cxn ang="T151">
                    <a:pos x="T78" y="T79"/>
                  </a:cxn>
                  <a:cxn ang="T152">
                    <a:pos x="T80" y="T81"/>
                  </a:cxn>
                  <a:cxn ang="T153">
                    <a:pos x="T82" y="T83"/>
                  </a:cxn>
                  <a:cxn ang="T154">
                    <a:pos x="T84" y="T85"/>
                  </a:cxn>
                  <a:cxn ang="T155">
                    <a:pos x="T86" y="T87"/>
                  </a:cxn>
                  <a:cxn ang="T156">
                    <a:pos x="T88" y="T89"/>
                  </a:cxn>
                  <a:cxn ang="T157">
                    <a:pos x="T90" y="T91"/>
                  </a:cxn>
                  <a:cxn ang="T158">
                    <a:pos x="T92" y="T93"/>
                  </a:cxn>
                  <a:cxn ang="T159">
                    <a:pos x="T94" y="T95"/>
                  </a:cxn>
                  <a:cxn ang="T160">
                    <a:pos x="T96" y="T97"/>
                  </a:cxn>
                  <a:cxn ang="T161">
                    <a:pos x="T98" y="T99"/>
                  </a:cxn>
                  <a:cxn ang="T162">
                    <a:pos x="T100" y="T101"/>
                  </a:cxn>
                  <a:cxn ang="T163">
                    <a:pos x="T102" y="T103"/>
                  </a:cxn>
                  <a:cxn ang="T164">
                    <a:pos x="T104" y="T105"/>
                  </a:cxn>
                  <a:cxn ang="T165">
                    <a:pos x="T106" y="T107"/>
                  </a:cxn>
                  <a:cxn ang="T166">
                    <a:pos x="T108" y="T109"/>
                  </a:cxn>
                  <a:cxn ang="T167">
                    <a:pos x="T110" y="T111"/>
                  </a:cxn>
                </a:cxnLst>
                <a:rect l="T168" t="T169" r="T170" b="T171"/>
                <a:pathLst>
                  <a:path w="723" h="370">
                    <a:moveTo>
                      <a:pt x="650" y="52"/>
                    </a:moveTo>
                    <a:lnTo>
                      <a:pt x="648" y="50"/>
                    </a:lnTo>
                    <a:lnTo>
                      <a:pt x="647" y="49"/>
                    </a:lnTo>
                    <a:lnTo>
                      <a:pt x="643" y="45"/>
                    </a:lnTo>
                    <a:lnTo>
                      <a:pt x="640" y="42"/>
                    </a:lnTo>
                    <a:lnTo>
                      <a:pt x="635" y="39"/>
                    </a:lnTo>
                    <a:lnTo>
                      <a:pt x="631" y="37"/>
                    </a:lnTo>
                    <a:lnTo>
                      <a:pt x="626" y="37"/>
                    </a:lnTo>
                    <a:lnTo>
                      <a:pt x="623" y="40"/>
                    </a:lnTo>
                    <a:lnTo>
                      <a:pt x="621" y="39"/>
                    </a:lnTo>
                    <a:lnTo>
                      <a:pt x="621" y="35"/>
                    </a:lnTo>
                    <a:lnTo>
                      <a:pt x="621" y="30"/>
                    </a:lnTo>
                    <a:lnTo>
                      <a:pt x="620" y="25"/>
                    </a:lnTo>
                    <a:lnTo>
                      <a:pt x="616" y="22"/>
                    </a:lnTo>
                    <a:lnTo>
                      <a:pt x="611" y="20"/>
                    </a:lnTo>
                    <a:lnTo>
                      <a:pt x="604" y="23"/>
                    </a:lnTo>
                    <a:lnTo>
                      <a:pt x="594" y="32"/>
                    </a:lnTo>
                    <a:lnTo>
                      <a:pt x="593" y="34"/>
                    </a:lnTo>
                    <a:lnTo>
                      <a:pt x="591" y="35"/>
                    </a:lnTo>
                    <a:lnTo>
                      <a:pt x="588" y="39"/>
                    </a:lnTo>
                    <a:lnTo>
                      <a:pt x="584" y="40"/>
                    </a:lnTo>
                    <a:lnTo>
                      <a:pt x="579" y="42"/>
                    </a:lnTo>
                    <a:lnTo>
                      <a:pt x="574" y="44"/>
                    </a:lnTo>
                    <a:lnTo>
                      <a:pt x="567" y="40"/>
                    </a:lnTo>
                    <a:lnTo>
                      <a:pt x="562" y="37"/>
                    </a:lnTo>
                    <a:lnTo>
                      <a:pt x="560" y="35"/>
                    </a:lnTo>
                    <a:lnTo>
                      <a:pt x="559" y="35"/>
                    </a:lnTo>
                    <a:lnTo>
                      <a:pt x="557" y="34"/>
                    </a:lnTo>
                    <a:lnTo>
                      <a:pt x="554" y="35"/>
                    </a:lnTo>
                    <a:lnTo>
                      <a:pt x="550" y="35"/>
                    </a:lnTo>
                    <a:lnTo>
                      <a:pt x="547" y="39"/>
                    </a:lnTo>
                    <a:lnTo>
                      <a:pt x="542" y="44"/>
                    </a:lnTo>
                    <a:lnTo>
                      <a:pt x="540" y="44"/>
                    </a:lnTo>
                    <a:lnTo>
                      <a:pt x="537" y="42"/>
                    </a:lnTo>
                    <a:lnTo>
                      <a:pt x="533" y="42"/>
                    </a:lnTo>
                    <a:lnTo>
                      <a:pt x="532" y="42"/>
                    </a:lnTo>
                    <a:lnTo>
                      <a:pt x="518" y="30"/>
                    </a:lnTo>
                    <a:lnTo>
                      <a:pt x="488" y="28"/>
                    </a:lnTo>
                    <a:lnTo>
                      <a:pt x="488" y="27"/>
                    </a:lnTo>
                    <a:lnTo>
                      <a:pt x="488" y="23"/>
                    </a:lnTo>
                    <a:lnTo>
                      <a:pt x="486" y="20"/>
                    </a:lnTo>
                    <a:lnTo>
                      <a:pt x="484" y="15"/>
                    </a:lnTo>
                    <a:lnTo>
                      <a:pt x="479" y="10"/>
                    </a:lnTo>
                    <a:lnTo>
                      <a:pt x="472" y="5"/>
                    </a:lnTo>
                    <a:lnTo>
                      <a:pt x="462" y="3"/>
                    </a:lnTo>
                    <a:lnTo>
                      <a:pt x="450" y="1"/>
                    </a:lnTo>
                    <a:lnTo>
                      <a:pt x="449" y="1"/>
                    </a:lnTo>
                    <a:lnTo>
                      <a:pt x="445" y="1"/>
                    </a:lnTo>
                    <a:lnTo>
                      <a:pt x="442" y="1"/>
                    </a:lnTo>
                    <a:lnTo>
                      <a:pt x="437" y="1"/>
                    </a:lnTo>
                    <a:lnTo>
                      <a:pt x="432" y="1"/>
                    </a:lnTo>
                    <a:lnTo>
                      <a:pt x="428" y="1"/>
                    </a:lnTo>
                    <a:lnTo>
                      <a:pt x="427" y="1"/>
                    </a:lnTo>
                    <a:lnTo>
                      <a:pt x="425" y="1"/>
                    </a:lnTo>
                    <a:lnTo>
                      <a:pt x="427" y="0"/>
                    </a:lnTo>
                    <a:lnTo>
                      <a:pt x="425" y="0"/>
                    </a:lnTo>
                    <a:lnTo>
                      <a:pt x="425" y="1"/>
                    </a:lnTo>
                    <a:lnTo>
                      <a:pt x="423" y="3"/>
                    </a:lnTo>
                    <a:lnTo>
                      <a:pt x="423" y="6"/>
                    </a:lnTo>
                    <a:lnTo>
                      <a:pt x="422" y="12"/>
                    </a:lnTo>
                    <a:lnTo>
                      <a:pt x="422" y="17"/>
                    </a:lnTo>
                    <a:lnTo>
                      <a:pt x="422" y="22"/>
                    </a:lnTo>
                    <a:lnTo>
                      <a:pt x="423" y="28"/>
                    </a:lnTo>
                    <a:lnTo>
                      <a:pt x="425" y="30"/>
                    </a:lnTo>
                    <a:lnTo>
                      <a:pt x="427" y="32"/>
                    </a:lnTo>
                    <a:lnTo>
                      <a:pt x="428" y="35"/>
                    </a:lnTo>
                    <a:lnTo>
                      <a:pt x="430" y="37"/>
                    </a:lnTo>
                    <a:lnTo>
                      <a:pt x="430" y="40"/>
                    </a:lnTo>
                    <a:lnTo>
                      <a:pt x="428" y="42"/>
                    </a:lnTo>
                    <a:lnTo>
                      <a:pt x="422" y="44"/>
                    </a:lnTo>
                    <a:lnTo>
                      <a:pt x="413" y="45"/>
                    </a:lnTo>
                    <a:lnTo>
                      <a:pt x="412" y="45"/>
                    </a:lnTo>
                    <a:lnTo>
                      <a:pt x="408" y="45"/>
                    </a:lnTo>
                    <a:lnTo>
                      <a:pt x="405" y="47"/>
                    </a:lnTo>
                    <a:lnTo>
                      <a:pt x="400" y="49"/>
                    </a:lnTo>
                    <a:lnTo>
                      <a:pt x="396" y="49"/>
                    </a:lnTo>
                    <a:lnTo>
                      <a:pt x="393" y="50"/>
                    </a:lnTo>
                    <a:lnTo>
                      <a:pt x="391" y="50"/>
                    </a:lnTo>
                    <a:lnTo>
                      <a:pt x="390" y="50"/>
                    </a:lnTo>
                    <a:lnTo>
                      <a:pt x="386" y="50"/>
                    </a:lnTo>
                    <a:lnTo>
                      <a:pt x="383" y="52"/>
                    </a:lnTo>
                    <a:lnTo>
                      <a:pt x="378" y="54"/>
                    </a:lnTo>
                    <a:lnTo>
                      <a:pt x="374" y="56"/>
                    </a:lnTo>
                    <a:lnTo>
                      <a:pt x="371" y="61"/>
                    </a:lnTo>
                    <a:lnTo>
                      <a:pt x="373" y="66"/>
                    </a:lnTo>
                    <a:lnTo>
                      <a:pt x="376" y="74"/>
                    </a:lnTo>
                    <a:lnTo>
                      <a:pt x="376" y="76"/>
                    </a:lnTo>
                    <a:lnTo>
                      <a:pt x="376" y="78"/>
                    </a:lnTo>
                    <a:lnTo>
                      <a:pt x="374" y="79"/>
                    </a:lnTo>
                    <a:lnTo>
                      <a:pt x="373" y="83"/>
                    </a:lnTo>
                    <a:lnTo>
                      <a:pt x="371" y="84"/>
                    </a:lnTo>
                    <a:lnTo>
                      <a:pt x="368" y="88"/>
                    </a:lnTo>
                    <a:lnTo>
                      <a:pt x="364" y="91"/>
                    </a:lnTo>
                    <a:lnTo>
                      <a:pt x="364" y="93"/>
                    </a:lnTo>
                    <a:lnTo>
                      <a:pt x="362" y="94"/>
                    </a:lnTo>
                    <a:lnTo>
                      <a:pt x="361" y="96"/>
                    </a:lnTo>
                    <a:lnTo>
                      <a:pt x="361" y="100"/>
                    </a:lnTo>
                    <a:lnTo>
                      <a:pt x="359" y="101"/>
                    </a:lnTo>
                    <a:lnTo>
                      <a:pt x="357" y="105"/>
                    </a:lnTo>
                    <a:lnTo>
                      <a:pt x="357" y="106"/>
                    </a:lnTo>
                    <a:lnTo>
                      <a:pt x="357" y="108"/>
                    </a:lnTo>
                    <a:lnTo>
                      <a:pt x="356" y="108"/>
                    </a:lnTo>
                    <a:lnTo>
                      <a:pt x="356" y="110"/>
                    </a:lnTo>
                    <a:lnTo>
                      <a:pt x="354" y="111"/>
                    </a:lnTo>
                    <a:lnTo>
                      <a:pt x="352" y="111"/>
                    </a:lnTo>
                    <a:lnTo>
                      <a:pt x="349" y="113"/>
                    </a:lnTo>
                    <a:lnTo>
                      <a:pt x="344" y="113"/>
                    </a:lnTo>
                    <a:lnTo>
                      <a:pt x="342" y="116"/>
                    </a:lnTo>
                    <a:lnTo>
                      <a:pt x="340" y="122"/>
                    </a:lnTo>
                    <a:lnTo>
                      <a:pt x="339" y="127"/>
                    </a:lnTo>
                    <a:lnTo>
                      <a:pt x="337" y="133"/>
                    </a:lnTo>
                    <a:lnTo>
                      <a:pt x="335" y="137"/>
                    </a:lnTo>
                    <a:lnTo>
                      <a:pt x="335" y="140"/>
                    </a:lnTo>
                    <a:lnTo>
                      <a:pt x="335" y="142"/>
                    </a:lnTo>
                    <a:lnTo>
                      <a:pt x="335" y="144"/>
                    </a:lnTo>
                    <a:lnTo>
                      <a:pt x="334" y="145"/>
                    </a:lnTo>
                    <a:lnTo>
                      <a:pt x="332" y="147"/>
                    </a:lnTo>
                    <a:lnTo>
                      <a:pt x="330" y="149"/>
                    </a:lnTo>
                    <a:lnTo>
                      <a:pt x="325" y="150"/>
                    </a:lnTo>
                    <a:lnTo>
                      <a:pt x="320" y="150"/>
                    </a:lnTo>
                    <a:lnTo>
                      <a:pt x="312" y="149"/>
                    </a:lnTo>
                    <a:lnTo>
                      <a:pt x="302" y="144"/>
                    </a:lnTo>
                    <a:lnTo>
                      <a:pt x="302" y="142"/>
                    </a:lnTo>
                    <a:lnTo>
                      <a:pt x="302" y="138"/>
                    </a:lnTo>
                    <a:lnTo>
                      <a:pt x="300" y="135"/>
                    </a:lnTo>
                    <a:lnTo>
                      <a:pt x="298" y="132"/>
                    </a:lnTo>
                    <a:lnTo>
                      <a:pt x="295" y="130"/>
                    </a:lnTo>
                    <a:lnTo>
                      <a:pt x="291" y="130"/>
                    </a:lnTo>
                    <a:lnTo>
                      <a:pt x="288" y="137"/>
                    </a:lnTo>
                    <a:lnTo>
                      <a:pt x="283" y="147"/>
                    </a:lnTo>
                    <a:lnTo>
                      <a:pt x="283" y="150"/>
                    </a:lnTo>
                    <a:lnTo>
                      <a:pt x="281" y="155"/>
                    </a:lnTo>
                    <a:lnTo>
                      <a:pt x="281" y="162"/>
                    </a:lnTo>
                    <a:lnTo>
                      <a:pt x="280" y="169"/>
                    </a:lnTo>
                    <a:lnTo>
                      <a:pt x="276" y="172"/>
                    </a:lnTo>
                    <a:lnTo>
                      <a:pt x="273" y="176"/>
                    </a:lnTo>
                    <a:lnTo>
                      <a:pt x="266" y="174"/>
                    </a:lnTo>
                    <a:lnTo>
                      <a:pt x="259" y="167"/>
                    </a:lnTo>
                    <a:lnTo>
                      <a:pt x="258" y="166"/>
                    </a:lnTo>
                    <a:lnTo>
                      <a:pt x="258" y="164"/>
                    </a:lnTo>
                    <a:lnTo>
                      <a:pt x="258" y="162"/>
                    </a:lnTo>
                    <a:lnTo>
                      <a:pt x="256" y="159"/>
                    </a:lnTo>
                    <a:lnTo>
                      <a:pt x="254" y="159"/>
                    </a:lnTo>
                    <a:lnTo>
                      <a:pt x="249" y="159"/>
                    </a:lnTo>
                    <a:lnTo>
                      <a:pt x="244" y="164"/>
                    </a:lnTo>
                    <a:lnTo>
                      <a:pt x="236" y="171"/>
                    </a:lnTo>
                    <a:lnTo>
                      <a:pt x="236" y="172"/>
                    </a:lnTo>
                    <a:lnTo>
                      <a:pt x="234" y="176"/>
                    </a:lnTo>
                    <a:lnTo>
                      <a:pt x="232" y="179"/>
                    </a:lnTo>
                    <a:lnTo>
                      <a:pt x="230" y="182"/>
                    </a:lnTo>
                    <a:lnTo>
                      <a:pt x="227" y="186"/>
                    </a:lnTo>
                    <a:lnTo>
                      <a:pt x="222" y="186"/>
                    </a:lnTo>
                    <a:lnTo>
                      <a:pt x="217" y="184"/>
                    </a:lnTo>
                    <a:lnTo>
                      <a:pt x="210" y="179"/>
                    </a:lnTo>
                    <a:lnTo>
                      <a:pt x="210" y="177"/>
                    </a:lnTo>
                    <a:lnTo>
                      <a:pt x="208" y="176"/>
                    </a:lnTo>
                    <a:lnTo>
                      <a:pt x="205" y="174"/>
                    </a:lnTo>
                    <a:lnTo>
                      <a:pt x="202" y="172"/>
                    </a:lnTo>
                    <a:lnTo>
                      <a:pt x="198" y="171"/>
                    </a:lnTo>
                    <a:lnTo>
                      <a:pt x="195" y="171"/>
                    </a:lnTo>
                    <a:lnTo>
                      <a:pt x="190" y="171"/>
                    </a:lnTo>
                    <a:lnTo>
                      <a:pt x="186" y="174"/>
                    </a:lnTo>
                    <a:lnTo>
                      <a:pt x="185" y="172"/>
                    </a:lnTo>
                    <a:lnTo>
                      <a:pt x="183" y="171"/>
                    </a:lnTo>
                    <a:lnTo>
                      <a:pt x="181" y="171"/>
                    </a:lnTo>
                    <a:lnTo>
                      <a:pt x="180" y="171"/>
                    </a:lnTo>
                    <a:lnTo>
                      <a:pt x="178" y="171"/>
                    </a:lnTo>
                    <a:lnTo>
                      <a:pt x="178" y="176"/>
                    </a:lnTo>
                    <a:lnTo>
                      <a:pt x="178" y="181"/>
                    </a:lnTo>
                    <a:lnTo>
                      <a:pt x="178" y="182"/>
                    </a:lnTo>
                    <a:lnTo>
                      <a:pt x="178" y="184"/>
                    </a:lnTo>
                    <a:lnTo>
                      <a:pt x="176" y="186"/>
                    </a:lnTo>
                    <a:lnTo>
                      <a:pt x="176" y="188"/>
                    </a:lnTo>
                    <a:lnTo>
                      <a:pt x="175" y="188"/>
                    </a:lnTo>
                    <a:lnTo>
                      <a:pt x="171" y="186"/>
                    </a:lnTo>
                    <a:lnTo>
                      <a:pt x="168" y="182"/>
                    </a:lnTo>
                    <a:lnTo>
                      <a:pt x="166" y="182"/>
                    </a:lnTo>
                    <a:lnTo>
                      <a:pt x="161" y="181"/>
                    </a:lnTo>
                    <a:lnTo>
                      <a:pt x="156" y="179"/>
                    </a:lnTo>
                    <a:lnTo>
                      <a:pt x="151" y="179"/>
                    </a:lnTo>
                    <a:lnTo>
                      <a:pt x="148" y="179"/>
                    </a:lnTo>
                    <a:lnTo>
                      <a:pt x="144" y="179"/>
                    </a:lnTo>
                    <a:lnTo>
                      <a:pt x="144" y="182"/>
                    </a:lnTo>
                    <a:lnTo>
                      <a:pt x="148" y="186"/>
                    </a:lnTo>
                    <a:lnTo>
                      <a:pt x="148" y="188"/>
                    </a:lnTo>
                    <a:lnTo>
                      <a:pt x="146" y="188"/>
                    </a:lnTo>
                    <a:lnTo>
                      <a:pt x="146" y="191"/>
                    </a:lnTo>
                    <a:lnTo>
                      <a:pt x="144" y="193"/>
                    </a:lnTo>
                    <a:lnTo>
                      <a:pt x="142" y="193"/>
                    </a:lnTo>
                    <a:lnTo>
                      <a:pt x="141" y="194"/>
                    </a:lnTo>
                    <a:lnTo>
                      <a:pt x="139" y="194"/>
                    </a:lnTo>
                    <a:lnTo>
                      <a:pt x="136" y="194"/>
                    </a:lnTo>
                    <a:lnTo>
                      <a:pt x="136" y="196"/>
                    </a:lnTo>
                    <a:lnTo>
                      <a:pt x="136" y="198"/>
                    </a:lnTo>
                    <a:lnTo>
                      <a:pt x="134" y="199"/>
                    </a:lnTo>
                    <a:lnTo>
                      <a:pt x="134" y="201"/>
                    </a:lnTo>
                    <a:lnTo>
                      <a:pt x="132" y="204"/>
                    </a:lnTo>
                    <a:lnTo>
                      <a:pt x="131" y="206"/>
                    </a:lnTo>
                    <a:lnTo>
                      <a:pt x="129" y="208"/>
                    </a:lnTo>
                    <a:lnTo>
                      <a:pt x="129" y="210"/>
                    </a:lnTo>
                    <a:lnTo>
                      <a:pt x="127" y="218"/>
                    </a:lnTo>
                    <a:lnTo>
                      <a:pt x="131" y="223"/>
                    </a:lnTo>
                    <a:lnTo>
                      <a:pt x="132" y="225"/>
                    </a:lnTo>
                    <a:lnTo>
                      <a:pt x="134" y="226"/>
                    </a:lnTo>
                    <a:lnTo>
                      <a:pt x="134" y="228"/>
                    </a:lnTo>
                    <a:lnTo>
                      <a:pt x="136" y="232"/>
                    </a:lnTo>
                    <a:lnTo>
                      <a:pt x="136" y="235"/>
                    </a:lnTo>
                    <a:lnTo>
                      <a:pt x="134" y="237"/>
                    </a:lnTo>
                    <a:lnTo>
                      <a:pt x="127" y="238"/>
                    </a:lnTo>
                    <a:lnTo>
                      <a:pt x="119" y="240"/>
                    </a:lnTo>
                    <a:lnTo>
                      <a:pt x="117" y="240"/>
                    </a:lnTo>
                    <a:lnTo>
                      <a:pt x="112" y="240"/>
                    </a:lnTo>
                    <a:lnTo>
                      <a:pt x="107" y="243"/>
                    </a:lnTo>
                    <a:lnTo>
                      <a:pt x="102" y="245"/>
                    </a:lnTo>
                    <a:lnTo>
                      <a:pt x="97" y="250"/>
                    </a:lnTo>
                    <a:lnTo>
                      <a:pt x="95" y="255"/>
                    </a:lnTo>
                    <a:lnTo>
                      <a:pt x="95" y="264"/>
                    </a:lnTo>
                    <a:lnTo>
                      <a:pt x="100" y="272"/>
                    </a:lnTo>
                    <a:lnTo>
                      <a:pt x="100" y="274"/>
                    </a:lnTo>
                    <a:lnTo>
                      <a:pt x="104" y="277"/>
                    </a:lnTo>
                    <a:lnTo>
                      <a:pt x="104" y="281"/>
                    </a:lnTo>
                    <a:lnTo>
                      <a:pt x="105" y="284"/>
                    </a:lnTo>
                    <a:lnTo>
                      <a:pt x="104" y="287"/>
                    </a:lnTo>
                    <a:lnTo>
                      <a:pt x="98" y="289"/>
                    </a:lnTo>
                    <a:lnTo>
                      <a:pt x="88" y="287"/>
                    </a:lnTo>
                    <a:lnTo>
                      <a:pt x="75" y="282"/>
                    </a:lnTo>
                    <a:lnTo>
                      <a:pt x="71" y="281"/>
                    </a:lnTo>
                    <a:lnTo>
                      <a:pt x="68" y="277"/>
                    </a:lnTo>
                    <a:lnTo>
                      <a:pt x="65" y="276"/>
                    </a:lnTo>
                    <a:lnTo>
                      <a:pt x="60" y="272"/>
                    </a:lnTo>
                    <a:lnTo>
                      <a:pt x="54" y="272"/>
                    </a:lnTo>
                    <a:lnTo>
                      <a:pt x="49" y="272"/>
                    </a:lnTo>
                    <a:lnTo>
                      <a:pt x="44" y="276"/>
                    </a:lnTo>
                    <a:lnTo>
                      <a:pt x="38" y="282"/>
                    </a:lnTo>
                    <a:lnTo>
                      <a:pt x="38" y="284"/>
                    </a:lnTo>
                    <a:lnTo>
                      <a:pt x="36" y="286"/>
                    </a:lnTo>
                    <a:lnTo>
                      <a:pt x="32" y="287"/>
                    </a:lnTo>
                    <a:lnTo>
                      <a:pt x="31" y="289"/>
                    </a:lnTo>
                    <a:lnTo>
                      <a:pt x="27" y="292"/>
                    </a:lnTo>
                    <a:lnTo>
                      <a:pt x="26" y="294"/>
                    </a:lnTo>
                    <a:lnTo>
                      <a:pt x="26" y="296"/>
                    </a:lnTo>
                    <a:lnTo>
                      <a:pt x="24" y="296"/>
                    </a:lnTo>
                    <a:lnTo>
                      <a:pt x="26" y="298"/>
                    </a:lnTo>
                    <a:lnTo>
                      <a:pt x="29" y="301"/>
                    </a:lnTo>
                    <a:lnTo>
                      <a:pt x="32" y="303"/>
                    </a:lnTo>
                    <a:lnTo>
                      <a:pt x="34" y="304"/>
                    </a:lnTo>
                    <a:lnTo>
                      <a:pt x="43" y="311"/>
                    </a:lnTo>
                    <a:lnTo>
                      <a:pt x="38" y="320"/>
                    </a:lnTo>
                    <a:lnTo>
                      <a:pt x="38" y="355"/>
                    </a:lnTo>
                    <a:lnTo>
                      <a:pt x="19" y="357"/>
                    </a:lnTo>
                    <a:lnTo>
                      <a:pt x="0" y="370"/>
                    </a:lnTo>
                    <a:lnTo>
                      <a:pt x="0" y="369"/>
                    </a:lnTo>
                    <a:lnTo>
                      <a:pt x="148" y="357"/>
                    </a:lnTo>
                    <a:lnTo>
                      <a:pt x="148" y="333"/>
                    </a:lnTo>
                    <a:lnTo>
                      <a:pt x="149" y="335"/>
                    </a:lnTo>
                    <a:lnTo>
                      <a:pt x="153" y="335"/>
                    </a:lnTo>
                    <a:lnTo>
                      <a:pt x="158" y="335"/>
                    </a:lnTo>
                    <a:lnTo>
                      <a:pt x="164" y="335"/>
                    </a:lnTo>
                    <a:lnTo>
                      <a:pt x="171" y="336"/>
                    </a:lnTo>
                    <a:lnTo>
                      <a:pt x="178" y="336"/>
                    </a:lnTo>
                    <a:lnTo>
                      <a:pt x="186" y="336"/>
                    </a:lnTo>
                    <a:lnTo>
                      <a:pt x="188" y="336"/>
                    </a:lnTo>
                    <a:lnTo>
                      <a:pt x="192" y="336"/>
                    </a:lnTo>
                    <a:lnTo>
                      <a:pt x="197" y="335"/>
                    </a:lnTo>
                    <a:lnTo>
                      <a:pt x="203" y="335"/>
                    </a:lnTo>
                    <a:lnTo>
                      <a:pt x="212" y="333"/>
                    </a:lnTo>
                    <a:lnTo>
                      <a:pt x="222" y="333"/>
                    </a:lnTo>
                    <a:lnTo>
                      <a:pt x="232" y="331"/>
                    </a:lnTo>
                    <a:lnTo>
                      <a:pt x="246" y="331"/>
                    </a:lnTo>
                    <a:lnTo>
                      <a:pt x="259" y="330"/>
                    </a:lnTo>
                    <a:lnTo>
                      <a:pt x="273" y="328"/>
                    </a:lnTo>
                    <a:lnTo>
                      <a:pt x="288" y="328"/>
                    </a:lnTo>
                    <a:lnTo>
                      <a:pt x="305" y="326"/>
                    </a:lnTo>
                    <a:lnTo>
                      <a:pt x="322" y="325"/>
                    </a:lnTo>
                    <a:lnTo>
                      <a:pt x="339" y="323"/>
                    </a:lnTo>
                    <a:lnTo>
                      <a:pt x="356" y="321"/>
                    </a:lnTo>
                    <a:lnTo>
                      <a:pt x="373" y="320"/>
                    </a:lnTo>
                    <a:lnTo>
                      <a:pt x="391" y="318"/>
                    </a:lnTo>
                    <a:lnTo>
                      <a:pt x="408" y="318"/>
                    </a:lnTo>
                    <a:lnTo>
                      <a:pt x="425" y="316"/>
                    </a:lnTo>
                    <a:lnTo>
                      <a:pt x="440" y="314"/>
                    </a:lnTo>
                    <a:lnTo>
                      <a:pt x="457" y="313"/>
                    </a:lnTo>
                    <a:lnTo>
                      <a:pt x="472" y="311"/>
                    </a:lnTo>
                    <a:lnTo>
                      <a:pt x="488" y="309"/>
                    </a:lnTo>
                    <a:lnTo>
                      <a:pt x="501" y="309"/>
                    </a:lnTo>
                    <a:lnTo>
                      <a:pt x="513" y="308"/>
                    </a:lnTo>
                    <a:lnTo>
                      <a:pt x="525" y="306"/>
                    </a:lnTo>
                    <a:lnTo>
                      <a:pt x="535" y="306"/>
                    </a:lnTo>
                    <a:lnTo>
                      <a:pt x="544" y="306"/>
                    </a:lnTo>
                    <a:lnTo>
                      <a:pt x="549" y="304"/>
                    </a:lnTo>
                    <a:lnTo>
                      <a:pt x="554" y="304"/>
                    </a:lnTo>
                    <a:lnTo>
                      <a:pt x="557" y="304"/>
                    </a:lnTo>
                    <a:lnTo>
                      <a:pt x="559" y="304"/>
                    </a:lnTo>
                    <a:lnTo>
                      <a:pt x="560" y="303"/>
                    </a:lnTo>
                    <a:lnTo>
                      <a:pt x="564" y="301"/>
                    </a:lnTo>
                    <a:lnTo>
                      <a:pt x="567" y="299"/>
                    </a:lnTo>
                    <a:lnTo>
                      <a:pt x="571" y="298"/>
                    </a:lnTo>
                    <a:lnTo>
                      <a:pt x="576" y="296"/>
                    </a:lnTo>
                    <a:lnTo>
                      <a:pt x="581" y="292"/>
                    </a:lnTo>
                    <a:lnTo>
                      <a:pt x="586" y="291"/>
                    </a:lnTo>
                    <a:lnTo>
                      <a:pt x="591" y="287"/>
                    </a:lnTo>
                    <a:lnTo>
                      <a:pt x="596" y="286"/>
                    </a:lnTo>
                    <a:lnTo>
                      <a:pt x="601" y="282"/>
                    </a:lnTo>
                    <a:lnTo>
                      <a:pt x="606" y="281"/>
                    </a:lnTo>
                    <a:lnTo>
                      <a:pt x="611" y="277"/>
                    </a:lnTo>
                    <a:lnTo>
                      <a:pt x="615" y="276"/>
                    </a:lnTo>
                    <a:lnTo>
                      <a:pt x="618" y="274"/>
                    </a:lnTo>
                    <a:lnTo>
                      <a:pt x="620" y="274"/>
                    </a:lnTo>
                    <a:lnTo>
                      <a:pt x="621" y="272"/>
                    </a:lnTo>
                    <a:lnTo>
                      <a:pt x="621" y="270"/>
                    </a:lnTo>
                    <a:lnTo>
                      <a:pt x="623" y="269"/>
                    </a:lnTo>
                    <a:lnTo>
                      <a:pt x="625" y="265"/>
                    </a:lnTo>
                    <a:lnTo>
                      <a:pt x="626" y="264"/>
                    </a:lnTo>
                    <a:lnTo>
                      <a:pt x="630" y="260"/>
                    </a:lnTo>
                    <a:lnTo>
                      <a:pt x="635" y="259"/>
                    </a:lnTo>
                    <a:lnTo>
                      <a:pt x="640" y="255"/>
                    </a:lnTo>
                    <a:lnTo>
                      <a:pt x="643" y="255"/>
                    </a:lnTo>
                    <a:lnTo>
                      <a:pt x="643" y="254"/>
                    </a:lnTo>
                    <a:lnTo>
                      <a:pt x="645" y="252"/>
                    </a:lnTo>
                    <a:lnTo>
                      <a:pt x="647" y="252"/>
                    </a:lnTo>
                    <a:lnTo>
                      <a:pt x="647" y="248"/>
                    </a:lnTo>
                    <a:lnTo>
                      <a:pt x="647" y="247"/>
                    </a:lnTo>
                    <a:lnTo>
                      <a:pt x="648" y="245"/>
                    </a:lnTo>
                    <a:lnTo>
                      <a:pt x="648" y="243"/>
                    </a:lnTo>
                    <a:lnTo>
                      <a:pt x="650" y="240"/>
                    </a:lnTo>
                    <a:lnTo>
                      <a:pt x="652" y="238"/>
                    </a:lnTo>
                    <a:lnTo>
                      <a:pt x="653" y="237"/>
                    </a:lnTo>
                    <a:lnTo>
                      <a:pt x="655" y="235"/>
                    </a:lnTo>
                    <a:lnTo>
                      <a:pt x="657" y="232"/>
                    </a:lnTo>
                    <a:lnTo>
                      <a:pt x="659" y="228"/>
                    </a:lnTo>
                    <a:lnTo>
                      <a:pt x="660" y="225"/>
                    </a:lnTo>
                    <a:lnTo>
                      <a:pt x="662" y="221"/>
                    </a:lnTo>
                    <a:lnTo>
                      <a:pt x="664" y="215"/>
                    </a:lnTo>
                    <a:lnTo>
                      <a:pt x="667" y="211"/>
                    </a:lnTo>
                    <a:lnTo>
                      <a:pt x="672" y="208"/>
                    </a:lnTo>
                    <a:lnTo>
                      <a:pt x="677" y="204"/>
                    </a:lnTo>
                    <a:lnTo>
                      <a:pt x="684" y="201"/>
                    </a:lnTo>
                    <a:lnTo>
                      <a:pt x="689" y="198"/>
                    </a:lnTo>
                    <a:lnTo>
                      <a:pt x="694" y="194"/>
                    </a:lnTo>
                    <a:lnTo>
                      <a:pt x="699" y="189"/>
                    </a:lnTo>
                    <a:lnTo>
                      <a:pt x="701" y="184"/>
                    </a:lnTo>
                    <a:lnTo>
                      <a:pt x="703" y="182"/>
                    </a:lnTo>
                    <a:lnTo>
                      <a:pt x="704" y="182"/>
                    </a:lnTo>
                    <a:lnTo>
                      <a:pt x="703" y="184"/>
                    </a:lnTo>
                    <a:lnTo>
                      <a:pt x="701" y="186"/>
                    </a:lnTo>
                    <a:lnTo>
                      <a:pt x="701" y="188"/>
                    </a:lnTo>
                    <a:lnTo>
                      <a:pt x="699" y="188"/>
                    </a:lnTo>
                    <a:lnTo>
                      <a:pt x="699" y="189"/>
                    </a:lnTo>
                    <a:lnTo>
                      <a:pt x="723" y="157"/>
                    </a:lnTo>
                    <a:lnTo>
                      <a:pt x="711" y="157"/>
                    </a:lnTo>
                    <a:lnTo>
                      <a:pt x="711" y="155"/>
                    </a:lnTo>
                    <a:lnTo>
                      <a:pt x="709" y="154"/>
                    </a:lnTo>
                    <a:lnTo>
                      <a:pt x="709" y="152"/>
                    </a:lnTo>
                    <a:lnTo>
                      <a:pt x="708" y="150"/>
                    </a:lnTo>
                    <a:lnTo>
                      <a:pt x="704" y="150"/>
                    </a:lnTo>
                    <a:lnTo>
                      <a:pt x="701" y="149"/>
                    </a:lnTo>
                    <a:lnTo>
                      <a:pt x="696" y="149"/>
                    </a:lnTo>
                    <a:lnTo>
                      <a:pt x="696" y="147"/>
                    </a:lnTo>
                    <a:lnTo>
                      <a:pt x="692" y="142"/>
                    </a:lnTo>
                    <a:lnTo>
                      <a:pt x="687" y="137"/>
                    </a:lnTo>
                    <a:lnTo>
                      <a:pt x="682" y="128"/>
                    </a:lnTo>
                    <a:lnTo>
                      <a:pt x="675" y="120"/>
                    </a:lnTo>
                    <a:lnTo>
                      <a:pt x="669" y="110"/>
                    </a:lnTo>
                    <a:lnTo>
                      <a:pt x="660" y="101"/>
                    </a:lnTo>
                    <a:lnTo>
                      <a:pt x="652" y="91"/>
                    </a:lnTo>
                    <a:lnTo>
                      <a:pt x="652" y="88"/>
                    </a:lnTo>
                    <a:lnTo>
                      <a:pt x="652" y="84"/>
                    </a:lnTo>
                    <a:lnTo>
                      <a:pt x="653" y="79"/>
                    </a:lnTo>
                    <a:lnTo>
                      <a:pt x="653" y="76"/>
                    </a:lnTo>
                    <a:lnTo>
                      <a:pt x="653" y="71"/>
                    </a:lnTo>
                    <a:lnTo>
                      <a:pt x="652" y="64"/>
                    </a:lnTo>
                    <a:lnTo>
                      <a:pt x="650" y="59"/>
                    </a:lnTo>
                    <a:lnTo>
                      <a:pt x="647" y="56"/>
                    </a:lnTo>
                    <a:lnTo>
                      <a:pt x="647" y="52"/>
                    </a:lnTo>
                    <a:lnTo>
                      <a:pt x="647" y="50"/>
                    </a:lnTo>
                    <a:lnTo>
                      <a:pt x="648" y="50"/>
                    </a:lnTo>
                    <a:lnTo>
                      <a:pt x="648" y="52"/>
                    </a:lnTo>
                    <a:lnTo>
                      <a:pt x="650" y="52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594" name="Group 63"/>
              <p:cNvGrpSpPr>
                <a:grpSpLocks/>
              </p:cNvGrpSpPr>
              <p:nvPr/>
            </p:nvGrpSpPr>
            <p:grpSpPr bwMode="auto">
              <a:xfrm>
                <a:off x="4830" y="1006"/>
                <a:ext cx="350" cy="562"/>
                <a:chOff x="5086" y="1113"/>
                <a:chExt cx="359" cy="579"/>
              </a:xfrm>
            </p:grpSpPr>
            <p:sp>
              <p:nvSpPr>
                <p:cNvPr id="721" name="Freeform 64"/>
                <p:cNvSpPr>
                  <a:spLocks/>
                </p:cNvSpPr>
                <p:nvPr/>
              </p:nvSpPr>
              <p:spPr bwMode="auto">
                <a:xfrm>
                  <a:off x="5086" y="1113"/>
                  <a:ext cx="359" cy="579"/>
                </a:xfrm>
                <a:custGeom>
                  <a:avLst/>
                  <a:gdLst>
                    <a:gd name="T0" fmla="*/ 90 w 359"/>
                    <a:gd name="T1" fmla="*/ 565 h 579"/>
                    <a:gd name="T2" fmla="*/ 74 w 359"/>
                    <a:gd name="T3" fmla="*/ 550 h 579"/>
                    <a:gd name="T4" fmla="*/ 0 w 359"/>
                    <a:gd name="T5" fmla="*/ 318 h 579"/>
                    <a:gd name="T6" fmla="*/ 15 w 359"/>
                    <a:gd name="T7" fmla="*/ 311 h 579"/>
                    <a:gd name="T8" fmla="*/ 18 w 359"/>
                    <a:gd name="T9" fmla="*/ 311 h 579"/>
                    <a:gd name="T10" fmla="*/ 18 w 359"/>
                    <a:gd name="T11" fmla="*/ 294 h 579"/>
                    <a:gd name="T12" fmla="*/ 27 w 359"/>
                    <a:gd name="T13" fmla="*/ 289 h 579"/>
                    <a:gd name="T14" fmla="*/ 30 w 359"/>
                    <a:gd name="T15" fmla="*/ 259 h 579"/>
                    <a:gd name="T16" fmla="*/ 39 w 359"/>
                    <a:gd name="T17" fmla="*/ 250 h 579"/>
                    <a:gd name="T18" fmla="*/ 39 w 359"/>
                    <a:gd name="T19" fmla="*/ 238 h 579"/>
                    <a:gd name="T20" fmla="*/ 47 w 359"/>
                    <a:gd name="T21" fmla="*/ 221 h 579"/>
                    <a:gd name="T22" fmla="*/ 39 w 359"/>
                    <a:gd name="T23" fmla="*/ 198 h 579"/>
                    <a:gd name="T24" fmla="*/ 39 w 359"/>
                    <a:gd name="T25" fmla="*/ 169 h 579"/>
                    <a:gd name="T26" fmla="*/ 44 w 359"/>
                    <a:gd name="T27" fmla="*/ 154 h 579"/>
                    <a:gd name="T28" fmla="*/ 44 w 359"/>
                    <a:gd name="T29" fmla="*/ 125 h 579"/>
                    <a:gd name="T30" fmla="*/ 51 w 359"/>
                    <a:gd name="T31" fmla="*/ 98 h 579"/>
                    <a:gd name="T32" fmla="*/ 91 w 359"/>
                    <a:gd name="T33" fmla="*/ 12 h 579"/>
                    <a:gd name="T34" fmla="*/ 105 w 359"/>
                    <a:gd name="T35" fmla="*/ 34 h 579"/>
                    <a:gd name="T36" fmla="*/ 125 w 359"/>
                    <a:gd name="T37" fmla="*/ 29 h 579"/>
                    <a:gd name="T38" fmla="*/ 145 w 359"/>
                    <a:gd name="T39" fmla="*/ 12 h 579"/>
                    <a:gd name="T40" fmla="*/ 152 w 359"/>
                    <a:gd name="T41" fmla="*/ 3 h 579"/>
                    <a:gd name="T42" fmla="*/ 174 w 359"/>
                    <a:gd name="T43" fmla="*/ 7 h 579"/>
                    <a:gd name="T44" fmla="*/ 205 w 359"/>
                    <a:gd name="T45" fmla="*/ 22 h 579"/>
                    <a:gd name="T46" fmla="*/ 255 w 359"/>
                    <a:gd name="T47" fmla="*/ 177 h 579"/>
                    <a:gd name="T48" fmla="*/ 294 w 359"/>
                    <a:gd name="T49" fmla="*/ 213 h 579"/>
                    <a:gd name="T50" fmla="*/ 311 w 359"/>
                    <a:gd name="T51" fmla="*/ 237 h 579"/>
                    <a:gd name="T52" fmla="*/ 332 w 359"/>
                    <a:gd name="T53" fmla="*/ 243 h 579"/>
                    <a:gd name="T54" fmla="*/ 340 w 359"/>
                    <a:gd name="T55" fmla="*/ 265 h 579"/>
                    <a:gd name="T56" fmla="*/ 359 w 359"/>
                    <a:gd name="T57" fmla="*/ 267 h 579"/>
                    <a:gd name="T58" fmla="*/ 350 w 359"/>
                    <a:gd name="T59" fmla="*/ 289 h 579"/>
                    <a:gd name="T60" fmla="*/ 335 w 359"/>
                    <a:gd name="T61" fmla="*/ 293 h 579"/>
                    <a:gd name="T62" fmla="*/ 323 w 359"/>
                    <a:gd name="T63" fmla="*/ 306 h 579"/>
                    <a:gd name="T64" fmla="*/ 320 w 359"/>
                    <a:gd name="T65" fmla="*/ 320 h 579"/>
                    <a:gd name="T66" fmla="*/ 304 w 359"/>
                    <a:gd name="T67" fmla="*/ 326 h 579"/>
                    <a:gd name="T68" fmla="*/ 299 w 359"/>
                    <a:gd name="T69" fmla="*/ 323 h 579"/>
                    <a:gd name="T70" fmla="*/ 296 w 359"/>
                    <a:gd name="T71" fmla="*/ 330 h 579"/>
                    <a:gd name="T72" fmla="*/ 284 w 359"/>
                    <a:gd name="T73" fmla="*/ 357 h 579"/>
                    <a:gd name="T74" fmla="*/ 264 w 359"/>
                    <a:gd name="T75" fmla="*/ 335 h 579"/>
                    <a:gd name="T76" fmla="*/ 262 w 359"/>
                    <a:gd name="T77" fmla="*/ 348 h 579"/>
                    <a:gd name="T78" fmla="*/ 244 w 359"/>
                    <a:gd name="T79" fmla="*/ 362 h 579"/>
                    <a:gd name="T80" fmla="*/ 220 w 359"/>
                    <a:gd name="T81" fmla="*/ 362 h 579"/>
                    <a:gd name="T82" fmla="*/ 213 w 359"/>
                    <a:gd name="T83" fmla="*/ 353 h 579"/>
                    <a:gd name="T84" fmla="*/ 208 w 359"/>
                    <a:gd name="T85" fmla="*/ 372 h 579"/>
                    <a:gd name="T86" fmla="*/ 198 w 359"/>
                    <a:gd name="T87" fmla="*/ 436 h 579"/>
                    <a:gd name="T88" fmla="*/ 171 w 359"/>
                    <a:gd name="T89" fmla="*/ 450 h 579"/>
                    <a:gd name="T90" fmla="*/ 162 w 359"/>
                    <a:gd name="T91" fmla="*/ 448 h 579"/>
                    <a:gd name="T92" fmla="*/ 156 w 359"/>
                    <a:gd name="T93" fmla="*/ 448 h 579"/>
                    <a:gd name="T94" fmla="*/ 157 w 359"/>
                    <a:gd name="T95" fmla="*/ 475 h 579"/>
                    <a:gd name="T96" fmla="*/ 144 w 359"/>
                    <a:gd name="T97" fmla="*/ 460 h 579"/>
                    <a:gd name="T98" fmla="*/ 125 w 359"/>
                    <a:gd name="T99" fmla="*/ 475 h 579"/>
                    <a:gd name="T100" fmla="*/ 122 w 359"/>
                    <a:gd name="T101" fmla="*/ 506 h 579"/>
                    <a:gd name="T102" fmla="*/ 120 w 359"/>
                    <a:gd name="T103" fmla="*/ 528 h 579"/>
                    <a:gd name="T104" fmla="*/ 106 w 359"/>
                    <a:gd name="T105" fmla="*/ 541 h 579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w 359"/>
                    <a:gd name="T160" fmla="*/ 0 h 579"/>
                    <a:gd name="T161" fmla="*/ 359 w 359"/>
                    <a:gd name="T162" fmla="*/ 579 h 579"/>
                  </a:gdLst>
                  <a:ahLst/>
                  <a:cxnLst>
                    <a:cxn ang="T106">
                      <a:pos x="T0" y="T1"/>
                    </a:cxn>
                    <a:cxn ang="T107">
                      <a:pos x="T2" y="T3"/>
                    </a:cxn>
                    <a:cxn ang="T108">
                      <a:pos x="T4" y="T5"/>
                    </a:cxn>
                    <a:cxn ang="T109">
                      <a:pos x="T6" y="T7"/>
                    </a:cxn>
                    <a:cxn ang="T110">
                      <a:pos x="T8" y="T9"/>
                    </a:cxn>
                    <a:cxn ang="T111">
                      <a:pos x="T10" y="T11"/>
                    </a:cxn>
                    <a:cxn ang="T112">
                      <a:pos x="T12" y="T13"/>
                    </a:cxn>
                    <a:cxn ang="T113">
                      <a:pos x="T14" y="T15"/>
                    </a:cxn>
                    <a:cxn ang="T114">
                      <a:pos x="T16" y="T17"/>
                    </a:cxn>
                    <a:cxn ang="T115">
                      <a:pos x="T18" y="T19"/>
                    </a:cxn>
                    <a:cxn ang="T116">
                      <a:pos x="T20" y="T21"/>
                    </a:cxn>
                    <a:cxn ang="T117">
                      <a:pos x="T22" y="T23"/>
                    </a:cxn>
                    <a:cxn ang="T118">
                      <a:pos x="T24" y="T25"/>
                    </a:cxn>
                    <a:cxn ang="T119">
                      <a:pos x="T26" y="T27"/>
                    </a:cxn>
                    <a:cxn ang="T120">
                      <a:pos x="T28" y="T29"/>
                    </a:cxn>
                    <a:cxn ang="T121">
                      <a:pos x="T30" y="T31"/>
                    </a:cxn>
                    <a:cxn ang="T122">
                      <a:pos x="T32" y="T33"/>
                    </a:cxn>
                    <a:cxn ang="T123">
                      <a:pos x="T34" y="T35"/>
                    </a:cxn>
                    <a:cxn ang="T124">
                      <a:pos x="T36" y="T37"/>
                    </a:cxn>
                    <a:cxn ang="T125">
                      <a:pos x="T38" y="T39"/>
                    </a:cxn>
                    <a:cxn ang="T126">
                      <a:pos x="T40" y="T41"/>
                    </a:cxn>
                    <a:cxn ang="T127">
                      <a:pos x="T42" y="T43"/>
                    </a:cxn>
                    <a:cxn ang="T128">
                      <a:pos x="T44" y="T45"/>
                    </a:cxn>
                    <a:cxn ang="T129">
                      <a:pos x="T46" y="T47"/>
                    </a:cxn>
                    <a:cxn ang="T130">
                      <a:pos x="T48" y="T49"/>
                    </a:cxn>
                    <a:cxn ang="T131">
                      <a:pos x="T50" y="T51"/>
                    </a:cxn>
                    <a:cxn ang="T132">
                      <a:pos x="T52" y="T53"/>
                    </a:cxn>
                    <a:cxn ang="T133">
                      <a:pos x="T54" y="T55"/>
                    </a:cxn>
                    <a:cxn ang="T134">
                      <a:pos x="T56" y="T57"/>
                    </a:cxn>
                    <a:cxn ang="T135">
                      <a:pos x="T58" y="T59"/>
                    </a:cxn>
                    <a:cxn ang="T136">
                      <a:pos x="T60" y="T61"/>
                    </a:cxn>
                    <a:cxn ang="T137">
                      <a:pos x="T62" y="T63"/>
                    </a:cxn>
                    <a:cxn ang="T138">
                      <a:pos x="T64" y="T65"/>
                    </a:cxn>
                    <a:cxn ang="T139">
                      <a:pos x="T66" y="T67"/>
                    </a:cxn>
                    <a:cxn ang="T140">
                      <a:pos x="T68" y="T69"/>
                    </a:cxn>
                    <a:cxn ang="T141">
                      <a:pos x="T70" y="T71"/>
                    </a:cxn>
                    <a:cxn ang="T142">
                      <a:pos x="T72" y="T73"/>
                    </a:cxn>
                    <a:cxn ang="T143">
                      <a:pos x="T74" y="T75"/>
                    </a:cxn>
                    <a:cxn ang="T144">
                      <a:pos x="T76" y="T77"/>
                    </a:cxn>
                    <a:cxn ang="T145">
                      <a:pos x="T78" y="T79"/>
                    </a:cxn>
                    <a:cxn ang="T146">
                      <a:pos x="T80" y="T81"/>
                    </a:cxn>
                    <a:cxn ang="T147">
                      <a:pos x="T82" y="T83"/>
                    </a:cxn>
                    <a:cxn ang="T148">
                      <a:pos x="T84" y="T85"/>
                    </a:cxn>
                    <a:cxn ang="T149">
                      <a:pos x="T86" y="T87"/>
                    </a:cxn>
                    <a:cxn ang="T150">
                      <a:pos x="T88" y="T89"/>
                    </a:cxn>
                    <a:cxn ang="T151">
                      <a:pos x="T90" y="T91"/>
                    </a:cxn>
                    <a:cxn ang="T152">
                      <a:pos x="T92" y="T93"/>
                    </a:cxn>
                    <a:cxn ang="T153">
                      <a:pos x="T94" y="T95"/>
                    </a:cxn>
                    <a:cxn ang="T154">
                      <a:pos x="T96" y="T97"/>
                    </a:cxn>
                    <a:cxn ang="T155">
                      <a:pos x="T98" y="T99"/>
                    </a:cxn>
                    <a:cxn ang="T156">
                      <a:pos x="T100" y="T101"/>
                    </a:cxn>
                    <a:cxn ang="T157">
                      <a:pos x="T102" y="T103"/>
                    </a:cxn>
                    <a:cxn ang="T158">
                      <a:pos x="T104" y="T105"/>
                    </a:cxn>
                  </a:cxnLst>
                  <a:rect l="T159" t="T160" r="T161" b="T162"/>
                  <a:pathLst>
                    <a:path w="359" h="579">
                      <a:moveTo>
                        <a:pt x="98" y="579"/>
                      </a:moveTo>
                      <a:lnTo>
                        <a:pt x="96" y="577"/>
                      </a:lnTo>
                      <a:lnTo>
                        <a:pt x="95" y="575"/>
                      </a:lnTo>
                      <a:lnTo>
                        <a:pt x="91" y="573"/>
                      </a:lnTo>
                      <a:lnTo>
                        <a:pt x="90" y="572"/>
                      </a:lnTo>
                      <a:lnTo>
                        <a:pt x="90" y="565"/>
                      </a:lnTo>
                      <a:lnTo>
                        <a:pt x="88" y="560"/>
                      </a:lnTo>
                      <a:lnTo>
                        <a:pt x="84" y="557"/>
                      </a:lnTo>
                      <a:lnTo>
                        <a:pt x="83" y="553"/>
                      </a:lnTo>
                      <a:lnTo>
                        <a:pt x="79" y="551"/>
                      </a:lnTo>
                      <a:lnTo>
                        <a:pt x="78" y="551"/>
                      </a:lnTo>
                      <a:lnTo>
                        <a:pt x="74" y="550"/>
                      </a:lnTo>
                      <a:lnTo>
                        <a:pt x="68" y="541"/>
                      </a:lnTo>
                      <a:lnTo>
                        <a:pt x="2" y="323"/>
                      </a:lnTo>
                      <a:lnTo>
                        <a:pt x="0" y="323"/>
                      </a:lnTo>
                      <a:lnTo>
                        <a:pt x="0" y="321"/>
                      </a:lnTo>
                      <a:lnTo>
                        <a:pt x="0" y="318"/>
                      </a:lnTo>
                      <a:lnTo>
                        <a:pt x="0" y="315"/>
                      </a:lnTo>
                      <a:lnTo>
                        <a:pt x="2" y="311"/>
                      </a:lnTo>
                      <a:lnTo>
                        <a:pt x="3" y="308"/>
                      </a:lnTo>
                      <a:lnTo>
                        <a:pt x="7" y="306"/>
                      </a:lnTo>
                      <a:lnTo>
                        <a:pt x="10" y="308"/>
                      </a:lnTo>
                      <a:lnTo>
                        <a:pt x="15" y="311"/>
                      </a:lnTo>
                      <a:lnTo>
                        <a:pt x="15" y="313"/>
                      </a:lnTo>
                      <a:lnTo>
                        <a:pt x="17" y="313"/>
                      </a:lnTo>
                      <a:lnTo>
                        <a:pt x="17" y="315"/>
                      </a:lnTo>
                      <a:lnTo>
                        <a:pt x="18" y="315"/>
                      </a:lnTo>
                      <a:lnTo>
                        <a:pt x="18" y="313"/>
                      </a:lnTo>
                      <a:lnTo>
                        <a:pt x="18" y="311"/>
                      </a:lnTo>
                      <a:lnTo>
                        <a:pt x="20" y="306"/>
                      </a:lnTo>
                      <a:lnTo>
                        <a:pt x="20" y="301"/>
                      </a:lnTo>
                      <a:lnTo>
                        <a:pt x="20" y="299"/>
                      </a:lnTo>
                      <a:lnTo>
                        <a:pt x="18" y="298"/>
                      </a:lnTo>
                      <a:lnTo>
                        <a:pt x="18" y="296"/>
                      </a:lnTo>
                      <a:lnTo>
                        <a:pt x="18" y="294"/>
                      </a:lnTo>
                      <a:lnTo>
                        <a:pt x="18" y="293"/>
                      </a:lnTo>
                      <a:lnTo>
                        <a:pt x="20" y="291"/>
                      </a:lnTo>
                      <a:lnTo>
                        <a:pt x="24" y="293"/>
                      </a:lnTo>
                      <a:lnTo>
                        <a:pt x="30" y="294"/>
                      </a:lnTo>
                      <a:lnTo>
                        <a:pt x="29" y="293"/>
                      </a:lnTo>
                      <a:lnTo>
                        <a:pt x="27" y="289"/>
                      </a:lnTo>
                      <a:lnTo>
                        <a:pt x="25" y="284"/>
                      </a:lnTo>
                      <a:lnTo>
                        <a:pt x="24" y="279"/>
                      </a:lnTo>
                      <a:lnTo>
                        <a:pt x="22" y="274"/>
                      </a:lnTo>
                      <a:lnTo>
                        <a:pt x="24" y="267"/>
                      </a:lnTo>
                      <a:lnTo>
                        <a:pt x="25" y="262"/>
                      </a:lnTo>
                      <a:lnTo>
                        <a:pt x="30" y="259"/>
                      </a:lnTo>
                      <a:lnTo>
                        <a:pt x="32" y="257"/>
                      </a:lnTo>
                      <a:lnTo>
                        <a:pt x="34" y="255"/>
                      </a:lnTo>
                      <a:lnTo>
                        <a:pt x="35" y="254"/>
                      </a:lnTo>
                      <a:lnTo>
                        <a:pt x="37" y="252"/>
                      </a:lnTo>
                      <a:lnTo>
                        <a:pt x="39" y="250"/>
                      </a:lnTo>
                      <a:lnTo>
                        <a:pt x="39" y="249"/>
                      </a:lnTo>
                      <a:lnTo>
                        <a:pt x="40" y="249"/>
                      </a:lnTo>
                      <a:lnTo>
                        <a:pt x="40" y="247"/>
                      </a:lnTo>
                      <a:lnTo>
                        <a:pt x="39" y="245"/>
                      </a:lnTo>
                      <a:lnTo>
                        <a:pt x="39" y="242"/>
                      </a:lnTo>
                      <a:lnTo>
                        <a:pt x="39" y="238"/>
                      </a:lnTo>
                      <a:lnTo>
                        <a:pt x="40" y="235"/>
                      </a:lnTo>
                      <a:lnTo>
                        <a:pt x="42" y="230"/>
                      </a:lnTo>
                      <a:lnTo>
                        <a:pt x="44" y="227"/>
                      </a:lnTo>
                      <a:lnTo>
                        <a:pt x="49" y="223"/>
                      </a:lnTo>
                      <a:lnTo>
                        <a:pt x="47" y="223"/>
                      </a:lnTo>
                      <a:lnTo>
                        <a:pt x="47" y="221"/>
                      </a:lnTo>
                      <a:lnTo>
                        <a:pt x="47" y="218"/>
                      </a:lnTo>
                      <a:lnTo>
                        <a:pt x="46" y="215"/>
                      </a:lnTo>
                      <a:lnTo>
                        <a:pt x="44" y="211"/>
                      </a:lnTo>
                      <a:lnTo>
                        <a:pt x="42" y="208"/>
                      </a:lnTo>
                      <a:lnTo>
                        <a:pt x="40" y="203"/>
                      </a:lnTo>
                      <a:lnTo>
                        <a:pt x="39" y="198"/>
                      </a:lnTo>
                      <a:lnTo>
                        <a:pt x="39" y="193"/>
                      </a:lnTo>
                      <a:lnTo>
                        <a:pt x="37" y="188"/>
                      </a:lnTo>
                      <a:lnTo>
                        <a:pt x="37" y="183"/>
                      </a:lnTo>
                      <a:lnTo>
                        <a:pt x="37" y="177"/>
                      </a:lnTo>
                      <a:lnTo>
                        <a:pt x="39" y="172"/>
                      </a:lnTo>
                      <a:lnTo>
                        <a:pt x="39" y="169"/>
                      </a:lnTo>
                      <a:lnTo>
                        <a:pt x="42" y="164"/>
                      </a:lnTo>
                      <a:lnTo>
                        <a:pt x="46" y="161"/>
                      </a:lnTo>
                      <a:lnTo>
                        <a:pt x="46" y="159"/>
                      </a:lnTo>
                      <a:lnTo>
                        <a:pt x="44" y="157"/>
                      </a:lnTo>
                      <a:lnTo>
                        <a:pt x="44" y="154"/>
                      </a:lnTo>
                      <a:lnTo>
                        <a:pt x="44" y="149"/>
                      </a:lnTo>
                      <a:lnTo>
                        <a:pt x="44" y="145"/>
                      </a:lnTo>
                      <a:lnTo>
                        <a:pt x="44" y="140"/>
                      </a:lnTo>
                      <a:lnTo>
                        <a:pt x="44" y="135"/>
                      </a:lnTo>
                      <a:lnTo>
                        <a:pt x="44" y="130"/>
                      </a:lnTo>
                      <a:lnTo>
                        <a:pt x="44" y="125"/>
                      </a:lnTo>
                      <a:lnTo>
                        <a:pt x="44" y="120"/>
                      </a:lnTo>
                      <a:lnTo>
                        <a:pt x="44" y="115"/>
                      </a:lnTo>
                      <a:lnTo>
                        <a:pt x="46" y="110"/>
                      </a:lnTo>
                      <a:lnTo>
                        <a:pt x="47" y="105"/>
                      </a:lnTo>
                      <a:lnTo>
                        <a:pt x="49" y="101"/>
                      </a:lnTo>
                      <a:lnTo>
                        <a:pt x="51" y="98"/>
                      </a:lnTo>
                      <a:lnTo>
                        <a:pt x="78" y="15"/>
                      </a:lnTo>
                      <a:lnTo>
                        <a:pt x="79" y="13"/>
                      </a:lnTo>
                      <a:lnTo>
                        <a:pt x="81" y="13"/>
                      </a:lnTo>
                      <a:lnTo>
                        <a:pt x="84" y="12"/>
                      </a:lnTo>
                      <a:lnTo>
                        <a:pt x="88" y="10"/>
                      </a:lnTo>
                      <a:lnTo>
                        <a:pt x="91" y="12"/>
                      </a:lnTo>
                      <a:lnTo>
                        <a:pt x="95" y="13"/>
                      </a:lnTo>
                      <a:lnTo>
                        <a:pt x="98" y="18"/>
                      </a:lnTo>
                      <a:lnTo>
                        <a:pt x="101" y="29"/>
                      </a:lnTo>
                      <a:lnTo>
                        <a:pt x="101" y="30"/>
                      </a:lnTo>
                      <a:lnTo>
                        <a:pt x="103" y="32"/>
                      </a:lnTo>
                      <a:lnTo>
                        <a:pt x="105" y="34"/>
                      </a:lnTo>
                      <a:lnTo>
                        <a:pt x="108" y="35"/>
                      </a:lnTo>
                      <a:lnTo>
                        <a:pt x="110" y="37"/>
                      </a:lnTo>
                      <a:lnTo>
                        <a:pt x="115" y="37"/>
                      </a:lnTo>
                      <a:lnTo>
                        <a:pt x="118" y="34"/>
                      </a:lnTo>
                      <a:lnTo>
                        <a:pt x="125" y="30"/>
                      </a:lnTo>
                      <a:lnTo>
                        <a:pt x="125" y="29"/>
                      </a:lnTo>
                      <a:lnTo>
                        <a:pt x="128" y="27"/>
                      </a:lnTo>
                      <a:lnTo>
                        <a:pt x="132" y="23"/>
                      </a:lnTo>
                      <a:lnTo>
                        <a:pt x="135" y="20"/>
                      </a:lnTo>
                      <a:lnTo>
                        <a:pt x="139" y="17"/>
                      </a:lnTo>
                      <a:lnTo>
                        <a:pt x="142" y="13"/>
                      </a:lnTo>
                      <a:lnTo>
                        <a:pt x="145" y="12"/>
                      </a:lnTo>
                      <a:lnTo>
                        <a:pt x="152" y="10"/>
                      </a:lnTo>
                      <a:lnTo>
                        <a:pt x="152" y="8"/>
                      </a:lnTo>
                      <a:lnTo>
                        <a:pt x="152" y="5"/>
                      </a:lnTo>
                      <a:lnTo>
                        <a:pt x="152" y="3"/>
                      </a:lnTo>
                      <a:lnTo>
                        <a:pt x="154" y="1"/>
                      </a:lnTo>
                      <a:lnTo>
                        <a:pt x="157" y="0"/>
                      </a:lnTo>
                      <a:lnTo>
                        <a:pt x="162" y="1"/>
                      </a:lnTo>
                      <a:lnTo>
                        <a:pt x="169" y="3"/>
                      </a:lnTo>
                      <a:lnTo>
                        <a:pt x="171" y="5"/>
                      </a:lnTo>
                      <a:lnTo>
                        <a:pt x="174" y="7"/>
                      </a:lnTo>
                      <a:lnTo>
                        <a:pt x="179" y="10"/>
                      </a:lnTo>
                      <a:lnTo>
                        <a:pt x="186" y="13"/>
                      </a:lnTo>
                      <a:lnTo>
                        <a:pt x="193" y="15"/>
                      </a:lnTo>
                      <a:lnTo>
                        <a:pt x="198" y="18"/>
                      </a:lnTo>
                      <a:lnTo>
                        <a:pt x="203" y="20"/>
                      </a:lnTo>
                      <a:lnTo>
                        <a:pt x="205" y="22"/>
                      </a:lnTo>
                      <a:lnTo>
                        <a:pt x="213" y="30"/>
                      </a:lnTo>
                      <a:lnTo>
                        <a:pt x="254" y="164"/>
                      </a:lnTo>
                      <a:lnTo>
                        <a:pt x="254" y="166"/>
                      </a:lnTo>
                      <a:lnTo>
                        <a:pt x="254" y="169"/>
                      </a:lnTo>
                      <a:lnTo>
                        <a:pt x="254" y="172"/>
                      </a:lnTo>
                      <a:lnTo>
                        <a:pt x="255" y="177"/>
                      </a:lnTo>
                      <a:lnTo>
                        <a:pt x="260" y="184"/>
                      </a:lnTo>
                      <a:lnTo>
                        <a:pt x="266" y="188"/>
                      </a:lnTo>
                      <a:lnTo>
                        <a:pt x="276" y="191"/>
                      </a:lnTo>
                      <a:lnTo>
                        <a:pt x="289" y="193"/>
                      </a:lnTo>
                      <a:lnTo>
                        <a:pt x="294" y="196"/>
                      </a:lnTo>
                      <a:lnTo>
                        <a:pt x="294" y="213"/>
                      </a:lnTo>
                      <a:lnTo>
                        <a:pt x="303" y="221"/>
                      </a:lnTo>
                      <a:lnTo>
                        <a:pt x="304" y="225"/>
                      </a:lnTo>
                      <a:lnTo>
                        <a:pt x="306" y="228"/>
                      </a:lnTo>
                      <a:lnTo>
                        <a:pt x="308" y="233"/>
                      </a:lnTo>
                      <a:lnTo>
                        <a:pt x="311" y="237"/>
                      </a:lnTo>
                      <a:lnTo>
                        <a:pt x="315" y="238"/>
                      </a:lnTo>
                      <a:lnTo>
                        <a:pt x="318" y="238"/>
                      </a:lnTo>
                      <a:lnTo>
                        <a:pt x="321" y="237"/>
                      </a:lnTo>
                      <a:lnTo>
                        <a:pt x="323" y="237"/>
                      </a:lnTo>
                      <a:lnTo>
                        <a:pt x="326" y="240"/>
                      </a:lnTo>
                      <a:lnTo>
                        <a:pt x="332" y="243"/>
                      </a:lnTo>
                      <a:lnTo>
                        <a:pt x="337" y="247"/>
                      </a:lnTo>
                      <a:lnTo>
                        <a:pt x="340" y="250"/>
                      </a:lnTo>
                      <a:lnTo>
                        <a:pt x="345" y="254"/>
                      </a:lnTo>
                      <a:lnTo>
                        <a:pt x="348" y="257"/>
                      </a:lnTo>
                      <a:lnTo>
                        <a:pt x="340" y="265"/>
                      </a:lnTo>
                      <a:lnTo>
                        <a:pt x="347" y="276"/>
                      </a:lnTo>
                      <a:lnTo>
                        <a:pt x="350" y="272"/>
                      </a:lnTo>
                      <a:lnTo>
                        <a:pt x="354" y="271"/>
                      </a:lnTo>
                      <a:lnTo>
                        <a:pt x="357" y="267"/>
                      </a:lnTo>
                      <a:lnTo>
                        <a:pt x="359" y="267"/>
                      </a:lnTo>
                      <a:lnTo>
                        <a:pt x="359" y="269"/>
                      </a:lnTo>
                      <a:lnTo>
                        <a:pt x="359" y="274"/>
                      </a:lnTo>
                      <a:lnTo>
                        <a:pt x="354" y="284"/>
                      </a:lnTo>
                      <a:lnTo>
                        <a:pt x="352" y="287"/>
                      </a:lnTo>
                      <a:lnTo>
                        <a:pt x="350" y="289"/>
                      </a:lnTo>
                      <a:lnTo>
                        <a:pt x="347" y="293"/>
                      </a:lnTo>
                      <a:lnTo>
                        <a:pt x="345" y="296"/>
                      </a:lnTo>
                      <a:lnTo>
                        <a:pt x="343" y="298"/>
                      </a:lnTo>
                      <a:lnTo>
                        <a:pt x="342" y="299"/>
                      </a:lnTo>
                      <a:lnTo>
                        <a:pt x="342" y="301"/>
                      </a:lnTo>
                      <a:lnTo>
                        <a:pt x="335" y="293"/>
                      </a:lnTo>
                      <a:lnTo>
                        <a:pt x="330" y="298"/>
                      </a:lnTo>
                      <a:lnTo>
                        <a:pt x="333" y="306"/>
                      </a:lnTo>
                      <a:lnTo>
                        <a:pt x="326" y="308"/>
                      </a:lnTo>
                      <a:lnTo>
                        <a:pt x="325" y="308"/>
                      </a:lnTo>
                      <a:lnTo>
                        <a:pt x="323" y="306"/>
                      </a:lnTo>
                      <a:lnTo>
                        <a:pt x="321" y="306"/>
                      </a:lnTo>
                      <a:lnTo>
                        <a:pt x="318" y="306"/>
                      </a:lnTo>
                      <a:lnTo>
                        <a:pt x="318" y="308"/>
                      </a:lnTo>
                      <a:lnTo>
                        <a:pt x="318" y="311"/>
                      </a:lnTo>
                      <a:lnTo>
                        <a:pt x="320" y="316"/>
                      </a:lnTo>
                      <a:lnTo>
                        <a:pt x="320" y="320"/>
                      </a:lnTo>
                      <a:lnTo>
                        <a:pt x="318" y="321"/>
                      </a:lnTo>
                      <a:lnTo>
                        <a:pt x="316" y="323"/>
                      </a:lnTo>
                      <a:lnTo>
                        <a:pt x="313" y="325"/>
                      </a:lnTo>
                      <a:lnTo>
                        <a:pt x="310" y="326"/>
                      </a:lnTo>
                      <a:lnTo>
                        <a:pt x="306" y="326"/>
                      </a:lnTo>
                      <a:lnTo>
                        <a:pt x="304" y="326"/>
                      </a:lnTo>
                      <a:lnTo>
                        <a:pt x="301" y="325"/>
                      </a:lnTo>
                      <a:lnTo>
                        <a:pt x="298" y="321"/>
                      </a:lnTo>
                      <a:lnTo>
                        <a:pt x="299" y="323"/>
                      </a:lnTo>
                      <a:lnTo>
                        <a:pt x="299" y="321"/>
                      </a:lnTo>
                      <a:lnTo>
                        <a:pt x="298" y="321"/>
                      </a:lnTo>
                      <a:lnTo>
                        <a:pt x="298" y="323"/>
                      </a:lnTo>
                      <a:lnTo>
                        <a:pt x="296" y="326"/>
                      </a:lnTo>
                      <a:lnTo>
                        <a:pt x="296" y="330"/>
                      </a:lnTo>
                      <a:lnTo>
                        <a:pt x="296" y="338"/>
                      </a:lnTo>
                      <a:lnTo>
                        <a:pt x="294" y="340"/>
                      </a:lnTo>
                      <a:lnTo>
                        <a:pt x="293" y="345"/>
                      </a:lnTo>
                      <a:lnTo>
                        <a:pt x="289" y="347"/>
                      </a:lnTo>
                      <a:lnTo>
                        <a:pt x="289" y="348"/>
                      </a:lnTo>
                      <a:lnTo>
                        <a:pt x="284" y="357"/>
                      </a:lnTo>
                      <a:lnTo>
                        <a:pt x="277" y="348"/>
                      </a:lnTo>
                      <a:lnTo>
                        <a:pt x="277" y="342"/>
                      </a:lnTo>
                      <a:lnTo>
                        <a:pt x="267" y="337"/>
                      </a:lnTo>
                      <a:lnTo>
                        <a:pt x="267" y="335"/>
                      </a:lnTo>
                      <a:lnTo>
                        <a:pt x="266" y="335"/>
                      </a:lnTo>
                      <a:lnTo>
                        <a:pt x="264" y="335"/>
                      </a:lnTo>
                      <a:lnTo>
                        <a:pt x="262" y="335"/>
                      </a:lnTo>
                      <a:lnTo>
                        <a:pt x="260" y="337"/>
                      </a:lnTo>
                      <a:lnTo>
                        <a:pt x="260" y="338"/>
                      </a:lnTo>
                      <a:lnTo>
                        <a:pt x="260" y="342"/>
                      </a:lnTo>
                      <a:lnTo>
                        <a:pt x="262" y="347"/>
                      </a:lnTo>
                      <a:lnTo>
                        <a:pt x="262" y="348"/>
                      </a:lnTo>
                      <a:lnTo>
                        <a:pt x="260" y="350"/>
                      </a:lnTo>
                      <a:lnTo>
                        <a:pt x="257" y="353"/>
                      </a:lnTo>
                      <a:lnTo>
                        <a:pt x="254" y="355"/>
                      </a:lnTo>
                      <a:lnTo>
                        <a:pt x="249" y="359"/>
                      </a:lnTo>
                      <a:lnTo>
                        <a:pt x="245" y="360"/>
                      </a:lnTo>
                      <a:lnTo>
                        <a:pt x="244" y="362"/>
                      </a:lnTo>
                      <a:lnTo>
                        <a:pt x="242" y="362"/>
                      </a:lnTo>
                      <a:lnTo>
                        <a:pt x="244" y="375"/>
                      </a:lnTo>
                      <a:lnTo>
                        <a:pt x="223" y="375"/>
                      </a:lnTo>
                      <a:lnTo>
                        <a:pt x="230" y="364"/>
                      </a:lnTo>
                      <a:lnTo>
                        <a:pt x="220" y="364"/>
                      </a:lnTo>
                      <a:lnTo>
                        <a:pt x="220" y="362"/>
                      </a:lnTo>
                      <a:lnTo>
                        <a:pt x="220" y="359"/>
                      </a:lnTo>
                      <a:lnTo>
                        <a:pt x="218" y="353"/>
                      </a:lnTo>
                      <a:lnTo>
                        <a:pt x="218" y="350"/>
                      </a:lnTo>
                      <a:lnTo>
                        <a:pt x="216" y="348"/>
                      </a:lnTo>
                      <a:lnTo>
                        <a:pt x="215" y="348"/>
                      </a:lnTo>
                      <a:lnTo>
                        <a:pt x="213" y="353"/>
                      </a:lnTo>
                      <a:lnTo>
                        <a:pt x="210" y="364"/>
                      </a:lnTo>
                      <a:lnTo>
                        <a:pt x="210" y="365"/>
                      </a:lnTo>
                      <a:lnTo>
                        <a:pt x="210" y="367"/>
                      </a:lnTo>
                      <a:lnTo>
                        <a:pt x="210" y="370"/>
                      </a:lnTo>
                      <a:lnTo>
                        <a:pt x="208" y="372"/>
                      </a:lnTo>
                      <a:lnTo>
                        <a:pt x="208" y="375"/>
                      </a:lnTo>
                      <a:lnTo>
                        <a:pt x="208" y="377"/>
                      </a:lnTo>
                      <a:lnTo>
                        <a:pt x="210" y="411"/>
                      </a:lnTo>
                      <a:lnTo>
                        <a:pt x="205" y="421"/>
                      </a:lnTo>
                      <a:lnTo>
                        <a:pt x="198" y="436"/>
                      </a:lnTo>
                      <a:lnTo>
                        <a:pt x="193" y="428"/>
                      </a:lnTo>
                      <a:lnTo>
                        <a:pt x="183" y="431"/>
                      </a:lnTo>
                      <a:lnTo>
                        <a:pt x="179" y="450"/>
                      </a:lnTo>
                      <a:lnTo>
                        <a:pt x="171" y="448"/>
                      </a:lnTo>
                      <a:lnTo>
                        <a:pt x="171" y="450"/>
                      </a:lnTo>
                      <a:lnTo>
                        <a:pt x="171" y="453"/>
                      </a:lnTo>
                      <a:lnTo>
                        <a:pt x="169" y="453"/>
                      </a:lnTo>
                      <a:lnTo>
                        <a:pt x="169" y="455"/>
                      </a:lnTo>
                      <a:lnTo>
                        <a:pt x="167" y="455"/>
                      </a:lnTo>
                      <a:lnTo>
                        <a:pt x="166" y="453"/>
                      </a:lnTo>
                      <a:lnTo>
                        <a:pt x="162" y="448"/>
                      </a:lnTo>
                      <a:lnTo>
                        <a:pt x="162" y="447"/>
                      </a:lnTo>
                      <a:lnTo>
                        <a:pt x="161" y="447"/>
                      </a:lnTo>
                      <a:lnTo>
                        <a:pt x="161" y="445"/>
                      </a:lnTo>
                      <a:lnTo>
                        <a:pt x="159" y="445"/>
                      </a:lnTo>
                      <a:lnTo>
                        <a:pt x="157" y="447"/>
                      </a:lnTo>
                      <a:lnTo>
                        <a:pt x="156" y="448"/>
                      </a:lnTo>
                      <a:lnTo>
                        <a:pt x="156" y="453"/>
                      </a:lnTo>
                      <a:lnTo>
                        <a:pt x="154" y="462"/>
                      </a:lnTo>
                      <a:lnTo>
                        <a:pt x="156" y="463"/>
                      </a:lnTo>
                      <a:lnTo>
                        <a:pt x="156" y="467"/>
                      </a:lnTo>
                      <a:lnTo>
                        <a:pt x="156" y="472"/>
                      </a:lnTo>
                      <a:lnTo>
                        <a:pt x="157" y="475"/>
                      </a:lnTo>
                      <a:lnTo>
                        <a:pt x="156" y="477"/>
                      </a:lnTo>
                      <a:lnTo>
                        <a:pt x="154" y="475"/>
                      </a:lnTo>
                      <a:lnTo>
                        <a:pt x="152" y="469"/>
                      </a:lnTo>
                      <a:lnTo>
                        <a:pt x="147" y="457"/>
                      </a:lnTo>
                      <a:lnTo>
                        <a:pt x="144" y="460"/>
                      </a:lnTo>
                      <a:lnTo>
                        <a:pt x="140" y="462"/>
                      </a:lnTo>
                      <a:lnTo>
                        <a:pt x="137" y="465"/>
                      </a:lnTo>
                      <a:lnTo>
                        <a:pt x="132" y="469"/>
                      </a:lnTo>
                      <a:lnTo>
                        <a:pt x="128" y="472"/>
                      </a:lnTo>
                      <a:lnTo>
                        <a:pt x="127" y="475"/>
                      </a:lnTo>
                      <a:lnTo>
                        <a:pt x="125" y="475"/>
                      </a:lnTo>
                      <a:lnTo>
                        <a:pt x="122" y="497"/>
                      </a:lnTo>
                      <a:lnTo>
                        <a:pt x="127" y="499"/>
                      </a:lnTo>
                      <a:lnTo>
                        <a:pt x="127" y="506"/>
                      </a:lnTo>
                      <a:lnTo>
                        <a:pt x="123" y="506"/>
                      </a:lnTo>
                      <a:lnTo>
                        <a:pt x="122" y="506"/>
                      </a:lnTo>
                      <a:lnTo>
                        <a:pt x="118" y="507"/>
                      </a:lnTo>
                      <a:lnTo>
                        <a:pt x="117" y="511"/>
                      </a:lnTo>
                      <a:lnTo>
                        <a:pt x="115" y="514"/>
                      </a:lnTo>
                      <a:lnTo>
                        <a:pt x="117" y="519"/>
                      </a:lnTo>
                      <a:lnTo>
                        <a:pt x="120" y="528"/>
                      </a:lnTo>
                      <a:lnTo>
                        <a:pt x="118" y="529"/>
                      </a:lnTo>
                      <a:lnTo>
                        <a:pt x="117" y="533"/>
                      </a:lnTo>
                      <a:lnTo>
                        <a:pt x="113" y="536"/>
                      </a:lnTo>
                      <a:lnTo>
                        <a:pt x="110" y="538"/>
                      </a:lnTo>
                      <a:lnTo>
                        <a:pt x="108" y="541"/>
                      </a:lnTo>
                      <a:lnTo>
                        <a:pt x="106" y="541"/>
                      </a:lnTo>
                      <a:lnTo>
                        <a:pt x="106" y="543"/>
                      </a:lnTo>
                      <a:lnTo>
                        <a:pt x="106" y="565"/>
                      </a:lnTo>
                      <a:lnTo>
                        <a:pt x="98" y="579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22" name="Freeform 65"/>
                <p:cNvSpPr>
                  <a:spLocks/>
                </p:cNvSpPr>
                <p:nvPr/>
              </p:nvSpPr>
              <p:spPr bwMode="auto">
                <a:xfrm>
                  <a:off x="5343" y="1465"/>
                  <a:ext cx="17" cy="23"/>
                </a:xfrm>
                <a:custGeom>
                  <a:avLst/>
                  <a:gdLst>
                    <a:gd name="T0" fmla="*/ 9 w 17"/>
                    <a:gd name="T1" fmla="*/ 0 h 23"/>
                    <a:gd name="T2" fmla="*/ 17 w 17"/>
                    <a:gd name="T3" fmla="*/ 7 h 23"/>
                    <a:gd name="T4" fmla="*/ 14 w 17"/>
                    <a:gd name="T5" fmla="*/ 15 h 23"/>
                    <a:gd name="T6" fmla="*/ 10 w 17"/>
                    <a:gd name="T7" fmla="*/ 17 h 23"/>
                    <a:gd name="T8" fmla="*/ 10 w 17"/>
                    <a:gd name="T9" fmla="*/ 17 h 23"/>
                    <a:gd name="T10" fmla="*/ 12 w 17"/>
                    <a:gd name="T11" fmla="*/ 18 h 23"/>
                    <a:gd name="T12" fmla="*/ 12 w 17"/>
                    <a:gd name="T13" fmla="*/ 20 h 23"/>
                    <a:gd name="T14" fmla="*/ 12 w 17"/>
                    <a:gd name="T15" fmla="*/ 23 h 23"/>
                    <a:gd name="T16" fmla="*/ 10 w 17"/>
                    <a:gd name="T17" fmla="*/ 23 h 23"/>
                    <a:gd name="T18" fmla="*/ 9 w 17"/>
                    <a:gd name="T19" fmla="*/ 23 h 23"/>
                    <a:gd name="T20" fmla="*/ 5 w 17"/>
                    <a:gd name="T21" fmla="*/ 22 h 23"/>
                    <a:gd name="T22" fmla="*/ 0 w 17"/>
                    <a:gd name="T23" fmla="*/ 18 h 23"/>
                    <a:gd name="T24" fmla="*/ 0 w 17"/>
                    <a:gd name="T25" fmla="*/ 17 h 23"/>
                    <a:gd name="T26" fmla="*/ 0 w 17"/>
                    <a:gd name="T27" fmla="*/ 12 h 23"/>
                    <a:gd name="T28" fmla="*/ 0 w 17"/>
                    <a:gd name="T29" fmla="*/ 10 h 23"/>
                    <a:gd name="T30" fmla="*/ 2 w 17"/>
                    <a:gd name="T31" fmla="*/ 8 h 23"/>
                    <a:gd name="T32" fmla="*/ 9 w 17"/>
                    <a:gd name="T33" fmla="*/ 0 h 23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7"/>
                    <a:gd name="T52" fmla="*/ 0 h 23"/>
                    <a:gd name="T53" fmla="*/ 17 w 17"/>
                    <a:gd name="T54" fmla="*/ 23 h 23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7" h="23">
                      <a:moveTo>
                        <a:pt x="9" y="0"/>
                      </a:moveTo>
                      <a:lnTo>
                        <a:pt x="17" y="7"/>
                      </a:lnTo>
                      <a:lnTo>
                        <a:pt x="14" y="15"/>
                      </a:lnTo>
                      <a:lnTo>
                        <a:pt x="10" y="17"/>
                      </a:lnTo>
                      <a:lnTo>
                        <a:pt x="12" y="18"/>
                      </a:lnTo>
                      <a:lnTo>
                        <a:pt x="12" y="20"/>
                      </a:lnTo>
                      <a:lnTo>
                        <a:pt x="12" y="23"/>
                      </a:lnTo>
                      <a:lnTo>
                        <a:pt x="10" y="23"/>
                      </a:lnTo>
                      <a:lnTo>
                        <a:pt x="9" y="23"/>
                      </a:lnTo>
                      <a:lnTo>
                        <a:pt x="5" y="22"/>
                      </a:lnTo>
                      <a:lnTo>
                        <a:pt x="0" y="18"/>
                      </a:lnTo>
                      <a:lnTo>
                        <a:pt x="0" y="17"/>
                      </a:lnTo>
                      <a:lnTo>
                        <a:pt x="0" y="12"/>
                      </a:lnTo>
                      <a:lnTo>
                        <a:pt x="0" y="10"/>
                      </a:lnTo>
                      <a:lnTo>
                        <a:pt x="2" y="8"/>
                      </a:lnTo>
                      <a:lnTo>
                        <a:pt x="9" y="0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595" name="Group 66"/>
              <p:cNvGrpSpPr>
                <a:grpSpLocks/>
              </p:cNvGrpSpPr>
              <p:nvPr/>
            </p:nvGrpSpPr>
            <p:grpSpPr bwMode="auto">
              <a:xfrm>
                <a:off x="4607" y="1852"/>
                <a:ext cx="126" cy="291"/>
                <a:chOff x="4856" y="1462"/>
                <a:chExt cx="130" cy="300"/>
              </a:xfrm>
            </p:grpSpPr>
            <p:sp>
              <p:nvSpPr>
                <p:cNvPr id="719" name="Freeform 67"/>
                <p:cNvSpPr>
                  <a:spLocks/>
                </p:cNvSpPr>
                <p:nvPr/>
              </p:nvSpPr>
              <p:spPr bwMode="auto">
                <a:xfrm>
                  <a:off x="4856" y="1462"/>
                  <a:ext cx="130" cy="300"/>
                </a:xfrm>
                <a:custGeom>
                  <a:avLst/>
                  <a:gdLst>
                    <a:gd name="T0" fmla="*/ 12 w 130"/>
                    <a:gd name="T1" fmla="*/ 202 h 300"/>
                    <a:gd name="T2" fmla="*/ 23 w 130"/>
                    <a:gd name="T3" fmla="*/ 192 h 300"/>
                    <a:gd name="T4" fmla="*/ 32 w 130"/>
                    <a:gd name="T5" fmla="*/ 186 h 300"/>
                    <a:gd name="T6" fmla="*/ 39 w 130"/>
                    <a:gd name="T7" fmla="*/ 171 h 300"/>
                    <a:gd name="T8" fmla="*/ 49 w 130"/>
                    <a:gd name="T9" fmla="*/ 159 h 300"/>
                    <a:gd name="T10" fmla="*/ 57 w 130"/>
                    <a:gd name="T11" fmla="*/ 154 h 300"/>
                    <a:gd name="T12" fmla="*/ 59 w 130"/>
                    <a:gd name="T13" fmla="*/ 146 h 300"/>
                    <a:gd name="T14" fmla="*/ 56 w 130"/>
                    <a:gd name="T15" fmla="*/ 141 h 300"/>
                    <a:gd name="T16" fmla="*/ 49 w 130"/>
                    <a:gd name="T17" fmla="*/ 137 h 300"/>
                    <a:gd name="T18" fmla="*/ 32 w 130"/>
                    <a:gd name="T19" fmla="*/ 122 h 300"/>
                    <a:gd name="T20" fmla="*/ 20 w 130"/>
                    <a:gd name="T21" fmla="*/ 112 h 300"/>
                    <a:gd name="T22" fmla="*/ 3 w 130"/>
                    <a:gd name="T23" fmla="*/ 93 h 300"/>
                    <a:gd name="T24" fmla="*/ 6 w 130"/>
                    <a:gd name="T25" fmla="*/ 76 h 300"/>
                    <a:gd name="T26" fmla="*/ 0 w 130"/>
                    <a:gd name="T27" fmla="*/ 56 h 300"/>
                    <a:gd name="T28" fmla="*/ 28 w 130"/>
                    <a:gd name="T29" fmla="*/ 0 h 300"/>
                    <a:gd name="T30" fmla="*/ 113 w 130"/>
                    <a:gd name="T31" fmla="*/ 60 h 300"/>
                    <a:gd name="T32" fmla="*/ 106 w 130"/>
                    <a:gd name="T33" fmla="*/ 76 h 300"/>
                    <a:gd name="T34" fmla="*/ 106 w 130"/>
                    <a:gd name="T35" fmla="*/ 87 h 300"/>
                    <a:gd name="T36" fmla="*/ 96 w 130"/>
                    <a:gd name="T37" fmla="*/ 95 h 300"/>
                    <a:gd name="T38" fmla="*/ 113 w 130"/>
                    <a:gd name="T39" fmla="*/ 102 h 300"/>
                    <a:gd name="T40" fmla="*/ 118 w 130"/>
                    <a:gd name="T41" fmla="*/ 100 h 300"/>
                    <a:gd name="T42" fmla="*/ 120 w 130"/>
                    <a:gd name="T43" fmla="*/ 97 h 300"/>
                    <a:gd name="T44" fmla="*/ 122 w 130"/>
                    <a:gd name="T45" fmla="*/ 95 h 300"/>
                    <a:gd name="T46" fmla="*/ 125 w 130"/>
                    <a:gd name="T47" fmla="*/ 98 h 300"/>
                    <a:gd name="T48" fmla="*/ 127 w 130"/>
                    <a:gd name="T49" fmla="*/ 107 h 300"/>
                    <a:gd name="T50" fmla="*/ 127 w 130"/>
                    <a:gd name="T51" fmla="*/ 127 h 300"/>
                    <a:gd name="T52" fmla="*/ 127 w 130"/>
                    <a:gd name="T53" fmla="*/ 141 h 300"/>
                    <a:gd name="T54" fmla="*/ 127 w 130"/>
                    <a:gd name="T55" fmla="*/ 146 h 300"/>
                    <a:gd name="T56" fmla="*/ 127 w 130"/>
                    <a:gd name="T57" fmla="*/ 151 h 300"/>
                    <a:gd name="T58" fmla="*/ 130 w 130"/>
                    <a:gd name="T59" fmla="*/ 161 h 300"/>
                    <a:gd name="T60" fmla="*/ 130 w 130"/>
                    <a:gd name="T61" fmla="*/ 173 h 300"/>
                    <a:gd name="T62" fmla="*/ 130 w 130"/>
                    <a:gd name="T63" fmla="*/ 183 h 300"/>
                    <a:gd name="T64" fmla="*/ 128 w 130"/>
                    <a:gd name="T65" fmla="*/ 181 h 300"/>
                    <a:gd name="T66" fmla="*/ 125 w 130"/>
                    <a:gd name="T67" fmla="*/ 163 h 300"/>
                    <a:gd name="T68" fmla="*/ 122 w 130"/>
                    <a:gd name="T69" fmla="*/ 151 h 300"/>
                    <a:gd name="T70" fmla="*/ 118 w 130"/>
                    <a:gd name="T71" fmla="*/ 151 h 300"/>
                    <a:gd name="T72" fmla="*/ 122 w 130"/>
                    <a:gd name="T73" fmla="*/ 168 h 300"/>
                    <a:gd name="T74" fmla="*/ 122 w 130"/>
                    <a:gd name="T75" fmla="*/ 175 h 300"/>
                    <a:gd name="T76" fmla="*/ 122 w 130"/>
                    <a:gd name="T77" fmla="*/ 186 h 300"/>
                    <a:gd name="T78" fmla="*/ 122 w 130"/>
                    <a:gd name="T79" fmla="*/ 190 h 300"/>
                    <a:gd name="T80" fmla="*/ 122 w 130"/>
                    <a:gd name="T81" fmla="*/ 193 h 300"/>
                    <a:gd name="T82" fmla="*/ 118 w 130"/>
                    <a:gd name="T83" fmla="*/ 202 h 300"/>
                    <a:gd name="T84" fmla="*/ 115 w 130"/>
                    <a:gd name="T85" fmla="*/ 208 h 300"/>
                    <a:gd name="T86" fmla="*/ 110 w 130"/>
                    <a:gd name="T87" fmla="*/ 219 h 300"/>
                    <a:gd name="T88" fmla="*/ 108 w 130"/>
                    <a:gd name="T89" fmla="*/ 230 h 300"/>
                    <a:gd name="T90" fmla="*/ 103 w 130"/>
                    <a:gd name="T91" fmla="*/ 239 h 300"/>
                    <a:gd name="T92" fmla="*/ 94 w 130"/>
                    <a:gd name="T93" fmla="*/ 249 h 300"/>
                    <a:gd name="T94" fmla="*/ 96 w 130"/>
                    <a:gd name="T95" fmla="*/ 256 h 300"/>
                    <a:gd name="T96" fmla="*/ 86 w 130"/>
                    <a:gd name="T97" fmla="*/ 290 h 300"/>
                    <a:gd name="T98" fmla="*/ 76 w 130"/>
                    <a:gd name="T99" fmla="*/ 300 h 300"/>
                    <a:gd name="T100" fmla="*/ 71 w 130"/>
                    <a:gd name="T101" fmla="*/ 295 h 300"/>
                    <a:gd name="T102" fmla="*/ 72 w 130"/>
                    <a:gd name="T103" fmla="*/ 285 h 300"/>
                    <a:gd name="T104" fmla="*/ 74 w 130"/>
                    <a:gd name="T105" fmla="*/ 276 h 300"/>
                    <a:gd name="T106" fmla="*/ 64 w 130"/>
                    <a:gd name="T107" fmla="*/ 271 h 300"/>
                    <a:gd name="T108" fmla="*/ 49 w 130"/>
                    <a:gd name="T109" fmla="*/ 278 h 300"/>
                    <a:gd name="T110" fmla="*/ 44 w 130"/>
                    <a:gd name="T111" fmla="*/ 271 h 300"/>
                    <a:gd name="T112" fmla="*/ 34 w 130"/>
                    <a:gd name="T113" fmla="*/ 266 h 300"/>
                    <a:gd name="T114" fmla="*/ 23 w 130"/>
                    <a:gd name="T115" fmla="*/ 261 h 300"/>
                    <a:gd name="T116" fmla="*/ 6 w 130"/>
                    <a:gd name="T117" fmla="*/ 247 h 300"/>
                    <a:gd name="T118" fmla="*/ 3 w 130"/>
                    <a:gd name="T119" fmla="*/ 237 h 300"/>
                    <a:gd name="T120" fmla="*/ 1 w 130"/>
                    <a:gd name="T121" fmla="*/ 227 h 300"/>
                    <a:gd name="T122" fmla="*/ 3 w 130"/>
                    <a:gd name="T123" fmla="*/ 219 h 300"/>
                    <a:gd name="T124" fmla="*/ 13 w 130"/>
                    <a:gd name="T125" fmla="*/ 205 h 300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60000 65536"/>
                    <a:gd name="T187" fmla="*/ 0 60000 65536"/>
                    <a:gd name="T188" fmla="*/ 0 60000 65536"/>
                    <a:gd name="T189" fmla="*/ 0 w 130"/>
                    <a:gd name="T190" fmla="*/ 0 h 300"/>
                    <a:gd name="T191" fmla="*/ 130 w 130"/>
                    <a:gd name="T192" fmla="*/ 300 h 300"/>
                  </a:gdLst>
                  <a:ahLst/>
                  <a:cxnLst>
                    <a:cxn ang="T126">
                      <a:pos x="T0" y="T1"/>
                    </a:cxn>
                    <a:cxn ang="T127">
                      <a:pos x="T2" y="T3"/>
                    </a:cxn>
                    <a:cxn ang="T128">
                      <a:pos x="T4" y="T5"/>
                    </a:cxn>
                    <a:cxn ang="T129">
                      <a:pos x="T6" y="T7"/>
                    </a:cxn>
                    <a:cxn ang="T130">
                      <a:pos x="T8" y="T9"/>
                    </a:cxn>
                    <a:cxn ang="T131">
                      <a:pos x="T10" y="T11"/>
                    </a:cxn>
                    <a:cxn ang="T132">
                      <a:pos x="T12" y="T13"/>
                    </a:cxn>
                    <a:cxn ang="T133">
                      <a:pos x="T14" y="T15"/>
                    </a:cxn>
                    <a:cxn ang="T134">
                      <a:pos x="T16" y="T17"/>
                    </a:cxn>
                    <a:cxn ang="T135">
                      <a:pos x="T18" y="T19"/>
                    </a:cxn>
                    <a:cxn ang="T136">
                      <a:pos x="T20" y="T21"/>
                    </a:cxn>
                    <a:cxn ang="T137">
                      <a:pos x="T22" y="T23"/>
                    </a:cxn>
                    <a:cxn ang="T138">
                      <a:pos x="T24" y="T25"/>
                    </a:cxn>
                    <a:cxn ang="T139">
                      <a:pos x="T26" y="T27"/>
                    </a:cxn>
                    <a:cxn ang="T140">
                      <a:pos x="T28" y="T29"/>
                    </a:cxn>
                    <a:cxn ang="T141">
                      <a:pos x="T30" y="T31"/>
                    </a:cxn>
                    <a:cxn ang="T142">
                      <a:pos x="T32" y="T33"/>
                    </a:cxn>
                    <a:cxn ang="T143">
                      <a:pos x="T34" y="T35"/>
                    </a:cxn>
                    <a:cxn ang="T144">
                      <a:pos x="T36" y="T37"/>
                    </a:cxn>
                    <a:cxn ang="T145">
                      <a:pos x="T38" y="T39"/>
                    </a:cxn>
                    <a:cxn ang="T146">
                      <a:pos x="T40" y="T41"/>
                    </a:cxn>
                    <a:cxn ang="T147">
                      <a:pos x="T42" y="T43"/>
                    </a:cxn>
                    <a:cxn ang="T148">
                      <a:pos x="T44" y="T45"/>
                    </a:cxn>
                    <a:cxn ang="T149">
                      <a:pos x="T46" y="T47"/>
                    </a:cxn>
                    <a:cxn ang="T150">
                      <a:pos x="T48" y="T49"/>
                    </a:cxn>
                    <a:cxn ang="T151">
                      <a:pos x="T50" y="T51"/>
                    </a:cxn>
                    <a:cxn ang="T152">
                      <a:pos x="T52" y="T53"/>
                    </a:cxn>
                    <a:cxn ang="T153">
                      <a:pos x="T54" y="T55"/>
                    </a:cxn>
                    <a:cxn ang="T154">
                      <a:pos x="T56" y="T57"/>
                    </a:cxn>
                    <a:cxn ang="T155">
                      <a:pos x="T58" y="T59"/>
                    </a:cxn>
                    <a:cxn ang="T156">
                      <a:pos x="T60" y="T61"/>
                    </a:cxn>
                    <a:cxn ang="T157">
                      <a:pos x="T62" y="T63"/>
                    </a:cxn>
                    <a:cxn ang="T158">
                      <a:pos x="T64" y="T65"/>
                    </a:cxn>
                    <a:cxn ang="T159">
                      <a:pos x="T66" y="T67"/>
                    </a:cxn>
                    <a:cxn ang="T160">
                      <a:pos x="T68" y="T69"/>
                    </a:cxn>
                    <a:cxn ang="T161">
                      <a:pos x="T70" y="T71"/>
                    </a:cxn>
                    <a:cxn ang="T162">
                      <a:pos x="T72" y="T73"/>
                    </a:cxn>
                    <a:cxn ang="T163">
                      <a:pos x="T74" y="T75"/>
                    </a:cxn>
                    <a:cxn ang="T164">
                      <a:pos x="T76" y="T77"/>
                    </a:cxn>
                    <a:cxn ang="T165">
                      <a:pos x="T78" y="T79"/>
                    </a:cxn>
                    <a:cxn ang="T166">
                      <a:pos x="T80" y="T81"/>
                    </a:cxn>
                    <a:cxn ang="T167">
                      <a:pos x="T82" y="T83"/>
                    </a:cxn>
                    <a:cxn ang="T168">
                      <a:pos x="T84" y="T85"/>
                    </a:cxn>
                    <a:cxn ang="T169">
                      <a:pos x="T86" y="T87"/>
                    </a:cxn>
                    <a:cxn ang="T170">
                      <a:pos x="T88" y="T89"/>
                    </a:cxn>
                    <a:cxn ang="T171">
                      <a:pos x="T90" y="T91"/>
                    </a:cxn>
                    <a:cxn ang="T172">
                      <a:pos x="T92" y="T93"/>
                    </a:cxn>
                    <a:cxn ang="T173">
                      <a:pos x="T94" y="T95"/>
                    </a:cxn>
                    <a:cxn ang="T174">
                      <a:pos x="T96" y="T97"/>
                    </a:cxn>
                    <a:cxn ang="T175">
                      <a:pos x="T98" y="T99"/>
                    </a:cxn>
                    <a:cxn ang="T176">
                      <a:pos x="T100" y="T101"/>
                    </a:cxn>
                    <a:cxn ang="T177">
                      <a:pos x="T102" y="T103"/>
                    </a:cxn>
                    <a:cxn ang="T178">
                      <a:pos x="T104" y="T105"/>
                    </a:cxn>
                    <a:cxn ang="T179">
                      <a:pos x="T106" y="T107"/>
                    </a:cxn>
                    <a:cxn ang="T180">
                      <a:pos x="T108" y="T109"/>
                    </a:cxn>
                    <a:cxn ang="T181">
                      <a:pos x="T110" y="T111"/>
                    </a:cxn>
                    <a:cxn ang="T182">
                      <a:pos x="T112" y="T113"/>
                    </a:cxn>
                    <a:cxn ang="T183">
                      <a:pos x="T114" y="T115"/>
                    </a:cxn>
                    <a:cxn ang="T184">
                      <a:pos x="T116" y="T117"/>
                    </a:cxn>
                    <a:cxn ang="T185">
                      <a:pos x="T118" y="T119"/>
                    </a:cxn>
                    <a:cxn ang="T186">
                      <a:pos x="T120" y="T121"/>
                    </a:cxn>
                    <a:cxn ang="T187">
                      <a:pos x="T122" y="T123"/>
                    </a:cxn>
                    <a:cxn ang="T188">
                      <a:pos x="T124" y="T125"/>
                    </a:cxn>
                  </a:cxnLst>
                  <a:rect l="T189" t="T190" r="T191" b="T192"/>
                  <a:pathLst>
                    <a:path w="130" h="300">
                      <a:moveTo>
                        <a:pt x="8" y="205"/>
                      </a:moveTo>
                      <a:lnTo>
                        <a:pt x="8" y="203"/>
                      </a:lnTo>
                      <a:lnTo>
                        <a:pt x="12" y="202"/>
                      </a:lnTo>
                      <a:lnTo>
                        <a:pt x="15" y="198"/>
                      </a:lnTo>
                      <a:lnTo>
                        <a:pt x="20" y="195"/>
                      </a:lnTo>
                      <a:lnTo>
                        <a:pt x="23" y="192"/>
                      </a:lnTo>
                      <a:lnTo>
                        <a:pt x="28" y="190"/>
                      </a:lnTo>
                      <a:lnTo>
                        <a:pt x="30" y="186"/>
                      </a:lnTo>
                      <a:lnTo>
                        <a:pt x="32" y="186"/>
                      </a:lnTo>
                      <a:lnTo>
                        <a:pt x="32" y="181"/>
                      </a:lnTo>
                      <a:lnTo>
                        <a:pt x="35" y="176"/>
                      </a:lnTo>
                      <a:lnTo>
                        <a:pt x="39" y="171"/>
                      </a:lnTo>
                      <a:lnTo>
                        <a:pt x="42" y="166"/>
                      </a:lnTo>
                      <a:lnTo>
                        <a:pt x="45" y="163"/>
                      </a:lnTo>
                      <a:lnTo>
                        <a:pt x="49" y="159"/>
                      </a:lnTo>
                      <a:lnTo>
                        <a:pt x="52" y="158"/>
                      </a:lnTo>
                      <a:lnTo>
                        <a:pt x="54" y="156"/>
                      </a:lnTo>
                      <a:lnTo>
                        <a:pt x="57" y="154"/>
                      </a:lnTo>
                      <a:lnTo>
                        <a:pt x="59" y="151"/>
                      </a:lnTo>
                      <a:lnTo>
                        <a:pt x="59" y="149"/>
                      </a:lnTo>
                      <a:lnTo>
                        <a:pt x="59" y="146"/>
                      </a:lnTo>
                      <a:lnTo>
                        <a:pt x="57" y="144"/>
                      </a:lnTo>
                      <a:lnTo>
                        <a:pt x="56" y="142"/>
                      </a:lnTo>
                      <a:lnTo>
                        <a:pt x="56" y="141"/>
                      </a:lnTo>
                      <a:lnTo>
                        <a:pt x="54" y="141"/>
                      </a:lnTo>
                      <a:lnTo>
                        <a:pt x="52" y="139"/>
                      </a:lnTo>
                      <a:lnTo>
                        <a:pt x="49" y="137"/>
                      </a:lnTo>
                      <a:lnTo>
                        <a:pt x="44" y="132"/>
                      </a:lnTo>
                      <a:lnTo>
                        <a:pt x="39" y="127"/>
                      </a:lnTo>
                      <a:lnTo>
                        <a:pt x="32" y="122"/>
                      </a:lnTo>
                      <a:lnTo>
                        <a:pt x="27" y="117"/>
                      </a:lnTo>
                      <a:lnTo>
                        <a:pt x="22" y="114"/>
                      </a:lnTo>
                      <a:lnTo>
                        <a:pt x="20" y="112"/>
                      </a:lnTo>
                      <a:lnTo>
                        <a:pt x="10" y="107"/>
                      </a:lnTo>
                      <a:lnTo>
                        <a:pt x="5" y="100"/>
                      </a:lnTo>
                      <a:lnTo>
                        <a:pt x="3" y="93"/>
                      </a:lnTo>
                      <a:lnTo>
                        <a:pt x="3" y="87"/>
                      </a:lnTo>
                      <a:lnTo>
                        <a:pt x="5" y="82"/>
                      </a:lnTo>
                      <a:lnTo>
                        <a:pt x="6" y="76"/>
                      </a:lnTo>
                      <a:lnTo>
                        <a:pt x="8" y="73"/>
                      </a:lnTo>
                      <a:lnTo>
                        <a:pt x="10" y="73"/>
                      </a:lnTo>
                      <a:lnTo>
                        <a:pt x="0" y="56"/>
                      </a:lnTo>
                      <a:lnTo>
                        <a:pt x="17" y="31"/>
                      </a:lnTo>
                      <a:lnTo>
                        <a:pt x="23" y="9"/>
                      </a:lnTo>
                      <a:lnTo>
                        <a:pt x="28" y="0"/>
                      </a:lnTo>
                      <a:lnTo>
                        <a:pt x="113" y="27"/>
                      </a:lnTo>
                      <a:lnTo>
                        <a:pt x="115" y="60"/>
                      </a:lnTo>
                      <a:lnTo>
                        <a:pt x="113" y="60"/>
                      </a:lnTo>
                      <a:lnTo>
                        <a:pt x="105" y="75"/>
                      </a:lnTo>
                      <a:lnTo>
                        <a:pt x="105" y="76"/>
                      </a:lnTo>
                      <a:lnTo>
                        <a:pt x="106" y="76"/>
                      </a:lnTo>
                      <a:lnTo>
                        <a:pt x="106" y="80"/>
                      </a:lnTo>
                      <a:lnTo>
                        <a:pt x="106" y="83"/>
                      </a:lnTo>
                      <a:lnTo>
                        <a:pt x="106" y="87"/>
                      </a:lnTo>
                      <a:lnTo>
                        <a:pt x="105" y="90"/>
                      </a:lnTo>
                      <a:lnTo>
                        <a:pt x="101" y="93"/>
                      </a:lnTo>
                      <a:lnTo>
                        <a:pt x="96" y="95"/>
                      </a:lnTo>
                      <a:lnTo>
                        <a:pt x="94" y="100"/>
                      </a:lnTo>
                      <a:lnTo>
                        <a:pt x="113" y="100"/>
                      </a:lnTo>
                      <a:lnTo>
                        <a:pt x="113" y="102"/>
                      </a:lnTo>
                      <a:lnTo>
                        <a:pt x="116" y="104"/>
                      </a:lnTo>
                      <a:lnTo>
                        <a:pt x="118" y="104"/>
                      </a:lnTo>
                      <a:lnTo>
                        <a:pt x="118" y="100"/>
                      </a:lnTo>
                      <a:lnTo>
                        <a:pt x="118" y="98"/>
                      </a:lnTo>
                      <a:lnTo>
                        <a:pt x="120" y="97"/>
                      </a:lnTo>
                      <a:lnTo>
                        <a:pt x="122" y="95"/>
                      </a:lnTo>
                      <a:lnTo>
                        <a:pt x="123" y="95"/>
                      </a:lnTo>
                      <a:lnTo>
                        <a:pt x="123" y="97"/>
                      </a:lnTo>
                      <a:lnTo>
                        <a:pt x="125" y="98"/>
                      </a:lnTo>
                      <a:lnTo>
                        <a:pt x="125" y="100"/>
                      </a:lnTo>
                      <a:lnTo>
                        <a:pt x="125" y="104"/>
                      </a:lnTo>
                      <a:lnTo>
                        <a:pt x="127" y="107"/>
                      </a:lnTo>
                      <a:lnTo>
                        <a:pt x="127" y="112"/>
                      </a:lnTo>
                      <a:lnTo>
                        <a:pt x="127" y="119"/>
                      </a:lnTo>
                      <a:lnTo>
                        <a:pt x="127" y="127"/>
                      </a:lnTo>
                      <a:lnTo>
                        <a:pt x="125" y="137"/>
                      </a:lnTo>
                      <a:lnTo>
                        <a:pt x="125" y="139"/>
                      </a:lnTo>
                      <a:lnTo>
                        <a:pt x="127" y="141"/>
                      </a:lnTo>
                      <a:lnTo>
                        <a:pt x="127" y="142"/>
                      </a:lnTo>
                      <a:lnTo>
                        <a:pt x="127" y="144"/>
                      </a:lnTo>
                      <a:lnTo>
                        <a:pt x="127" y="146"/>
                      </a:lnTo>
                      <a:lnTo>
                        <a:pt x="127" y="148"/>
                      </a:lnTo>
                      <a:lnTo>
                        <a:pt x="127" y="149"/>
                      </a:lnTo>
                      <a:lnTo>
                        <a:pt x="127" y="151"/>
                      </a:lnTo>
                      <a:lnTo>
                        <a:pt x="128" y="153"/>
                      </a:lnTo>
                      <a:lnTo>
                        <a:pt x="128" y="156"/>
                      </a:lnTo>
                      <a:lnTo>
                        <a:pt x="130" y="161"/>
                      </a:lnTo>
                      <a:lnTo>
                        <a:pt x="130" y="164"/>
                      </a:lnTo>
                      <a:lnTo>
                        <a:pt x="130" y="170"/>
                      </a:lnTo>
                      <a:lnTo>
                        <a:pt x="130" y="173"/>
                      </a:lnTo>
                      <a:lnTo>
                        <a:pt x="130" y="178"/>
                      </a:lnTo>
                      <a:lnTo>
                        <a:pt x="130" y="180"/>
                      </a:lnTo>
                      <a:lnTo>
                        <a:pt x="130" y="183"/>
                      </a:lnTo>
                      <a:lnTo>
                        <a:pt x="128" y="181"/>
                      </a:lnTo>
                      <a:lnTo>
                        <a:pt x="127" y="178"/>
                      </a:lnTo>
                      <a:lnTo>
                        <a:pt x="127" y="171"/>
                      </a:lnTo>
                      <a:lnTo>
                        <a:pt x="125" y="163"/>
                      </a:lnTo>
                      <a:lnTo>
                        <a:pt x="123" y="153"/>
                      </a:lnTo>
                      <a:lnTo>
                        <a:pt x="123" y="151"/>
                      </a:lnTo>
                      <a:lnTo>
                        <a:pt x="122" y="151"/>
                      </a:lnTo>
                      <a:lnTo>
                        <a:pt x="120" y="149"/>
                      </a:lnTo>
                      <a:lnTo>
                        <a:pt x="118" y="151"/>
                      </a:lnTo>
                      <a:lnTo>
                        <a:pt x="118" y="154"/>
                      </a:lnTo>
                      <a:lnTo>
                        <a:pt x="120" y="159"/>
                      </a:lnTo>
                      <a:lnTo>
                        <a:pt x="122" y="168"/>
                      </a:lnTo>
                      <a:lnTo>
                        <a:pt x="122" y="170"/>
                      </a:lnTo>
                      <a:lnTo>
                        <a:pt x="122" y="171"/>
                      </a:lnTo>
                      <a:lnTo>
                        <a:pt x="122" y="175"/>
                      </a:lnTo>
                      <a:lnTo>
                        <a:pt x="122" y="178"/>
                      </a:lnTo>
                      <a:lnTo>
                        <a:pt x="122" y="183"/>
                      </a:lnTo>
                      <a:lnTo>
                        <a:pt x="122" y="186"/>
                      </a:lnTo>
                      <a:lnTo>
                        <a:pt x="122" y="188"/>
                      </a:lnTo>
                      <a:lnTo>
                        <a:pt x="122" y="190"/>
                      </a:lnTo>
                      <a:lnTo>
                        <a:pt x="122" y="192"/>
                      </a:lnTo>
                      <a:lnTo>
                        <a:pt x="122" y="193"/>
                      </a:lnTo>
                      <a:lnTo>
                        <a:pt x="122" y="197"/>
                      </a:lnTo>
                      <a:lnTo>
                        <a:pt x="122" y="198"/>
                      </a:lnTo>
                      <a:lnTo>
                        <a:pt x="118" y="202"/>
                      </a:lnTo>
                      <a:lnTo>
                        <a:pt x="116" y="205"/>
                      </a:lnTo>
                      <a:lnTo>
                        <a:pt x="116" y="207"/>
                      </a:lnTo>
                      <a:lnTo>
                        <a:pt x="115" y="208"/>
                      </a:lnTo>
                      <a:lnTo>
                        <a:pt x="115" y="212"/>
                      </a:lnTo>
                      <a:lnTo>
                        <a:pt x="115" y="214"/>
                      </a:lnTo>
                      <a:lnTo>
                        <a:pt x="110" y="219"/>
                      </a:lnTo>
                      <a:lnTo>
                        <a:pt x="108" y="227"/>
                      </a:lnTo>
                      <a:lnTo>
                        <a:pt x="108" y="229"/>
                      </a:lnTo>
                      <a:lnTo>
                        <a:pt x="108" y="230"/>
                      </a:lnTo>
                      <a:lnTo>
                        <a:pt x="106" y="232"/>
                      </a:lnTo>
                      <a:lnTo>
                        <a:pt x="105" y="236"/>
                      </a:lnTo>
                      <a:lnTo>
                        <a:pt x="103" y="239"/>
                      </a:lnTo>
                      <a:lnTo>
                        <a:pt x="100" y="244"/>
                      </a:lnTo>
                      <a:lnTo>
                        <a:pt x="98" y="247"/>
                      </a:lnTo>
                      <a:lnTo>
                        <a:pt x="94" y="249"/>
                      </a:lnTo>
                      <a:lnTo>
                        <a:pt x="94" y="251"/>
                      </a:lnTo>
                      <a:lnTo>
                        <a:pt x="96" y="254"/>
                      </a:lnTo>
                      <a:lnTo>
                        <a:pt x="96" y="256"/>
                      </a:lnTo>
                      <a:lnTo>
                        <a:pt x="96" y="258"/>
                      </a:lnTo>
                      <a:lnTo>
                        <a:pt x="89" y="281"/>
                      </a:lnTo>
                      <a:lnTo>
                        <a:pt x="86" y="290"/>
                      </a:lnTo>
                      <a:lnTo>
                        <a:pt x="83" y="296"/>
                      </a:lnTo>
                      <a:lnTo>
                        <a:pt x="79" y="300"/>
                      </a:lnTo>
                      <a:lnTo>
                        <a:pt x="76" y="300"/>
                      </a:lnTo>
                      <a:lnTo>
                        <a:pt x="74" y="300"/>
                      </a:lnTo>
                      <a:lnTo>
                        <a:pt x="72" y="296"/>
                      </a:lnTo>
                      <a:lnTo>
                        <a:pt x="71" y="295"/>
                      </a:lnTo>
                      <a:lnTo>
                        <a:pt x="71" y="290"/>
                      </a:lnTo>
                      <a:lnTo>
                        <a:pt x="72" y="286"/>
                      </a:lnTo>
                      <a:lnTo>
                        <a:pt x="72" y="285"/>
                      </a:lnTo>
                      <a:lnTo>
                        <a:pt x="74" y="283"/>
                      </a:lnTo>
                      <a:lnTo>
                        <a:pt x="74" y="280"/>
                      </a:lnTo>
                      <a:lnTo>
                        <a:pt x="74" y="276"/>
                      </a:lnTo>
                      <a:lnTo>
                        <a:pt x="72" y="273"/>
                      </a:lnTo>
                      <a:lnTo>
                        <a:pt x="69" y="271"/>
                      </a:lnTo>
                      <a:lnTo>
                        <a:pt x="64" y="271"/>
                      </a:lnTo>
                      <a:lnTo>
                        <a:pt x="56" y="273"/>
                      </a:lnTo>
                      <a:lnTo>
                        <a:pt x="49" y="278"/>
                      </a:lnTo>
                      <a:lnTo>
                        <a:pt x="49" y="276"/>
                      </a:lnTo>
                      <a:lnTo>
                        <a:pt x="47" y="274"/>
                      </a:lnTo>
                      <a:lnTo>
                        <a:pt x="44" y="271"/>
                      </a:lnTo>
                      <a:lnTo>
                        <a:pt x="42" y="269"/>
                      </a:lnTo>
                      <a:lnTo>
                        <a:pt x="39" y="266"/>
                      </a:lnTo>
                      <a:lnTo>
                        <a:pt x="34" y="266"/>
                      </a:lnTo>
                      <a:lnTo>
                        <a:pt x="28" y="264"/>
                      </a:lnTo>
                      <a:lnTo>
                        <a:pt x="27" y="263"/>
                      </a:lnTo>
                      <a:lnTo>
                        <a:pt x="23" y="261"/>
                      </a:lnTo>
                      <a:lnTo>
                        <a:pt x="20" y="258"/>
                      </a:lnTo>
                      <a:lnTo>
                        <a:pt x="18" y="256"/>
                      </a:lnTo>
                      <a:lnTo>
                        <a:pt x="6" y="247"/>
                      </a:lnTo>
                      <a:lnTo>
                        <a:pt x="6" y="239"/>
                      </a:lnTo>
                      <a:lnTo>
                        <a:pt x="3" y="237"/>
                      </a:lnTo>
                      <a:lnTo>
                        <a:pt x="1" y="234"/>
                      </a:lnTo>
                      <a:lnTo>
                        <a:pt x="1" y="230"/>
                      </a:lnTo>
                      <a:lnTo>
                        <a:pt x="1" y="227"/>
                      </a:lnTo>
                      <a:lnTo>
                        <a:pt x="1" y="224"/>
                      </a:lnTo>
                      <a:lnTo>
                        <a:pt x="1" y="220"/>
                      </a:lnTo>
                      <a:lnTo>
                        <a:pt x="3" y="219"/>
                      </a:lnTo>
                      <a:lnTo>
                        <a:pt x="5" y="217"/>
                      </a:lnTo>
                      <a:lnTo>
                        <a:pt x="12" y="208"/>
                      </a:lnTo>
                      <a:lnTo>
                        <a:pt x="13" y="205"/>
                      </a:lnTo>
                      <a:lnTo>
                        <a:pt x="8" y="20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20" name="Freeform 68"/>
                <p:cNvSpPr>
                  <a:spLocks/>
                </p:cNvSpPr>
                <p:nvPr/>
              </p:nvSpPr>
              <p:spPr bwMode="auto">
                <a:xfrm>
                  <a:off x="4856" y="1462"/>
                  <a:ext cx="130" cy="300"/>
                </a:xfrm>
                <a:custGeom>
                  <a:avLst/>
                  <a:gdLst>
                    <a:gd name="T0" fmla="*/ 12 w 130"/>
                    <a:gd name="T1" fmla="*/ 202 h 300"/>
                    <a:gd name="T2" fmla="*/ 28 w 130"/>
                    <a:gd name="T3" fmla="*/ 190 h 300"/>
                    <a:gd name="T4" fmla="*/ 32 w 130"/>
                    <a:gd name="T5" fmla="*/ 181 h 300"/>
                    <a:gd name="T6" fmla="*/ 45 w 130"/>
                    <a:gd name="T7" fmla="*/ 163 h 300"/>
                    <a:gd name="T8" fmla="*/ 54 w 130"/>
                    <a:gd name="T9" fmla="*/ 156 h 300"/>
                    <a:gd name="T10" fmla="*/ 59 w 130"/>
                    <a:gd name="T11" fmla="*/ 146 h 300"/>
                    <a:gd name="T12" fmla="*/ 54 w 130"/>
                    <a:gd name="T13" fmla="*/ 141 h 300"/>
                    <a:gd name="T14" fmla="*/ 44 w 130"/>
                    <a:gd name="T15" fmla="*/ 132 h 300"/>
                    <a:gd name="T16" fmla="*/ 22 w 130"/>
                    <a:gd name="T17" fmla="*/ 114 h 300"/>
                    <a:gd name="T18" fmla="*/ 5 w 130"/>
                    <a:gd name="T19" fmla="*/ 100 h 300"/>
                    <a:gd name="T20" fmla="*/ 6 w 130"/>
                    <a:gd name="T21" fmla="*/ 76 h 300"/>
                    <a:gd name="T22" fmla="*/ 17 w 130"/>
                    <a:gd name="T23" fmla="*/ 31 h 300"/>
                    <a:gd name="T24" fmla="*/ 115 w 130"/>
                    <a:gd name="T25" fmla="*/ 60 h 300"/>
                    <a:gd name="T26" fmla="*/ 105 w 130"/>
                    <a:gd name="T27" fmla="*/ 76 h 300"/>
                    <a:gd name="T28" fmla="*/ 106 w 130"/>
                    <a:gd name="T29" fmla="*/ 87 h 300"/>
                    <a:gd name="T30" fmla="*/ 94 w 130"/>
                    <a:gd name="T31" fmla="*/ 100 h 300"/>
                    <a:gd name="T32" fmla="*/ 116 w 130"/>
                    <a:gd name="T33" fmla="*/ 104 h 300"/>
                    <a:gd name="T34" fmla="*/ 118 w 130"/>
                    <a:gd name="T35" fmla="*/ 98 h 300"/>
                    <a:gd name="T36" fmla="*/ 122 w 130"/>
                    <a:gd name="T37" fmla="*/ 95 h 300"/>
                    <a:gd name="T38" fmla="*/ 125 w 130"/>
                    <a:gd name="T39" fmla="*/ 98 h 300"/>
                    <a:gd name="T40" fmla="*/ 127 w 130"/>
                    <a:gd name="T41" fmla="*/ 112 h 300"/>
                    <a:gd name="T42" fmla="*/ 125 w 130"/>
                    <a:gd name="T43" fmla="*/ 137 h 300"/>
                    <a:gd name="T44" fmla="*/ 127 w 130"/>
                    <a:gd name="T45" fmla="*/ 144 h 300"/>
                    <a:gd name="T46" fmla="*/ 127 w 130"/>
                    <a:gd name="T47" fmla="*/ 151 h 300"/>
                    <a:gd name="T48" fmla="*/ 130 w 130"/>
                    <a:gd name="T49" fmla="*/ 161 h 300"/>
                    <a:gd name="T50" fmla="*/ 130 w 130"/>
                    <a:gd name="T51" fmla="*/ 178 h 300"/>
                    <a:gd name="T52" fmla="*/ 130 w 130"/>
                    <a:gd name="T53" fmla="*/ 183 h 300"/>
                    <a:gd name="T54" fmla="*/ 125 w 130"/>
                    <a:gd name="T55" fmla="*/ 163 h 300"/>
                    <a:gd name="T56" fmla="*/ 122 w 130"/>
                    <a:gd name="T57" fmla="*/ 151 h 300"/>
                    <a:gd name="T58" fmla="*/ 118 w 130"/>
                    <a:gd name="T59" fmla="*/ 154 h 300"/>
                    <a:gd name="T60" fmla="*/ 122 w 130"/>
                    <a:gd name="T61" fmla="*/ 170 h 300"/>
                    <a:gd name="T62" fmla="*/ 122 w 130"/>
                    <a:gd name="T63" fmla="*/ 183 h 300"/>
                    <a:gd name="T64" fmla="*/ 122 w 130"/>
                    <a:gd name="T65" fmla="*/ 190 h 300"/>
                    <a:gd name="T66" fmla="*/ 122 w 130"/>
                    <a:gd name="T67" fmla="*/ 193 h 300"/>
                    <a:gd name="T68" fmla="*/ 116 w 130"/>
                    <a:gd name="T69" fmla="*/ 205 h 300"/>
                    <a:gd name="T70" fmla="*/ 115 w 130"/>
                    <a:gd name="T71" fmla="*/ 212 h 300"/>
                    <a:gd name="T72" fmla="*/ 108 w 130"/>
                    <a:gd name="T73" fmla="*/ 227 h 300"/>
                    <a:gd name="T74" fmla="*/ 105 w 130"/>
                    <a:gd name="T75" fmla="*/ 236 h 300"/>
                    <a:gd name="T76" fmla="*/ 94 w 130"/>
                    <a:gd name="T77" fmla="*/ 249 h 300"/>
                    <a:gd name="T78" fmla="*/ 96 w 130"/>
                    <a:gd name="T79" fmla="*/ 256 h 300"/>
                    <a:gd name="T80" fmla="*/ 86 w 130"/>
                    <a:gd name="T81" fmla="*/ 290 h 300"/>
                    <a:gd name="T82" fmla="*/ 74 w 130"/>
                    <a:gd name="T83" fmla="*/ 300 h 300"/>
                    <a:gd name="T84" fmla="*/ 72 w 130"/>
                    <a:gd name="T85" fmla="*/ 286 h 300"/>
                    <a:gd name="T86" fmla="*/ 74 w 130"/>
                    <a:gd name="T87" fmla="*/ 280 h 300"/>
                    <a:gd name="T88" fmla="*/ 64 w 130"/>
                    <a:gd name="T89" fmla="*/ 271 h 300"/>
                    <a:gd name="T90" fmla="*/ 49 w 130"/>
                    <a:gd name="T91" fmla="*/ 278 h 300"/>
                    <a:gd name="T92" fmla="*/ 42 w 130"/>
                    <a:gd name="T93" fmla="*/ 269 h 300"/>
                    <a:gd name="T94" fmla="*/ 28 w 130"/>
                    <a:gd name="T95" fmla="*/ 264 h 300"/>
                    <a:gd name="T96" fmla="*/ 18 w 130"/>
                    <a:gd name="T97" fmla="*/ 256 h 300"/>
                    <a:gd name="T98" fmla="*/ 3 w 130"/>
                    <a:gd name="T99" fmla="*/ 237 h 300"/>
                    <a:gd name="T100" fmla="*/ 1 w 130"/>
                    <a:gd name="T101" fmla="*/ 227 h 300"/>
                    <a:gd name="T102" fmla="*/ 5 w 130"/>
                    <a:gd name="T103" fmla="*/ 217 h 300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w 130"/>
                    <a:gd name="T157" fmla="*/ 0 h 300"/>
                    <a:gd name="T158" fmla="*/ 130 w 130"/>
                    <a:gd name="T159" fmla="*/ 300 h 300"/>
                  </a:gdLst>
                  <a:ahLst/>
                  <a:cxnLst>
                    <a:cxn ang="T104">
                      <a:pos x="T0" y="T1"/>
                    </a:cxn>
                    <a:cxn ang="T105">
                      <a:pos x="T2" y="T3"/>
                    </a:cxn>
                    <a:cxn ang="T106">
                      <a:pos x="T4" y="T5"/>
                    </a:cxn>
                    <a:cxn ang="T107">
                      <a:pos x="T6" y="T7"/>
                    </a:cxn>
                    <a:cxn ang="T108">
                      <a:pos x="T8" y="T9"/>
                    </a:cxn>
                    <a:cxn ang="T109">
                      <a:pos x="T10" y="T11"/>
                    </a:cxn>
                    <a:cxn ang="T110">
                      <a:pos x="T12" y="T13"/>
                    </a:cxn>
                    <a:cxn ang="T111">
                      <a:pos x="T14" y="T15"/>
                    </a:cxn>
                    <a:cxn ang="T112">
                      <a:pos x="T16" y="T17"/>
                    </a:cxn>
                    <a:cxn ang="T113">
                      <a:pos x="T18" y="T19"/>
                    </a:cxn>
                    <a:cxn ang="T114">
                      <a:pos x="T20" y="T21"/>
                    </a:cxn>
                    <a:cxn ang="T115">
                      <a:pos x="T22" y="T23"/>
                    </a:cxn>
                    <a:cxn ang="T116">
                      <a:pos x="T24" y="T25"/>
                    </a:cxn>
                    <a:cxn ang="T117">
                      <a:pos x="T26" y="T27"/>
                    </a:cxn>
                    <a:cxn ang="T118">
                      <a:pos x="T28" y="T29"/>
                    </a:cxn>
                    <a:cxn ang="T119">
                      <a:pos x="T30" y="T31"/>
                    </a:cxn>
                    <a:cxn ang="T120">
                      <a:pos x="T32" y="T33"/>
                    </a:cxn>
                    <a:cxn ang="T121">
                      <a:pos x="T34" y="T35"/>
                    </a:cxn>
                    <a:cxn ang="T122">
                      <a:pos x="T36" y="T37"/>
                    </a:cxn>
                    <a:cxn ang="T123">
                      <a:pos x="T38" y="T39"/>
                    </a:cxn>
                    <a:cxn ang="T124">
                      <a:pos x="T40" y="T41"/>
                    </a:cxn>
                    <a:cxn ang="T125">
                      <a:pos x="T42" y="T43"/>
                    </a:cxn>
                    <a:cxn ang="T126">
                      <a:pos x="T44" y="T45"/>
                    </a:cxn>
                    <a:cxn ang="T127">
                      <a:pos x="T46" y="T47"/>
                    </a:cxn>
                    <a:cxn ang="T128">
                      <a:pos x="T48" y="T49"/>
                    </a:cxn>
                    <a:cxn ang="T129">
                      <a:pos x="T50" y="T51"/>
                    </a:cxn>
                    <a:cxn ang="T130">
                      <a:pos x="T52" y="T53"/>
                    </a:cxn>
                    <a:cxn ang="T131">
                      <a:pos x="T54" y="T55"/>
                    </a:cxn>
                    <a:cxn ang="T132">
                      <a:pos x="T56" y="T57"/>
                    </a:cxn>
                    <a:cxn ang="T133">
                      <a:pos x="T58" y="T59"/>
                    </a:cxn>
                    <a:cxn ang="T134">
                      <a:pos x="T60" y="T61"/>
                    </a:cxn>
                    <a:cxn ang="T135">
                      <a:pos x="T62" y="T63"/>
                    </a:cxn>
                    <a:cxn ang="T136">
                      <a:pos x="T64" y="T65"/>
                    </a:cxn>
                    <a:cxn ang="T137">
                      <a:pos x="T66" y="T67"/>
                    </a:cxn>
                    <a:cxn ang="T138">
                      <a:pos x="T68" y="T69"/>
                    </a:cxn>
                    <a:cxn ang="T139">
                      <a:pos x="T70" y="T71"/>
                    </a:cxn>
                    <a:cxn ang="T140">
                      <a:pos x="T72" y="T73"/>
                    </a:cxn>
                    <a:cxn ang="T141">
                      <a:pos x="T74" y="T75"/>
                    </a:cxn>
                    <a:cxn ang="T142">
                      <a:pos x="T76" y="T77"/>
                    </a:cxn>
                    <a:cxn ang="T143">
                      <a:pos x="T78" y="T79"/>
                    </a:cxn>
                    <a:cxn ang="T144">
                      <a:pos x="T80" y="T81"/>
                    </a:cxn>
                    <a:cxn ang="T145">
                      <a:pos x="T82" y="T83"/>
                    </a:cxn>
                    <a:cxn ang="T146">
                      <a:pos x="T84" y="T85"/>
                    </a:cxn>
                    <a:cxn ang="T147">
                      <a:pos x="T86" y="T87"/>
                    </a:cxn>
                    <a:cxn ang="T148">
                      <a:pos x="T88" y="T89"/>
                    </a:cxn>
                    <a:cxn ang="T149">
                      <a:pos x="T90" y="T91"/>
                    </a:cxn>
                    <a:cxn ang="T150">
                      <a:pos x="T92" y="T93"/>
                    </a:cxn>
                    <a:cxn ang="T151">
                      <a:pos x="T94" y="T95"/>
                    </a:cxn>
                    <a:cxn ang="T152">
                      <a:pos x="T96" y="T97"/>
                    </a:cxn>
                    <a:cxn ang="T153">
                      <a:pos x="T98" y="T99"/>
                    </a:cxn>
                    <a:cxn ang="T154">
                      <a:pos x="T100" y="T101"/>
                    </a:cxn>
                    <a:cxn ang="T155">
                      <a:pos x="T102" y="T103"/>
                    </a:cxn>
                  </a:cxnLst>
                  <a:rect l="T156" t="T157" r="T158" b="T159"/>
                  <a:pathLst>
                    <a:path w="130" h="300">
                      <a:moveTo>
                        <a:pt x="8" y="205"/>
                      </a:moveTo>
                      <a:lnTo>
                        <a:pt x="8" y="205"/>
                      </a:lnTo>
                      <a:lnTo>
                        <a:pt x="8" y="203"/>
                      </a:lnTo>
                      <a:lnTo>
                        <a:pt x="12" y="202"/>
                      </a:lnTo>
                      <a:lnTo>
                        <a:pt x="15" y="198"/>
                      </a:lnTo>
                      <a:lnTo>
                        <a:pt x="20" y="195"/>
                      </a:lnTo>
                      <a:lnTo>
                        <a:pt x="23" y="192"/>
                      </a:lnTo>
                      <a:lnTo>
                        <a:pt x="28" y="190"/>
                      </a:lnTo>
                      <a:lnTo>
                        <a:pt x="30" y="186"/>
                      </a:lnTo>
                      <a:lnTo>
                        <a:pt x="32" y="186"/>
                      </a:lnTo>
                      <a:lnTo>
                        <a:pt x="32" y="181"/>
                      </a:lnTo>
                      <a:lnTo>
                        <a:pt x="35" y="176"/>
                      </a:lnTo>
                      <a:lnTo>
                        <a:pt x="39" y="171"/>
                      </a:lnTo>
                      <a:lnTo>
                        <a:pt x="42" y="166"/>
                      </a:lnTo>
                      <a:lnTo>
                        <a:pt x="45" y="163"/>
                      </a:lnTo>
                      <a:lnTo>
                        <a:pt x="49" y="159"/>
                      </a:lnTo>
                      <a:lnTo>
                        <a:pt x="52" y="158"/>
                      </a:lnTo>
                      <a:lnTo>
                        <a:pt x="54" y="156"/>
                      </a:lnTo>
                      <a:lnTo>
                        <a:pt x="57" y="154"/>
                      </a:lnTo>
                      <a:lnTo>
                        <a:pt x="59" y="151"/>
                      </a:lnTo>
                      <a:lnTo>
                        <a:pt x="59" y="149"/>
                      </a:lnTo>
                      <a:lnTo>
                        <a:pt x="59" y="146"/>
                      </a:lnTo>
                      <a:lnTo>
                        <a:pt x="57" y="144"/>
                      </a:lnTo>
                      <a:lnTo>
                        <a:pt x="56" y="142"/>
                      </a:lnTo>
                      <a:lnTo>
                        <a:pt x="56" y="141"/>
                      </a:lnTo>
                      <a:lnTo>
                        <a:pt x="54" y="141"/>
                      </a:lnTo>
                      <a:lnTo>
                        <a:pt x="52" y="139"/>
                      </a:lnTo>
                      <a:lnTo>
                        <a:pt x="49" y="137"/>
                      </a:lnTo>
                      <a:lnTo>
                        <a:pt x="44" y="132"/>
                      </a:lnTo>
                      <a:lnTo>
                        <a:pt x="39" y="127"/>
                      </a:lnTo>
                      <a:lnTo>
                        <a:pt x="32" y="122"/>
                      </a:lnTo>
                      <a:lnTo>
                        <a:pt x="27" y="117"/>
                      </a:lnTo>
                      <a:lnTo>
                        <a:pt x="22" y="114"/>
                      </a:lnTo>
                      <a:lnTo>
                        <a:pt x="20" y="112"/>
                      </a:lnTo>
                      <a:lnTo>
                        <a:pt x="10" y="107"/>
                      </a:lnTo>
                      <a:lnTo>
                        <a:pt x="5" y="100"/>
                      </a:lnTo>
                      <a:lnTo>
                        <a:pt x="3" y="93"/>
                      </a:lnTo>
                      <a:lnTo>
                        <a:pt x="3" y="87"/>
                      </a:lnTo>
                      <a:lnTo>
                        <a:pt x="5" y="82"/>
                      </a:lnTo>
                      <a:lnTo>
                        <a:pt x="6" y="76"/>
                      </a:lnTo>
                      <a:lnTo>
                        <a:pt x="8" y="73"/>
                      </a:lnTo>
                      <a:lnTo>
                        <a:pt x="10" y="73"/>
                      </a:lnTo>
                      <a:lnTo>
                        <a:pt x="0" y="56"/>
                      </a:lnTo>
                      <a:lnTo>
                        <a:pt x="17" y="31"/>
                      </a:lnTo>
                      <a:lnTo>
                        <a:pt x="23" y="9"/>
                      </a:lnTo>
                      <a:lnTo>
                        <a:pt x="28" y="0"/>
                      </a:lnTo>
                      <a:lnTo>
                        <a:pt x="113" y="27"/>
                      </a:lnTo>
                      <a:lnTo>
                        <a:pt x="115" y="60"/>
                      </a:lnTo>
                      <a:lnTo>
                        <a:pt x="113" y="60"/>
                      </a:lnTo>
                      <a:lnTo>
                        <a:pt x="105" y="75"/>
                      </a:lnTo>
                      <a:lnTo>
                        <a:pt x="105" y="76"/>
                      </a:lnTo>
                      <a:lnTo>
                        <a:pt x="106" y="76"/>
                      </a:lnTo>
                      <a:lnTo>
                        <a:pt x="106" y="80"/>
                      </a:lnTo>
                      <a:lnTo>
                        <a:pt x="106" y="83"/>
                      </a:lnTo>
                      <a:lnTo>
                        <a:pt x="106" y="87"/>
                      </a:lnTo>
                      <a:lnTo>
                        <a:pt x="105" y="90"/>
                      </a:lnTo>
                      <a:lnTo>
                        <a:pt x="101" y="93"/>
                      </a:lnTo>
                      <a:lnTo>
                        <a:pt x="96" y="95"/>
                      </a:lnTo>
                      <a:lnTo>
                        <a:pt x="94" y="100"/>
                      </a:lnTo>
                      <a:lnTo>
                        <a:pt x="113" y="100"/>
                      </a:lnTo>
                      <a:lnTo>
                        <a:pt x="113" y="102"/>
                      </a:lnTo>
                      <a:lnTo>
                        <a:pt x="116" y="104"/>
                      </a:lnTo>
                      <a:lnTo>
                        <a:pt x="118" y="104"/>
                      </a:lnTo>
                      <a:lnTo>
                        <a:pt x="118" y="100"/>
                      </a:lnTo>
                      <a:lnTo>
                        <a:pt x="118" y="98"/>
                      </a:lnTo>
                      <a:lnTo>
                        <a:pt x="120" y="97"/>
                      </a:lnTo>
                      <a:lnTo>
                        <a:pt x="122" y="95"/>
                      </a:lnTo>
                      <a:lnTo>
                        <a:pt x="123" y="95"/>
                      </a:lnTo>
                      <a:lnTo>
                        <a:pt x="123" y="97"/>
                      </a:lnTo>
                      <a:lnTo>
                        <a:pt x="125" y="98"/>
                      </a:lnTo>
                      <a:lnTo>
                        <a:pt x="125" y="100"/>
                      </a:lnTo>
                      <a:lnTo>
                        <a:pt x="125" y="104"/>
                      </a:lnTo>
                      <a:lnTo>
                        <a:pt x="127" y="107"/>
                      </a:lnTo>
                      <a:lnTo>
                        <a:pt x="127" y="112"/>
                      </a:lnTo>
                      <a:lnTo>
                        <a:pt x="127" y="119"/>
                      </a:lnTo>
                      <a:lnTo>
                        <a:pt x="127" y="127"/>
                      </a:lnTo>
                      <a:lnTo>
                        <a:pt x="125" y="137"/>
                      </a:lnTo>
                      <a:lnTo>
                        <a:pt x="125" y="139"/>
                      </a:lnTo>
                      <a:lnTo>
                        <a:pt x="127" y="141"/>
                      </a:lnTo>
                      <a:lnTo>
                        <a:pt x="127" y="142"/>
                      </a:lnTo>
                      <a:lnTo>
                        <a:pt x="127" y="144"/>
                      </a:lnTo>
                      <a:lnTo>
                        <a:pt x="127" y="146"/>
                      </a:lnTo>
                      <a:lnTo>
                        <a:pt x="127" y="148"/>
                      </a:lnTo>
                      <a:lnTo>
                        <a:pt x="127" y="149"/>
                      </a:lnTo>
                      <a:lnTo>
                        <a:pt x="127" y="151"/>
                      </a:lnTo>
                      <a:lnTo>
                        <a:pt x="128" y="153"/>
                      </a:lnTo>
                      <a:lnTo>
                        <a:pt x="128" y="156"/>
                      </a:lnTo>
                      <a:lnTo>
                        <a:pt x="130" y="161"/>
                      </a:lnTo>
                      <a:lnTo>
                        <a:pt x="130" y="164"/>
                      </a:lnTo>
                      <a:lnTo>
                        <a:pt x="130" y="170"/>
                      </a:lnTo>
                      <a:lnTo>
                        <a:pt x="130" y="173"/>
                      </a:lnTo>
                      <a:lnTo>
                        <a:pt x="130" y="178"/>
                      </a:lnTo>
                      <a:lnTo>
                        <a:pt x="130" y="180"/>
                      </a:lnTo>
                      <a:lnTo>
                        <a:pt x="130" y="183"/>
                      </a:lnTo>
                      <a:lnTo>
                        <a:pt x="128" y="181"/>
                      </a:lnTo>
                      <a:lnTo>
                        <a:pt x="127" y="178"/>
                      </a:lnTo>
                      <a:lnTo>
                        <a:pt x="127" y="171"/>
                      </a:lnTo>
                      <a:lnTo>
                        <a:pt x="125" y="163"/>
                      </a:lnTo>
                      <a:lnTo>
                        <a:pt x="123" y="153"/>
                      </a:lnTo>
                      <a:lnTo>
                        <a:pt x="123" y="151"/>
                      </a:lnTo>
                      <a:lnTo>
                        <a:pt x="122" y="151"/>
                      </a:lnTo>
                      <a:lnTo>
                        <a:pt x="120" y="149"/>
                      </a:lnTo>
                      <a:lnTo>
                        <a:pt x="118" y="151"/>
                      </a:lnTo>
                      <a:lnTo>
                        <a:pt x="118" y="154"/>
                      </a:lnTo>
                      <a:lnTo>
                        <a:pt x="120" y="159"/>
                      </a:lnTo>
                      <a:lnTo>
                        <a:pt x="122" y="168"/>
                      </a:lnTo>
                      <a:lnTo>
                        <a:pt x="122" y="170"/>
                      </a:lnTo>
                      <a:lnTo>
                        <a:pt x="122" y="171"/>
                      </a:lnTo>
                      <a:lnTo>
                        <a:pt x="122" y="175"/>
                      </a:lnTo>
                      <a:lnTo>
                        <a:pt x="122" y="178"/>
                      </a:lnTo>
                      <a:lnTo>
                        <a:pt x="122" y="183"/>
                      </a:lnTo>
                      <a:lnTo>
                        <a:pt x="122" y="186"/>
                      </a:lnTo>
                      <a:lnTo>
                        <a:pt x="122" y="188"/>
                      </a:lnTo>
                      <a:lnTo>
                        <a:pt x="122" y="190"/>
                      </a:lnTo>
                      <a:lnTo>
                        <a:pt x="122" y="192"/>
                      </a:lnTo>
                      <a:lnTo>
                        <a:pt x="122" y="193"/>
                      </a:lnTo>
                      <a:lnTo>
                        <a:pt x="122" y="197"/>
                      </a:lnTo>
                      <a:lnTo>
                        <a:pt x="122" y="198"/>
                      </a:lnTo>
                      <a:lnTo>
                        <a:pt x="118" y="202"/>
                      </a:lnTo>
                      <a:lnTo>
                        <a:pt x="116" y="205"/>
                      </a:lnTo>
                      <a:lnTo>
                        <a:pt x="116" y="207"/>
                      </a:lnTo>
                      <a:lnTo>
                        <a:pt x="115" y="208"/>
                      </a:lnTo>
                      <a:lnTo>
                        <a:pt x="115" y="212"/>
                      </a:lnTo>
                      <a:lnTo>
                        <a:pt x="115" y="214"/>
                      </a:lnTo>
                      <a:lnTo>
                        <a:pt x="110" y="219"/>
                      </a:lnTo>
                      <a:lnTo>
                        <a:pt x="108" y="227"/>
                      </a:lnTo>
                      <a:lnTo>
                        <a:pt x="108" y="229"/>
                      </a:lnTo>
                      <a:lnTo>
                        <a:pt x="108" y="230"/>
                      </a:lnTo>
                      <a:lnTo>
                        <a:pt x="106" y="232"/>
                      </a:lnTo>
                      <a:lnTo>
                        <a:pt x="105" y="236"/>
                      </a:lnTo>
                      <a:lnTo>
                        <a:pt x="103" y="239"/>
                      </a:lnTo>
                      <a:lnTo>
                        <a:pt x="100" y="244"/>
                      </a:lnTo>
                      <a:lnTo>
                        <a:pt x="98" y="247"/>
                      </a:lnTo>
                      <a:lnTo>
                        <a:pt x="94" y="249"/>
                      </a:lnTo>
                      <a:lnTo>
                        <a:pt x="94" y="251"/>
                      </a:lnTo>
                      <a:lnTo>
                        <a:pt x="96" y="254"/>
                      </a:lnTo>
                      <a:lnTo>
                        <a:pt x="96" y="256"/>
                      </a:lnTo>
                      <a:lnTo>
                        <a:pt x="96" y="258"/>
                      </a:lnTo>
                      <a:lnTo>
                        <a:pt x="89" y="281"/>
                      </a:lnTo>
                      <a:lnTo>
                        <a:pt x="86" y="290"/>
                      </a:lnTo>
                      <a:lnTo>
                        <a:pt x="83" y="296"/>
                      </a:lnTo>
                      <a:lnTo>
                        <a:pt x="79" y="300"/>
                      </a:lnTo>
                      <a:lnTo>
                        <a:pt x="76" y="300"/>
                      </a:lnTo>
                      <a:lnTo>
                        <a:pt x="74" y="300"/>
                      </a:lnTo>
                      <a:lnTo>
                        <a:pt x="72" y="296"/>
                      </a:lnTo>
                      <a:lnTo>
                        <a:pt x="71" y="295"/>
                      </a:lnTo>
                      <a:lnTo>
                        <a:pt x="71" y="290"/>
                      </a:lnTo>
                      <a:lnTo>
                        <a:pt x="72" y="286"/>
                      </a:lnTo>
                      <a:lnTo>
                        <a:pt x="72" y="285"/>
                      </a:lnTo>
                      <a:lnTo>
                        <a:pt x="74" y="283"/>
                      </a:lnTo>
                      <a:lnTo>
                        <a:pt x="74" y="280"/>
                      </a:lnTo>
                      <a:lnTo>
                        <a:pt x="74" y="276"/>
                      </a:lnTo>
                      <a:lnTo>
                        <a:pt x="72" y="273"/>
                      </a:lnTo>
                      <a:lnTo>
                        <a:pt x="69" y="271"/>
                      </a:lnTo>
                      <a:lnTo>
                        <a:pt x="64" y="271"/>
                      </a:lnTo>
                      <a:lnTo>
                        <a:pt x="56" y="273"/>
                      </a:lnTo>
                      <a:lnTo>
                        <a:pt x="49" y="278"/>
                      </a:lnTo>
                      <a:lnTo>
                        <a:pt x="49" y="276"/>
                      </a:lnTo>
                      <a:lnTo>
                        <a:pt x="47" y="274"/>
                      </a:lnTo>
                      <a:lnTo>
                        <a:pt x="44" y="271"/>
                      </a:lnTo>
                      <a:lnTo>
                        <a:pt x="42" y="269"/>
                      </a:lnTo>
                      <a:lnTo>
                        <a:pt x="39" y="266"/>
                      </a:lnTo>
                      <a:lnTo>
                        <a:pt x="34" y="266"/>
                      </a:lnTo>
                      <a:lnTo>
                        <a:pt x="28" y="264"/>
                      </a:lnTo>
                      <a:lnTo>
                        <a:pt x="27" y="263"/>
                      </a:lnTo>
                      <a:lnTo>
                        <a:pt x="23" y="261"/>
                      </a:lnTo>
                      <a:lnTo>
                        <a:pt x="20" y="258"/>
                      </a:lnTo>
                      <a:lnTo>
                        <a:pt x="18" y="256"/>
                      </a:lnTo>
                      <a:lnTo>
                        <a:pt x="6" y="247"/>
                      </a:lnTo>
                      <a:lnTo>
                        <a:pt x="6" y="239"/>
                      </a:lnTo>
                      <a:lnTo>
                        <a:pt x="3" y="237"/>
                      </a:lnTo>
                      <a:lnTo>
                        <a:pt x="1" y="234"/>
                      </a:lnTo>
                      <a:lnTo>
                        <a:pt x="1" y="230"/>
                      </a:lnTo>
                      <a:lnTo>
                        <a:pt x="1" y="227"/>
                      </a:lnTo>
                      <a:lnTo>
                        <a:pt x="1" y="224"/>
                      </a:lnTo>
                      <a:lnTo>
                        <a:pt x="1" y="220"/>
                      </a:lnTo>
                      <a:lnTo>
                        <a:pt x="3" y="219"/>
                      </a:lnTo>
                      <a:lnTo>
                        <a:pt x="5" y="217"/>
                      </a:lnTo>
                      <a:lnTo>
                        <a:pt x="12" y="208"/>
                      </a:lnTo>
                      <a:lnTo>
                        <a:pt x="13" y="205"/>
                      </a:lnTo>
                      <a:lnTo>
                        <a:pt x="8" y="205"/>
                      </a:lnTo>
                    </a:path>
                  </a:pathLst>
                </a:custGeom>
                <a:solidFill>
                  <a:srgbClr val="2D73FF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596" name="Freeform 69"/>
              <p:cNvSpPr>
                <a:spLocks/>
              </p:cNvSpPr>
              <p:nvPr/>
            </p:nvSpPr>
            <p:spPr bwMode="auto">
              <a:xfrm>
                <a:off x="3295" y="2545"/>
                <a:ext cx="810" cy="287"/>
              </a:xfrm>
              <a:custGeom>
                <a:avLst/>
                <a:gdLst>
                  <a:gd name="T0" fmla="*/ 562 w 833"/>
                  <a:gd name="T1" fmla="*/ 0 h 295"/>
                  <a:gd name="T2" fmla="*/ 562 w 833"/>
                  <a:gd name="T3" fmla="*/ 12 h 295"/>
                  <a:gd name="T4" fmla="*/ 562 w 833"/>
                  <a:gd name="T5" fmla="*/ 18 h 295"/>
                  <a:gd name="T6" fmla="*/ 556 w 833"/>
                  <a:gd name="T7" fmla="*/ 22 h 295"/>
                  <a:gd name="T8" fmla="*/ 549 w 833"/>
                  <a:gd name="T9" fmla="*/ 37 h 295"/>
                  <a:gd name="T10" fmla="*/ 544 w 833"/>
                  <a:gd name="T11" fmla="*/ 46 h 295"/>
                  <a:gd name="T12" fmla="*/ 534 w 833"/>
                  <a:gd name="T13" fmla="*/ 45 h 295"/>
                  <a:gd name="T14" fmla="*/ 519 w 833"/>
                  <a:gd name="T15" fmla="*/ 55 h 295"/>
                  <a:gd name="T16" fmla="*/ 508 w 833"/>
                  <a:gd name="T17" fmla="*/ 65 h 295"/>
                  <a:gd name="T18" fmla="*/ 505 w 833"/>
                  <a:gd name="T19" fmla="*/ 57 h 295"/>
                  <a:gd name="T20" fmla="*/ 497 w 833"/>
                  <a:gd name="T21" fmla="*/ 60 h 295"/>
                  <a:gd name="T22" fmla="*/ 492 w 833"/>
                  <a:gd name="T23" fmla="*/ 69 h 295"/>
                  <a:gd name="T24" fmla="*/ 488 w 833"/>
                  <a:gd name="T25" fmla="*/ 78 h 295"/>
                  <a:gd name="T26" fmla="*/ 483 w 833"/>
                  <a:gd name="T27" fmla="*/ 84 h 295"/>
                  <a:gd name="T28" fmla="*/ 473 w 833"/>
                  <a:gd name="T29" fmla="*/ 88 h 295"/>
                  <a:gd name="T30" fmla="*/ 457 w 833"/>
                  <a:gd name="T31" fmla="*/ 99 h 295"/>
                  <a:gd name="T32" fmla="*/ 449 w 833"/>
                  <a:gd name="T33" fmla="*/ 108 h 295"/>
                  <a:gd name="T34" fmla="*/ 432 w 833"/>
                  <a:gd name="T35" fmla="*/ 114 h 295"/>
                  <a:gd name="T36" fmla="*/ 424 w 833"/>
                  <a:gd name="T37" fmla="*/ 123 h 295"/>
                  <a:gd name="T38" fmla="*/ 421 w 833"/>
                  <a:gd name="T39" fmla="*/ 130 h 295"/>
                  <a:gd name="T40" fmla="*/ 413 w 833"/>
                  <a:gd name="T41" fmla="*/ 139 h 295"/>
                  <a:gd name="T42" fmla="*/ 405 w 833"/>
                  <a:gd name="T43" fmla="*/ 140 h 295"/>
                  <a:gd name="T44" fmla="*/ 317 w 833"/>
                  <a:gd name="T45" fmla="*/ 172 h 295"/>
                  <a:gd name="T46" fmla="*/ 7 w 833"/>
                  <a:gd name="T47" fmla="*/ 200 h 295"/>
                  <a:gd name="T48" fmla="*/ 0 w 833"/>
                  <a:gd name="T49" fmla="*/ 198 h 295"/>
                  <a:gd name="T50" fmla="*/ 8 w 833"/>
                  <a:gd name="T51" fmla="*/ 193 h 295"/>
                  <a:gd name="T52" fmla="*/ 18 w 833"/>
                  <a:gd name="T53" fmla="*/ 188 h 295"/>
                  <a:gd name="T54" fmla="*/ 18 w 833"/>
                  <a:gd name="T55" fmla="*/ 177 h 295"/>
                  <a:gd name="T56" fmla="*/ 15 w 833"/>
                  <a:gd name="T57" fmla="*/ 171 h 295"/>
                  <a:gd name="T58" fmla="*/ 18 w 833"/>
                  <a:gd name="T59" fmla="*/ 161 h 295"/>
                  <a:gd name="T60" fmla="*/ 18 w 833"/>
                  <a:gd name="T61" fmla="*/ 157 h 295"/>
                  <a:gd name="T62" fmla="*/ 18 w 833"/>
                  <a:gd name="T63" fmla="*/ 151 h 295"/>
                  <a:gd name="T64" fmla="*/ 27 w 833"/>
                  <a:gd name="T65" fmla="*/ 143 h 295"/>
                  <a:gd name="T66" fmla="*/ 22 w 833"/>
                  <a:gd name="T67" fmla="*/ 140 h 295"/>
                  <a:gd name="T68" fmla="*/ 18 w 833"/>
                  <a:gd name="T69" fmla="*/ 139 h 295"/>
                  <a:gd name="T70" fmla="*/ 20 w 833"/>
                  <a:gd name="T71" fmla="*/ 137 h 295"/>
                  <a:gd name="T72" fmla="*/ 27 w 833"/>
                  <a:gd name="T73" fmla="*/ 131 h 295"/>
                  <a:gd name="T74" fmla="*/ 35 w 833"/>
                  <a:gd name="T75" fmla="*/ 124 h 295"/>
                  <a:gd name="T76" fmla="*/ 40 w 833"/>
                  <a:gd name="T77" fmla="*/ 117 h 295"/>
                  <a:gd name="T78" fmla="*/ 37 w 833"/>
                  <a:gd name="T79" fmla="*/ 114 h 295"/>
                  <a:gd name="T80" fmla="*/ 43 w 833"/>
                  <a:gd name="T81" fmla="*/ 101 h 295"/>
                  <a:gd name="T82" fmla="*/ 45 w 833"/>
                  <a:gd name="T83" fmla="*/ 101 h 295"/>
                  <a:gd name="T84" fmla="*/ 44 w 833"/>
                  <a:gd name="T85" fmla="*/ 97 h 295"/>
                  <a:gd name="T86" fmla="*/ 38 w 833"/>
                  <a:gd name="T87" fmla="*/ 90 h 295"/>
                  <a:gd name="T88" fmla="*/ 42 w 833"/>
                  <a:gd name="T89" fmla="*/ 88 h 295"/>
                  <a:gd name="T90" fmla="*/ 44 w 833"/>
                  <a:gd name="T91" fmla="*/ 88 h 295"/>
                  <a:gd name="T92" fmla="*/ 143 w 833"/>
                  <a:gd name="T93" fmla="*/ 59 h 295"/>
                  <a:gd name="T94" fmla="*/ 144 w 833"/>
                  <a:gd name="T95" fmla="*/ 46 h 295"/>
                  <a:gd name="T96" fmla="*/ 154 w 833"/>
                  <a:gd name="T97" fmla="*/ 46 h 295"/>
                  <a:gd name="T98" fmla="*/ 169 w 833"/>
                  <a:gd name="T99" fmla="*/ 46 h 295"/>
                  <a:gd name="T100" fmla="*/ 177 w 833"/>
                  <a:gd name="T101" fmla="*/ 46 h 295"/>
                  <a:gd name="T102" fmla="*/ 194 w 833"/>
                  <a:gd name="T103" fmla="*/ 45 h 295"/>
                  <a:gd name="T104" fmla="*/ 218 w 833"/>
                  <a:gd name="T105" fmla="*/ 43 h 295"/>
                  <a:gd name="T106" fmla="*/ 250 w 833"/>
                  <a:gd name="T107" fmla="*/ 41 h 295"/>
                  <a:gd name="T108" fmla="*/ 283 w 833"/>
                  <a:gd name="T109" fmla="*/ 37 h 295"/>
                  <a:gd name="T110" fmla="*/ 319 w 833"/>
                  <a:gd name="T111" fmla="*/ 34 h 295"/>
                  <a:gd name="T112" fmla="*/ 352 w 833"/>
                  <a:gd name="T113" fmla="*/ 29 h 295"/>
                  <a:gd name="T114" fmla="*/ 382 w 833"/>
                  <a:gd name="T115" fmla="*/ 25 h 295"/>
                  <a:gd name="T116" fmla="*/ 405 w 833"/>
                  <a:gd name="T117" fmla="*/ 22 h 295"/>
                  <a:gd name="T118" fmla="*/ 417 w 833"/>
                  <a:gd name="T119" fmla="*/ 20 h 295"/>
                  <a:gd name="T120" fmla="*/ 544 w 833"/>
                  <a:gd name="T121" fmla="*/ 7 h 295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w 833"/>
                  <a:gd name="T184" fmla="*/ 0 h 295"/>
                  <a:gd name="T185" fmla="*/ 833 w 833"/>
                  <a:gd name="T186" fmla="*/ 295 h 295"/>
                </a:gdLst>
                <a:ahLst/>
                <a:cxnLst>
                  <a:cxn ang="T122">
                    <a:pos x="T0" y="T1"/>
                  </a:cxn>
                  <a:cxn ang="T123">
                    <a:pos x="T2" y="T3"/>
                  </a:cxn>
                  <a:cxn ang="T124">
                    <a:pos x="T4" y="T5"/>
                  </a:cxn>
                  <a:cxn ang="T125">
                    <a:pos x="T6" y="T7"/>
                  </a:cxn>
                  <a:cxn ang="T126">
                    <a:pos x="T8" y="T9"/>
                  </a:cxn>
                  <a:cxn ang="T127">
                    <a:pos x="T10" y="T11"/>
                  </a:cxn>
                  <a:cxn ang="T128">
                    <a:pos x="T12" y="T13"/>
                  </a:cxn>
                  <a:cxn ang="T129">
                    <a:pos x="T14" y="T15"/>
                  </a:cxn>
                  <a:cxn ang="T130">
                    <a:pos x="T16" y="T17"/>
                  </a:cxn>
                  <a:cxn ang="T131">
                    <a:pos x="T18" y="T19"/>
                  </a:cxn>
                  <a:cxn ang="T132">
                    <a:pos x="T20" y="T21"/>
                  </a:cxn>
                  <a:cxn ang="T133">
                    <a:pos x="T22" y="T23"/>
                  </a:cxn>
                  <a:cxn ang="T134">
                    <a:pos x="T24" y="T25"/>
                  </a:cxn>
                  <a:cxn ang="T135">
                    <a:pos x="T26" y="T27"/>
                  </a:cxn>
                  <a:cxn ang="T136">
                    <a:pos x="T28" y="T29"/>
                  </a:cxn>
                  <a:cxn ang="T137">
                    <a:pos x="T30" y="T31"/>
                  </a:cxn>
                  <a:cxn ang="T138">
                    <a:pos x="T32" y="T33"/>
                  </a:cxn>
                  <a:cxn ang="T139">
                    <a:pos x="T34" y="T35"/>
                  </a:cxn>
                  <a:cxn ang="T140">
                    <a:pos x="T36" y="T37"/>
                  </a:cxn>
                  <a:cxn ang="T141">
                    <a:pos x="T38" y="T39"/>
                  </a:cxn>
                  <a:cxn ang="T142">
                    <a:pos x="T40" y="T41"/>
                  </a:cxn>
                  <a:cxn ang="T143">
                    <a:pos x="T42" y="T43"/>
                  </a:cxn>
                  <a:cxn ang="T144">
                    <a:pos x="T44" y="T45"/>
                  </a:cxn>
                  <a:cxn ang="T145">
                    <a:pos x="T46" y="T47"/>
                  </a:cxn>
                  <a:cxn ang="T146">
                    <a:pos x="T48" y="T49"/>
                  </a:cxn>
                  <a:cxn ang="T147">
                    <a:pos x="T50" y="T51"/>
                  </a:cxn>
                  <a:cxn ang="T148">
                    <a:pos x="T52" y="T53"/>
                  </a:cxn>
                  <a:cxn ang="T149">
                    <a:pos x="T54" y="T55"/>
                  </a:cxn>
                  <a:cxn ang="T150">
                    <a:pos x="T56" y="T57"/>
                  </a:cxn>
                  <a:cxn ang="T151">
                    <a:pos x="T58" y="T59"/>
                  </a:cxn>
                  <a:cxn ang="T152">
                    <a:pos x="T60" y="T61"/>
                  </a:cxn>
                  <a:cxn ang="T153">
                    <a:pos x="T62" y="T63"/>
                  </a:cxn>
                  <a:cxn ang="T154">
                    <a:pos x="T64" y="T65"/>
                  </a:cxn>
                  <a:cxn ang="T155">
                    <a:pos x="T66" y="T67"/>
                  </a:cxn>
                  <a:cxn ang="T156">
                    <a:pos x="T68" y="T69"/>
                  </a:cxn>
                  <a:cxn ang="T157">
                    <a:pos x="T70" y="T71"/>
                  </a:cxn>
                  <a:cxn ang="T158">
                    <a:pos x="T72" y="T73"/>
                  </a:cxn>
                  <a:cxn ang="T159">
                    <a:pos x="T74" y="T75"/>
                  </a:cxn>
                  <a:cxn ang="T160">
                    <a:pos x="T76" y="T77"/>
                  </a:cxn>
                  <a:cxn ang="T161">
                    <a:pos x="T78" y="T79"/>
                  </a:cxn>
                  <a:cxn ang="T162">
                    <a:pos x="T80" y="T81"/>
                  </a:cxn>
                  <a:cxn ang="T163">
                    <a:pos x="T82" y="T83"/>
                  </a:cxn>
                  <a:cxn ang="T164">
                    <a:pos x="T84" y="T85"/>
                  </a:cxn>
                  <a:cxn ang="T165">
                    <a:pos x="T86" y="T87"/>
                  </a:cxn>
                  <a:cxn ang="T166">
                    <a:pos x="T88" y="T89"/>
                  </a:cxn>
                  <a:cxn ang="T167">
                    <a:pos x="T90" y="T91"/>
                  </a:cxn>
                  <a:cxn ang="T168">
                    <a:pos x="T92" y="T93"/>
                  </a:cxn>
                  <a:cxn ang="T169">
                    <a:pos x="T94" y="T95"/>
                  </a:cxn>
                  <a:cxn ang="T170">
                    <a:pos x="T96" y="T97"/>
                  </a:cxn>
                  <a:cxn ang="T171">
                    <a:pos x="T98" y="T99"/>
                  </a:cxn>
                  <a:cxn ang="T172">
                    <a:pos x="T100" y="T101"/>
                  </a:cxn>
                  <a:cxn ang="T173">
                    <a:pos x="T102" y="T103"/>
                  </a:cxn>
                  <a:cxn ang="T174">
                    <a:pos x="T104" y="T105"/>
                  </a:cxn>
                  <a:cxn ang="T175">
                    <a:pos x="T106" y="T107"/>
                  </a:cxn>
                  <a:cxn ang="T176">
                    <a:pos x="T108" y="T109"/>
                  </a:cxn>
                  <a:cxn ang="T177">
                    <a:pos x="T110" y="T111"/>
                  </a:cxn>
                  <a:cxn ang="T178">
                    <a:pos x="T112" y="T113"/>
                  </a:cxn>
                  <a:cxn ang="T179">
                    <a:pos x="T114" y="T115"/>
                  </a:cxn>
                  <a:cxn ang="T180">
                    <a:pos x="T116" y="T117"/>
                  </a:cxn>
                  <a:cxn ang="T181">
                    <a:pos x="T118" y="T119"/>
                  </a:cxn>
                  <a:cxn ang="T182">
                    <a:pos x="T120" y="T121"/>
                  </a:cxn>
                </a:cxnLst>
                <a:rect l="T183" t="T184" r="T185" b="T186"/>
                <a:pathLst>
                  <a:path w="833" h="295">
                    <a:moveTo>
                      <a:pt x="804" y="7"/>
                    </a:moveTo>
                    <a:lnTo>
                      <a:pt x="816" y="0"/>
                    </a:lnTo>
                    <a:lnTo>
                      <a:pt x="831" y="0"/>
                    </a:lnTo>
                    <a:lnTo>
                      <a:pt x="831" y="2"/>
                    </a:lnTo>
                    <a:lnTo>
                      <a:pt x="831" y="6"/>
                    </a:lnTo>
                    <a:lnTo>
                      <a:pt x="831" y="12"/>
                    </a:lnTo>
                    <a:lnTo>
                      <a:pt x="831" y="17"/>
                    </a:lnTo>
                    <a:lnTo>
                      <a:pt x="833" y="24"/>
                    </a:lnTo>
                    <a:lnTo>
                      <a:pt x="831" y="31"/>
                    </a:lnTo>
                    <a:lnTo>
                      <a:pt x="831" y="34"/>
                    </a:lnTo>
                    <a:lnTo>
                      <a:pt x="831" y="36"/>
                    </a:lnTo>
                    <a:lnTo>
                      <a:pt x="824" y="36"/>
                    </a:lnTo>
                    <a:lnTo>
                      <a:pt x="819" y="39"/>
                    </a:lnTo>
                    <a:lnTo>
                      <a:pt x="814" y="44"/>
                    </a:lnTo>
                    <a:lnTo>
                      <a:pt x="811" y="51"/>
                    </a:lnTo>
                    <a:lnTo>
                      <a:pt x="807" y="58"/>
                    </a:lnTo>
                    <a:lnTo>
                      <a:pt x="805" y="63"/>
                    </a:lnTo>
                    <a:lnTo>
                      <a:pt x="804" y="66"/>
                    </a:lnTo>
                    <a:lnTo>
                      <a:pt x="797" y="63"/>
                    </a:lnTo>
                    <a:lnTo>
                      <a:pt x="790" y="63"/>
                    </a:lnTo>
                    <a:lnTo>
                      <a:pt x="782" y="68"/>
                    </a:lnTo>
                    <a:lnTo>
                      <a:pt x="773" y="75"/>
                    </a:lnTo>
                    <a:lnTo>
                      <a:pt x="767" y="83"/>
                    </a:lnTo>
                    <a:lnTo>
                      <a:pt x="760" y="90"/>
                    </a:lnTo>
                    <a:lnTo>
                      <a:pt x="755" y="94"/>
                    </a:lnTo>
                    <a:lnTo>
                      <a:pt x="753" y="94"/>
                    </a:lnTo>
                    <a:lnTo>
                      <a:pt x="751" y="88"/>
                    </a:lnTo>
                    <a:lnTo>
                      <a:pt x="748" y="87"/>
                    </a:lnTo>
                    <a:lnTo>
                      <a:pt x="746" y="85"/>
                    </a:lnTo>
                    <a:lnTo>
                      <a:pt x="743" y="85"/>
                    </a:lnTo>
                    <a:lnTo>
                      <a:pt x="739" y="87"/>
                    </a:lnTo>
                    <a:lnTo>
                      <a:pt x="736" y="88"/>
                    </a:lnTo>
                    <a:lnTo>
                      <a:pt x="733" y="92"/>
                    </a:lnTo>
                    <a:lnTo>
                      <a:pt x="731" y="97"/>
                    </a:lnTo>
                    <a:lnTo>
                      <a:pt x="728" y="100"/>
                    </a:lnTo>
                    <a:lnTo>
                      <a:pt x="724" y="105"/>
                    </a:lnTo>
                    <a:lnTo>
                      <a:pt x="723" y="110"/>
                    </a:lnTo>
                    <a:lnTo>
                      <a:pt x="721" y="114"/>
                    </a:lnTo>
                    <a:lnTo>
                      <a:pt x="717" y="119"/>
                    </a:lnTo>
                    <a:lnTo>
                      <a:pt x="717" y="121"/>
                    </a:lnTo>
                    <a:lnTo>
                      <a:pt x="716" y="122"/>
                    </a:lnTo>
                    <a:lnTo>
                      <a:pt x="716" y="124"/>
                    </a:lnTo>
                    <a:lnTo>
                      <a:pt x="707" y="126"/>
                    </a:lnTo>
                    <a:lnTo>
                      <a:pt x="699" y="129"/>
                    </a:lnTo>
                    <a:lnTo>
                      <a:pt x="690" y="134"/>
                    </a:lnTo>
                    <a:lnTo>
                      <a:pt x="682" y="141"/>
                    </a:lnTo>
                    <a:lnTo>
                      <a:pt x="677" y="146"/>
                    </a:lnTo>
                    <a:lnTo>
                      <a:pt x="670" y="153"/>
                    </a:lnTo>
                    <a:lnTo>
                      <a:pt x="667" y="156"/>
                    </a:lnTo>
                    <a:lnTo>
                      <a:pt x="665" y="158"/>
                    </a:lnTo>
                    <a:lnTo>
                      <a:pt x="655" y="158"/>
                    </a:lnTo>
                    <a:lnTo>
                      <a:pt x="646" y="161"/>
                    </a:lnTo>
                    <a:lnTo>
                      <a:pt x="640" y="165"/>
                    </a:lnTo>
                    <a:lnTo>
                      <a:pt x="633" y="170"/>
                    </a:lnTo>
                    <a:lnTo>
                      <a:pt x="630" y="175"/>
                    </a:lnTo>
                    <a:lnTo>
                      <a:pt x="626" y="180"/>
                    </a:lnTo>
                    <a:lnTo>
                      <a:pt x="624" y="183"/>
                    </a:lnTo>
                    <a:lnTo>
                      <a:pt x="624" y="185"/>
                    </a:lnTo>
                    <a:lnTo>
                      <a:pt x="623" y="192"/>
                    </a:lnTo>
                    <a:lnTo>
                      <a:pt x="619" y="197"/>
                    </a:lnTo>
                    <a:lnTo>
                      <a:pt x="616" y="202"/>
                    </a:lnTo>
                    <a:lnTo>
                      <a:pt x="611" y="204"/>
                    </a:lnTo>
                    <a:lnTo>
                      <a:pt x="608" y="205"/>
                    </a:lnTo>
                    <a:lnTo>
                      <a:pt x="602" y="205"/>
                    </a:lnTo>
                    <a:lnTo>
                      <a:pt x="599" y="205"/>
                    </a:lnTo>
                    <a:lnTo>
                      <a:pt x="599" y="239"/>
                    </a:lnTo>
                    <a:lnTo>
                      <a:pt x="470" y="253"/>
                    </a:lnTo>
                    <a:lnTo>
                      <a:pt x="218" y="275"/>
                    </a:lnTo>
                    <a:lnTo>
                      <a:pt x="7" y="293"/>
                    </a:lnTo>
                    <a:lnTo>
                      <a:pt x="7" y="295"/>
                    </a:lnTo>
                    <a:lnTo>
                      <a:pt x="2" y="295"/>
                    </a:lnTo>
                    <a:lnTo>
                      <a:pt x="0" y="293"/>
                    </a:lnTo>
                    <a:lnTo>
                      <a:pt x="0" y="292"/>
                    </a:lnTo>
                    <a:lnTo>
                      <a:pt x="3" y="290"/>
                    </a:lnTo>
                    <a:lnTo>
                      <a:pt x="7" y="286"/>
                    </a:lnTo>
                    <a:lnTo>
                      <a:pt x="8" y="285"/>
                    </a:lnTo>
                    <a:lnTo>
                      <a:pt x="12" y="283"/>
                    </a:lnTo>
                    <a:lnTo>
                      <a:pt x="14" y="283"/>
                    </a:lnTo>
                    <a:lnTo>
                      <a:pt x="19" y="276"/>
                    </a:lnTo>
                    <a:lnTo>
                      <a:pt x="20" y="270"/>
                    </a:lnTo>
                    <a:lnTo>
                      <a:pt x="22" y="264"/>
                    </a:lnTo>
                    <a:lnTo>
                      <a:pt x="20" y="259"/>
                    </a:lnTo>
                    <a:lnTo>
                      <a:pt x="19" y="256"/>
                    </a:lnTo>
                    <a:lnTo>
                      <a:pt x="17" y="254"/>
                    </a:lnTo>
                    <a:lnTo>
                      <a:pt x="15" y="251"/>
                    </a:lnTo>
                    <a:lnTo>
                      <a:pt x="20" y="239"/>
                    </a:lnTo>
                    <a:lnTo>
                      <a:pt x="20" y="237"/>
                    </a:lnTo>
                    <a:lnTo>
                      <a:pt x="22" y="236"/>
                    </a:lnTo>
                    <a:lnTo>
                      <a:pt x="24" y="234"/>
                    </a:lnTo>
                    <a:lnTo>
                      <a:pt x="25" y="231"/>
                    </a:lnTo>
                    <a:lnTo>
                      <a:pt x="29" y="227"/>
                    </a:lnTo>
                    <a:lnTo>
                      <a:pt x="30" y="224"/>
                    </a:lnTo>
                    <a:lnTo>
                      <a:pt x="32" y="222"/>
                    </a:lnTo>
                    <a:lnTo>
                      <a:pt x="34" y="222"/>
                    </a:lnTo>
                    <a:lnTo>
                      <a:pt x="39" y="215"/>
                    </a:lnTo>
                    <a:lnTo>
                      <a:pt x="41" y="210"/>
                    </a:lnTo>
                    <a:lnTo>
                      <a:pt x="41" y="209"/>
                    </a:lnTo>
                    <a:lnTo>
                      <a:pt x="39" y="205"/>
                    </a:lnTo>
                    <a:lnTo>
                      <a:pt x="36" y="205"/>
                    </a:lnTo>
                    <a:lnTo>
                      <a:pt x="32" y="204"/>
                    </a:lnTo>
                    <a:lnTo>
                      <a:pt x="30" y="204"/>
                    </a:lnTo>
                    <a:lnTo>
                      <a:pt x="32" y="202"/>
                    </a:lnTo>
                    <a:lnTo>
                      <a:pt x="34" y="200"/>
                    </a:lnTo>
                    <a:lnTo>
                      <a:pt x="36" y="198"/>
                    </a:lnTo>
                    <a:lnTo>
                      <a:pt x="39" y="195"/>
                    </a:lnTo>
                    <a:lnTo>
                      <a:pt x="41" y="193"/>
                    </a:lnTo>
                    <a:lnTo>
                      <a:pt x="42" y="192"/>
                    </a:lnTo>
                    <a:lnTo>
                      <a:pt x="44" y="190"/>
                    </a:lnTo>
                    <a:lnTo>
                      <a:pt x="49" y="183"/>
                    </a:lnTo>
                    <a:lnTo>
                      <a:pt x="52" y="178"/>
                    </a:lnTo>
                    <a:lnTo>
                      <a:pt x="54" y="175"/>
                    </a:lnTo>
                    <a:lnTo>
                      <a:pt x="54" y="171"/>
                    </a:lnTo>
                    <a:lnTo>
                      <a:pt x="54" y="168"/>
                    </a:lnTo>
                    <a:lnTo>
                      <a:pt x="52" y="166"/>
                    </a:lnTo>
                    <a:lnTo>
                      <a:pt x="51" y="165"/>
                    </a:lnTo>
                    <a:lnTo>
                      <a:pt x="61" y="148"/>
                    </a:lnTo>
                    <a:lnTo>
                      <a:pt x="63" y="148"/>
                    </a:lnTo>
                    <a:lnTo>
                      <a:pt x="64" y="148"/>
                    </a:lnTo>
                    <a:lnTo>
                      <a:pt x="64" y="146"/>
                    </a:lnTo>
                    <a:lnTo>
                      <a:pt x="63" y="143"/>
                    </a:lnTo>
                    <a:lnTo>
                      <a:pt x="58" y="139"/>
                    </a:lnTo>
                    <a:lnTo>
                      <a:pt x="54" y="136"/>
                    </a:lnTo>
                    <a:lnTo>
                      <a:pt x="52" y="132"/>
                    </a:lnTo>
                    <a:lnTo>
                      <a:pt x="52" y="131"/>
                    </a:lnTo>
                    <a:lnTo>
                      <a:pt x="54" y="129"/>
                    </a:lnTo>
                    <a:lnTo>
                      <a:pt x="58" y="129"/>
                    </a:lnTo>
                    <a:lnTo>
                      <a:pt x="59" y="129"/>
                    </a:lnTo>
                    <a:lnTo>
                      <a:pt x="61" y="129"/>
                    </a:lnTo>
                    <a:lnTo>
                      <a:pt x="63" y="129"/>
                    </a:lnTo>
                    <a:lnTo>
                      <a:pt x="64" y="100"/>
                    </a:lnTo>
                    <a:lnTo>
                      <a:pt x="64" y="99"/>
                    </a:lnTo>
                    <a:lnTo>
                      <a:pt x="212" y="87"/>
                    </a:lnTo>
                    <a:lnTo>
                      <a:pt x="212" y="63"/>
                    </a:lnTo>
                    <a:lnTo>
                      <a:pt x="213" y="65"/>
                    </a:lnTo>
                    <a:lnTo>
                      <a:pt x="217" y="65"/>
                    </a:lnTo>
                    <a:lnTo>
                      <a:pt x="222" y="65"/>
                    </a:lnTo>
                    <a:lnTo>
                      <a:pt x="228" y="65"/>
                    </a:lnTo>
                    <a:lnTo>
                      <a:pt x="235" y="66"/>
                    </a:lnTo>
                    <a:lnTo>
                      <a:pt x="242" y="66"/>
                    </a:lnTo>
                    <a:lnTo>
                      <a:pt x="250" y="66"/>
                    </a:lnTo>
                    <a:lnTo>
                      <a:pt x="252" y="66"/>
                    </a:lnTo>
                    <a:lnTo>
                      <a:pt x="256" y="66"/>
                    </a:lnTo>
                    <a:lnTo>
                      <a:pt x="261" y="65"/>
                    </a:lnTo>
                    <a:lnTo>
                      <a:pt x="267" y="65"/>
                    </a:lnTo>
                    <a:lnTo>
                      <a:pt x="276" y="63"/>
                    </a:lnTo>
                    <a:lnTo>
                      <a:pt x="286" y="63"/>
                    </a:lnTo>
                    <a:lnTo>
                      <a:pt x="296" y="61"/>
                    </a:lnTo>
                    <a:lnTo>
                      <a:pt x="310" y="61"/>
                    </a:lnTo>
                    <a:lnTo>
                      <a:pt x="323" y="60"/>
                    </a:lnTo>
                    <a:lnTo>
                      <a:pt x="337" y="58"/>
                    </a:lnTo>
                    <a:lnTo>
                      <a:pt x="352" y="58"/>
                    </a:lnTo>
                    <a:lnTo>
                      <a:pt x="369" y="56"/>
                    </a:lnTo>
                    <a:lnTo>
                      <a:pt x="386" y="55"/>
                    </a:lnTo>
                    <a:lnTo>
                      <a:pt x="403" y="53"/>
                    </a:lnTo>
                    <a:lnTo>
                      <a:pt x="420" y="51"/>
                    </a:lnTo>
                    <a:lnTo>
                      <a:pt x="437" y="50"/>
                    </a:lnTo>
                    <a:lnTo>
                      <a:pt x="455" y="48"/>
                    </a:lnTo>
                    <a:lnTo>
                      <a:pt x="472" y="48"/>
                    </a:lnTo>
                    <a:lnTo>
                      <a:pt x="489" y="46"/>
                    </a:lnTo>
                    <a:lnTo>
                      <a:pt x="504" y="44"/>
                    </a:lnTo>
                    <a:lnTo>
                      <a:pt x="521" y="43"/>
                    </a:lnTo>
                    <a:lnTo>
                      <a:pt x="536" y="41"/>
                    </a:lnTo>
                    <a:lnTo>
                      <a:pt x="552" y="39"/>
                    </a:lnTo>
                    <a:lnTo>
                      <a:pt x="565" y="39"/>
                    </a:lnTo>
                    <a:lnTo>
                      <a:pt x="577" y="38"/>
                    </a:lnTo>
                    <a:lnTo>
                      <a:pt x="589" y="36"/>
                    </a:lnTo>
                    <a:lnTo>
                      <a:pt x="599" y="36"/>
                    </a:lnTo>
                    <a:lnTo>
                      <a:pt x="608" y="36"/>
                    </a:lnTo>
                    <a:lnTo>
                      <a:pt x="613" y="34"/>
                    </a:lnTo>
                    <a:lnTo>
                      <a:pt x="618" y="34"/>
                    </a:lnTo>
                    <a:lnTo>
                      <a:pt x="621" y="34"/>
                    </a:lnTo>
                    <a:lnTo>
                      <a:pt x="623" y="34"/>
                    </a:lnTo>
                    <a:lnTo>
                      <a:pt x="804" y="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597" name="Group 70"/>
              <p:cNvGrpSpPr>
                <a:grpSpLocks/>
              </p:cNvGrpSpPr>
              <p:nvPr/>
            </p:nvGrpSpPr>
            <p:grpSpPr bwMode="auto">
              <a:xfrm>
                <a:off x="3183" y="2812"/>
                <a:ext cx="342" cy="594"/>
                <a:chOff x="3392" y="2451"/>
                <a:chExt cx="352" cy="612"/>
              </a:xfrm>
            </p:grpSpPr>
            <p:sp>
              <p:nvSpPr>
                <p:cNvPr id="717" name="Freeform 71"/>
                <p:cNvSpPr>
                  <a:spLocks/>
                </p:cNvSpPr>
                <p:nvPr/>
              </p:nvSpPr>
              <p:spPr bwMode="auto">
                <a:xfrm>
                  <a:off x="3392" y="2451"/>
                  <a:ext cx="352" cy="612"/>
                </a:xfrm>
                <a:custGeom>
                  <a:avLst/>
                  <a:gdLst>
                    <a:gd name="T0" fmla="*/ 262 w 352"/>
                    <a:gd name="T1" fmla="*/ 594 h 612"/>
                    <a:gd name="T2" fmla="*/ 276 w 352"/>
                    <a:gd name="T3" fmla="*/ 589 h 612"/>
                    <a:gd name="T4" fmla="*/ 291 w 352"/>
                    <a:gd name="T5" fmla="*/ 585 h 612"/>
                    <a:gd name="T6" fmla="*/ 305 w 352"/>
                    <a:gd name="T7" fmla="*/ 580 h 612"/>
                    <a:gd name="T8" fmla="*/ 293 w 352"/>
                    <a:gd name="T9" fmla="*/ 577 h 612"/>
                    <a:gd name="T10" fmla="*/ 313 w 352"/>
                    <a:gd name="T11" fmla="*/ 577 h 612"/>
                    <a:gd name="T12" fmla="*/ 315 w 352"/>
                    <a:gd name="T13" fmla="*/ 583 h 612"/>
                    <a:gd name="T14" fmla="*/ 333 w 352"/>
                    <a:gd name="T15" fmla="*/ 577 h 612"/>
                    <a:gd name="T16" fmla="*/ 343 w 352"/>
                    <a:gd name="T17" fmla="*/ 585 h 612"/>
                    <a:gd name="T18" fmla="*/ 352 w 352"/>
                    <a:gd name="T19" fmla="*/ 578 h 612"/>
                    <a:gd name="T20" fmla="*/ 333 w 352"/>
                    <a:gd name="T21" fmla="*/ 0 h 612"/>
                    <a:gd name="T22" fmla="*/ 122 w 352"/>
                    <a:gd name="T23" fmla="*/ 20 h 612"/>
                    <a:gd name="T24" fmla="*/ 120 w 352"/>
                    <a:gd name="T25" fmla="*/ 28 h 612"/>
                    <a:gd name="T26" fmla="*/ 93 w 352"/>
                    <a:gd name="T27" fmla="*/ 59 h 612"/>
                    <a:gd name="T28" fmla="*/ 64 w 352"/>
                    <a:gd name="T29" fmla="*/ 113 h 612"/>
                    <a:gd name="T30" fmla="*/ 56 w 352"/>
                    <a:gd name="T31" fmla="*/ 133 h 612"/>
                    <a:gd name="T32" fmla="*/ 57 w 352"/>
                    <a:gd name="T33" fmla="*/ 142 h 612"/>
                    <a:gd name="T34" fmla="*/ 46 w 352"/>
                    <a:gd name="T35" fmla="*/ 147 h 612"/>
                    <a:gd name="T36" fmla="*/ 44 w 352"/>
                    <a:gd name="T37" fmla="*/ 157 h 612"/>
                    <a:gd name="T38" fmla="*/ 47 w 352"/>
                    <a:gd name="T39" fmla="*/ 165 h 612"/>
                    <a:gd name="T40" fmla="*/ 41 w 352"/>
                    <a:gd name="T41" fmla="*/ 174 h 612"/>
                    <a:gd name="T42" fmla="*/ 42 w 352"/>
                    <a:gd name="T43" fmla="*/ 177 h 612"/>
                    <a:gd name="T44" fmla="*/ 47 w 352"/>
                    <a:gd name="T45" fmla="*/ 182 h 612"/>
                    <a:gd name="T46" fmla="*/ 35 w 352"/>
                    <a:gd name="T47" fmla="*/ 189 h 612"/>
                    <a:gd name="T48" fmla="*/ 29 w 352"/>
                    <a:gd name="T49" fmla="*/ 204 h 612"/>
                    <a:gd name="T50" fmla="*/ 44 w 352"/>
                    <a:gd name="T51" fmla="*/ 240 h 612"/>
                    <a:gd name="T52" fmla="*/ 47 w 352"/>
                    <a:gd name="T53" fmla="*/ 248 h 612"/>
                    <a:gd name="T54" fmla="*/ 42 w 352"/>
                    <a:gd name="T55" fmla="*/ 253 h 612"/>
                    <a:gd name="T56" fmla="*/ 39 w 352"/>
                    <a:gd name="T57" fmla="*/ 265 h 612"/>
                    <a:gd name="T58" fmla="*/ 37 w 352"/>
                    <a:gd name="T59" fmla="*/ 270 h 612"/>
                    <a:gd name="T60" fmla="*/ 37 w 352"/>
                    <a:gd name="T61" fmla="*/ 279 h 612"/>
                    <a:gd name="T62" fmla="*/ 42 w 352"/>
                    <a:gd name="T63" fmla="*/ 281 h 612"/>
                    <a:gd name="T64" fmla="*/ 47 w 352"/>
                    <a:gd name="T65" fmla="*/ 287 h 612"/>
                    <a:gd name="T66" fmla="*/ 46 w 352"/>
                    <a:gd name="T67" fmla="*/ 319 h 612"/>
                    <a:gd name="T68" fmla="*/ 56 w 352"/>
                    <a:gd name="T69" fmla="*/ 331 h 612"/>
                    <a:gd name="T70" fmla="*/ 52 w 352"/>
                    <a:gd name="T71" fmla="*/ 338 h 612"/>
                    <a:gd name="T72" fmla="*/ 61 w 352"/>
                    <a:gd name="T73" fmla="*/ 341 h 612"/>
                    <a:gd name="T74" fmla="*/ 61 w 352"/>
                    <a:gd name="T75" fmla="*/ 350 h 612"/>
                    <a:gd name="T76" fmla="*/ 68 w 352"/>
                    <a:gd name="T77" fmla="*/ 355 h 612"/>
                    <a:gd name="T78" fmla="*/ 63 w 352"/>
                    <a:gd name="T79" fmla="*/ 367 h 612"/>
                    <a:gd name="T80" fmla="*/ 56 w 352"/>
                    <a:gd name="T81" fmla="*/ 370 h 612"/>
                    <a:gd name="T82" fmla="*/ 44 w 352"/>
                    <a:gd name="T83" fmla="*/ 375 h 612"/>
                    <a:gd name="T84" fmla="*/ 54 w 352"/>
                    <a:gd name="T85" fmla="*/ 384 h 612"/>
                    <a:gd name="T86" fmla="*/ 44 w 352"/>
                    <a:gd name="T87" fmla="*/ 399 h 612"/>
                    <a:gd name="T88" fmla="*/ 32 w 352"/>
                    <a:gd name="T89" fmla="*/ 416 h 612"/>
                    <a:gd name="T90" fmla="*/ 25 w 352"/>
                    <a:gd name="T91" fmla="*/ 450 h 612"/>
                    <a:gd name="T92" fmla="*/ 15 w 352"/>
                    <a:gd name="T93" fmla="*/ 458 h 612"/>
                    <a:gd name="T94" fmla="*/ 17 w 352"/>
                    <a:gd name="T95" fmla="*/ 467 h 612"/>
                    <a:gd name="T96" fmla="*/ 10 w 352"/>
                    <a:gd name="T97" fmla="*/ 477 h 612"/>
                    <a:gd name="T98" fmla="*/ 15 w 352"/>
                    <a:gd name="T99" fmla="*/ 482 h 612"/>
                    <a:gd name="T100" fmla="*/ 5 w 352"/>
                    <a:gd name="T101" fmla="*/ 494 h 612"/>
                    <a:gd name="T102" fmla="*/ 0 w 352"/>
                    <a:gd name="T103" fmla="*/ 502 h 612"/>
                    <a:gd name="T104" fmla="*/ 7 w 352"/>
                    <a:gd name="T105" fmla="*/ 507 h 612"/>
                    <a:gd name="T106" fmla="*/ 3 w 352"/>
                    <a:gd name="T107" fmla="*/ 517 h 612"/>
                    <a:gd name="T108" fmla="*/ 203 w 352"/>
                    <a:gd name="T109" fmla="*/ 511 h 612"/>
                    <a:gd name="T110" fmla="*/ 198 w 352"/>
                    <a:gd name="T111" fmla="*/ 543 h 612"/>
                    <a:gd name="T112" fmla="*/ 198 w 352"/>
                    <a:gd name="T113" fmla="*/ 563 h 612"/>
                    <a:gd name="T114" fmla="*/ 211 w 352"/>
                    <a:gd name="T115" fmla="*/ 577 h 612"/>
                    <a:gd name="T116" fmla="*/ 223 w 352"/>
                    <a:gd name="T117" fmla="*/ 605 h 612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w 352"/>
                    <a:gd name="T178" fmla="*/ 0 h 612"/>
                    <a:gd name="T179" fmla="*/ 352 w 352"/>
                    <a:gd name="T180" fmla="*/ 612 h 612"/>
                  </a:gdLst>
                  <a:ahLst/>
                  <a:cxnLst>
                    <a:cxn ang="T118">
                      <a:pos x="T0" y="T1"/>
                    </a:cxn>
                    <a:cxn ang="T119">
                      <a:pos x="T2" y="T3"/>
                    </a:cxn>
                    <a:cxn ang="T120">
                      <a:pos x="T4" y="T5"/>
                    </a:cxn>
                    <a:cxn ang="T121">
                      <a:pos x="T6" y="T7"/>
                    </a:cxn>
                    <a:cxn ang="T122">
                      <a:pos x="T8" y="T9"/>
                    </a:cxn>
                    <a:cxn ang="T123">
                      <a:pos x="T10" y="T11"/>
                    </a:cxn>
                    <a:cxn ang="T124">
                      <a:pos x="T12" y="T13"/>
                    </a:cxn>
                    <a:cxn ang="T125">
                      <a:pos x="T14" y="T15"/>
                    </a:cxn>
                    <a:cxn ang="T126">
                      <a:pos x="T16" y="T17"/>
                    </a:cxn>
                    <a:cxn ang="T127">
                      <a:pos x="T18" y="T19"/>
                    </a:cxn>
                    <a:cxn ang="T128">
                      <a:pos x="T20" y="T21"/>
                    </a:cxn>
                    <a:cxn ang="T129">
                      <a:pos x="T22" y="T23"/>
                    </a:cxn>
                    <a:cxn ang="T130">
                      <a:pos x="T24" y="T25"/>
                    </a:cxn>
                    <a:cxn ang="T131">
                      <a:pos x="T26" y="T27"/>
                    </a:cxn>
                    <a:cxn ang="T132">
                      <a:pos x="T28" y="T29"/>
                    </a:cxn>
                    <a:cxn ang="T133">
                      <a:pos x="T30" y="T31"/>
                    </a:cxn>
                    <a:cxn ang="T134">
                      <a:pos x="T32" y="T33"/>
                    </a:cxn>
                    <a:cxn ang="T135">
                      <a:pos x="T34" y="T35"/>
                    </a:cxn>
                    <a:cxn ang="T136">
                      <a:pos x="T36" y="T37"/>
                    </a:cxn>
                    <a:cxn ang="T137">
                      <a:pos x="T38" y="T39"/>
                    </a:cxn>
                    <a:cxn ang="T138">
                      <a:pos x="T40" y="T41"/>
                    </a:cxn>
                    <a:cxn ang="T139">
                      <a:pos x="T42" y="T43"/>
                    </a:cxn>
                    <a:cxn ang="T140">
                      <a:pos x="T44" y="T45"/>
                    </a:cxn>
                    <a:cxn ang="T141">
                      <a:pos x="T46" y="T47"/>
                    </a:cxn>
                    <a:cxn ang="T142">
                      <a:pos x="T48" y="T49"/>
                    </a:cxn>
                    <a:cxn ang="T143">
                      <a:pos x="T50" y="T51"/>
                    </a:cxn>
                    <a:cxn ang="T144">
                      <a:pos x="T52" y="T53"/>
                    </a:cxn>
                    <a:cxn ang="T145">
                      <a:pos x="T54" y="T55"/>
                    </a:cxn>
                    <a:cxn ang="T146">
                      <a:pos x="T56" y="T57"/>
                    </a:cxn>
                    <a:cxn ang="T147">
                      <a:pos x="T58" y="T59"/>
                    </a:cxn>
                    <a:cxn ang="T148">
                      <a:pos x="T60" y="T61"/>
                    </a:cxn>
                    <a:cxn ang="T149">
                      <a:pos x="T62" y="T63"/>
                    </a:cxn>
                    <a:cxn ang="T150">
                      <a:pos x="T64" y="T65"/>
                    </a:cxn>
                    <a:cxn ang="T151">
                      <a:pos x="T66" y="T67"/>
                    </a:cxn>
                    <a:cxn ang="T152">
                      <a:pos x="T68" y="T69"/>
                    </a:cxn>
                    <a:cxn ang="T153">
                      <a:pos x="T70" y="T71"/>
                    </a:cxn>
                    <a:cxn ang="T154">
                      <a:pos x="T72" y="T73"/>
                    </a:cxn>
                    <a:cxn ang="T155">
                      <a:pos x="T74" y="T75"/>
                    </a:cxn>
                    <a:cxn ang="T156">
                      <a:pos x="T76" y="T77"/>
                    </a:cxn>
                    <a:cxn ang="T157">
                      <a:pos x="T78" y="T79"/>
                    </a:cxn>
                    <a:cxn ang="T158">
                      <a:pos x="T80" y="T81"/>
                    </a:cxn>
                    <a:cxn ang="T159">
                      <a:pos x="T82" y="T83"/>
                    </a:cxn>
                    <a:cxn ang="T160">
                      <a:pos x="T84" y="T85"/>
                    </a:cxn>
                    <a:cxn ang="T161">
                      <a:pos x="T86" y="T87"/>
                    </a:cxn>
                    <a:cxn ang="T162">
                      <a:pos x="T88" y="T89"/>
                    </a:cxn>
                    <a:cxn ang="T163">
                      <a:pos x="T90" y="T91"/>
                    </a:cxn>
                    <a:cxn ang="T164">
                      <a:pos x="T92" y="T93"/>
                    </a:cxn>
                    <a:cxn ang="T165">
                      <a:pos x="T94" y="T95"/>
                    </a:cxn>
                    <a:cxn ang="T166">
                      <a:pos x="T96" y="T97"/>
                    </a:cxn>
                    <a:cxn ang="T167">
                      <a:pos x="T98" y="T99"/>
                    </a:cxn>
                    <a:cxn ang="T168">
                      <a:pos x="T100" y="T101"/>
                    </a:cxn>
                    <a:cxn ang="T169">
                      <a:pos x="T102" y="T103"/>
                    </a:cxn>
                    <a:cxn ang="T170">
                      <a:pos x="T104" y="T105"/>
                    </a:cxn>
                    <a:cxn ang="T171">
                      <a:pos x="T106" y="T107"/>
                    </a:cxn>
                    <a:cxn ang="T172">
                      <a:pos x="T108" y="T109"/>
                    </a:cxn>
                    <a:cxn ang="T173">
                      <a:pos x="T110" y="T111"/>
                    </a:cxn>
                    <a:cxn ang="T174">
                      <a:pos x="T112" y="T113"/>
                    </a:cxn>
                    <a:cxn ang="T175">
                      <a:pos x="T114" y="T115"/>
                    </a:cxn>
                    <a:cxn ang="T176">
                      <a:pos x="T116" y="T117"/>
                    </a:cxn>
                  </a:cxnLst>
                  <a:rect l="T177" t="T178" r="T179" b="T180"/>
                  <a:pathLst>
                    <a:path w="352" h="612">
                      <a:moveTo>
                        <a:pt x="240" y="609"/>
                      </a:moveTo>
                      <a:lnTo>
                        <a:pt x="252" y="599"/>
                      </a:lnTo>
                      <a:lnTo>
                        <a:pt x="252" y="590"/>
                      </a:lnTo>
                      <a:lnTo>
                        <a:pt x="262" y="594"/>
                      </a:lnTo>
                      <a:lnTo>
                        <a:pt x="266" y="592"/>
                      </a:lnTo>
                      <a:lnTo>
                        <a:pt x="271" y="590"/>
                      </a:lnTo>
                      <a:lnTo>
                        <a:pt x="276" y="589"/>
                      </a:lnTo>
                      <a:lnTo>
                        <a:pt x="281" y="587"/>
                      </a:lnTo>
                      <a:lnTo>
                        <a:pt x="284" y="585"/>
                      </a:lnTo>
                      <a:lnTo>
                        <a:pt x="288" y="585"/>
                      </a:lnTo>
                      <a:lnTo>
                        <a:pt x="291" y="585"/>
                      </a:lnTo>
                      <a:lnTo>
                        <a:pt x="301" y="583"/>
                      </a:lnTo>
                      <a:lnTo>
                        <a:pt x="306" y="583"/>
                      </a:lnTo>
                      <a:lnTo>
                        <a:pt x="306" y="582"/>
                      </a:lnTo>
                      <a:lnTo>
                        <a:pt x="305" y="580"/>
                      </a:lnTo>
                      <a:lnTo>
                        <a:pt x="301" y="578"/>
                      </a:lnTo>
                      <a:lnTo>
                        <a:pt x="296" y="577"/>
                      </a:lnTo>
                      <a:lnTo>
                        <a:pt x="293" y="577"/>
                      </a:lnTo>
                      <a:lnTo>
                        <a:pt x="301" y="573"/>
                      </a:lnTo>
                      <a:lnTo>
                        <a:pt x="306" y="573"/>
                      </a:lnTo>
                      <a:lnTo>
                        <a:pt x="311" y="575"/>
                      </a:lnTo>
                      <a:lnTo>
                        <a:pt x="313" y="577"/>
                      </a:lnTo>
                      <a:lnTo>
                        <a:pt x="315" y="578"/>
                      </a:lnTo>
                      <a:lnTo>
                        <a:pt x="315" y="582"/>
                      </a:lnTo>
                      <a:lnTo>
                        <a:pt x="315" y="583"/>
                      </a:lnTo>
                      <a:lnTo>
                        <a:pt x="323" y="585"/>
                      </a:lnTo>
                      <a:lnTo>
                        <a:pt x="332" y="575"/>
                      </a:lnTo>
                      <a:lnTo>
                        <a:pt x="333" y="577"/>
                      </a:lnTo>
                      <a:lnTo>
                        <a:pt x="335" y="578"/>
                      </a:lnTo>
                      <a:lnTo>
                        <a:pt x="335" y="580"/>
                      </a:lnTo>
                      <a:lnTo>
                        <a:pt x="340" y="583"/>
                      </a:lnTo>
                      <a:lnTo>
                        <a:pt x="343" y="585"/>
                      </a:lnTo>
                      <a:lnTo>
                        <a:pt x="347" y="585"/>
                      </a:lnTo>
                      <a:lnTo>
                        <a:pt x="349" y="583"/>
                      </a:lnTo>
                      <a:lnTo>
                        <a:pt x="350" y="582"/>
                      </a:lnTo>
                      <a:lnTo>
                        <a:pt x="352" y="578"/>
                      </a:lnTo>
                      <a:lnTo>
                        <a:pt x="352" y="577"/>
                      </a:lnTo>
                      <a:lnTo>
                        <a:pt x="328" y="392"/>
                      </a:lnTo>
                      <a:lnTo>
                        <a:pt x="333" y="0"/>
                      </a:lnTo>
                      <a:lnTo>
                        <a:pt x="122" y="18"/>
                      </a:lnTo>
                      <a:lnTo>
                        <a:pt x="122" y="20"/>
                      </a:lnTo>
                      <a:lnTo>
                        <a:pt x="122" y="22"/>
                      </a:lnTo>
                      <a:lnTo>
                        <a:pt x="120" y="25"/>
                      </a:lnTo>
                      <a:lnTo>
                        <a:pt x="120" y="27"/>
                      </a:lnTo>
                      <a:lnTo>
                        <a:pt x="120" y="28"/>
                      </a:lnTo>
                      <a:lnTo>
                        <a:pt x="118" y="30"/>
                      </a:lnTo>
                      <a:lnTo>
                        <a:pt x="118" y="32"/>
                      </a:lnTo>
                      <a:lnTo>
                        <a:pt x="103" y="44"/>
                      </a:lnTo>
                      <a:lnTo>
                        <a:pt x="93" y="59"/>
                      </a:lnTo>
                      <a:lnTo>
                        <a:pt x="93" y="89"/>
                      </a:lnTo>
                      <a:lnTo>
                        <a:pt x="85" y="98"/>
                      </a:lnTo>
                      <a:lnTo>
                        <a:pt x="79" y="98"/>
                      </a:lnTo>
                      <a:lnTo>
                        <a:pt x="64" y="113"/>
                      </a:lnTo>
                      <a:lnTo>
                        <a:pt x="69" y="123"/>
                      </a:lnTo>
                      <a:lnTo>
                        <a:pt x="54" y="132"/>
                      </a:lnTo>
                      <a:lnTo>
                        <a:pt x="56" y="132"/>
                      </a:lnTo>
                      <a:lnTo>
                        <a:pt x="56" y="133"/>
                      </a:lnTo>
                      <a:lnTo>
                        <a:pt x="57" y="135"/>
                      </a:lnTo>
                      <a:lnTo>
                        <a:pt x="57" y="137"/>
                      </a:lnTo>
                      <a:lnTo>
                        <a:pt x="57" y="138"/>
                      </a:lnTo>
                      <a:lnTo>
                        <a:pt x="57" y="142"/>
                      </a:lnTo>
                      <a:lnTo>
                        <a:pt x="54" y="143"/>
                      </a:lnTo>
                      <a:lnTo>
                        <a:pt x="49" y="145"/>
                      </a:lnTo>
                      <a:lnTo>
                        <a:pt x="47" y="145"/>
                      </a:lnTo>
                      <a:lnTo>
                        <a:pt x="46" y="147"/>
                      </a:lnTo>
                      <a:lnTo>
                        <a:pt x="44" y="149"/>
                      </a:lnTo>
                      <a:lnTo>
                        <a:pt x="44" y="150"/>
                      </a:lnTo>
                      <a:lnTo>
                        <a:pt x="44" y="154"/>
                      </a:lnTo>
                      <a:lnTo>
                        <a:pt x="44" y="157"/>
                      </a:lnTo>
                      <a:lnTo>
                        <a:pt x="46" y="159"/>
                      </a:lnTo>
                      <a:lnTo>
                        <a:pt x="47" y="162"/>
                      </a:lnTo>
                      <a:lnTo>
                        <a:pt x="47" y="164"/>
                      </a:lnTo>
                      <a:lnTo>
                        <a:pt x="47" y="165"/>
                      </a:lnTo>
                      <a:lnTo>
                        <a:pt x="46" y="167"/>
                      </a:lnTo>
                      <a:lnTo>
                        <a:pt x="44" y="171"/>
                      </a:lnTo>
                      <a:lnTo>
                        <a:pt x="42" y="172"/>
                      </a:lnTo>
                      <a:lnTo>
                        <a:pt x="41" y="174"/>
                      </a:lnTo>
                      <a:lnTo>
                        <a:pt x="39" y="176"/>
                      </a:lnTo>
                      <a:lnTo>
                        <a:pt x="39" y="177"/>
                      </a:lnTo>
                      <a:lnTo>
                        <a:pt x="41" y="177"/>
                      </a:lnTo>
                      <a:lnTo>
                        <a:pt x="42" y="177"/>
                      </a:lnTo>
                      <a:lnTo>
                        <a:pt x="44" y="177"/>
                      </a:lnTo>
                      <a:lnTo>
                        <a:pt x="46" y="179"/>
                      </a:lnTo>
                      <a:lnTo>
                        <a:pt x="47" y="181"/>
                      </a:lnTo>
                      <a:lnTo>
                        <a:pt x="47" y="182"/>
                      </a:lnTo>
                      <a:lnTo>
                        <a:pt x="46" y="184"/>
                      </a:lnTo>
                      <a:lnTo>
                        <a:pt x="41" y="187"/>
                      </a:lnTo>
                      <a:lnTo>
                        <a:pt x="39" y="187"/>
                      </a:lnTo>
                      <a:lnTo>
                        <a:pt x="35" y="189"/>
                      </a:lnTo>
                      <a:lnTo>
                        <a:pt x="34" y="189"/>
                      </a:lnTo>
                      <a:lnTo>
                        <a:pt x="32" y="191"/>
                      </a:lnTo>
                      <a:lnTo>
                        <a:pt x="32" y="196"/>
                      </a:lnTo>
                      <a:lnTo>
                        <a:pt x="29" y="204"/>
                      </a:lnTo>
                      <a:lnTo>
                        <a:pt x="37" y="213"/>
                      </a:lnTo>
                      <a:lnTo>
                        <a:pt x="39" y="220"/>
                      </a:lnTo>
                      <a:lnTo>
                        <a:pt x="44" y="240"/>
                      </a:lnTo>
                      <a:lnTo>
                        <a:pt x="46" y="242"/>
                      </a:lnTo>
                      <a:lnTo>
                        <a:pt x="46" y="243"/>
                      </a:lnTo>
                      <a:lnTo>
                        <a:pt x="47" y="247"/>
                      </a:lnTo>
                      <a:lnTo>
                        <a:pt x="47" y="248"/>
                      </a:lnTo>
                      <a:lnTo>
                        <a:pt x="47" y="250"/>
                      </a:lnTo>
                      <a:lnTo>
                        <a:pt x="46" y="252"/>
                      </a:lnTo>
                      <a:lnTo>
                        <a:pt x="42" y="253"/>
                      </a:lnTo>
                      <a:lnTo>
                        <a:pt x="41" y="255"/>
                      </a:lnTo>
                      <a:lnTo>
                        <a:pt x="41" y="259"/>
                      </a:lnTo>
                      <a:lnTo>
                        <a:pt x="39" y="262"/>
                      </a:lnTo>
                      <a:lnTo>
                        <a:pt x="39" y="265"/>
                      </a:lnTo>
                      <a:lnTo>
                        <a:pt x="39" y="269"/>
                      </a:lnTo>
                      <a:lnTo>
                        <a:pt x="39" y="270"/>
                      </a:lnTo>
                      <a:lnTo>
                        <a:pt x="37" y="270"/>
                      </a:lnTo>
                      <a:lnTo>
                        <a:pt x="37" y="272"/>
                      </a:lnTo>
                      <a:lnTo>
                        <a:pt x="37" y="274"/>
                      </a:lnTo>
                      <a:lnTo>
                        <a:pt x="37" y="275"/>
                      </a:lnTo>
                      <a:lnTo>
                        <a:pt x="37" y="279"/>
                      </a:lnTo>
                      <a:lnTo>
                        <a:pt x="37" y="281"/>
                      </a:lnTo>
                      <a:lnTo>
                        <a:pt x="39" y="282"/>
                      </a:lnTo>
                      <a:lnTo>
                        <a:pt x="41" y="282"/>
                      </a:lnTo>
                      <a:lnTo>
                        <a:pt x="42" y="281"/>
                      </a:lnTo>
                      <a:lnTo>
                        <a:pt x="44" y="281"/>
                      </a:lnTo>
                      <a:lnTo>
                        <a:pt x="46" y="284"/>
                      </a:lnTo>
                      <a:lnTo>
                        <a:pt x="46" y="286"/>
                      </a:lnTo>
                      <a:lnTo>
                        <a:pt x="47" y="287"/>
                      </a:lnTo>
                      <a:lnTo>
                        <a:pt x="46" y="299"/>
                      </a:lnTo>
                      <a:lnTo>
                        <a:pt x="52" y="304"/>
                      </a:lnTo>
                      <a:lnTo>
                        <a:pt x="44" y="314"/>
                      </a:lnTo>
                      <a:lnTo>
                        <a:pt x="46" y="319"/>
                      </a:lnTo>
                      <a:lnTo>
                        <a:pt x="57" y="318"/>
                      </a:lnTo>
                      <a:lnTo>
                        <a:pt x="57" y="330"/>
                      </a:lnTo>
                      <a:lnTo>
                        <a:pt x="56" y="330"/>
                      </a:lnTo>
                      <a:lnTo>
                        <a:pt x="56" y="331"/>
                      </a:lnTo>
                      <a:lnTo>
                        <a:pt x="54" y="333"/>
                      </a:lnTo>
                      <a:lnTo>
                        <a:pt x="52" y="335"/>
                      </a:lnTo>
                      <a:lnTo>
                        <a:pt x="51" y="336"/>
                      </a:lnTo>
                      <a:lnTo>
                        <a:pt x="52" y="338"/>
                      </a:lnTo>
                      <a:lnTo>
                        <a:pt x="54" y="340"/>
                      </a:lnTo>
                      <a:lnTo>
                        <a:pt x="61" y="340"/>
                      </a:lnTo>
                      <a:lnTo>
                        <a:pt x="61" y="341"/>
                      </a:lnTo>
                      <a:lnTo>
                        <a:pt x="61" y="343"/>
                      </a:lnTo>
                      <a:lnTo>
                        <a:pt x="59" y="345"/>
                      </a:lnTo>
                      <a:lnTo>
                        <a:pt x="59" y="348"/>
                      </a:lnTo>
                      <a:lnTo>
                        <a:pt x="61" y="350"/>
                      </a:lnTo>
                      <a:lnTo>
                        <a:pt x="64" y="352"/>
                      </a:lnTo>
                      <a:lnTo>
                        <a:pt x="69" y="352"/>
                      </a:lnTo>
                      <a:lnTo>
                        <a:pt x="68" y="355"/>
                      </a:lnTo>
                      <a:lnTo>
                        <a:pt x="66" y="357"/>
                      </a:lnTo>
                      <a:lnTo>
                        <a:pt x="66" y="360"/>
                      </a:lnTo>
                      <a:lnTo>
                        <a:pt x="64" y="363"/>
                      </a:lnTo>
                      <a:lnTo>
                        <a:pt x="63" y="367"/>
                      </a:lnTo>
                      <a:lnTo>
                        <a:pt x="61" y="369"/>
                      </a:lnTo>
                      <a:lnTo>
                        <a:pt x="61" y="370"/>
                      </a:lnTo>
                      <a:lnTo>
                        <a:pt x="59" y="370"/>
                      </a:lnTo>
                      <a:lnTo>
                        <a:pt x="56" y="370"/>
                      </a:lnTo>
                      <a:lnTo>
                        <a:pt x="51" y="372"/>
                      </a:lnTo>
                      <a:lnTo>
                        <a:pt x="47" y="372"/>
                      </a:lnTo>
                      <a:lnTo>
                        <a:pt x="44" y="374"/>
                      </a:lnTo>
                      <a:lnTo>
                        <a:pt x="44" y="375"/>
                      </a:lnTo>
                      <a:lnTo>
                        <a:pt x="47" y="377"/>
                      </a:lnTo>
                      <a:lnTo>
                        <a:pt x="54" y="380"/>
                      </a:lnTo>
                      <a:lnTo>
                        <a:pt x="54" y="382"/>
                      </a:lnTo>
                      <a:lnTo>
                        <a:pt x="54" y="384"/>
                      </a:lnTo>
                      <a:lnTo>
                        <a:pt x="52" y="389"/>
                      </a:lnTo>
                      <a:lnTo>
                        <a:pt x="49" y="392"/>
                      </a:lnTo>
                      <a:lnTo>
                        <a:pt x="47" y="396"/>
                      </a:lnTo>
                      <a:lnTo>
                        <a:pt x="44" y="399"/>
                      </a:lnTo>
                      <a:lnTo>
                        <a:pt x="44" y="402"/>
                      </a:lnTo>
                      <a:lnTo>
                        <a:pt x="42" y="404"/>
                      </a:lnTo>
                      <a:lnTo>
                        <a:pt x="41" y="416"/>
                      </a:lnTo>
                      <a:lnTo>
                        <a:pt x="32" y="416"/>
                      </a:lnTo>
                      <a:lnTo>
                        <a:pt x="25" y="443"/>
                      </a:lnTo>
                      <a:lnTo>
                        <a:pt x="17" y="448"/>
                      </a:lnTo>
                      <a:lnTo>
                        <a:pt x="25" y="448"/>
                      </a:lnTo>
                      <a:lnTo>
                        <a:pt x="25" y="450"/>
                      </a:lnTo>
                      <a:lnTo>
                        <a:pt x="24" y="450"/>
                      </a:lnTo>
                      <a:lnTo>
                        <a:pt x="20" y="453"/>
                      </a:lnTo>
                      <a:lnTo>
                        <a:pt x="19" y="455"/>
                      </a:lnTo>
                      <a:lnTo>
                        <a:pt x="15" y="458"/>
                      </a:lnTo>
                      <a:lnTo>
                        <a:pt x="15" y="460"/>
                      </a:lnTo>
                      <a:lnTo>
                        <a:pt x="15" y="463"/>
                      </a:lnTo>
                      <a:lnTo>
                        <a:pt x="17" y="465"/>
                      </a:lnTo>
                      <a:lnTo>
                        <a:pt x="17" y="467"/>
                      </a:lnTo>
                      <a:lnTo>
                        <a:pt x="15" y="468"/>
                      </a:lnTo>
                      <a:lnTo>
                        <a:pt x="13" y="470"/>
                      </a:lnTo>
                      <a:lnTo>
                        <a:pt x="10" y="473"/>
                      </a:lnTo>
                      <a:lnTo>
                        <a:pt x="10" y="477"/>
                      </a:lnTo>
                      <a:lnTo>
                        <a:pt x="8" y="479"/>
                      </a:lnTo>
                      <a:lnTo>
                        <a:pt x="10" y="480"/>
                      </a:lnTo>
                      <a:lnTo>
                        <a:pt x="13" y="480"/>
                      </a:lnTo>
                      <a:lnTo>
                        <a:pt x="15" y="482"/>
                      </a:lnTo>
                      <a:lnTo>
                        <a:pt x="15" y="485"/>
                      </a:lnTo>
                      <a:lnTo>
                        <a:pt x="13" y="487"/>
                      </a:lnTo>
                      <a:lnTo>
                        <a:pt x="8" y="492"/>
                      </a:lnTo>
                      <a:lnTo>
                        <a:pt x="5" y="494"/>
                      </a:lnTo>
                      <a:lnTo>
                        <a:pt x="2" y="495"/>
                      </a:lnTo>
                      <a:lnTo>
                        <a:pt x="0" y="497"/>
                      </a:lnTo>
                      <a:lnTo>
                        <a:pt x="0" y="501"/>
                      </a:lnTo>
                      <a:lnTo>
                        <a:pt x="0" y="502"/>
                      </a:lnTo>
                      <a:lnTo>
                        <a:pt x="2" y="504"/>
                      </a:lnTo>
                      <a:lnTo>
                        <a:pt x="3" y="506"/>
                      </a:lnTo>
                      <a:lnTo>
                        <a:pt x="5" y="506"/>
                      </a:lnTo>
                      <a:lnTo>
                        <a:pt x="7" y="507"/>
                      </a:lnTo>
                      <a:lnTo>
                        <a:pt x="5" y="509"/>
                      </a:lnTo>
                      <a:lnTo>
                        <a:pt x="5" y="512"/>
                      </a:lnTo>
                      <a:lnTo>
                        <a:pt x="5" y="514"/>
                      </a:lnTo>
                      <a:lnTo>
                        <a:pt x="3" y="517"/>
                      </a:lnTo>
                      <a:lnTo>
                        <a:pt x="3" y="521"/>
                      </a:lnTo>
                      <a:lnTo>
                        <a:pt x="3" y="523"/>
                      </a:lnTo>
                      <a:lnTo>
                        <a:pt x="3" y="524"/>
                      </a:lnTo>
                      <a:lnTo>
                        <a:pt x="203" y="511"/>
                      </a:lnTo>
                      <a:lnTo>
                        <a:pt x="203" y="534"/>
                      </a:lnTo>
                      <a:lnTo>
                        <a:pt x="201" y="534"/>
                      </a:lnTo>
                      <a:lnTo>
                        <a:pt x="200" y="538"/>
                      </a:lnTo>
                      <a:lnTo>
                        <a:pt x="198" y="543"/>
                      </a:lnTo>
                      <a:lnTo>
                        <a:pt x="196" y="546"/>
                      </a:lnTo>
                      <a:lnTo>
                        <a:pt x="195" y="553"/>
                      </a:lnTo>
                      <a:lnTo>
                        <a:pt x="195" y="558"/>
                      </a:lnTo>
                      <a:lnTo>
                        <a:pt x="198" y="563"/>
                      </a:lnTo>
                      <a:lnTo>
                        <a:pt x="203" y="567"/>
                      </a:lnTo>
                      <a:lnTo>
                        <a:pt x="205" y="568"/>
                      </a:lnTo>
                      <a:lnTo>
                        <a:pt x="208" y="572"/>
                      </a:lnTo>
                      <a:lnTo>
                        <a:pt x="211" y="577"/>
                      </a:lnTo>
                      <a:lnTo>
                        <a:pt x="217" y="583"/>
                      </a:lnTo>
                      <a:lnTo>
                        <a:pt x="220" y="590"/>
                      </a:lnTo>
                      <a:lnTo>
                        <a:pt x="223" y="597"/>
                      </a:lnTo>
                      <a:lnTo>
                        <a:pt x="223" y="605"/>
                      </a:lnTo>
                      <a:lnTo>
                        <a:pt x="222" y="612"/>
                      </a:lnTo>
                      <a:lnTo>
                        <a:pt x="240" y="609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18" name="Freeform 72"/>
                <p:cNvSpPr>
                  <a:spLocks/>
                </p:cNvSpPr>
                <p:nvPr/>
              </p:nvSpPr>
              <p:spPr bwMode="auto">
                <a:xfrm>
                  <a:off x="3392" y="2451"/>
                  <a:ext cx="352" cy="612"/>
                </a:xfrm>
                <a:custGeom>
                  <a:avLst/>
                  <a:gdLst>
                    <a:gd name="T0" fmla="*/ 262 w 352"/>
                    <a:gd name="T1" fmla="*/ 594 h 612"/>
                    <a:gd name="T2" fmla="*/ 281 w 352"/>
                    <a:gd name="T3" fmla="*/ 587 h 612"/>
                    <a:gd name="T4" fmla="*/ 301 w 352"/>
                    <a:gd name="T5" fmla="*/ 583 h 612"/>
                    <a:gd name="T6" fmla="*/ 296 w 352"/>
                    <a:gd name="T7" fmla="*/ 577 h 612"/>
                    <a:gd name="T8" fmla="*/ 306 w 352"/>
                    <a:gd name="T9" fmla="*/ 573 h 612"/>
                    <a:gd name="T10" fmla="*/ 315 w 352"/>
                    <a:gd name="T11" fmla="*/ 582 h 612"/>
                    <a:gd name="T12" fmla="*/ 332 w 352"/>
                    <a:gd name="T13" fmla="*/ 575 h 612"/>
                    <a:gd name="T14" fmla="*/ 340 w 352"/>
                    <a:gd name="T15" fmla="*/ 583 h 612"/>
                    <a:gd name="T16" fmla="*/ 352 w 352"/>
                    <a:gd name="T17" fmla="*/ 578 h 612"/>
                    <a:gd name="T18" fmla="*/ 333 w 352"/>
                    <a:gd name="T19" fmla="*/ 0 h 612"/>
                    <a:gd name="T20" fmla="*/ 122 w 352"/>
                    <a:gd name="T21" fmla="*/ 22 h 612"/>
                    <a:gd name="T22" fmla="*/ 118 w 352"/>
                    <a:gd name="T23" fmla="*/ 32 h 612"/>
                    <a:gd name="T24" fmla="*/ 79 w 352"/>
                    <a:gd name="T25" fmla="*/ 98 h 612"/>
                    <a:gd name="T26" fmla="*/ 56 w 352"/>
                    <a:gd name="T27" fmla="*/ 132 h 612"/>
                    <a:gd name="T28" fmla="*/ 57 w 352"/>
                    <a:gd name="T29" fmla="*/ 142 h 612"/>
                    <a:gd name="T30" fmla="*/ 46 w 352"/>
                    <a:gd name="T31" fmla="*/ 147 h 612"/>
                    <a:gd name="T32" fmla="*/ 46 w 352"/>
                    <a:gd name="T33" fmla="*/ 159 h 612"/>
                    <a:gd name="T34" fmla="*/ 46 w 352"/>
                    <a:gd name="T35" fmla="*/ 167 h 612"/>
                    <a:gd name="T36" fmla="*/ 39 w 352"/>
                    <a:gd name="T37" fmla="*/ 177 h 612"/>
                    <a:gd name="T38" fmla="*/ 46 w 352"/>
                    <a:gd name="T39" fmla="*/ 179 h 612"/>
                    <a:gd name="T40" fmla="*/ 41 w 352"/>
                    <a:gd name="T41" fmla="*/ 187 h 612"/>
                    <a:gd name="T42" fmla="*/ 32 w 352"/>
                    <a:gd name="T43" fmla="*/ 196 h 612"/>
                    <a:gd name="T44" fmla="*/ 44 w 352"/>
                    <a:gd name="T45" fmla="*/ 240 h 612"/>
                    <a:gd name="T46" fmla="*/ 47 w 352"/>
                    <a:gd name="T47" fmla="*/ 248 h 612"/>
                    <a:gd name="T48" fmla="*/ 42 w 352"/>
                    <a:gd name="T49" fmla="*/ 253 h 612"/>
                    <a:gd name="T50" fmla="*/ 39 w 352"/>
                    <a:gd name="T51" fmla="*/ 269 h 612"/>
                    <a:gd name="T52" fmla="*/ 37 w 352"/>
                    <a:gd name="T53" fmla="*/ 272 h 612"/>
                    <a:gd name="T54" fmla="*/ 39 w 352"/>
                    <a:gd name="T55" fmla="*/ 282 h 612"/>
                    <a:gd name="T56" fmla="*/ 46 w 352"/>
                    <a:gd name="T57" fmla="*/ 284 h 612"/>
                    <a:gd name="T58" fmla="*/ 44 w 352"/>
                    <a:gd name="T59" fmla="*/ 314 h 612"/>
                    <a:gd name="T60" fmla="*/ 56 w 352"/>
                    <a:gd name="T61" fmla="*/ 330 h 612"/>
                    <a:gd name="T62" fmla="*/ 52 w 352"/>
                    <a:gd name="T63" fmla="*/ 338 h 612"/>
                    <a:gd name="T64" fmla="*/ 61 w 352"/>
                    <a:gd name="T65" fmla="*/ 341 h 612"/>
                    <a:gd name="T66" fmla="*/ 64 w 352"/>
                    <a:gd name="T67" fmla="*/ 352 h 612"/>
                    <a:gd name="T68" fmla="*/ 66 w 352"/>
                    <a:gd name="T69" fmla="*/ 357 h 612"/>
                    <a:gd name="T70" fmla="*/ 61 w 352"/>
                    <a:gd name="T71" fmla="*/ 370 h 612"/>
                    <a:gd name="T72" fmla="*/ 47 w 352"/>
                    <a:gd name="T73" fmla="*/ 372 h 612"/>
                    <a:gd name="T74" fmla="*/ 54 w 352"/>
                    <a:gd name="T75" fmla="*/ 380 h 612"/>
                    <a:gd name="T76" fmla="*/ 47 w 352"/>
                    <a:gd name="T77" fmla="*/ 396 h 612"/>
                    <a:gd name="T78" fmla="*/ 32 w 352"/>
                    <a:gd name="T79" fmla="*/ 416 h 612"/>
                    <a:gd name="T80" fmla="*/ 25 w 352"/>
                    <a:gd name="T81" fmla="*/ 450 h 612"/>
                    <a:gd name="T82" fmla="*/ 15 w 352"/>
                    <a:gd name="T83" fmla="*/ 460 h 612"/>
                    <a:gd name="T84" fmla="*/ 15 w 352"/>
                    <a:gd name="T85" fmla="*/ 468 h 612"/>
                    <a:gd name="T86" fmla="*/ 10 w 352"/>
                    <a:gd name="T87" fmla="*/ 480 h 612"/>
                    <a:gd name="T88" fmla="*/ 13 w 352"/>
                    <a:gd name="T89" fmla="*/ 487 h 612"/>
                    <a:gd name="T90" fmla="*/ 0 w 352"/>
                    <a:gd name="T91" fmla="*/ 497 h 612"/>
                    <a:gd name="T92" fmla="*/ 5 w 352"/>
                    <a:gd name="T93" fmla="*/ 506 h 612"/>
                    <a:gd name="T94" fmla="*/ 5 w 352"/>
                    <a:gd name="T95" fmla="*/ 514 h 612"/>
                    <a:gd name="T96" fmla="*/ 203 w 352"/>
                    <a:gd name="T97" fmla="*/ 511 h 612"/>
                    <a:gd name="T98" fmla="*/ 198 w 352"/>
                    <a:gd name="T99" fmla="*/ 543 h 612"/>
                    <a:gd name="T100" fmla="*/ 203 w 352"/>
                    <a:gd name="T101" fmla="*/ 567 h 612"/>
                    <a:gd name="T102" fmla="*/ 217 w 352"/>
                    <a:gd name="T103" fmla="*/ 583 h 612"/>
                    <a:gd name="T104" fmla="*/ 240 w 352"/>
                    <a:gd name="T105" fmla="*/ 609 h 612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w 352"/>
                    <a:gd name="T160" fmla="*/ 0 h 612"/>
                    <a:gd name="T161" fmla="*/ 352 w 352"/>
                    <a:gd name="T162" fmla="*/ 612 h 612"/>
                  </a:gdLst>
                  <a:ahLst/>
                  <a:cxnLst>
                    <a:cxn ang="T106">
                      <a:pos x="T0" y="T1"/>
                    </a:cxn>
                    <a:cxn ang="T107">
                      <a:pos x="T2" y="T3"/>
                    </a:cxn>
                    <a:cxn ang="T108">
                      <a:pos x="T4" y="T5"/>
                    </a:cxn>
                    <a:cxn ang="T109">
                      <a:pos x="T6" y="T7"/>
                    </a:cxn>
                    <a:cxn ang="T110">
                      <a:pos x="T8" y="T9"/>
                    </a:cxn>
                    <a:cxn ang="T111">
                      <a:pos x="T10" y="T11"/>
                    </a:cxn>
                    <a:cxn ang="T112">
                      <a:pos x="T12" y="T13"/>
                    </a:cxn>
                    <a:cxn ang="T113">
                      <a:pos x="T14" y="T15"/>
                    </a:cxn>
                    <a:cxn ang="T114">
                      <a:pos x="T16" y="T17"/>
                    </a:cxn>
                    <a:cxn ang="T115">
                      <a:pos x="T18" y="T19"/>
                    </a:cxn>
                    <a:cxn ang="T116">
                      <a:pos x="T20" y="T21"/>
                    </a:cxn>
                    <a:cxn ang="T117">
                      <a:pos x="T22" y="T23"/>
                    </a:cxn>
                    <a:cxn ang="T118">
                      <a:pos x="T24" y="T25"/>
                    </a:cxn>
                    <a:cxn ang="T119">
                      <a:pos x="T26" y="T27"/>
                    </a:cxn>
                    <a:cxn ang="T120">
                      <a:pos x="T28" y="T29"/>
                    </a:cxn>
                    <a:cxn ang="T121">
                      <a:pos x="T30" y="T31"/>
                    </a:cxn>
                    <a:cxn ang="T122">
                      <a:pos x="T32" y="T33"/>
                    </a:cxn>
                    <a:cxn ang="T123">
                      <a:pos x="T34" y="T35"/>
                    </a:cxn>
                    <a:cxn ang="T124">
                      <a:pos x="T36" y="T37"/>
                    </a:cxn>
                    <a:cxn ang="T125">
                      <a:pos x="T38" y="T39"/>
                    </a:cxn>
                    <a:cxn ang="T126">
                      <a:pos x="T40" y="T41"/>
                    </a:cxn>
                    <a:cxn ang="T127">
                      <a:pos x="T42" y="T43"/>
                    </a:cxn>
                    <a:cxn ang="T128">
                      <a:pos x="T44" y="T45"/>
                    </a:cxn>
                    <a:cxn ang="T129">
                      <a:pos x="T46" y="T47"/>
                    </a:cxn>
                    <a:cxn ang="T130">
                      <a:pos x="T48" y="T49"/>
                    </a:cxn>
                    <a:cxn ang="T131">
                      <a:pos x="T50" y="T51"/>
                    </a:cxn>
                    <a:cxn ang="T132">
                      <a:pos x="T52" y="T53"/>
                    </a:cxn>
                    <a:cxn ang="T133">
                      <a:pos x="T54" y="T55"/>
                    </a:cxn>
                    <a:cxn ang="T134">
                      <a:pos x="T56" y="T57"/>
                    </a:cxn>
                    <a:cxn ang="T135">
                      <a:pos x="T58" y="T59"/>
                    </a:cxn>
                    <a:cxn ang="T136">
                      <a:pos x="T60" y="T61"/>
                    </a:cxn>
                    <a:cxn ang="T137">
                      <a:pos x="T62" y="T63"/>
                    </a:cxn>
                    <a:cxn ang="T138">
                      <a:pos x="T64" y="T65"/>
                    </a:cxn>
                    <a:cxn ang="T139">
                      <a:pos x="T66" y="T67"/>
                    </a:cxn>
                    <a:cxn ang="T140">
                      <a:pos x="T68" y="T69"/>
                    </a:cxn>
                    <a:cxn ang="T141">
                      <a:pos x="T70" y="T71"/>
                    </a:cxn>
                    <a:cxn ang="T142">
                      <a:pos x="T72" y="T73"/>
                    </a:cxn>
                    <a:cxn ang="T143">
                      <a:pos x="T74" y="T75"/>
                    </a:cxn>
                    <a:cxn ang="T144">
                      <a:pos x="T76" y="T77"/>
                    </a:cxn>
                    <a:cxn ang="T145">
                      <a:pos x="T78" y="T79"/>
                    </a:cxn>
                    <a:cxn ang="T146">
                      <a:pos x="T80" y="T81"/>
                    </a:cxn>
                    <a:cxn ang="T147">
                      <a:pos x="T82" y="T83"/>
                    </a:cxn>
                    <a:cxn ang="T148">
                      <a:pos x="T84" y="T85"/>
                    </a:cxn>
                    <a:cxn ang="T149">
                      <a:pos x="T86" y="T87"/>
                    </a:cxn>
                    <a:cxn ang="T150">
                      <a:pos x="T88" y="T89"/>
                    </a:cxn>
                    <a:cxn ang="T151">
                      <a:pos x="T90" y="T91"/>
                    </a:cxn>
                    <a:cxn ang="T152">
                      <a:pos x="T92" y="T93"/>
                    </a:cxn>
                    <a:cxn ang="T153">
                      <a:pos x="T94" y="T95"/>
                    </a:cxn>
                    <a:cxn ang="T154">
                      <a:pos x="T96" y="T97"/>
                    </a:cxn>
                    <a:cxn ang="T155">
                      <a:pos x="T98" y="T99"/>
                    </a:cxn>
                    <a:cxn ang="T156">
                      <a:pos x="T100" y="T101"/>
                    </a:cxn>
                    <a:cxn ang="T157">
                      <a:pos x="T102" y="T103"/>
                    </a:cxn>
                    <a:cxn ang="T158">
                      <a:pos x="T104" y="T105"/>
                    </a:cxn>
                  </a:cxnLst>
                  <a:rect l="T159" t="T160" r="T161" b="T162"/>
                  <a:pathLst>
                    <a:path w="352" h="612">
                      <a:moveTo>
                        <a:pt x="240" y="609"/>
                      </a:moveTo>
                      <a:lnTo>
                        <a:pt x="252" y="599"/>
                      </a:lnTo>
                      <a:lnTo>
                        <a:pt x="252" y="590"/>
                      </a:lnTo>
                      <a:lnTo>
                        <a:pt x="262" y="594"/>
                      </a:lnTo>
                      <a:lnTo>
                        <a:pt x="266" y="592"/>
                      </a:lnTo>
                      <a:lnTo>
                        <a:pt x="271" y="590"/>
                      </a:lnTo>
                      <a:lnTo>
                        <a:pt x="276" y="589"/>
                      </a:lnTo>
                      <a:lnTo>
                        <a:pt x="281" y="587"/>
                      </a:lnTo>
                      <a:lnTo>
                        <a:pt x="284" y="585"/>
                      </a:lnTo>
                      <a:lnTo>
                        <a:pt x="288" y="585"/>
                      </a:lnTo>
                      <a:lnTo>
                        <a:pt x="291" y="585"/>
                      </a:lnTo>
                      <a:lnTo>
                        <a:pt x="301" y="583"/>
                      </a:lnTo>
                      <a:lnTo>
                        <a:pt x="306" y="583"/>
                      </a:lnTo>
                      <a:lnTo>
                        <a:pt x="306" y="582"/>
                      </a:lnTo>
                      <a:lnTo>
                        <a:pt x="305" y="580"/>
                      </a:lnTo>
                      <a:lnTo>
                        <a:pt x="301" y="578"/>
                      </a:lnTo>
                      <a:lnTo>
                        <a:pt x="296" y="577"/>
                      </a:lnTo>
                      <a:lnTo>
                        <a:pt x="293" y="577"/>
                      </a:lnTo>
                      <a:lnTo>
                        <a:pt x="301" y="573"/>
                      </a:lnTo>
                      <a:lnTo>
                        <a:pt x="306" y="573"/>
                      </a:lnTo>
                      <a:lnTo>
                        <a:pt x="311" y="575"/>
                      </a:lnTo>
                      <a:lnTo>
                        <a:pt x="313" y="577"/>
                      </a:lnTo>
                      <a:lnTo>
                        <a:pt x="315" y="578"/>
                      </a:lnTo>
                      <a:lnTo>
                        <a:pt x="315" y="582"/>
                      </a:lnTo>
                      <a:lnTo>
                        <a:pt x="315" y="583"/>
                      </a:lnTo>
                      <a:lnTo>
                        <a:pt x="323" y="585"/>
                      </a:lnTo>
                      <a:lnTo>
                        <a:pt x="332" y="575"/>
                      </a:lnTo>
                      <a:lnTo>
                        <a:pt x="333" y="577"/>
                      </a:lnTo>
                      <a:lnTo>
                        <a:pt x="335" y="578"/>
                      </a:lnTo>
                      <a:lnTo>
                        <a:pt x="335" y="580"/>
                      </a:lnTo>
                      <a:lnTo>
                        <a:pt x="340" y="583"/>
                      </a:lnTo>
                      <a:lnTo>
                        <a:pt x="343" y="585"/>
                      </a:lnTo>
                      <a:lnTo>
                        <a:pt x="347" y="585"/>
                      </a:lnTo>
                      <a:lnTo>
                        <a:pt x="349" y="583"/>
                      </a:lnTo>
                      <a:lnTo>
                        <a:pt x="350" y="582"/>
                      </a:lnTo>
                      <a:lnTo>
                        <a:pt x="352" y="578"/>
                      </a:lnTo>
                      <a:lnTo>
                        <a:pt x="352" y="577"/>
                      </a:lnTo>
                      <a:lnTo>
                        <a:pt x="328" y="392"/>
                      </a:lnTo>
                      <a:lnTo>
                        <a:pt x="333" y="0"/>
                      </a:lnTo>
                      <a:lnTo>
                        <a:pt x="122" y="18"/>
                      </a:lnTo>
                      <a:lnTo>
                        <a:pt x="122" y="20"/>
                      </a:lnTo>
                      <a:lnTo>
                        <a:pt x="122" y="22"/>
                      </a:lnTo>
                      <a:lnTo>
                        <a:pt x="120" y="25"/>
                      </a:lnTo>
                      <a:lnTo>
                        <a:pt x="120" y="27"/>
                      </a:lnTo>
                      <a:lnTo>
                        <a:pt x="120" y="28"/>
                      </a:lnTo>
                      <a:lnTo>
                        <a:pt x="118" y="30"/>
                      </a:lnTo>
                      <a:lnTo>
                        <a:pt x="118" y="32"/>
                      </a:lnTo>
                      <a:lnTo>
                        <a:pt x="103" y="44"/>
                      </a:lnTo>
                      <a:lnTo>
                        <a:pt x="93" y="59"/>
                      </a:lnTo>
                      <a:lnTo>
                        <a:pt x="93" y="89"/>
                      </a:lnTo>
                      <a:lnTo>
                        <a:pt x="85" y="98"/>
                      </a:lnTo>
                      <a:lnTo>
                        <a:pt x="79" y="98"/>
                      </a:lnTo>
                      <a:lnTo>
                        <a:pt x="64" y="113"/>
                      </a:lnTo>
                      <a:lnTo>
                        <a:pt x="69" y="123"/>
                      </a:lnTo>
                      <a:lnTo>
                        <a:pt x="54" y="132"/>
                      </a:lnTo>
                      <a:lnTo>
                        <a:pt x="56" y="132"/>
                      </a:lnTo>
                      <a:lnTo>
                        <a:pt x="56" y="133"/>
                      </a:lnTo>
                      <a:lnTo>
                        <a:pt x="57" y="135"/>
                      </a:lnTo>
                      <a:lnTo>
                        <a:pt x="57" y="137"/>
                      </a:lnTo>
                      <a:lnTo>
                        <a:pt x="57" y="138"/>
                      </a:lnTo>
                      <a:lnTo>
                        <a:pt x="57" y="142"/>
                      </a:lnTo>
                      <a:lnTo>
                        <a:pt x="54" y="143"/>
                      </a:lnTo>
                      <a:lnTo>
                        <a:pt x="49" y="145"/>
                      </a:lnTo>
                      <a:lnTo>
                        <a:pt x="47" y="145"/>
                      </a:lnTo>
                      <a:lnTo>
                        <a:pt x="46" y="147"/>
                      </a:lnTo>
                      <a:lnTo>
                        <a:pt x="44" y="149"/>
                      </a:lnTo>
                      <a:lnTo>
                        <a:pt x="44" y="150"/>
                      </a:lnTo>
                      <a:lnTo>
                        <a:pt x="44" y="154"/>
                      </a:lnTo>
                      <a:lnTo>
                        <a:pt x="44" y="157"/>
                      </a:lnTo>
                      <a:lnTo>
                        <a:pt x="46" y="159"/>
                      </a:lnTo>
                      <a:lnTo>
                        <a:pt x="47" y="162"/>
                      </a:lnTo>
                      <a:lnTo>
                        <a:pt x="47" y="164"/>
                      </a:lnTo>
                      <a:lnTo>
                        <a:pt x="47" y="165"/>
                      </a:lnTo>
                      <a:lnTo>
                        <a:pt x="46" y="167"/>
                      </a:lnTo>
                      <a:lnTo>
                        <a:pt x="44" y="171"/>
                      </a:lnTo>
                      <a:lnTo>
                        <a:pt x="42" y="172"/>
                      </a:lnTo>
                      <a:lnTo>
                        <a:pt x="41" y="174"/>
                      </a:lnTo>
                      <a:lnTo>
                        <a:pt x="39" y="176"/>
                      </a:lnTo>
                      <a:lnTo>
                        <a:pt x="39" y="177"/>
                      </a:lnTo>
                      <a:lnTo>
                        <a:pt x="41" y="177"/>
                      </a:lnTo>
                      <a:lnTo>
                        <a:pt x="42" y="177"/>
                      </a:lnTo>
                      <a:lnTo>
                        <a:pt x="44" y="177"/>
                      </a:lnTo>
                      <a:lnTo>
                        <a:pt x="46" y="179"/>
                      </a:lnTo>
                      <a:lnTo>
                        <a:pt x="47" y="181"/>
                      </a:lnTo>
                      <a:lnTo>
                        <a:pt x="47" y="182"/>
                      </a:lnTo>
                      <a:lnTo>
                        <a:pt x="46" y="184"/>
                      </a:lnTo>
                      <a:lnTo>
                        <a:pt x="41" y="187"/>
                      </a:lnTo>
                      <a:lnTo>
                        <a:pt x="39" y="187"/>
                      </a:lnTo>
                      <a:lnTo>
                        <a:pt x="35" y="189"/>
                      </a:lnTo>
                      <a:lnTo>
                        <a:pt x="34" y="189"/>
                      </a:lnTo>
                      <a:lnTo>
                        <a:pt x="32" y="191"/>
                      </a:lnTo>
                      <a:lnTo>
                        <a:pt x="32" y="196"/>
                      </a:lnTo>
                      <a:lnTo>
                        <a:pt x="29" y="204"/>
                      </a:lnTo>
                      <a:lnTo>
                        <a:pt x="37" y="213"/>
                      </a:lnTo>
                      <a:lnTo>
                        <a:pt x="39" y="220"/>
                      </a:lnTo>
                      <a:lnTo>
                        <a:pt x="44" y="240"/>
                      </a:lnTo>
                      <a:lnTo>
                        <a:pt x="46" y="242"/>
                      </a:lnTo>
                      <a:lnTo>
                        <a:pt x="46" y="243"/>
                      </a:lnTo>
                      <a:lnTo>
                        <a:pt x="47" y="247"/>
                      </a:lnTo>
                      <a:lnTo>
                        <a:pt x="47" y="248"/>
                      </a:lnTo>
                      <a:lnTo>
                        <a:pt x="47" y="250"/>
                      </a:lnTo>
                      <a:lnTo>
                        <a:pt x="46" y="252"/>
                      </a:lnTo>
                      <a:lnTo>
                        <a:pt x="42" y="253"/>
                      </a:lnTo>
                      <a:lnTo>
                        <a:pt x="41" y="255"/>
                      </a:lnTo>
                      <a:lnTo>
                        <a:pt x="41" y="259"/>
                      </a:lnTo>
                      <a:lnTo>
                        <a:pt x="39" y="262"/>
                      </a:lnTo>
                      <a:lnTo>
                        <a:pt x="39" y="265"/>
                      </a:lnTo>
                      <a:lnTo>
                        <a:pt x="39" y="269"/>
                      </a:lnTo>
                      <a:lnTo>
                        <a:pt x="39" y="270"/>
                      </a:lnTo>
                      <a:lnTo>
                        <a:pt x="37" y="270"/>
                      </a:lnTo>
                      <a:lnTo>
                        <a:pt x="37" y="272"/>
                      </a:lnTo>
                      <a:lnTo>
                        <a:pt x="37" y="274"/>
                      </a:lnTo>
                      <a:lnTo>
                        <a:pt x="37" y="275"/>
                      </a:lnTo>
                      <a:lnTo>
                        <a:pt x="37" y="279"/>
                      </a:lnTo>
                      <a:lnTo>
                        <a:pt x="37" y="281"/>
                      </a:lnTo>
                      <a:lnTo>
                        <a:pt x="39" y="282"/>
                      </a:lnTo>
                      <a:lnTo>
                        <a:pt x="41" y="282"/>
                      </a:lnTo>
                      <a:lnTo>
                        <a:pt x="42" y="281"/>
                      </a:lnTo>
                      <a:lnTo>
                        <a:pt x="44" y="281"/>
                      </a:lnTo>
                      <a:lnTo>
                        <a:pt x="46" y="284"/>
                      </a:lnTo>
                      <a:lnTo>
                        <a:pt x="46" y="286"/>
                      </a:lnTo>
                      <a:lnTo>
                        <a:pt x="47" y="287"/>
                      </a:lnTo>
                      <a:lnTo>
                        <a:pt x="46" y="299"/>
                      </a:lnTo>
                      <a:lnTo>
                        <a:pt x="52" y="304"/>
                      </a:lnTo>
                      <a:lnTo>
                        <a:pt x="44" y="314"/>
                      </a:lnTo>
                      <a:lnTo>
                        <a:pt x="46" y="319"/>
                      </a:lnTo>
                      <a:lnTo>
                        <a:pt x="57" y="318"/>
                      </a:lnTo>
                      <a:lnTo>
                        <a:pt x="57" y="330"/>
                      </a:lnTo>
                      <a:lnTo>
                        <a:pt x="56" y="330"/>
                      </a:lnTo>
                      <a:lnTo>
                        <a:pt x="56" y="331"/>
                      </a:lnTo>
                      <a:lnTo>
                        <a:pt x="54" y="333"/>
                      </a:lnTo>
                      <a:lnTo>
                        <a:pt x="52" y="335"/>
                      </a:lnTo>
                      <a:lnTo>
                        <a:pt x="51" y="336"/>
                      </a:lnTo>
                      <a:lnTo>
                        <a:pt x="52" y="338"/>
                      </a:lnTo>
                      <a:lnTo>
                        <a:pt x="54" y="340"/>
                      </a:lnTo>
                      <a:lnTo>
                        <a:pt x="61" y="340"/>
                      </a:lnTo>
                      <a:lnTo>
                        <a:pt x="61" y="341"/>
                      </a:lnTo>
                      <a:lnTo>
                        <a:pt x="61" y="343"/>
                      </a:lnTo>
                      <a:lnTo>
                        <a:pt x="59" y="345"/>
                      </a:lnTo>
                      <a:lnTo>
                        <a:pt x="59" y="348"/>
                      </a:lnTo>
                      <a:lnTo>
                        <a:pt x="61" y="350"/>
                      </a:lnTo>
                      <a:lnTo>
                        <a:pt x="64" y="352"/>
                      </a:lnTo>
                      <a:lnTo>
                        <a:pt x="69" y="352"/>
                      </a:lnTo>
                      <a:lnTo>
                        <a:pt x="68" y="355"/>
                      </a:lnTo>
                      <a:lnTo>
                        <a:pt x="66" y="357"/>
                      </a:lnTo>
                      <a:lnTo>
                        <a:pt x="66" y="360"/>
                      </a:lnTo>
                      <a:lnTo>
                        <a:pt x="64" y="363"/>
                      </a:lnTo>
                      <a:lnTo>
                        <a:pt x="63" y="367"/>
                      </a:lnTo>
                      <a:lnTo>
                        <a:pt x="61" y="369"/>
                      </a:lnTo>
                      <a:lnTo>
                        <a:pt x="61" y="370"/>
                      </a:lnTo>
                      <a:lnTo>
                        <a:pt x="59" y="370"/>
                      </a:lnTo>
                      <a:lnTo>
                        <a:pt x="56" y="370"/>
                      </a:lnTo>
                      <a:lnTo>
                        <a:pt x="51" y="372"/>
                      </a:lnTo>
                      <a:lnTo>
                        <a:pt x="47" y="372"/>
                      </a:lnTo>
                      <a:lnTo>
                        <a:pt x="44" y="374"/>
                      </a:lnTo>
                      <a:lnTo>
                        <a:pt x="44" y="375"/>
                      </a:lnTo>
                      <a:lnTo>
                        <a:pt x="47" y="377"/>
                      </a:lnTo>
                      <a:lnTo>
                        <a:pt x="54" y="380"/>
                      </a:lnTo>
                      <a:lnTo>
                        <a:pt x="54" y="382"/>
                      </a:lnTo>
                      <a:lnTo>
                        <a:pt x="54" y="384"/>
                      </a:lnTo>
                      <a:lnTo>
                        <a:pt x="52" y="389"/>
                      </a:lnTo>
                      <a:lnTo>
                        <a:pt x="49" y="392"/>
                      </a:lnTo>
                      <a:lnTo>
                        <a:pt x="47" y="396"/>
                      </a:lnTo>
                      <a:lnTo>
                        <a:pt x="44" y="399"/>
                      </a:lnTo>
                      <a:lnTo>
                        <a:pt x="44" y="402"/>
                      </a:lnTo>
                      <a:lnTo>
                        <a:pt x="42" y="404"/>
                      </a:lnTo>
                      <a:lnTo>
                        <a:pt x="41" y="416"/>
                      </a:lnTo>
                      <a:lnTo>
                        <a:pt x="32" y="416"/>
                      </a:lnTo>
                      <a:lnTo>
                        <a:pt x="25" y="443"/>
                      </a:lnTo>
                      <a:lnTo>
                        <a:pt x="17" y="448"/>
                      </a:lnTo>
                      <a:lnTo>
                        <a:pt x="25" y="448"/>
                      </a:lnTo>
                      <a:lnTo>
                        <a:pt x="25" y="450"/>
                      </a:lnTo>
                      <a:lnTo>
                        <a:pt x="24" y="450"/>
                      </a:lnTo>
                      <a:lnTo>
                        <a:pt x="20" y="453"/>
                      </a:lnTo>
                      <a:lnTo>
                        <a:pt x="19" y="455"/>
                      </a:lnTo>
                      <a:lnTo>
                        <a:pt x="15" y="458"/>
                      </a:lnTo>
                      <a:lnTo>
                        <a:pt x="15" y="460"/>
                      </a:lnTo>
                      <a:lnTo>
                        <a:pt x="15" y="463"/>
                      </a:lnTo>
                      <a:lnTo>
                        <a:pt x="17" y="465"/>
                      </a:lnTo>
                      <a:lnTo>
                        <a:pt x="17" y="467"/>
                      </a:lnTo>
                      <a:lnTo>
                        <a:pt x="15" y="468"/>
                      </a:lnTo>
                      <a:lnTo>
                        <a:pt x="13" y="470"/>
                      </a:lnTo>
                      <a:lnTo>
                        <a:pt x="10" y="473"/>
                      </a:lnTo>
                      <a:lnTo>
                        <a:pt x="10" y="477"/>
                      </a:lnTo>
                      <a:lnTo>
                        <a:pt x="8" y="479"/>
                      </a:lnTo>
                      <a:lnTo>
                        <a:pt x="10" y="480"/>
                      </a:lnTo>
                      <a:lnTo>
                        <a:pt x="13" y="480"/>
                      </a:lnTo>
                      <a:lnTo>
                        <a:pt x="15" y="482"/>
                      </a:lnTo>
                      <a:lnTo>
                        <a:pt x="15" y="485"/>
                      </a:lnTo>
                      <a:lnTo>
                        <a:pt x="13" y="487"/>
                      </a:lnTo>
                      <a:lnTo>
                        <a:pt x="8" y="492"/>
                      </a:lnTo>
                      <a:lnTo>
                        <a:pt x="5" y="494"/>
                      </a:lnTo>
                      <a:lnTo>
                        <a:pt x="2" y="495"/>
                      </a:lnTo>
                      <a:lnTo>
                        <a:pt x="0" y="497"/>
                      </a:lnTo>
                      <a:lnTo>
                        <a:pt x="0" y="501"/>
                      </a:lnTo>
                      <a:lnTo>
                        <a:pt x="0" y="502"/>
                      </a:lnTo>
                      <a:lnTo>
                        <a:pt x="2" y="504"/>
                      </a:lnTo>
                      <a:lnTo>
                        <a:pt x="3" y="506"/>
                      </a:lnTo>
                      <a:lnTo>
                        <a:pt x="5" y="506"/>
                      </a:lnTo>
                      <a:lnTo>
                        <a:pt x="7" y="507"/>
                      </a:lnTo>
                      <a:lnTo>
                        <a:pt x="5" y="509"/>
                      </a:lnTo>
                      <a:lnTo>
                        <a:pt x="5" y="512"/>
                      </a:lnTo>
                      <a:lnTo>
                        <a:pt x="5" y="514"/>
                      </a:lnTo>
                      <a:lnTo>
                        <a:pt x="3" y="517"/>
                      </a:lnTo>
                      <a:lnTo>
                        <a:pt x="3" y="521"/>
                      </a:lnTo>
                      <a:lnTo>
                        <a:pt x="3" y="523"/>
                      </a:lnTo>
                      <a:lnTo>
                        <a:pt x="3" y="524"/>
                      </a:lnTo>
                      <a:lnTo>
                        <a:pt x="203" y="511"/>
                      </a:lnTo>
                      <a:lnTo>
                        <a:pt x="203" y="534"/>
                      </a:lnTo>
                      <a:lnTo>
                        <a:pt x="201" y="534"/>
                      </a:lnTo>
                      <a:lnTo>
                        <a:pt x="200" y="538"/>
                      </a:lnTo>
                      <a:lnTo>
                        <a:pt x="198" y="543"/>
                      </a:lnTo>
                      <a:lnTo>
                        <a:pt x="196" y="546"/>
                      </a:lnTo>
                      <a:lnTo>
                        <a:pt x="195" y="553"/>
                      </a:lnTo>
                      <a:lnTo>
                        <a:pt x="195" y="558"/>
                      </a:lnTo>
                      <a:lnTo>
                        <a:pt x="198" y="563"/>
                      </a:lnTo>
                      <a:lnTo>
                        <a:pt x="203" y="567"/>
                      </a:lnTo>
                      <a:lnTo>
                        <a:pt x="205" y="568"/>
                      </a:lnTo>
                      <a:lnTo>
                        <a:pt x="208" y="572"/>
                      </a:lnTo>
                      <a:lnTo>
                        <a:pt x="211" y="577"/>
                      </a:lnTo>
                      <a:lnTo>
                        <a:pt x="217" y="583"/>
                      </a:lnTo>
                      <a:lnTo>
                        <a:pt x="220" y="590"/>
                      </a:lnTo>
                      <a:lnTo>
                        <a:pt x="223" y="597"/>
                      </a:lnTo>
                      <a:lnTo>
                        <a:pt x="223" y="605"/>
                      </a:lnTo>
                      <a:lnTo>
                        <a:pt x="222" y="612"/>
                      </a:lnTo>
                      <a:lnTo>
                        <a:pt x="240" y="609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598" name="Group 73"/>
              <p:cNvGrpSpPr>
                <a:grpSpLocks/>
              </p:cNvGrpSpPr>
              <p:nvPr/>
            </p:nvGrpSpPr>
            <p:grpSpPr bwMode="auto">
              <a:xfrm>
                <a:off x="4248" y="2069"/>
                <a:ext cx="436" cy="217"/>
                <a:chOff x="4487" y="1686"/>
                <a:chExt cx="448" cy="223"/>
              </a:xfrm>
            </p:grpSpPr>
            <p:sp>
              <p:nvSpPr>
                <p:cNvPr id="715" name="Freeform 74"/>
                <p:cNvSpPr>
                  <a:spLocks/>
                </p:cNvSpPr>
                <p:nvPr/>
              </p:nvSpPr>
              <p:spPr bwMode="auto">
                <a:xfrm>
                  <a:off x="4487" y="1686"/>
                  <a:ext cx="448" cy="223"/>
                </a:xfrm>
                <a:custGeom>
                  <a:avLst/>
                  <a:gdLst>
                    <a:gd name="T0" fmla="*/ 249 w 448"/>
                    <a:gd name="T1" fmla="*/ 155 h 223"/>
                    <a:gd name="T2" fmla="*/ 238 w 448"/>
                    <a:gd name="T3" fmla="*/ 189 h 223"/>
                    <a:gd name="T4" fmla="*/ 252 w 448"/>
                    <a:gd name="T5" fmla="*/ 186 h 223"/>
                    <a:gd name="T6" fmla="*/ 264 w 448"/>
                    <a:gd name="T7" fmla="*/ 188 h 223"/>
                    <a:gd name="T8" fmla="*/ 284 w 448"/>
                    <a:gd name="T9" fmla="*/ 201 h 223"/>
                    <a:gd name="T10" fmla="*/ 330 w 448"/>
                    <a:gd name="T11" fmla="*/ 215 h 223"/>
                    <a:gd name="T12" fmla="*/ 299 w 448"/>
                    <a:gd name="T13" fmla="*/ 179 h 223"/>
                    <a:gd name="T14" fmla="*/ 308 w 448"/>
                    <a:gd name="T15" fmla="*/ 177 h 223"/>
                    <a:gd name="T16" fmla="*/ 316 w 448"/>
                    <a:gd name="T17" fmla="*/ 172 h 223"/>
                    <a:gd name="T18" fmla="*/ 299 w 448"/>
                    <a:gd name="T19" fmla="*/ 142 h 223"/>
                    <a:gd name="T20" fmla="*/ 299 w 448"/>
                    <a:gd name="T21" fmla="*/ 111 h 223"/>
                    <a:gd name="T22" fmla="*/ 291 w 448"/>
                    <a:gd name="T23" fmla="*/ 81 h 223"/>
                    <a:gd name="T24" fmla="*/ 301 w 448"/>
                    <a:gd name="T25" fmla="*/ 66 h 223"/>
                    <a:gd name="T26" fmla="*/ 301 w 448"/>
                    <a:gd name="T27" fmla="*/ 52 h 223"/>
                    <a:gd name="T28" fmla="*/ 308 w 448"/>
                    <a:gd name="T29" fmla="*/ 61 h 223"/>
                    <a:gd name="T30" fmla="*/ 321 w 448"/>
                    <a:gd name="T31" fmla="*/ 42 h 223"/>
                    <a:gd name="T32" fmla="*/ 320 w 448"/>
                    <a:gd name="T33" fmla="*/ 28 h 223"/>
                    <a:gd name="T34" fmla="*/ 331 w 448"/>
                    <a:gd name="T35" fmla="*/ 27 h 223"/>
                    <a:gd name="T36" fmla="*/ 337 w 448"/>
                    <a:gd name="T37" fmla="*/ 32 h 223"/>
                    <a:gd name="T38" fmla="*/ 331 w 448"/>
                    <a:gd name="T39" fmla="*/ 44 h 223"/>
                    <a:gd name="T40" fmla="*/ 316 w 448"/>
                    <a:gd name="T41" fmla="*/ 72 h 223"/>
                    <a:gd name="T42" fmla="*/ 326 w 448"/>
                    <a:gd name="T43" fmla="*/ 83 h 223"/>
                    <a:gd name="T44" fmla="*/ 335 w 448"/>
                    <a:gd name="T45" fmla="*/ 76 h 223"/>
                    <a:gd name="T46" fmla="*/ 326 w 448"/>
                    <a:gd name="T47" fmla="*/ 91 h 223"/>
                    <a:gd name="T48" fmla="*/ 325 w 448"/>
                    <a:gd name="T49" fmla="*/ 110 h 223"/>
                    <a:gd name="T50" fmla="*/ 320 w 448"/>
                    <a:gd name="T51" fmla="*/ 127 h 223"/>
                    <a:gd name="T52" fmla="*/ 340 w 448"/>
                    <a:gd name="T53" fmla="*/ 145 h 223"/>
                    <a:gd name="T54" fmla="*/ 325 w 448"/>
                    <a:gd name="T55" fmla="*/ 150 h 223"/>
                    <a:gd name="T56" fmla="*/ 335 w 448"/>
                    <a:gd name="T57" fmla="*/ 157 h 223"/>
                    <a:gd name="T58" fmla="*/ 337 w 448"/>
                    <a:gd name="T59" fmla="*/ 176 h 223"/>
                    <a:gd name="T60" fmla="*/ 348 w 448"/>
                    <a:gd name="T61" fmla="*/ 182 h 223"/>
                    <a:gd name="T62" fmla="*/ 360 w 448"/>
                    <a:gd name="T63" fmla="*/ 186 h 223"/>
                    <a:gd name="T64" fmla="*/ 355 w 448"/>
                    <a:gd name="T65" fmla="*/ 176 h 223"/>
                    <a:gd name="T66" fmla="*/ 364 w 448"/>
                    <a:gd name="T67" fmla="*/ 177 h 223"/>
                    <a:gd name="T68" fmla="*/ 372 w 448"/>
                    <a:gd name="T69" fmla="*/ 181 h 223"/>
                    <a:gd name="T70" fmla="*/ 369 w 448"/>
                    <a:gd name="T71" fmla="*/ 198 h 223"/>
                    <a:gd name="T72" fmla="*/ 382 w 448"/>
                    <a:gd name="T73" fmla="*/ 194 h 223"/>
                    <a:gd name="T74" fmla="*/ 381 w 448"/>
                    <a:gd name="T75" fmla="*/ 211 h 223"/>
                    <a:gd name="T76" fmla="*/ 387 w 448"/>
                    <a:gd name="T77" fmla="*/ 223 h 223"/>
                    <a:gd name="T78" fmla="*/ 409 w 448"/>
                    <a:gd name="T79" fmla="*/ 206 h 223"/>
                    <a:gd name="T80" fmla="*/ 440 w 448"/>
                    <a:gd name="T81" fmla="*/ 145 h 223"/>
                    <a:gd name="T82" fmla="*/ 441 w 448"/>
                    <a:gd name="T83" fmla="*/ 172 h 223"/>
                    <a:gd name="T84" fmla="*/ 435 w 448"/>
                    <a:gd name="T85" fmla="*/ 203 h 223"/>
                    <a:gd name="T86" fmla="*/ 433 w 448"/>
                    <a:gd name="T87" fmla="*/ 215 h 223"/>
                    <a:gd name="T88" fmla="*/ 436 w 448"/>
                    <a:gd name="T89" fmla="*/ 213 h 223"/>
                    <a:gd name="T90" fmla="*/ 447 w 448"/>
                    <a:gd name="T91" fmla="*/ 179 h 223"/>
                    <a:gd name="T92" fmla="*/ 448 w 448"/>
                    <a:gd name="T93" fmla="*/ 144 h 223"/>
                    <a:gd name="T94" fmla="*/ 0 w 448"/>
                    <a:gd name="T95" fmla="*/ 66 h 223"/>
                    <a:gd name="T96" fmla="*/ 52 w 448"/>
                    <a:gd name="T97" fmla="*/ 94 h 223"/>
                    <a:gd name="T98" fmla="*/ 84 w 448"/>
                    <a:gd name="T99" fmla="*/ 74 h 223"/>
                    <a:gd name="T100" fmla="*/ 111 w 448"/>
                    <a:gd name="T101" fmla="*/ 54 h 223"/>
                    <a:gd name="T102" fmla="*/ 147 w 448"/>
                    <a:gd name="T103" fmla="*/ 56 h 223"/>
                    <a:gd name="T104" fmla="*/ 159 w 448"/>
                    <a:gd name="T105" fmla="*/ 62 h 223"/>
                    <a:gd name="T106" fmla="*/ 176 w 448"/>
                    <a:gd name="T107" fmla="*/ 88 h 223"/>
                    <a:gd name="T108" fmla="*/ 193 w 448"/>
                    <a:gd name="T109" fmla="*/ 86 h 223"/>
                    <a:gd name="T110" fmla="*/ 198 w 448"/>
                    <a:gd name="T111" fmla="*/ 108 h 223"/>
                    <a:gd name="T112" fmla="*/ 228 w 448"/>
                    <a:gd name="T113" fmla="*/ 115 h 223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w 448"/>
                    <a:gd name="T172" fmla="*/ 0 h 223"/>
                    <a:gd name="T173" fmla="*/ 448 w 448"/>
                    <a:gd name="T174" fmla="*/ 223 h 223"/>
                  </a:gdLst>
                  <a:ahLst/>
                  <a:cxnLst>
                    <a:cxn ang="T114">
                      <a:pos x="T0" y="T1"/>
                    </a:cxn>
                    <a:cxn ang="T115">
                      <a:pos x="T2" y="T3"/>
                    </a:cxn>
                    <a:cxn ang="T116">
                      <a:pos x="T4" y="T5"/>
                    </a:cxn>
                    <a:cxn ang="T117">
                      <a:pos x="T6" y="T7"/>
                    </a:cxn>
                    <a:cxn ang="T118">
                      <a:pos x="T8" y="T9"/>
                    </a:cxn>
                    <a:cxn ang="T119">
                      <a:pos x="T10" y="T11"/>
                    </a:cxn>
                    <a:cxn ang="T120">
                      <a:pos x="T12" y="T13"/>
                    </a:cxn>
                    <a:cxn ang="T121">
                      <a:pos x="T14" y="T15"/>
                    </a:cxn>
                    <a:cxn ang="T122">
                      <a:pos x="T16" y="T17"/>
                    </a:cxn>
                    <a:cxn ang="T123">
                      <a:pos x="T18" y="T19"/>
                    </a:cxn>
                    <a:cxn ang="T124">
                      <a:pos x="T20" y="T21"/>
                    </a:cxn>
                    <a:cxn ang="T125">
                      <a:pos x="T22" y="T23"/>
                    </a:cxn>
                    <a:cxn ang="T126">
                      <a:pos x="T24" y="T25"/>
                    </a:cxn>
                    <a:cxn ang="T127">
                      <a:pos x="T26" y="T27"/>
                    </a:cxn>
                    <a:cxn ang="T128">
                      <a:pos x="T28" y="T29"/>
                    </a:cxn>
                    <a:cxn ang="T129">
                      <a:pos x="T30" y="T31"/>
                    </a:cxn>
                    <a:cxn ang="T130">
                      <a:pos x="T32" y="T33"/>
                    </a:cxn>
                    <a:cxn ang="T131">
                      <a:pos x="T34" y="T35"/>
                    </a:cxn>
                    <a:cxn ang="T132">
                      <a:pos x="T36" y="T37"/>
                    </a:cxn>
                    <a:cxn ang="T133">
                      <a:pos x="T38" y="T39"/>
                    </a:cxn>
                    <a:cxn ang="T134">
                      <a:pos x="T40" y="T41"/>
                    </a:cxn>
                    <a:cxn ang="T135">
                      <a:pos x="T42" y="T43"/>
                    </a:cxn>
                    <a:cxn ang="T136">
                      <a:pos x="T44" y="T45"/>
                    </a:cxn>
                    <a:cxn ang="T137">
                      <a:pos x="T46" y="T47"/>
                    </a:cxn>
                    <a:cxn ang="T138">
                      <a:pos x="T48" y="T49"/>
                    </a:cxn>
                    <a:cxn ang="T139">
                      <a:pos x="T50" y="T51"/>
                    </a:cxn>
                    <a:cxn ang="T140">
                      <a:pos x="T52" y="T53"/>
                    </a:cxn>
                    <a:cxn ang="T141">
                      <a:pos x="T54" y="T55"/>
                    </a:cxn>
                    <a:cxn ang="T142">
                      <a:pos x="T56" y="T57"/>
                    </a:cxn>
                    <a:cxn ang="T143">
                      <a:pos x="T58" y="T59"/>
                    </a:cxn>
                    <a:cxn ang="T144">
                      <a:pos x="T60" y="T61"/>
                    </a:cxn>
                    <a:cxn ang="T145">
                      <a:pos x="T62" y="T63"/>
                    </a:cxn>
                    <a:cxn ang="T146">
                      <a:pos x="T64" y="T65"/>
                    </a:cxn>
                    <a:cxn ang="T147">
                      <a:pos x="T66" y="T67"/>
                    </a:cxn>
                    <a:cxn ang="T148">
                      <a:pos x="T68" y="T69"/>
                    </a:cxn>
                    <a:cxn ang="T149">
                      <a:pos x="T70" y="T71"/>
                    </a:cxn>
                    <a:cxn ang="T150">
                      <a:pos x="T72" y="T73"/>
                    </a:cxn>
                    <a:cxn ang="T151">
                      <a:pos x="T74" y="T75"/>
                    </a:cxn>
                    <a:cxn ang="T152">
                      <a:pos x="T76" y="T77"/>
                    </a:cxn>
                    <a:cxn ang="T153">
                      <a:pos x="T78" y="T79"/>
                    </a:cxn>
                    <a:cxn ang="T154">
                      <a:pos x="T80" y="T81"/>
                    </a:cxn>
                    <a:cxn ang="T155">
                      <a:pos x="T82" y="T83"/>
                    </a:cxn>
                    <a:cxn ang="T156">
                      <a:pos x="T84" y="T85"/>
                    </a:cxn>
                    <a:cxn ang="T157">
                      <a:pos x="T86" y="T87"/>
                    </a:cxn>
                    <a:cxn ang="T158">
                      <a:pos x="T88" y="T89"/>
                    </a:cxn>
                    <a:cxn ang="T159">
                      <a:pos x="T90" y="T91"/>
                    </a:cxn>
                    <a:cxn ang="T160">
                      <a:pos x="T92" y="T93"/>
                    </a:cxn>
                    <a:cxn ang="T161">
                      <a:pos x="T94" y="T95"/>
                    </a:cxn>
                    <a:cxn ang="T162">
                      <a:pos x="T96" y="T97"/>
                    </a:cxn>
                    <a:cxn ang="T163">
                      <a:pos x="T98" y="T99"/>
                    </a:cxn>
                    <a:cxn ang="T164">
                      <a:pos x="T100" y="T101"/>
                    </a:cxn>
                    <a:cxn ang="T165">
                      <a:pos x="T102" y="T103"/>
                    </a:cxn>
                    <a:cxn ang="T166">
                      <a:pos x="T104" y="T105"/>
                    </a:cxn>
                    <a:cxn ang="T167">
                      <a:pos x="T106" y="T107"/>
                    </a:cxn>
                    <a:cxn ang="T168">
                      <a:pos x="T108" y="T109"/>
                    </a:cxn>
                    <a:cxn ang="T169">
                      <a:pos x="T110" y="T111"/>
                    </a:cxn>
                    <a:cxn ang="T170">
                      <a:pos x="T112" y="T113"/>
                    </a:cxn>
                  </a:cxnLst>
                  <a:rect l="T171" t="T172" r="T173" b="T174"/>
                  <a:pathLst>
                    <a:path w="448" h="223">
                      <a:moveTo>
                        <a:pt x="247" y="115"/>
                      </a:moveTo>
                      <a:lnTo>
                        <a:pt x="260" y="123"/>
                      </a:lnTo>
                      <a:lnTo>
                        <a:pt x="252" y="137"/>
                      </a:lnTo>
                      <a:lnTo>
                        <a:pt x="252" y="145"/>
                      </a:lnTo>
                      <a:lnTo>
                        <a:pt x="252" y="147"/>
                      </a:lnTo>
                      <a:lnTo>
                        <a:pt x="250" y="150"/>
                      </a:lnTo>
                      <a:lnTo>
                        <a:pt x="249" y="155"/>
                      </a:lnTo>
                      <a:lnTo>
                        <a:pt x="245" y="162"/>
                      </a:lnTo>
                      <a:lnTo>
                        <a:pt x="243" y="169"/>
                      </a:lnTo>
                      <a:lnTo>
                        <a:pt x="240" y="176"/>
                      </a:lnTo>
                      <a:lnTo>
                        <a:pt x="238" y="179"/>
                      </a:lnTo>
                      <a:lnTo>
                        <a:pt x="238" y="181"/>
                      </a:lnTo>
                      <a:lnTo>
                        <a:pt x="237" y="186"/>
                      </a:lnTo>
                      <a:lnTo>
                        <a:pt x="238" y="189"/>
                      </a:lnTo>
                      <a:lnTo>
                        <a:pt x="240" y="193"/>
                      </a:lnTo>
                      <a:lnTo>
                        <a:pt x="242" y="193"/>
                      </a:lnTo>
                      <a:lnTo>
                        <a:pt x="243" y="193"/>
                      </a:lnTo>
                      <a:lnTo>
                        <a:pt x="247" y="193"/>
                      </a:lnTo>
                      <a:lnTo>
                        <a:pt x="249" y="191"/>
                      </a:lnTo>
                      <a:lnTo>
                        <a:pt x="250" y="191"/>
                      </a:lnTo>
                      <a:lnTo>
                        <a:pt x="252" y="186"/>
                      </a:lnTo>
                      <a:lnTo>
                        <a:pt x="255" y="182"/>
                      </a:lnTo>
                      <a:lnTo>
                        <a:pt x="257" y="182"/>
                      </a:lnTo>
                      <a:lnTo>
                        <a:pt x="259" y="182"/>
                      </a:lnTo>
                      <a:lnTo>
                        <a:pt x="260" y="184"/>
                      </a:lnTo>
                      <a:lnTo>
                        <a:pt x="262" y="186"/>
                      </a:lnTo>
                      <a:lnTo>
                        <a:pt x="264" y="188"/>
                      </a:lnTo>
                      <a:lnTo>
                        <a:pt x="274" y="201"/>
                      </a:lnTo>
                      <a:lnTo>
                        <a:pt x="277" y="201"/>
                      </a:lnTo>
                      <a:lnTo>
                        <a:pt x="277" y="193"/>
                      </a:lnTo>
                      <a:lnTo>
                        <a:pt x="282" y="193"/>
                      </a:lnTo>
                      <a:lnTo>
                        <a:pt x="282" y="194"/>
                      </a:lnTo>
                      <a:lnTo>
                        <a:pt x="284" y="198"/>
                      </a:lnTo>
                      <a:lnTo>
                        <a:pt x="284" y="201"/>
                      </a:lnTo>
                      <a:lnTo>
                        <a:pt x="286" y="201"/>
                      </a:lnTo>
                      <a:lnTo>
                        <a:pt x="298" y="201"/>
                      </a:lnTo>
                      <a:lnTo>
                        <a:pt x="308" y="203"/>
                      </a:lnTo>
                      <a:lnTo>
                        <a:pt x="316" y="204"/>
                      </a:lnTo>
                      <a:lnTo>
                        <a:pt x="321" y="208"/>
                      </a:lnTo>
                      <a:lnTo>
                        <a:pt x="326" y="211"/>
                      </a:lnTo>
                      <a:lnTo>
                        <a:pt x="330" y="215"/>
                      </a:lnTo>
                      <a:lnTo>
                        <a:pt x="331" y="216"/>
                      </a:lnTo>
                      <a:lnTo>
                        <a:pt x="331" y="218"/>
                      </a:lnTo>
                      <a:lnTo>
                        <a:pt x="335" y="210"/>
                      </a:lnTo>
                      <a:lnTo>
                        <a:pt x="326" y="199"/>
                      </a:lnTo>
                      <a:lnTo>
                        <a:pt x="325" y="191"/>
                      </a:lnTo>
                      <a:lnTo>
                        <a:pt x="313" y="188"/>
                      </a:lnTo>
                      <a:lnTo>
                        <a:pt x="299" y="179"/>
                      </a:lnTo>
                      <a:lnTo>
                        <a:pt x="289" y="171"/>
                      </a:lnTo>
                      <a:lnTo>
                        <a:pt x="291" y="167"/>
                      </a:lnTo>
                      <a:lnTo>
                        <a:pt x="299" y="174"/>
                      </a:lnTo>
                      <a:lnTo>
                        <a:pt x="301" y="174"/>
                      </a:lnTo>
                      <a:lnTo>
                        <a:pt x="303" y="176"/>
                      </a:lnTo>
                      <a:lnTo>
                        <a:pt x="306" y="176"/>
                      </a:lnTo>
                      <a:lnTo>
                        <a:pt x="308" y="177"/>
                      </a:lnTo>
                      <a:lnTo>
                        <a:pt x="316" y="182"/>
                      </a:lnTo>
                      <a:lnTo>
                        <a:pt x="321" y="184"/>
                      </a:lnTo>
                      <a:lnTo>
                        <a:pt x="323" y="182"/>
                      </a:lnTo>
                      <a:lnTo>
                        <a:pt x="323" y="181"/>
                      </a:lnTo>
                      <a:lnTo>
                        <a:pt x="321" y="177"/>
                      </a:lnTo>
                      <a:lnTo>
                        <a:pt x="318" y="176"/>
                      </a:lnTo>
                      <a:lnTo>
                        <a:pt x="316" y="172"/>
                      </a:lnTo>
                      <a:lnTo>
                        <a:pt x="315" y="172"/>
                      </a:lnTo>
                      <a:lnTo>
                        <a:pt x="311" y="167"/>
                      </a:lnTo>
                      <a:lnTo>
                        <a:pt x="308" y="164"/>
                      </a:lnTo>
                      <a:lnTo>
                        <a:pt x="304" y="159"/>
                      </a:lnTo>
                      <a:lnTo>
                        <a:pt x="303" y="154"/>
                      </a:lnTo>
                      <a:lnTo>
                        <a:pt x="299" y="149"/>
                      </a:lnTo>
                      <a:lnTo>
                        <a:pt x="299" y="142"/>
                      </a:lnTo>
                      <a:lnTo>
                        <a:pt x="298" y="137"/>
                      </a:lnTo>
                      <a:lnTo>
                        <a:pt x="298" y="132"/>
                      </a:lnTo>
                      <a:lnTo>
                        <a:pt x="298" y="127"/>
                      </a:lnTo>
                      <a:lnTo>
                        <a:pt x="298" y="122"/>
                      </a:lnTo>
                      <a:lnTo>
                        <a:pt x="298" y="118"/>
                      </a:lnTo>
                      <a:lnTo>
                        <a:pt x="299" y="115"/>
                      </a:lnTo>
                      <a:lnTo>
                        <a:pt x="299" y="111"/>
                      </a:lnTo>
                      <a:lnTo>
                        <a:pt x="299" y="108"/>
                      </a:lnTo>
                      <a:lnTo>
                        <a:pt x="299" y="106"/>
                      </a:lnTo>
                      <a:lnTo>
                        <a:pt x="299" y="98"/>
                      </a:lnTo>
                      <a:lnTo>
                        <a:pt x="296" y="93"/>
                      </a:lnTo>
                      <a:lnTo>
                        <a:pt x="294" y="86"/>
                      </a:lnTo>
                      <a:lnTo>
                        <a:pt x="291" y="81"/>
                      </a:lnTo>
                      <a:lnTo>
                        <a:pt x="287" y="78"/>
                      </a:lnTo>
                      <a:lnTo>
                        <a:pt x="286" y="74"/>
                      </a:lnTo>
                      <a:lnTo>
                        <a:pt x="284" y="72"/>
                      </a:lnTo>
                      <a:lnTo>
                        <a:pt x="282" y="72"/>
                      </a:lnTo>
                      <a:lnTo>
                        <a:pt x="296" y="72"/>
                      </a:lnTo>
                      <a:lnTo>
                        <a:pt x="301" y="67"/>
                      </a:lnTo>
                      <a:lnTo>
                        <a:pt x="301" y="66"/>
                      </a:lnTo>
                      <a:lnTo>
                        <a:pt x="301" y="64"/>
                      </a:lnTo>
                      <a:lnTo>
                        <a:pt x="301" y="61"/>
                      </a:lnTo>
                      <a:lnTo>
                        <a:pt x="301" y="59"/>
                      </a:lnTo>
                      <a:lnTo>
                        <a:pt x="299" y="56"/>
                      </a:lnTo>
                      <a:lnTo>
                        <a:pt x="298" y="52"/>
                      </a:lnTo>
                      <a:lnTo>
                        <a:pt x="299" y="52"/>
                      </a:lnTo>
                      <a:lnTo>
                        <a:pt x="301" y="52"/>
                      </a:lnTo>
                      <a:lnTo>
                        <a:pt x="303" y="52"/>
                      </a:lnTo>
                      <a:lnTo>
                        <a:pt x="303" y="54"/>
                      </a:lnTo>
                      <a:lnTo>
                        <a:pt x="304" y="56"/>
                      </a:lnTo>
                      <a:lnTo>
                        <a:pt x="306" y="59"/>
                      </a:lnTo>
                      <a:lnTo>
                        <a:pt x="306" y="61"/>
                      </a:lnTo>
                      <a:lnTo>
                        <a:pt x="308" y="61"/>
                      </a:lnTo>
                      <a:lnTo>
                        <a:pt x="309" y="59"/>
                      </a:lnTo>
                      <a:lnTo>
                        <a:pt x="309" y="57"/>
                      </a:lnTo>
                      <a:lnTo>
                        <a:pt x="311" y="56"/>
                      </a:lnTo>
                      <a:lnTo>
                        <a:pt x="321" y="42"/>
                      </a:lnTo>
                      <a:lnTo>
                        <a:pt x="320" y="40"/>
                      </a:lnTo>
                      <a:lnTo>
                        <a:pt x="320" y="39"/>
                      </a:lnTo>
                      <a:lnTo>
                        <a:pt x="320" y="35"/>
                      </a:lnTo>
                      <a:lnTo>
                        <a:pt x="320" y="34"/>
                      </a:lnTo>
                      <a:lnTo>
                        <a:pt x="320" y="32"/>
                      </a:lnTo>
                      <a:lnTo>
                        <a:pt x="320" y="28"/>
                      </a:lnTo>
                      <a:lnTo>
                        <a:pt x="325" y="23"/>
                      </a:lnTo>
                      <a:lnTo>
                        <a:pt x="328" y="22"/>
                      </a:lnTo>
                      <a:lnTo>
                        <a:pt x="330" y="20"/>
                      </a:lnTo>
                      <a:lnTo>
                        <a:pt x="331" y="22"/>
                      </a:lnTo>
                      <a:lnTo>
                        <a:pt x="331" y="23"/>
                      </a:lnTo>
                      <a:lnTo>
                        <a:pt x="331" y="25"/>
                      </a:lnTo>
                      <a:lnTo>
                        <a:pt x="331" y="27"/>
                      </a:lnTo>
                      <a:lnTo>
                        <a:pt x="330" y="27"/>
                      </a:lnTo>
                      <a:lnTo>
                        <a:pt x="330" y="32"/>
                      </a:lnTo>
                      <a:lnTo>
                        <a:pt x="330" y="35"/>
                      </a:lnTo>
                      <a:lnTo>
                        <a:pt x="333" y="35"/>
                      </a:lnTo>
                      <a:lnTo>
                        <a:pt x="335" y="34"/>
                      </a:lnTo>
                      <a:lnTo>
                        <a:pt x="337" y="32"/>
                      </a:lnTo>
                      <a:lnTo>
                        <a:pt x="338" y="30"/>
                      </a:lnTo>
                      <a:lnTo>
                        <a:pt x="340" y="30"/>
                      </a:lnTo>
                      <a:lnTo>
                        <a:pt x="338" y="34"/>
                      </a:lnTo>
                      <a:lnTo>
                        <a:pt x="338" y="37"/>
                      </a:lnTo>
                      <a:lnTo>
                        <a:pt x="337" y="39"/>
                      </a:lnTo>
                      <a:lnTo>
                        <a:pt x="333" y="42"/>
                      </a:lnTo>
                      <a:lnTo>
                        <a:pt x="331" y="44"/>
                      </a:lnTo>
                      <a:lnTo>
                        <a:pt x="330" y="45"/>
                      </a:lnTo>
                      <a:lnTo>
                        <a:pt x="330" y="47"/>
                      </a:lnTo>
                      <a:lnTo>
                        <a:pt x="328" y="47"/>
                      </a:lnTo>
                      <a:lnTo>
                        <a:pt x="323" y="52"/>
                      </a:lnTo>
                      <a:lnTo>
                        <a:pt x="320" y="59"/>
                      </a:lnTo>
                      <a:lnTo>
                        <a:pt x="316" y="66"/>
                      </a:lnTo>
                      <a:lnTo>
                        <a:pt x="316" y="72"/>
                      </a:lnTo>
                      <a:lnTo>
                        <a:pt x="316" y="79"/>
                      </a:lnTo>
                      <a:lnTo>
                        <a:pt x="316" y="84"/>
                      </a:lnTo>
                      <a:lnTo>
                        <a:pt x="318" y="88"/>
                      </a:lnTo>
                      <a:lnTo>
                        <a:pt x="318" y="89"/>
                      </a:lnTo>
                      <a:lnTo>
                        <a:pt x="321" y="88"/>
                      </a:lnTo>
                      <a:lnTo>
                        <a:pt x="323" y="86"/>
                      </a:lnTo>
                      <a:lnTo>
                        <a:pt x="326" y="83"/>
                      </a:lnTo>
                      <a:lnTo>
                        <a:pt x="328" y="79"/>
                      </a:lnTo>
                      <a:lnTo>
                        <a:pt x="330" y="76"/>
                      </a:lnTo>
                      <a:lnTo>
                        <a:pt x="331" y="72"/>
                      </a:lnTo>
                      <a:lnTo>
                        <a:pt x="333" y="71"/>
                      </a:lnTo>
                      <a:lnTo>
                        <a:pt x="333" y="69"/>
                      </a:lnTo>
                      <a:lnTo>
                        <a:pt x="335" y="72"/>
                      </a:lnTo>
                      <a:lnTo>
                        <a:pt x="335" y="76"/>
                      </a:lnTo>
                      <a:lnTo>
                        <a:pt x="333" y="79"/>
                      </a:lnTo>
                      <a:lnTo>
                        <a:pt x="331" y="83"/>
                      </a:lnTo>
                      <a:lnTo>
                        <a:pt x="330" y="86"/>
                      </a:lnTo>
                      <a:lnTo>
                        <a:pt x="328" y="88"/>
                      </a:lnTo>
                      <a:lnTo>
                        <a:pt x="328" y="89"/>
                      </a:lnTo>
                      <a:lnTo>
                        <a:pt x="326" y="89"/>
                      </a:lnTo>
                      <a:lnTo>
                        <a:pt x="326" y="91"/>
                      </a:lnTo>
                      <a:lnTo>
                        <a:pt x="326" y="93"/>
                      </a:lnTo>
                      <a:lnTo>
                        <a:pt x="326" y="96"/>
                      </a:lnTo>
                      <a:lnTo>
                        <a:pt x="326" y="100"/>
                      </a:lnTo>
                      <a:lnTo>
                        <a:pt x="326" y="103"/>
                      </a:lnTo>
                      <a:lnTo>
                        <a:pt x="326" y="106"/>
                      </a:lnTo>
                      <a:lnTo>
                        <a:pt x="325" y="110"/>
                      </a:lnTo>
                      <a:lnTo>
                        <a:pt x="320" y="116"/>
                      </a:lnTo>
                      <a:lnTo>
                        <a:pt x="318" y="120"/>
                      </a:lnTo>
                      <a:lnTo>
                        <a:pt x="316" y="123"/>
                      </a:lnTo>
                      <a:lnTo>
                        <a:pt x="316" y="125"/>
                      </a:lnTo>
                      <a:lnTo>
                        <a:pt x="318" y="127"/>
                      </a:lnTo>
                      <a:lnTo>
                        <a:pt x="320" y="127"/>
                      </a:lnTo>
                      <a:lnTo>
                        <a:pt x="330" y="132"/>
                      </a:lnTo>
                      <a:lnTo>
                        <a:pt x="337" y="137"/>
                      </a:lnTo>
                      <a:lnTo>
                        <a:pt x="340" y="140"/>
                      </a:lnTo>
                      <a:lnTo>
                        <a:pt x="342" y="142"/>
                      </a:lnTo>
                      <a:lnTo>
                        <a:pt x="342" y="144"/>
                      </a:lnTo>
                      <a:lnTo>
                        <a:pt x="340" y="145"/>
                      </a:lnTo>
                      <a:lnTo>
                        <a:pt x="338" y="145"/>
                      </a:lnTo>
                      <a:lnTo>
                        <a:pt x="337" y="145"/>
                      </a:lnTo>
                      <a:lnTo>
                        <a:pt x="331" y="145"/>
                      </a:lnTo>
                      <a:lnTo>
                        <a:pt x="328" y="147"/>
                      </a:lnTo>
                      <a:lnTo>
                        <a:pt x="325" y="147"/>
                      </a:lnTo>
                      <a:lnTo>
                        <a:pt x="325" y="149"/>
                      </a:lnTo>
                      <a:lnTo>
                        <a:pt x="325" y="150"/>
                      </a:lnTo>
                      <a:lnTo>
                        <a:pt x="325" y="152"/>
                      </a:lnTo>
                      <a:lnTo>
                        <a:pt x="326" y="152"/>
                      </a:lnTo>
                      <a:lnTo>
                        <a:pt x="333" y="152"/>
                      </a:lnTo>
                      <a:lnTo>
                        <a:pt x="337" y="154"/>
                      </a:lnTo>
                      <a:lnTo>
                        <a:pt x="337" y="155"/>
                      </a:lnTo>
                      <a:lnTo>
                        <a:pt x="335" y="157"/>
                      </a:lnTo>
                      <a:lnTo>
                        <a:pt x="331" y="159"/>
                      </a:lnTo>
                      <a:lnTo>
                        <a:pt x="328" y="160"/>
                      </a:lnTo>
                      <a:lnTo>
                        <a:pt x="326" y="160"/>
                      </a:lnTo>
                      <a:lnTo>
                        <a:pt x="325" y="162"/>
                      </a:lnTo>
                      <a:lnTo>
                        <a:pt x="325" y="166"/>
                      </a:lnTo>
                      <a:lnTo>
                        <a:pt x="335" y="177"/>
                      </a:lnTo>
                      <a:lnTo>
                        <a:pt x="337" y="176"/>
                      </a:lnTo>
                      <a:lnTo>
                        <a:pt x="338" y="176"/>
                      </a:lnTo>
                      <a:lnTo>
                        <a:pt x="340" y="174"/>
                      </a:lnTo>
                      <a:lnTo>
                        <a:pt x="342" y="176"/>
                      </a:lnTo>
                      <a:lnTo>
                        <a:pt x="345" y="177"/>
                      </a:lnTo>
                      <a:lnTo>
                        <a:pt x="347" y="181"/>
                      </a:lnTo>
                      <a:lnTo>
                        <a:pt x="348" y="182"/>
                      </a:lnTo>
                      <a:lnTo>
                        <a:pt x="348" y="184"/>
                      </a:lnTo>
                      <a:lnTo>
                        <a:pt x="350" y="186"/>
                      </a:lnTo>
                      <a:lnTo>
                        <a:pt x="352" y="188"/>
                      </a:lnTo>
                      <a:lnTo>
                        <a:pt x="355" y="188"/>
                      </a:lnTo>
                      <a:lnTo>
                        <a:pt x="359" y="186"/>
                      </a:lnTo>
                      <a:lnTo>
                        <a:pt x="360" y="186"/>
                      </a:lnTo>
                      <a:lnTo>
                        <a:pt x="359" y="184"/>
                      </a:lnTo>
                      <a:lnTo>
                        <a:pt x="359" y="182"/>
                      </a:lnTo>
                      <a:lnTo>
                        <a:pt x="357" y="179"/>
                      </a:lnTo>
                      <a:lnTo>
                        <a:pt x="355" y="176"/>
                      </a:lnTo>
                      <a:lnTo>
                        <a:pt x="357" y="174"/>
                      </a:lnTo>
                      <a:lnTo>
                        <a:pt x="359" y="172"/>
                      </a:lnTo>
                      <a:lnTo>
                        <a:pt x="360" y="171"/>
                      </a:lnTo>
                      <a:lnTo>
                        <a:pt x="362" y="171"/>
                      </a:lnTo>
                      <a:lnTo>
                        <a:pt x="364" y="171"/>
                      </a:lnTo>
                      <a:lnTo>
                        <a:pt x="364" y="177"/>
                      </a:lnTo>
                      <a:lnTo>
                        <a:pt x="364" y="182"/>
                      </a:lnTo>
                      <a:lnTo>
                        <a:pt x="365" y="184"/>
                      </a:lnTo>
                      <a:lnTo>
                        <a:pt x="367" y="186"/>
                      </a:lnTo>
                      <a:lnTo>
                        <a:pt x="369" y="184"/>
                      </a:lnTo>
                      <a:lnTo>
                        <a:pt x="370" y="182"/>
                      </a:lnTo>
                      <a:lnTo>
                        <a:pt x="372" y="182"/>
                      </a:lnTo>
                      <a:lnTo>
                        <a:pt x="372" y="181"/>
                      </a:lnTo>
                      <a:lnTo>
                        <a:pt x="374" y="181"/>
                      </a:lnTo>
                      <a:lnTo>
                        <a:pt x="375" y="182"/>
                      </a:lnTo>
                      <a:lnTo>
                        <a:pt x="377" y="184"/>
                      </a:lnTo>
                      <a:lnTo>
                        <a:pt x="370" y="191"/>
                      </a:lnTo>
                      <a:lnTo>
                        <a:pt x="369" y="194"/>
                      </a:lnTo>
                      <a:lnTo>
                        <a:pt x="369" y="198"/>
                      </a:lnTo>
                      <a:lnTo>
                        <a:pt x="372" y="198"/>
                      </a:lnTo>
                      <a:lnTo>
                        <a:pt x="375" y="196"/>
                      </a:lnTo>
                      <a:lnTo>
                        <a:pt x="379" y="194"/>
                      </a:lnTo>
                      <a:lnTo>
                        <a:pt x="382" y="193"/>
                      </a:lnTo>
                      <a:lnTo>
                        <a:pt x="382" y="194"/>
                      </a:lnTo>
                      <a:lnTo>
                        <a:pt x="382" y="198"/>
                      </a:lnTo>
                      <a:lnTo>
                        <a:pt x="382" y="199"/>
                      </a:lnTo>
                      <a:lnTo>
                        <a:pt x="382" y="203"/>
                      </a:lnTo>
                      <a:lnTo>
                        <a:pt x="382" y="204"/>
                      </a:lnTo>
                      <a:lnTo>
                        <a:pt x="382" y="206"/>
                      </a:lnTo>
                      <a:lnTo>
                        <a:pt x="381" y="211"/>
                      </a:lnTo>
                      <a:lnTo>
                        <a:pt x="381" y="215"/>
                      </a:lnTo>
                      <a:lnTo>
                        <a:pt x="381" y="218"/>
                      </a:lnTo>
                      <a:lnTo>
                        <a:pt x="382" y="220"/>
                      </a:lnTo>
                      <a:lnTo>
                        <a:pt x="384" y="221"/>
                      </a:lnTo>
                      <a:lnTo>
                        <a:pt x="386" y="223"/>
                      </a:lnTo>
                      <a:lnTo>
                        <a:pt x="387" y="223"/>
                      </a:lnTo>
                      <a:lnTo>
                        <a:pt x="394" y="220"/>
                      </a:lnTo>
                      <a:lnTo>
                        <a:pt x="397" y="216"/>
                      </a:lnTo>
                      <a:lnTo>
                        <a:pt x="399" y="215"/>
                      </a:lnTo>
                      <a:lnTo>
                        <a:pt x="403" y="211"/>
                      </a:lnTo>
                      <a:lnTo>
                        <a:pt x="406" y="210"/>
                      </a:lnTo>
                      <a:lnTo>
                        <a:pt x="409" y="206"/>
                      </a:lnTo>
                      <a:lnTo>
                        <a:pt x="413" y="204"/>
                      </a:lnTo>
                      <a:lnTo>
                        <a:pt x="418" y="203"/>
                      </a:lnTo>
                      <a:lnTo>
                        <a:pt x="425" y="203"/>
                      </a:lnTo>
                      <a:lnTo>
                        <a:pt x="430" y="198"/>
                      </a:lnTo>
                      <a:lnTo>
                        <a:pt x="431" y="171"/>
                      </a:lnTo>
                      <a:lnTo>
                        <a:pt x="436" y="171"/>
                      </a:lnTo>
                      <a:lnTo>
                        <a:pt x="440" y="145"/>
                      </a:lnTo>
                      <a:lnTo>
                        <a:pt x="441" y="144"/>
                      </a:lnTo>
                      <a:lnTo>
                        <a:pt x="443" y="144"/>
                      </a:lnTo>
                      <a:lnTo>
                        <a:pt x="443" y="145"/>
                      </a:lnTo>
                      <a:lnTo>
                        <a:pt x="443" y="155"/>
                      </a:lnTo>
                      <a:lnTo>
                        <a:pt x="441" y="164"/>
                      </a:lnTo>
                      <a:lnTo>
                        <a:pt x="441" y="172"/>
                      </a:lnTo>
                      <a:lnTo>
                        <a:pt x="440" y="179"/>
                      </a:lnTo>
                      <a:lnTo>
                        <a:pt x="438" y="184"/>
                      </a:lnTo>
                      <a:lnTo>
                        <a:pt x="438" y="189"/>
                      </a:lnTo>
                      <a:lnTo>
                        <a:pt x="436" y="194"/>
                      </a:lnTo>
                      <a:lnTo>
                        <a:pt x="436" y="198"/>
                      </a:lnTo>
                      <a:lnTo>
                        <a:pt x="435" y="201"/>
                      </a:lnTo>
                      <a:lnTo>
                        <a:pt x="435" y="203"/>
                      </a:lnTo>
                      <a:lnTo>
                        <a:pt x="435" y="204"/>
                      </a:lnTo>
                      <a:lnTo>
                        <a:pt x="433" y="206"/>
                      </a:lnTo>
                      <a:lnTo>
                        <a:pt x="433" y="208"/>
                      </a:lnTo>
                      <a:lnTo>
                        <a:pt x="433" y="210"/>
                      </a:lnTo>
                      <a:lnTo>
                        <a:pt x="433" y="215"/>
                      </a:lnTo>
                      <a:lnTo>
                        <a:pt x="433" y="216"/>
                      </a:lnTo>
                      <a:lnTo>
                        <a:pt x="433" y="218"/>
                      </a:lnTo>
                      <a:lnTo>
                        <a:pt x="435" y="216"/>
                      </a:lnTo>
                      <a:lnTo>
                        <a:pt x="435" y="215"/>
                      </a:lnTo>
                      <a:lnTo>
                        <a:pt x="436" y="215"/>
                      </a:lnTo>
                      <a:lnTo>
                        <a:pt x="436" y="213"/>
                      </a:lnTo>
                      <a:lnTo>
                        <a:pt x="438" y="211"/>
                      </a:lnTo>
                      <a:lnTo>
                        <a:pt x="440" y="206"/>
                      </a:lnTo>
                      <a:lnTo>
                        <a:pt x="441" y="203"/>
                      </a:lnTo>
                      <a:lnTo>
                        <a:pt x="443" y="198"/>
                      </a:lnTo>
                      <a:lnTo>
                        <a:pt x="443" y="191"/>
                      </a:lnTo>
                      <a:lnTo>
                        <a:pt x="445" y="186"/>
                      </a:lnTo>
                      <a:lnTo>
                        <a:pt x="447" y="179"/>
                      </a:lnTo>
                      <a:lnTo>
                        <a:pt x="447" y="172"/>
                      </a:lnTo>
                      <a:lnTo>
                        <a:pt x="447" y="167"/>
                      </a:lnTo>
                      <a:lnTo>
                        <a:pt x="447" y="160"/>
                      </a:lnTo>
                      <a:lnTo>
                        <a:pt x="447" y="155"/>
                      </a:lnTo>
                      <a:lnTo>
                        <a:pt x="448" y="150"/>
                      </a:lnTo>
                      <a:lnTo>
                        <a:pt x="448" y="147"/>
                      </a:lnTo>
                      <a:lnTo>
                        <a:pt x="448" y="144"/>
                      </a:lnTo>
                      <a:lnTo>
                        <a:pt x="448" y="142"/>
                      </a:lnTo>
                      <a:lnTo>
                        <a:pt x="386" y="154"/>
                      </a:lnTo>
                      <a:lnTo>
                        <a:pt x="345" y="0"/>
                      </a:lnTo>
                      <a:lnTo>
                        <a:pt x="0" y="66"/>
                      </a:lnTo>
                      <a:lnTo>
                        <a:pt x="10" y="127"/>
                      </a:lnTo>
                      <a:lnTo>
                        <a:pt x="45" y="94"/>
                      </a:lnTo>
                      <a:lnTo>
                        <a:pt x="45" y="96"/>
                      </a:lnTo>
                      <a:lnTo>
                        <a:pt x="47" y="96"/>
                      </a:lnTo>
                      <a:lnTo>
                        <a:pt x="49" y="96"/>
                      </a:lnTo>
                      <a:lnTo>
                        <a:pt x="52" y="94"/>
                      </a:lnTo>
                      <a:lnTo>
                        <a:pt x="57" y="89"/>
                      </a:lnTo>
                      <a:lnTo>
                        <a:pt x="62" y="83"/>
                      </a:lnTo>
                      <a:lnTo>
                        <a:pt x="69" y="71"/>
                      </a:lnTo>
                      <a:lnTo>
                        <a:pt x="71" y="71"/>
                      </a:lnTo>
                      <a:lnTo>
                        <a:pt x="74" y="72"/>
                      </a:lnTo>
                      <a:lnTo>
                        <a:pt x="79" y="74"/>
                      </a:lnTo>
                      <a:lnTo>
                        <a:pt x="84" y="74"/>
                      </a:lnTo>
                      <a:lnTo>
                        <a:pt x="89" y="74"/>
                      </a:lnTo>
                      <a:lnTo>
                        <a:pt x="96" y="72"/>
                      </a:lnTo>
                      <a:lnTo>
                        <a:pt x="101" y="67"/>
                      </a:lnTo>
                      <a:lnTo>
                        <a:pt x="106" y="61"/>
                      </a:lnTo>
                      <a:lnTo>
                        <a:pt x="108" y="59"/>
                      </a:lnTo>
                      <a:lnTo>
                        <a:pt x="108" y="57"/>
                      </a:lnTo>
                      <a:lnTo>
                        <a:pt x="111" y="54"/>
                      </a:lnTo>
                      <a:lnTo>
                        <a:pt x="115" y="52"/>
                      </a:lnTo>
                      <a:lnTo>
                        <a:pt x="120" y="50"/>
                      </a:lnTo>
                      <a:lnTo>
                        <a:pt x="125" y="50"/>
                      </a:lnTo>
                      <a:lnTo>
                        <a:pt x="133" y="52"/>
                      </a:lnTo>
                      <a:lnTo>
                        <a:pt x="144" y="56"/>
                      </a:lnTo>
                      <a:lnTo>
                        <a:pt x="145" y="56"/>
                      </a:lnTo>
                      <a:lnTo>
                        <a:pt x="147" y="56"/>
                      </a:lnTo>
                      <a:lnTo>
                        <a:pt x="149" y="56"/>
                      </a:lnTo>
                      <a:lnTo>
                        <a:pt x="150" y="56"/>
                      </a:lnTo>
                      <a:lnTo>
                        <a:pt x="154" y="56"/>
                      </a:lnTo>
                      <a:lnTo>
                        <a:pt x="155" y="56"/>
                      </a:lnTo>
                      <a:lnTo>
                        <a:pt x="157" y="56"/>
                      </a:lnTo>
                      <a:lnTo>
                        <a:pt x="159" y="62"/>
                      </a:lnTo>
                      <a:lnTo>
                        <a:pt x="161" y="64"/>
                      </a:lnTo>
                      <a:lnTo>
                        <a:pt x="164" y="66"/>
                      </a:lnTo>
                      <a:lnTo>
                        <a:pt x="167" y="69"/>
                      </a:lnTo>
                      <a:lnTo>
                        <a:pt x="171" y="72"/>
                      </a:lnTo>
                      <a:lnTo>
                        <a:pt x="174" y="78"/>
                      </a:lnTo>
                      <a:lnTo>
                        <a:pt x="176" y="83"/>
                      </a:lnTo>
                      <a:lnTo>
                        <a:pt x="176" y="88"/>
                      </a:lnTo>
                      <a:lnTo>
                        <a:pt x="172" y="93"/>
                      </a:lnTo>
                      <a:lnTo>
                        <a:pt x="174" y="91"/>
                      </a:lnTo>
                      <a:lnTo>
                        <a:pt x="176" y="89"/>
                      </a:lnTo>
                      <a:lnTo>
                        <a:pt x="179" y="89"/>
                      </a:lnTo>
                      <a:lnTo>
                        <a:pt x="184" y="88"/>
                      </a:lnTo>
                      <a:lnTo>
                        <a:pt x="188" y="86"/>
                      </a:lnTo>
                      <a:lnTo>
                        <a:pt x="193" y="86"/>
                      </a:lnTo>
                      <a:lnTo>
                        <a:pt x="196" y="89"/>
                      </a:lnTo>
                      <a:lnTo>
                        <a:pt x="199" y="93"/>
                      </a:lnTo>
                      <a:lnTo>
                        <a:pt x="199" y="94"/>
                      </a:lnTo>
                      <a:lnTo>
                        <a:pt x="198" y="98"/>
                      </a:lnTo>
                      <a:lnTo>
                        <a:pt x="198" y="100"/>
                      </a:lnTo>
                      <a:lnTo>
                        <a:pt x="198" y="103"/>
                      </a:lnTo>
                      <a:lnTo>
                        <a:pt x="198" y="108"/>
                      </a:lnTo>
                      <a:lnTo>
                        <a:pt x="203" y="110"/>
                      </a:lnTo>
                      <a:lnTo>
                        <a:pt x="210" y="113"/>
                      </a:lnTo>
                      <a:lnTo>
                        <a:pt x="221" y="113"/>
                      </a:lnTo>
                      <a:lnTo>
                        <a:pt x="223" y="113"/>
                      </a:lnTo>
                      <a:lnTo>
                        <a:pt x="227" y="115"/>
                      </a:lnTo>
                      <a:lnTo>
                        <a:pt x="228" y="115"/>
                      </a:lnTo>
                      <a:lnTo>
                        <a:pt x="230" y="116"/>
                      </a:lnTo>
                      <a:lnTo>
                        <a:pt x="233" y="118"/>
                      </a:lnTo>
                      <a:lnTo>
                        <a:pt x="237" y="120"/>
                      </a:lnTo>
                      <a:lnTo>
                        <a:pt x="240" y="122"/>
                      </a:lnTo>
                      <a:lnTo>
                        <a:pt x="247" y="11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16" name="Freeform 75"/>
                <p:cNvSpPr>
                  <a:spLocks/>
                </p:cNvSpPr>
                <p:nvPr/>
              </p:nvSpPr>
              <p:spPr bwMode="auto">
                <a:xfrm>
                  <a:off x="4487" y="1686"/>
                  <a:ext cx="448" cy="223"/>
                </a:xfrm>
                <a:custGeom>
                  <a:avLst/>
                  <a:gdLst>
                    <a:gd name="T0" fmla="*/ 249 w 448"/>
                    <a:gd name="T1" fmla="*/ 155 h 223"/>
                    <a:gd name="T2" fmla="*/ 238 w 448"/>
                    <a:gd name="T3" fmla="*/ 189 h 223"/>
                    <a:gd name="T4" fmla="*/ 252 w 448"/>
                    <a:gd name="T5" fmla="*/ 186 h 223"/>
                    <a:gd name="T6" fmla="*/ 274 w 448"/>
                    <a:gd name="T7" fmla="*/ 201 h 223"/>
                    <a:gd name="T8" fmla="*/ 286 w 448"/>
                    <a:gd name="T9" fmla="*/ 201 h 223"/>
                    <a:gd name="T10" fmla="*/ 331 w 448"/>
                    <a:gd name="T11" fmla="*/ 216 h 223"/>
                    <a:gd name="T12" fmla="*/ 291 w 448"/>
                    <a:gd name="T13" fmla="*/ 167 h 223"/>
                    <a:gd name="T14" fmla="*/ 316 w 448"/>
                    <a:gd name="T15" fmla="*/ 182 h 223"/>
                    <a:gd name="T16" fmla="*/ 315 w 448"/>
                    <a:gd name="T17" fmla="*/ 172 h 223"/>
                    <a:gd name="T18" fmla="*/ 298 w 448"/>
                    <a:gd name="T19" fmla="*/ 132 h 223"/>
                    <a:gd name="T20" fmla="*/ 299 w 448"/>
                    <a:gd name="T21" fmla="*/ 106 h 223"/>
                    <a:gd name="T22" fmla="*/ 284 w 448"/>
                    <a:gd name="T23" fmla="*/ 72 h 223"/>
                    <a:gd name="T24" fmla="*/ 301 w 448"/>
                    <a:gd name="T25" fmla="*/ 59 h 223"/>
                    <a:gd name="T26" fmla="*/ 304 w 448"/>
                    <a:gd name="T27" fmla="*/ 56 h 223"/>
                    <a:gd name="T28" fmla="*/ 309 w 448"/>
                    <a:gd name="T29" fmla="*/ 57 h 223"/>
                    <a:gd name="T30" fmla="*/ 320 w 448"/>
                    <a:gd name="T31" fmla="*/ 35 h 223"/>
                    <a:gd name="T32" fmla="*/ 330 w 448"/>
                    <a:gd name="T33" fmla="*/ 20 h 223"/>
                    <a:gd name="T34" fmla="*/ 330 w 448"/>
                    <a:gd name="T35" fmla="*/ 35 h 223"/>
                    <a:gd name="T36" fmla="*/ 338 w 448"/>
                    <a:gd name="T37" fmla="*/ 34 h 223"/>
                    <a:gd name="T38" fmla="*/ 328 w 448"/>
                    <a:gd name="T39" fmla="*/ 47 h 223"/>
                    <a:gd name="T40" fmla="*/ 318 w 448"/>
                    <a:gd name="T41" fmla="*/ 89 h 223"/>
                    <a:gd name="T42" fmla="*/ 333 w 448"/>
                    <a:gd name="T43" fmla="*/ 71 h 223"/>
                    <a:gd name="T44" fmla="*/ 328 w 448"/>
                    <a:gd name="T45" fmla="*/ 88 h 223"/>
                    <a:gd name="T46" fmla="*/ 326 w 448"/>
                    <a:gd name="T47" fmla="*/ 103 h 223"/>
                    <a:gd name="T48" fmla="*/ 316 w 448"/>
                    <a:gd name="T49" fmla="*/ 125 h 223"/>
                    <a:gd name="T50" fmla="*/ 340 w 448"/>
                    <a:gd name="T51" fmla="*/ 140 h 223"/>
                    <a:gd name="T52" fmla="*/ 328 w 448"/>
                    <a:gd name="T53" fmla="*/ 147 h 223"/>
                    <a:gd name="T54" fmla="*/ 333 w 448"/>
                    <a:gd name="T55" fmla="*/ 152 h 223"/>
                    <a:gd name="T56" fmla="*/ 325 w 448"/>
                    <a:gd name="T57" fmla="*/ 166 h 223"/>
                    <a:gd name="T58" fmla="*/ 342 w 448"/>
                    <a:gd name="T59" fmla="*/ 176 h 223"/>
                    <a:gd name="T60" fmla="*/ 352 w 448"/>
                    <a:gd name="T61" fmla="*/ 188 h 223"/>
                    <a:gd name="T62" fmla="*/ 359 w 448"/>
                    <a:gd name="T63" fmla="*/ 182 h 223"/>
                    <a:gd name="T64" fmla="*/ 362 w 448"/>
                    <a:gd name="T65" fmla="*/ 171 h 223"/>
                    <a:gd name="T66" fmla="*/ 370 w 448"/>
                    <a:gd name="T67" fmla="*/ 182 h 223"/>
                    <a:gd name="T68" fmla="*/ 377 w 448"/>
                    <a:gd name="T69" fmla="*/ 184 h 223"/>
                    <a:gd name="T70" fmla="*/ 382 w 448"/>
                    <a:gd name="T71" fmla="*/ 193 h 223"/>
                    <a:gd name="T72" fmla="*/ 382 w 448"/>
                    <a:gd name="T73" fmla="*/ 206 h 223"/>
                    <a:gd name="T74" fmla="*/ 386 w 448"/>
                    <a:gd name="T75" fmla="*/ 223 h 223"/>
                    <a:gd name="T76" fmla="*/ 403 w 448"/>
                    <a:gd name="T77" fmla="*/ 211 h 223"/>
                    <a:gd name="T78" fmla="*/ 436 w 448"/>
                    <a:gd name="T79" fmla="*/ 171 h 223"/>
                    <a:gd name="T80" fmla="*/ 443 w 448"/>
                    <a:gd name="T81" fmla="*/ 155 h 223"/>
                    <a:gd name="T82" fmla="*/ 435 w 448"/>
                    <a:gd name="T83" fmla="*/ 201 h 223"/>
                    <a:gd name="T84" fmla="*/ 433 w 448"/>
                    <a:gd name="T85" fmla="*/ 210 h 223"/>
                    <a:gd name="T86" fmla="*/ 436 w 448"/>
                    <a:gd name="T87" fmla="*/ 213 h 223"/>
                    <a:gd name="T88" fmla="*/ 447 w 448"/>
                    <a:gd name="T89" fmla="*/ 179 h 223"/>
                    <a:gd name="T90" fmla="*/ 448 w 448"/>
                    <a:gd name="T91" fmla="*/ 142 h 223"/>
                    <a:gd name="T92" fmla="*/ 45 w 448"/>
                    <a:gd name="T93" fmla="*/ 94 h 223"/>
                    <a:gd name="T94" fmla="*/ 62 w 448"/>
                    <a:gd name="T95" fmla="*/ 83 h 223"/>
                    <a:gd name="T96" fmla="*/ 96 w 448"/>
                    <a:gd name="T97" fmla="*/ 72 h 223"/>
                    <a:gd name="T98" fmla="*/ 120 w 448"/>
                    <a:gd name="T99" fmla="*/ 50 h 223"/>
                    <a:gd name="T100" fmla="*/ 150 w 448"/>
                    <a:gd name="T101" fmla="*/ 56 h 223"/>
                    <a:gd name="T102" fmla="*/ 164 w 448"/>
                    <a:gd name="T103" fmla="*/ 66 h 223"/>
                    <a:gd name="T104" fmla="*/ 174 w 448"/>
                    <a:gd name="T105" fmla="*/ 91 h 223"/>
                    <a:gd name="T106" fmla="*/ 199 w 448"/>
                    <a:gd name="T107" fmla="*/ 93 h 223"/>
                    <a:gd name="T108" fmla="*/ 221 w 448"/>
                    <a:gd name="T109" fmla="*/ 113 h 223"/>
                    <a:gd name="T110" fmla="*/ 237 w 448"/>
                    <a:gd name="T111" fmla="*/ 120 h 223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w 448"/>
                    <a:gd name="T169" fmla="*/ 0 h 223"/>
                    <a:gd name="T170" fmla="*/ 448 w 448"/>
                    <a:gd name="T171" fmla="*/ 223 h 223"/>
                  </a:gdLst>
                  <a:ahLst/>
                  <a:cxnLst>
                    <a:cxn ang="T112">
                      <a:pos x="T0" y="T1"/>
                    </a:cxn>
                    <a:cxn ang="T113">
                      <a:pos x="T2" y="T3"/>
                    </a:cxn>
                    <a:cxn ang="T114">
                      <a:pos x="T4" y="T5"/>
                    </a:cxn>
                    <a:cxn ang="T115">
                      <a:pos x="T6" y="T7"/>
                    </a:cxn>
                    <a:cxn ang="T116">
                      <a:pos x="T8" y="T9"/>
                    </a:cxn>
                    <a:cxn ang="T117">
                      <a:pos x="T10" y="T11"/>
                    </a:cxn>
                    <a:cxn ang="T118">
                      <a:pos x="T12" y="T13"/>
                    </a:cxn>
                    <a:cxn ang="T119">
                      <a:pos x="T14" y="T15"/>
                    </a:cxn>
                    <a:cxn ang="T120">
                      <a:pos x="T16" y="T17"/>
                    </a:cxn>
                    <a:cxn ang="T121">
                      <a:pos x="T18" y="T19"/>
                    </a:cxn>
                    <a:cxn ang="T122">
                      <a:pos x="T20" y="T21"/>
                    </a:cxn>
                    <a:cxn ang="T123">
                      <a:pos x="T22" y="T23"/>
                    </a:cxn>
                    <a:cxn ang="T124">
                      <a:pos x="T24" y="T25"/>
                    </a:cxn>
                    <a:cxn ang="T125">
                      <a:pos x="T26" y="T27"/>
                    </a:cxn>
                    <a:cxn ang="T126">
                      <a:pos x="T28" y="T29"/>
                    </a:cxn>
                    <a:cxn ang="T127">
                      <a:pos x="T30" y="T31"/>
                    </a:cxn>
                    <a:cxn ang="T128">
                      <a:pos x="T32" y="T33"/>
                    </a:cxn>
                    <a:cxn ang="T129">
                      <a:pos x="T34" y="T35"/>
                    </a:cxn>
                    <a:cxn ang="T130">
                      <a:pos x="T36" y="T37"/>
                    </a:cxn>
                    <a:cxn ang="T131">
                      <a:pos x="T38" y="T39"/>
                    </a:cxn>
                    <a:cxn ang="T132">
                      <a:pos x="T40" y="T41"/>
                    </a:cxn>
                    <a:cxn ang="T133">
                      <a:pos x="T42" y="T43"/>
                    </a:cxn>
                    <a:cxn ang="T134">
                      <a:pos x="T44" y="T45"/>
                    </a:cxn>
                    <a:cxn ang="T135">
                      <a:pos x="T46" y="T47"/>
                    </a:cxn>
                    <a:cxn ang="T136">
                      <a:pos x="T48" y="T49"/>
                    </a:cxn>
                    <a:cxn ang="T137">
                      <a:pos x="T50" y="T51"/>
                    </a:cxn>
                    <a:cxn ang="T138">
                      <a:pos x="T52" y="T53"/>
                    </a:cxn>
                    <a:cxn ang="T139">
                      <a:pos x="T54" y="T55"/>
                    </a:cxn>
                    <a:cxn ang="T140">
                      <a:pos x="T56" y="T57"/>
                    </a:cxn>
                    <a:cxn ang="T141">
                      <a:pos x="T58" y="T59"/>
                    </a:cxn>
                    <a:cxn ang="T142">
                      <a:pos x="T60" y="T61"/>
                    </a:cxn>
                    <a:cxn ang="T143">
                      <a:pos x="T62" y="T63"/>
                    </a:cxn>
                    <a:cxn ang="T144">
                      <a:pos x="T64" y="T65"/>
                    </a:cxn>
                    <a:cxn ang="T145">
                      <a:pos x="T66" y="T67"/>
                    </a:cxn>
                    <a:cxn ang="T146">
                      <a:pos x="T68" y="T69"/>
                    </a:cxn>
                    <a:cxn ang="T147">
                      <a:pos x="T70" y="T71"/>
                    </a:cxn>
                    <a:cxn ang="T148">
                      <a:pos x="T72" y="T73"/>
                    </a:cxn>
                    <a:cxn ang="T149">
                      <a:pos x="T74" y="T75"/>
                    </a:cxn>
                    <a:cxn ang="T150">
                      <a:pos x="T76" y="T77"/>
                    </a:cxn>
                    <a:cxn ang="T151">
                      <a:pos x="T78" y="T79"/>
                    </a:cxn>
                    <a:cxn ang="T152">
                      <a:pos x="T80" y="T81"/>
                    </a:cxn>
                    <a:cxn ang="T153">
                      <a:pos x="T82" y="T83"/>
                    </a:cxn>
                    <a:cxn ang="T154">
                      <a:pos x="T84" y="T85"/>
                    </a:cxn>
                    <a:cxn ang="T155">
                      <a:pos x="T86" y="T87"/>
                    </a:cxn>
                    <a:cxn ang="T156">
                      <a:pos x="T88" y="T89"/>
                    </a:cxn>
                    <a:cxn ang="T157">
                      <a:pos x="T90" y="T91"/>
                    </a:cxn>
                    <a:cxn ang="T158">
                      <a:pos x="T92" y="T93"/>
                    </a:cxn>
                    <a:cxn ang="T159">
                      <a:pos x="T94" y="T95"/>
                    </a:cxn>
                    <a:cxn ang="T160">
                      <a:pos x="T96" y="T97"/>
                    </a:cxn>
                    <a:cxn ang="T161">
                      <a:pos x="T98" y="T99"/>
                    </a:cxn>
                    <a:cxn ang="T162">
                      <a:pos x="T100" y="T101"/>
                    </a:cxn>
                    <a:cxn ang="T163">
                      <a:pos x="T102" y="T103"/>
                    </a:cxn>
                    <a:cxn ang="T164">
                      <a:pos x="T104" y="T105"/>
                    </a:cxn>
                    <a:cxn ang="T165">
                      <a:pos x="T106" y="T107"/>
                    </a:cxn>
                    <a:cxn ang="T166">
                      <a:pos x="T108" y="T109"/>
                    </a:cxn>
                    <a:cxn ang="T167">
                      <a:pos x="T110" y="T111"/>
                    </a:cxn>
                  </a:cxnLst>
                  <a:rect l="T168" t="T169" r="T170" b="T171"/>
                  <a:pathLst>
                    <a:path w="448" h="223">
                      <a:moveTo>
                        <a:pt x="247" y="115"/>
                      </a:moveTo>
                      <a:lnTo>
                        <a:pt x="260" y="123"/>
                      </a:lnTo>
                      <a:lnTo>
                        <a:pt x="252" y="137"/>
                      </a:lnTo>
                      <a:lnTo>
                        <a:pt x="252" y="145"/>
                      </a:lnTo>
                      <a:lnTo>
                        <a:pt x="252" y="147"/>
                      </a:lnTo>
                      <a:lnTo>
                        <a:pt x="250" y="150"/>
                      </a:lnTo>
                      <a:lnTo>
                        <a:pt x="249" y="155"/>
                      </a:lnTo>
                      <a:lnTo>
                        <a:pt x="245" y="162"/>
                      </a:lnTo>
                      <a:lnTo>
                        <a:pt x="243" y="169"/>
                      </a:lnTo>
                      <a:lnTo>
                        <a:pt x="240" y="176"/>
                      </a:lnTo>
                      <a:lnTo>
                        <a:pt x="238" y="179"/>
                      </a:lnTo>
                      <a:lnTo>
                        <a:pt x="238" y="181"/>
                      </a:lnTo>
                      <a:lnTo>
                        <a:pt x="237" y="186"/>
                      </a:lnTo>
                      <a:lnTo>
                        <a:pt x="238" y="189"/>
                      </a:lnTo>
                      <a:lnTo>
                        <a:pt x="240" y="193"/>
                      </a:lnTo>
                      <a:lnTo>
                        <a:pt x="242" y="193"/>
                      </a:lnTo>
                      <a:lnTo>
                        <a:pt x="243" y="193"/>
                      </a:lnTo>
                      <a:lnTo>
                        <a:pt x="247" y="193"/>
                      </a:lnTo>
                      <a:lnTo>
                        <a:pt x="249" y="191"/>
                      </a:lnTo>
                      <a:lnTo>
                        <a:pt x="250" y="191"/>
                      </a:lnTo>
                      <a:lnTo>
                        <a:pt x="252" y="186"/>
                      </a:lnTo>
                      <a:lnTo>
                        <a:pt x="255" y="182"/>
                      </a:lnTo>
                      <a:lnTo>
                        <a:pt x="257" y="182"/>
                      </a:lnTo>
                      <a:lnTo>
                        <a:pt x="259" y="182"/>
                      </a:lnTo>
                      <a:lnTo>
                        <a:pt x="260" y="184"/>
                      </a:lnTo>
                      <a:lnTo>
                        <a:pt x="262" y="186"/>
                      </a:lnTo>
                      <a:lnTo>
                        <a:pt x="264" y="188"/>
                      </a:lnTo>
                      <a:lnTo>
                        <a:pt x="274" y="201"/>
                      </a:lnTo>
                      <a:lnTo>
                        <a:pt x="277" y="201"/>
                      </a:lnTo>
                      <a:lnTo>
                        <a:pt x="277" y="193"/>
                      </a:lnTo>
                      <a:lnTo>
                        <a:pt x="282" y="193"/>
                      </a:lnTo>
                      <a:lnTo>
                        <a:pt x="282" y="194"/>
                      </a:lnTo>
                      <a:lnTo>
                        <a:pt x="284" y="198"/>
                      </a:lnTo>
                      <a:lnTo>
                        <a:pt x="284" y="201"/>
                      </a:lnTo>
                      <a:lnTo>
                        <a:pt x="286" y="201"/>
                      </a:lnTo>
                      <a:lnTo>
                        <a:pt x="298" y="201"/>
                      </a:lnTo>
                      <a:lnTo>
                        <a:pt x="308" y="203"/>
                      </a:lnTo>
                      <a:lnTo>
                        <a:pt x="316" y="204"/>
                      </a:lnTo>
                      <a:lnTo>
                        <a:pt x="321" y="208"/>
                      </a:lnTo>
                      <a:lnTo>
                        <a:pt x="326" y="211"/>
                      </a:lnTo>
                      <a:lnTo>
                        <a:pt x="330" y="215"/>
                      </a:lnTo>
                      <a:lnTo>
                        <a:pt x="331" y="216"/>
                      </a:lnTo>
                      <a:lnTo>
                        <a:pt x="331" y="218"/>
                      </a:lnTo>
                      <a:lnTo>
                        <a:pt x="335" y="210"/>
                      </a:lnTo>
                      <a:lnTo>
                        <a:pt x="326" y="199"/>
                      </a:lnTo>
                      <a:lnTo>
                        <a:pt x="325" y="191"/>
                      </a:lnTo>
                      <a:lnTo>
                        <a:pt x="313" y="188"/>
                      </a:lnTo>
                      <a:lnTo>
                        <a:pt x="299" y="179"/>
                      </a:lnTo>
                      <a:lnTo>
                        <a:pt x="289" y="171"/>
                      </a:lnTo>
                      <a:lnTo>
                        <a:pt x="291" y="167"/>
                      </a:lnTo>
                      <a:lnTo>
                        <a:pt x="299" y="174"/>
                      </a:lnTo>
                      <a:lnTo>
                        <a:pt x="301" y="174"/>
                      </a:lnTo>
                      <a:lnTo>
                        <a:pt x="303" y="176"/>
                      </a:lnTo>
                      <a:lnTo>
                        <a:pt x="306" y="176"/>
                      </a:lnTo>
                      <a:lnTo>
                        <a:pt x="308" y="177"/>
                      </a:lnTo>
                      <a:lnTo>
                        <a:pt x="316" y="182"/>
                      </a:lnTo>
                      <a:lnTo>
                        <a:pt x="321" y="184"/>
                      </a:lnTo>
                      <a:lnTo>
                        <a:pt x="323" y="182"/>
                      </a:lnTo>
                      <a:lnTo>
                        <a:pt x="323" y="181"/>
                      </a:lnTo>
                      <a:lnTo>
                        <a:pt x="321" y="177"/>
                      </a:lnTo>
                      <a:lnTo>
                        <a:pt x="318" y="176"/>
                      </a:lnTo>
                      <a:lnTo>
                        <a:pt x="316" y="172"/>
                      </a:lnTo>
                      <a:lnTo>
                        <a:pt x="315" y="172"/>
                      </a:lnTo>
                      <a:lnTo>
                        <a:pt x="311" y="167"/>
                      </a:lnTo>
                      <a:lnTo>
                        <a:pt x="308" y="164"/>
                      </a:lnTo>
                      <a:lnTo>
                        <a:pt x="304" y="159"/>
                      </a:lnTo>
                      <a:lnTo>
                        <a:pt x="303" y="154"/>
                      </a:lnTo>
                      <a:lnTo>
                        <a:pt x="299" y="149"/>
                      </a:lnTo>
                      <a:lnTo>
                        <a:pt x="299" y="142"/>
                      </a:lnTo>
                      <a:lnTo>
                        <a:pt x="298" y="137"/>
                      </a:lnTo>
                      <a:lnTo>
                        <a:pt x="298" y="132"/>
                      </a:lnTo>
                      <a:lnTo>
                        <a:pt x="298" y="127"/>
                      </a:lnTo>
                      <a:lnTo>
                        <a:pt x="298" y="122"/>
                      </a:lnTo>
                      <a:lnTo>
                        <a:pt x="298" y="118"/>
                      </a:lnTo>
                      <a:lnTo>
                        <a:pt x="299" y="115"/>
                      </a:lnTo>
                      <a:lnTo>
                        <a:pt x="299" y="111"/>
                      </a:lnTo>
                      <a:lnTo>
                        <a:pt x="299" y="108"/>
                      </a:lnTo>
                      <a:lnTo>
                        <a:pt x="299" y="106"/>
                      </a:lnTo>
                      <a:lnTo>
                        <a:pt x="299" y="98"/>
                      </a:lnTo>
                      <a:lnTo>
                        <a:pt x="296" y="93"/>
                      </a:lnTo>
                      <a:lnTo>
                        <a:pt x="294" y="86"/>
                      </a:lnTo>
                      <a:lnTo>
                        <a:pt x="291" y="81"/>
                      </a:lnTo>
                      <a:lnTo>
                        <a:pt x="287" y="78"/>
                      </a:lnTo>
                      <a:lnTo>
                        <a:pt x="286" y="74"/>
                      </a:lnTo>
                      <a:lnTo>
                        <a:pt x="284" y="72"/>
                      </a:lnTo>
                      <a:lnTo>
                        <a:pt x="282" y="72"/>
                      </a:lnTo>
                      <a:lnTo>
                        <a:pt x="296" y="72"/>
                      </a:lnTo>
                      <a:lnTo>
                        <a:pt x="301" y="67"/>
                      </a:lnTo>
                      <a:lnTo>
                        <a:pt x="301" y="66"/>
                      </a:lnTo>
                      <a:lnTo>
                        <a:pt x="301" y="64"/>
                      </a:lnTo>
                      <a:lnTo>
                        <a:pt x="301" y="61"/>
                      </a:lnTo>
                      <a:lnTo>
                        <a:pt x="301" y="59"/>
                      </a:lnTo>
                      <a:lnTo>
                        <a:pt x="299" y="56"/>
                      </a:lnTo>
                      <a:lnTo>
                        <a:pt x="298" y="52"/>
                      </a:lnTo>
                      <a:lnTo>
                        <a:pt x="299" y="52"/>
                      </a:lnTo>
                      <a:lnTo>
                        <a:pt x="301" y="52"/>
                      </a:lnTo>
                      <a:lnTo>
                        <a:pt x="303" y="52"/>
                      </a:lnTo>
                      <a:lnTo>
                        <a:pt x="303" y="54"/>
                      </a:lnTo>
                      <a:lnTo>
                        <a:pt x="304" y="56"/>
                      </a:lnTo>
                      <a:lnTo>
                        <a:pt x="306" y="59"/>
                      </a:lnTo>
                      <a:lnTo>
                        <a:pt x="306" y="61"/>
                      </a:lnTo>
                      <a:lnTo>
                        <a:pt x="308" y="61"/>
                      </a:lnTo>
                      <a:lnTo>
                        <a:pt x="309" y="59"/>
                      </a:lnTo>
                      <a:lnTo>
                        <a:pt x="309" y="57"/>
                      </a:lnTo>
                      <a:lnTo>
                        <a:pt x="311" y="56"/>
                      </a:lnTo>
                      <a:lnTo>
                        <a:pt x="321" y="42"/>
                      </a:lnTo>
                      <a:lnTo>
                        <a:pt x="320" y="40"/>
                      </a:lnTo>
                      <a:lnTo>
                        <a:pt x="320" y="39"/>
                      </a:lnTo>
                      <a:lnTo>
                        <a:pt x="320" y="35"/>
                      </a:lnTo>
                      <a:lnTo>
                        <a:pt x="320" y="34"/>
                      </a:lnTo>
                      <a:lnTo>
                        <a:pt x="320" y="32"/>
                      </a:lnTo>
                      <a:lnTo>
                        <a:pt x="320" y="28"/>
                      </a:lnTo>
                      <a:lnTo>
                        <a:pt x="325" y="23"/>
                      </a:lnTo>
                      <a:lnTo>
                        <a:pt x="328" y="22"/>
                      </a:lnTo>
                      <a:lnTo>
                        <a:pt x="330" y="20"/>
                      </a:lnTo>
                      <a:lnTo>
                        <a:pt x="331" y="22"/>
                      </a:lnTo>
                      <a:lnTo>
                        <a:pt x="331" y="23"/>
                      </a:lnTo>
                      <a:lnTo>
                        <a:pt x="331" y="25"/>
                      </a:lnTo>
                      <a:lnTo>
                        <a:pt x="331" y="27"/>
                      </a:lnTo>
                      <a:lnTo>
                        <a:pt x="330" y="27"/>
                      </a:lnTo>
                      <a:lnTo>
                        <a:pt x="330" y="32"/>
                      </a:lnTo>
                      <a:lnTo>
                        <a:pt x="330" y="35"/>
                      </a:lnTo>
                      <a:lnTo>
                        <a:pt x="333" y="35"/>
                      </a:lnTo>
                      <a:lnTo>
                        <a:pt x="335" y="34"/>
                      </a:lnTo>
                      <a:lnTo>
                        <a:pt x="337" y="32"/>
                      </a:lnTo>
                      <a:lnTo>
                        <a:pt x="338" y="30"/>
                      </a:lnTo>
                      <a:lnTo>
                        <a:pt x="340" y="30"/>
                      </a:lnTo>
                      <a:lnTo>
                        <a:pt x="338" y="34"/>
                      </a:lnTo>
                      <a:lnTo>
                        <a:pt x="338" y="37"/>
                      </a:lnTo>
                      <a:lnTo>
                        <a:pt x="337" y="39"/>
                      </a:lnTo>
                      <a:lnTo>
                        <a:pt x="333" y="42"/>
                      </a:lnTo>
                      <a:lnTo>
                        <a:pt x="331" y="44"/>
                      </a:lnTo>
                      <a:lnTo>
                        <a:pt x="330" y="45"/>
                      </a:lnTo>
                      <a:lnTo>
                        <a:pt x="330" y="47"/>
                      </a:lnTo>
                      <a:lnTo>
                        <a:pt x="328" y="47"/>
                      </a:lnTo>
                      <a:lnTo>
                        <a:pt x="323" y="52"/>
                      </a:lnTo>
                      <a:lnTo>
                        <a:pt x="320" y="59"/>
                      </a:lnTo>
                      <a:lnTo>
                        <a:pt x="316" y="66"/>
                      </a:lnTo>
                      <a:lnTo>
                        <a:pt x="316" y="72"/>
                      </a:lnTo>
                      <a:lnTo>
                        <a:pt x="316" y="79"/>
                      </a:lnTo>
                      <a:lnTo>
                        <a:pt x="316" y="84"/>
                      </a:lnTo>
                      <a:lnTo>
                        <a:pt x="318" y="88"/>
                      </a:lnTo>
                      <a:lnTo>
                        <a:pt x="318" y="89"/>
                      </a:lnTo>
                      <a:lnTo>
                        <a:pt x="321" y="88"/>
                      </a:lnTo>
                      <a:lnTo>
                        <a:pt x="323" y="86"/>
                      </a:lnTo>
                      <a:lnTo>
                        <a:pt x="326" y="83"/>
                      </a:lnTo>
                      <a:lnTo>
                        <a:pt x="328" y="79"/>
                      </a:lnTo>
                      <a:lnTo>
                        <a:pt x="330" y="76"/>
                      </a:lnTo>
                      <a:lnTo>
                        <a:pt x="331" y="72"/>
                      </a:lnTo>
                      <a:lnTo>
                        <a:pt x="333" y="71"/>
                      </a:lnTo>
                      <a:lnTo>
                        <a:pt x="333" y="69"/>
                      </a:lnTo>
                      <a:lnTo>
                        <a:pt x="335" y="72"/>
                      </a:lnTo>
                      <a:lnTo>
                        <a:pt x="335" y="76"/>
                      </a:lnTo>
                      <a:lnTo>
                        <a:pt x="333" y="79"/>
                      </a:lnTo>
                      <a:lnTo>
                        <a:pt x="331" y="83"/>
                      </a:lnTo>
                      <a:lnTo>
                        <a:pt x="330" y="86"/>
                      </a:lnTo>
                      <a:lnTo>
                        <a:pt x="328" y="88"/>
                      </a:lnTo>
                      <a:lnTo>
                        <a:pt x="328" y="89"/>
                      </a:lnTo>
                      <a:lnTo>
                        <a:pt x="326" y="89"/>
                      </a:lnTo>
                      <a:lnTo>
                        <a:pt x="326" y="91"/>
                      </a:lnTo>
                      <a:lnTo>
                        <a:pt x="326" y="93"/>
                      </a:lnTo>
                      <a:lnTo>
                        <a:pt x="326" y="96"/>
                      </a:lnTo>
                      <a:lnTo>
                        <a:pt x="326" y="100"/>
                      </a:lnTo>
                      <a:lnTo>
                        <a:pt x="326" y="103"/>
                      </a:lnTo>
                      <a:lnTo>
                        <a:pt x="326" y="106"/>
                      </a:lnTo>
                      <a:lnTo>
                        <a:pt x="325" y="110"/>
                      </a:lnTo>
                      <a:lnTo>
                        <a:pt x="320" y="116"/>
                      </a:lnTo>
                      <a:lnTo>
                        <a:pt x="318" y="120"/>
                      </a:lnTo>
                      <a:lnTo>
                        <a:pt x="316" y="123"/>
                      </a:lnTo>
                      <a:lnTo>
                        <a:pt x="316" y="125"/>
                      </a:lnTo>
                      <a:lnTo>
                        <a:pt x="318" y="127"/>
                      </a:lnTo>
                      <a:lnTo>
                        <a:pt x="320" y="127"/>
                      </a:lnTo>
                      <a:lnTo>
                        <a:pt x="330" y="132"/>
                      </a:lnTo>
                      <a:lnTo>
                        <a:pt x="337" y="137"/>
                      </a:lnTo>
                      <a:lnTo>
                        <a:pt x="340" y="140"/>
                      </a:lnTo>
                      <a:lnTo>
                        <a:pt x="342" y="142"/>
                      </a:lnTo>
                      <a:lnTo>
                        <a:pt x="342" y="144"/>
                      </a:lnTo>
                      <a:lnTo>
                        <a:pt x="340" y="145"/>
                      </a:lnTo>
                      <a:lnTo>
                        <a:pt x="338" y="145"/>
                      </a:lnTo>
                      <a:lnTo>
                        <a:pt x="337" y="145"/>
                      </a:lnTo>
                      <a:lnTo>
                        <a:pt x="331" y="145"/>
                      </a:lnTo>
                      <a:lnTo>
                        <a:pt x="328" y="147"/>
                      </a:lnTo>
                      <a:lnTo>
                        <a:pt x="325" y="147"/>
                      </a:lnTo>
                      <a:lnTo>
                        <a:pt x="325" y="149"/>
                      </a:lnTo>
                      <a:lnTo>
                        <a:pt x="325" y="150"/>
                      </a:lnTo>
                      <a:lnTo>
                        <a:pt x="325" y="152"/>
                      </a:lnTo>
                      <a:lnTo>
                        <a:pt x="326" y="152"/>
                      </a:lnTo>
                      <a:lnTo>
                        <a:pt x="333" y="152"/>
                      </a:lnTo>
                      <a:lnTo>
                        <a:pt x="337" y="154"/>
                      </a:lnTo>
                      <a:lnTo>
                        <a:pt x="337" y="155"/>
                      </a:lnTo>
                      <a:lnTo>
                        <a:pt x="335" y="157"/>
                      </a:lnTo>
                      <a:lnTo>
                        <a:pt x="331" y="159"/>
                      </a:lnTo>
                      <a:lnTo>
                        <a:pt x="328" y="160"/>
                      </a:lnTo>
                      <a:lnTo>
                        <a:pt x="326" y="160"/>
                      </a:lnTo>
                      <a:lnTo>
                        <a:pt x="325" y="162"/>
                      </a:lnTo>
                      <a:lnTo>
                        <a:pt x="325" y="166"/>
                      </a:lnTo>
                      <a:lnTo>
                        <a:pt x="335" y="177"/>
                      </a:lnTo>
                      <a:lnTo>
                        <a:pt x="337" y="176"/>
                      </a:lnTo>
                      <a:lnTo>
                        <a:pt x="338" y="176"/>
                      </a:lnTo>
                      <a:lnTo>
                        <a:pt x="340" y="174"/>
                      </a:lnTo>
                      <a:lnTo>
                        <a:pt x="342" y="176"/>
                      </a:lnTo>
                      <a:lnTo>
                        <a:pt x="345" y="177"/>
                      </a:lnTo>
                      <a:lnTo>
                        <a:pt x="347" y="181"/>
                      </a:lnTo>
                      <a:lnTo>
                        <a:pt x="348" y="182"/>
                      </a:lnTo>
                      <a:lnTo>
                        <a:pt x="348" y="184"/>
                      </a:lnTo>
                      <a:lnTo>
                        <a:pt x="350" y="186"/>
                      </a:lnTo>
                      <a:lnTo>
                        <a:pt x="352" y="188"/>
                      </a:lnTo>
                      <a:lnTo>
                        <a:pt x="355" y="188"/>
                      </a:lnTo>
                      <a:lnTo>
                        <a:pt x="359" y="186"/>
                      </a:lnTo>
                      <a:lnTo>
                        <a:pt x="360" y="186"/>
                      </a:lnTo>
                      <a:lnTo>
                        <a:pt x="359" y="184"/>
                      </a:lnTo>
                      <a:lnTo>
                        <a:pt x="359" y="182"/>
                      </a:lnTo>
                      <a:lnTo>
                        <a:pt x="357" y="179"/>
                      </a:lnTo>
                      <a:lnTo>
                        <a:pt x="355" y="176"/>
                      </a:lnTo>
                      <a:lnTo>
                        <a:pt x="357" y="174"/>
                      </a:lnTo>
                      <a:lnTo>
                        <a:pt x="359" y="172"/>
                      </a:lnTo>
                      <a:lnTo>
                        <a:pt x="360" y="171"/>
                      </a:lnTo>
                      <a:lnTo>
                        <a:pt x="362" y="171"/>
                      </a:lnTo>
                      <a:lnTo>
                        <a:pt x="364" y="171"/>
                      </a:lnTo>
                      <a:lnTo>
                        <a:pt x="364" y="177"/>
                      </a:lnTo>
                      <a:lnTo>
                        <a:pt x="364" y="182"/>
                      </a:lnTo>
                      <a:lnTo>
                        <a:pt x="365" y="184"/>
                      </a:lnTo>
                      <a:lnTo>
                        <a:pt x="367" y="186"/>
                      </a:lnTo>
                      <a:lnTo>
                        <a:pt x="369" y="184"/>
                      </a:lnTo>
                      <a:lnTo>
                        <a:pt x="370" y="182"/>
                      </a:lnTo>
                      <a:lnTo>
                        <a:pt x="372" y="182"/>
                      </a:lnTo>
                      <a:lnTo>
                        <a:pt x="372" y="181"/>
                      </a:lnTo>
                      <a:lnTo>
                        <a:pt x="374" y="181"/>
                      </a:lnTo>
                      <a:lnTo>
                        <a:pt x="375" y="182"/>
                      </a:lnTo>
                      <a:lnTo>
                        <a:pt x="377" y="184"/>
                      </a:lnTo>
                      <a:lnTo>
                        <a:pt x="370" y="191"/>
                      </a:lnTo>
                      <a:lnTo>
                        <a:pt x="369" y="194"/>
                      </a:lnTo>
                      <a:lnTo>
                        <a:pt x="369" y="198"/>
                      </a:lnTo>
                      <a:lnTo>
                        <a:pt x="372" y="198"/>
                      </a:lnTo>
                      <a:lnTo>
                        <a:pt x="375" y="196"/>
                      </a:lnTo>
                      <a:lnTo>
                        <a:pt x="379" y="194"/>
                      </a:lnTo>
                      <a:lnTo>
                        <a:pt x="382" y="193"/>
                      </a:lnTo>
                      <a:lnTo>
                        <a:pt x="382" y="194"/>
                      </a:lnTo>
                      <a:lnTo>
                        <a:pt x="382" y="198"/>
                      </a:lnTo>
                      <a:lnTo>
                        <a:pt x="382" y="199"/>
                      </a:lnTo>
                      <a:lnTo>
                        <a:pt x="382" y="203"/>
                      </a:lnTo>
                      <a:lnTo>
                        <a:pt x="382" y="204"/>
                      </a:lnTo>
                      <a:lnTo>
                        <a:pt x="382" y="206"/>
                      </a:lnTo>
                      <a:lnTo>
                        <a:pt x="381" y="211"/>
                      </a:lnTo>
                      <a:lnTo>
                        <a:pt x="381" y="215"/>
                      </a:lnTo>
                      <a:lnTo>
                        <a:pt x="381" y="218"/>
                      </a:lnTo>
                      <a:lnTo>
                        <a:pt x="382" y="220"/>
                      </a:lnTo>
                      <a:lnTo>
                        <a:pt x="384" y="221"/>
                      </a:lnTo>
                      <a:lnTo>
                        <a:pt x="386" y="223"/>
                      </a:lnTo>
                      <a:lnTo>
                        <a:pt x="387" y="223"/>
                      </a:lnTo>
                      <a:lnTo>
                        <a:pt x="394" y="220"/>
                      </a:lnTo>
                      <a:lnTo>
                        <a:pt x="397" y="216"/>
                      </a:lnTo>
                      <a:lnTo>
                        <a:pt x="399" y="215"/>
                      </a:lnTo>
                      <a:lnTo>
                        <a:pt x="403" y="211"/>
                      </a:lnTo>
                      <a:lnTo>
                        <a:pt x="406" y="210"/>
                      </a:lnTo>
                      <a:lnTo>
                        <a:pt x="409" y="206"/>
                      </a:lnTo>
                      <a:lnTo>
                        <a:pt x="413" y="204"/>
                      </a:lnTo>
                      <a:lnTo>
                        <a:pt x="418" y="203"/>
                      </a:lnTo>
                      <a:lnTo>
                        <a:pt x="425" y="203"/>
                      </a:lnTo>
                      <a:lnTo>
                        <a:pt x="430" y="198"/>
                      </a:lnTo>
                      <a:lnTo>
                        <a:pt x="431" y="171"/>
                      </a:lnTo>
                      <a:lnTo>
                        <a:pt x="436" y="171"/>
                      </a:lnTo>
                      <a:lnTo>
                        <a:pt x="440" y="145"/>
                      </a:lnTo>
                      <a:lnTo>
                        <a:pt x="441" y="144"/>
                      </a:lnTo>
                      <a:lnTo>
                        <a:pt x="443" y="144"/>
                      </a:lnTo>
                      <a:lnTo>
                        <a:pt x="443" y="145"/>
                      </a:lnTo>
                      <a:lnTo>
                        <a:pt x="443" y="155"/>
                      </a:lnTo>
                      <a:lnTo>
                        <a:pt x="441" y="164"/>
                      </a:lnTo>
                      <a:lnTo>
                        <a:pt x="441" y="172"/>
                      </a:lnTo>
                      <a:lnTo>
                        <a:pt x="440" y="179"/>
                      </a:lnTo>
                      <a:lnTo>
                        <a:pt x="438" y="184"/>
                      </a:lnTo>
                      <a:lnTo>
                        <a:pt x="438" y="189"/>
                      </a:lnTo>
                      <a:lnTo>
                        <a:pt x="436" y="194"/>
                      </a:lnTo>
                      <a:lnTo>
                        <a:pt x="436" y="198"/>
                      </a:lnTo>
                      <a:lnTo>
                        <a:pt x="435" y="201"/>
                      </a:lnTo>
                      <a:lnTo>
                        <a:pt x="435" y="203"/>
                      </a:lnTo>
                      <a:lnTo>
                        <a:pt x="435" y="204"/>
                      </a:lnTo>
                      <a:lnTo>
                        <a:pt x="433" y="206"/>
                      </a:lnTo>
                      <a:lnTo>
                        <a:pt x="433" y="208"/>
                      </a:lnTo>
                      <a:lnTo>
                        <a:pt x="433" y="210"/>
                      </a:lnTo>
                      <a:lnTo>
                        <a:pt x="433" y="215"/>
                      </a:lnTo>
                      <a:lnTo>
                        <a:pt x="433" y="216"/>
                      </a:lnTo>
                      <a:lnTo>
                        <a:pt x="433" y="218"/>
                      </a:lnTo>
                      <a:lnTo>
                        <a:pt x="435" y="216"/>
                      </a:lnTo>
                      <a:lnTo>
                        <a:pt x="435" y="215"/>
                      </a:lnTo>
                      <a:lnTo>
                        <a:pt x="436" y="215"/>
                      </a:lnTo>
                      <a:lnTo>
                        <a:pt x="436" y="213"/>
                      </a:lnTo>
                      <a:lnTo>
                        <a:pt x="438" y="211"/>
                      </a:lnTo>
                      <a:lnTo>
                        <a:pt x="440" y="206"/>
                      </a:lnTo>
                      <a:lnTo>
                        <a:pt x="441" y="203"/>
                      </a:lnTo>
                      <a:lnTo>
                        <a:pt x="443" y="198"/>
                      </a:lnTo>
                      <a:lnTo>
                        <a:pt x="443" y="191"/>
                      </a:lnTo>
                      <a:lnTo>
                        <a:pt x="445" y="186"/>
                      </a:lnTo>
                      <a:lnTo>
                        <a:pt x="447" y="179"/>
                      </a:lnTo>
                      <a:lnTo>
                        <a:pt x="447" y="172"/>
                      </a:lnTo>
                      <a:lnTo>
                        <a:pt x="447" y="167"/>
                      </a:lnTo>
                      <a:lnTo>
                        <a:pt x="447" y="160"/>
                      </a:lnTo>
                      <a:lnTo>
                        <a:pt x="447" y="155"/>
                      </a:lnTo>
                      <a:lnTo>
                        <a:pt x="448" y="150"/>
                      </a:lnTo>
                      <a:lnTo>
                        <a:pt x="448" y="147"/>
                      </a:lnTo>
                      <a:lnTo>
                        <a:pt x="448" y="144"/>
                      </a:lnTo>
                      <a:lnTo>
                        <a:pt x="448" y="142"/>
                      </a:lnTo>
                      <a:lnTo>
                        <a:pt x="386" y="154"/>
                      </a:lnTo>
                      <a:lnTo>
                        <a:pt x="345" y="0"/>
                      </a:lnTo>
                      <a:lnTo>
                        <a:pt x="0" y="66"/>
                      </a:lnTo>
                      <a:lnTo>
                        <a:pt x="10" y="127"/>
                      </a:lnTo>
                      <a:lnTo>
                        <a:pt x="45" y="94"/>
                      </a:lnTo>
                      <a:lnTo>
                        <a:pt x="45" y="96"/>
                      </a:lnTo>
                      <a:lnTo>
                        <a:pt x="47" y="96"/>
                      </a:lnTo>
                      <a:lnTo>
                        <a:pt x="49" y="96"/>
                      </a:lnTo>
                      <a:lnTo>
                        <a:pt x="52" y="94"/>
                      </a:lnTo>
                      <a:lnTo>
                        <a:pt x="57" y="89"/>
                      </a:lnTo>
                      <a:lnTo>
                        <a:pt x="62" y="83"/>
                      </a:lnTo>
                      <a:lnTo>
                        <a:pt x="69" y="71"/>
                      </a:lnTo>
                      <a:lnTo>
                        <a:pt x="71" y="71"/>
                      </a:lnTo>
                      <a:lnTo>
                        <a:pt x="74" y="72"/>
                      </a:lnTo>
                      <a:lnTo>
                        <a:pt x="79" y="74"/>
                      </a:lnTo>
                      <a:lnTo>
                        <a:pt x="84" y="74"/>
                      </a:lnTo>
                      <a:lnTo>
                        <a:pt x="89" y="74"/>
                      </a:lnTo>
                      <a:lnTo>
                        <a:pt x="96" y="72"/>
                      </a:lnTo>
                      <a:lnTo>
                        <a:pt x="101" y="67"/>
                      </a:lnTo>
                      <a:lnTo>
                        <a:pt x="106" y="61"/>
                      </a:lnTo>
                      <a:lnTo>
                        <a:pt x="108" y="59"/>
                      </a:lnTo>
                      <a:lnTo>
                        <a:pt x="108" y="57"/>
                      </a:lnTo>
                      <a:lnTo>
                        <a:pt x="111" y="54"/>
                      </a:lnTo>
                      <a:lnTo>
                        <a:pt x="115" y="52"/>
                      </a:lnTo>
                      <a:lnTo>
                        <a:pt x="120" y="50"/>
                      </a:lnTo>
                      <a:lnTo>
                        <a:pt x="125" y="50"/>
                      </a:lnTo>
                      <a:lnTo>
                        <a:pt x="133" y="52"/>
                      </a:lnTo>
                      <a:lnTo>
                        <a:pt x="144" y="56"/>
                      </a:lnTo>
                      <a:lnTo>
                        <a:pt x="145" y="56"/>
                      </a:lnTo>
                      <a:lnTo>
                        <a:pt x="147" y="56"/>
                      </a:lnTo>
                      <a:lnTo>
                        <a:pt x="149" y="56"/>
                      </a:lnTo>
                      <a:lnTo>
                        <a:pt x="150" y="56"/>
                      </a:lnTo>
                      <a:lnTo>
                        <a:pt x="154" y="56"/>
                      </a:lnTo>
                      <a:lnTo>
                        <a:pt x="155" y="56"/>
                      </a:lnTo>
                      <a:lnTo>
                        <a:pt x="157" y="56"/>
                      </a:lnTo>
                      <a:lnTo>
                        <a:pt x="159" y="62"/>
                      </a:lnTo>
                      <a:lnTo>
                        <a:pt x="161" y="64"/>
                      </a:lnTo>
                      <a:lnTo>
                        <a:pt x="164" y="66"/>
                      </a:lnTo>
                      <a:lnTo>
                        <a:pt x="167" y="69"/>
                      </a:lnTo>
                      <a:lnTo>
                        <a:pt x="171" y="72"/>
                      </a:lnTo>
                      <a:lnTo>
                        <a:pt x="174" y="78"/>
                      </a:lnTo>
                      <a:lnTo>
                        <a:pt x="176" y="83"/>
                      </a:lnTo>
                      <a:lnTo>
                        <a:pt x="176" y="88"/>
                      </a:lnTo>
                      <a:lnTo>
                        <a:pt x="172" y="93"/>
                      </a:lnTo>
                      <a:lnTo>
                        <a:pt x="174" y="91"/>
                      </a:lnTo>
                      <a:lnTo>
                        <a:pt x="176" y="89"/>
                      </a:lnTo>
                      <a:lnTo>
                        <a:pt x="179" y="89"/>
                      </a:lnTo>
                      <a:lnTo>
                        <a:pt x="184" y="88"/>
                      </a:lnTo>
                      <a:lnTo>
                        <a:pt x="188" y="86"/>
                      </a:lnTo>
                      <a:lnTo>
                        <a:pt x="193" y="86"/>
                      </a:lnTo>
                      <a:lnTo>
                        <a:pt x="196" y="89"/>
                      </a:lnTo>
                      <a:lnTo>
                        <a:pt x="199" y="93"/>
                      </a:lnTo>
                      <a:lnTo>
                        <a:pt x="199" y="94"/>
                      </a:lnTo>
                      <a:lnTo>
                        <a:pt x="198" y="98"/>
                      </a:lnTo>
                      <a:lnTo>
                        <a:pt x="198" y="100"/>
                      </a:lnTo>
                      <a:lnTo>
                        <a:pt x="198" y="103"/>
                      </a:lnTo>
                      <a:lnTo>
                        <a:pt x="198" y="108"/>
                      </a:lnTo>
                      <a:lnTo>
                        <a:pt x="203" y="110"/>
                      </a:lnTo>
                      <a:lnTo>
                        <a:pt x="210" y="113"/>
                      </a:lnTo>
                      <a:lnTo>
                        <a:pt x="221" y="113"/>
                      </a:lnTo>
                      <a:lnTo>
                        <a:pt x="223" y="113"/>
                      </a:lnTo>
                      <a:lnTo>
                        <a:pt x="227" y="115"/>
                      </a:lnTo>
                      <a:lnTo>
                        <a:pt x="228" y="115"/>
                      </a:lnTo>
                      <a:lnTo>
                        <a:pt x="230" y="116"/>
                      </a:lnTo>
                      <a:lnTo>
                        <a:pt x="233" y="118"/>
                      </a:lnTo>
                      <a:lnTo>
                        <a:pt x="237" y="120"/>
                      </a:lnTo>
                      <a:lnTo>
                        <a:pt x="240" y="122"/>
                      </a:lnTo>
                      <a:lnTo>
                        <a:pt x="247" y="115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599" name="Group 76"/>
              <p:cNvGrpSpPr>
                <a:grpSpLocks/>
              </p:cNvGrpSpPr>
              <p:nvPr/>
            </p:nvGrpSpPr>
            <p:grpSpPr bwMode="auto">
              <a:xfrm>
                <a:off x="311" y="3378"/>
                <a:ext cx="744" cy="497"/>
                <a:chOff x="439" y="3034"/>
                <a:chExt cx="765" cy="512"/>
              </a:xfrm>
            </p:grpSpPr>
            <p:sp>
              <p:nvSpPr>
                <p:cNvPr id="677" name="Freeform 77"/>
                <p:cNvSpPr>
                  <a:spLocks/>
                </p:cNvSpPr>
                <p:nvPr/>
              </p:nvSpPr>
              <p:spPr bwMode="auto">
                <a:xfrm>
                  <a:off x="659" y="3034"/>
                  <a:ext cx="545" cy="452"/>
                </a:xfrm>
                <a:custGeom>
                  <a:avLst/>
                  <a:gdLst>
                    <a:gd name="T0" fmla="*/ 543 w 545"/>
                    <a:gd name="T1" fmla="*/ 329 h 452"/>
                    <a:gd name="T2" fmla="*/ 514 w 545"/>
                    <a:gd name="T3" fmla="*/ 312 h 452"/>
                    <a:gd name="T4" fmla="*/ 381 w 545"/>
                    <a:gd name="T5" fmla="*/ 266 h 452"/>
                    <a:gd name="T6" fmla="*/ 347 w 545"/>
                    <a:gd name="T7" fmla="*/ 266 h 452"/>
                    <a:gd name="T8" fmla="*/ 232 w 545"/>
                    <a:gd name="T9" fmla="*/ 17 h 452"/>
                    <a:gd name="T10" fmla="*/ 193 w 545"/>
                    <a:gd name="T11" fmla="*/ 16 h 452"/>
                    <a:gd name="T12" fmla="*/ 173 w 545"/>
                    <a:gd name="T13" fmla="*/ 17 h 452"/>
                    <a:gd name="T14" fmla="*/ 147 w 545"/>
                    <a:gd name="T15" fmla="*/ 9 h 452"/>
                    <a:gd name="T16" fmla="*/ 108 w 545"/>
                    <a:gd name="T17" fmla="*/ 11 h 452"/>
                    <a:gd name="T18" fmla="*/ 86 w 545"/>
                    <a:gd name="T19" fmla="*/ 22 h 452"/>
                    <a:gd name="T20" fmla="*/ 59 w 545"/>
                    <a:gd name="T21" fmla="*/ 46 h 452"/>
                    <a:gd name="T22" fmla="*/ 30 w 545"/>
                    <a:gd name="T23" fmla="*/ 83 h 452"/>
                    <a:gd name="T24" fmla="*/ 63 w 545"/>
                    <a:gd name="T25" fmla="*/ 116 h 452"/>
                    <a:gd name="T26" fmla="*/ 63 w 545"/>
                    <a:gd name="T27" fmla="*/ 122 h 452"/>
                    <a:gd name="T28" fmla="*/ 27 w 545"/>
                    <a:gd name="T29" fmla="*/ 134 h 452"/>
                    <a:gd name="T30" fmla="*/ 8 w 545"/>
                    <a:gd name="T31" fmla="*/ 139 h 452"/>
                    <a:gd name="T32" fmla="*/ 7 w 545"/>
                    <a:gd name="T33" fmla="*/ 165 h 452"/>
                    <a:gd name="T34" fmla="*/ 29 w 545"/>
                    <a:gd name="T35" fmla="*/ 183 h 452"/>
                    <a:gd name="T36" fmla="*/ 78 w 545"/>
                    <a:gd name="T37" fmla="*/ 175 h 452"/>
                    <a:gd name="T38" fmla="*/ 79 w 545"/>
                    <a:gd name="T39" fmla="*/ 205 h 452"/>
                    <a:gd name="T40" fmla="*/ 51 w 545"/>
                    <a:gd name="T41" fmla="*/ 226 h 452"/>
                    <a:gd name="T42" fmla="*/ 30 w 545"/>
                    <a:gd name="T43" fmla="*/ 232 h 452"/>
                    <a:gd name="T44" fmla="*/ 20 w 545"/>
                    <a:gd name="T45" fmla="*/ 248 h 452"/>
                    <a:gd name="T46" fmla="*/ 8 w 545"/>
                    <a:gd name="T47" fmla="*/ 266 h 452"/>
                    <a:gd name="T48" fmla="*/ 20 w 545"/>
                    <a:gd name="T49" fmla="*/ 278 h 452"/>
                    <a:gd name="T50" fmla="*/ 29 w 545"/>
                    <a:gd name="T51" fmla="*/ 303 h 452"/>
                    <a:gd name="T52" fmla="*/ 52 w 545"/>
                    <a:gd name="T53" fmla="*/ 314 h 452"/>
                    <a:gd name="T54" fmla="*/ 61 w 545"/>
                    <a:gd name="T55" fmla="*/ 312 h 452"/>
                    <a:gd name="T56" fmla="*/ 66 w 545"/>
                    <a:gd name="T57" fmla="*/ 336 h 452"/>
                    <a:gd name="T58" fmla="*/ 78 w 545"/>
                    <a:gd name="T59" fmla="*/ 341 h 452"/>
                    <a:gd name="T60" fmla="*/ 91 w 545"/>
                    <a:gd name="T61" fmla="*/ 339 h 452"/>
                    <a:gd name="T62" fmla="*/ 103 w 545"/>
                    <a:gd name="T63" fmla="*/ 352 h 452"/>
                    <a:gd name="T64" fmla="*/ 127 w 545"/>
                    <a:gd name="T65" fmla="*/ 342 h 452"/>
                    <a:gd name="T66" fmla="*/ 127 w 545"/>
                    <a:gd name="T67" fmla="*/ 352 h 452"/>
                    <a:gd name="T68" fmla="*/ 112 w 545"/>
                    <a:gd name="T69" fmla="*/ 391 h 452"/>
                    <a:gd name="T70" fmla="*/ 88 w 545"/>
                    <a:gd name="T71" fmla="*/ 412 h 452"/>
                    <a:gd name="T72" fmla="*/ 78 w 545"/>
                    <a:gd name="T73" fmla="*/ 430 h 452"/>
                    <a:gd name="T74" fmla="*/ 63 w 545"/>
                    <a:gd name="T75" fmla="*/ 425 h 452"/>
                    <a:gd name="T76" fmla="*/ 52 w 545"/>
                    <a:gd name="T77" fmla="*/ 446 h 452"/>
                    <a:gd name="T78" fmla="*/ 68 w 545"/>
                    <a:gd name="T79" fmla="*/ 437 h 452"/>
                    <a:gd name="T80" fmla="*/ 96 w 545"/>
                    <a:gd name="T81" fmla="*/ 434 h 452"/>
                    <a:gd name="T82" fmla="*/ 113 w 545"/>
                    <a:gd name="T83" fmla="*/ 415 h 452"/>
                    <a:gd name="T84" fmla="*/ 144 w 545"/>
                    <a:gd name="T85" fmla="*/ 381 h 452"/>
                    <a:gd name="T86" fmla="*/ 183 w 545"/>
                    <a:gd name="T87" fmla="*/ 339 h 452"/>
                    <a:gd name="T88" fmla="*/ 174 w 545"/>
                    <a:gd name="T89" fmla="*/ 322 h 452"/>
                    <a:gd name="T90" fmla="*/ 220 w 545"/>
                    <a:gd name="T91" fmla="*/ 264 h 452"/>
                    <a:gd name="T92" fmla="*/ 210 w 545"/>
                    <a:gd name="T93" fmla="*/ 298 h 452"/>
                    <a:gd name="T94" fmla="*/ 210 w 545"/>
                    <a:gd name="T95" fmla="*/ 317 h 452"/>
                    <a:gd name="T96" fmla="*/ 237 w 545"/>
                    <a:gd name="T97" fmla="*/ 300 h 452"/>
                    <a:gd name="T98" fmla="*/ 247 w 545"/>
                    <a:gd name="T99" fmla="*/ 286 h 452"/>
                    <a:gd name="T100" fmla="*/ 286 w 545"/>
                    <a:gd name="T101" fmla="*/ 278 h 452"/>
                    <a:gd name="T102" fmla="*/ 357 w 545"/>
                    <a:gd name="T103" fmla="*/ 276 h 452"/>
                    <a:gd name="T104" fmla="*/ 374 w 545"/>
                    <a:gd name="T105" fmla="*/ 280 h 452"/>
                    <a:gd name="T106" fmla="*/ 418 w 545"/>
                    <a:gd name="T107" fmla="*/ 295 h 452"/>
                    <a:gd name="T108" fmla="*/ 425 w 545"/>
                    <a:gd name="T109" fmla="*/ 278 h 452"/>
                    <a:gd name="T110" fmla="*/ 430 w 545"/>
                    <a:gd name="T111" fmla="*/ 264 h 452"/>
                    <a:gd name="T112" fmla="*/ 472 w 545"/>
                    <a:gd name="T113" fmla="*/ 300 h 452"/>
                    <a:gd name="T114" fmla="*/ 509 w 545"/>
                    <a:gd name="T115" fmla="*/ 322 h 452"/>
                    <a:gd name="T116" fmla="*/ 521 w 545"/>
                    <a:gd name="T117" fmla="*/ 322 h 452"/>
                    <a:gd name="T118" fmla="*/ 541 w 545"/>
                    <a:gd name="T119" fmla="*/ 349 h 452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w 545"/>
                    <a:gd name="T181" fmla="*/ 0 h 452"/>
                    <a:gd name="T182" fmla="*/ 545 w 545"/>
                    <a:gd name="T183" fmla="*/ 452 h 452"/>
                  </a:gdLst>
                  <a:ahLst/>
                  <a:cxnLst>
                    <a:cxn ang="T120">
                      <a:pos x="T0" y="T1"/>
                    </a:cxn>
                    <a:cxn ang="T121">
                      <a:pos x="T2" y="T3"/>
                    </a:cxn>
                    <a:cxn ang="T122">
                      <a:pos x="T4" y="T5"/>
                    </a:cxn>
                    <a:cxn ang="T123">
                      <a:pos x="T6" y="T7"/>
                    </a:cxn>
                    <a:cxn ang="T124">
                      <a:pos x="T8" y="T9"/>
                    </a:cxn>
                    <a:cxn ang="T125">
                      <a:pos x="T10" y="T11"/>
                    </a:cxn>
                    <a:cxn ang="T126">
                      <a:pos x="T12" y="T13"/>
                    </a:cxn>
                    <a:cxn ang="T127">
                      <a:pos x="T14" y="T15"/>
                    </a:cxn>
                    <a:cxn ang="T128">
                      <a:pos x="T16" y="T17"/>
                    </a:cxn>
                    <a:cxn ang="T129">
                      <a:pos x="T18" y="T19"/>
                    </a:cxn>
                    <a:cxn ang="T130">
                      <a:pos x="T20" y="T21"/>
                    </a:cxn>
                    <a:cxn ang="T131">
                      <a:pos x="T22" y="T23"/>
                    </a:cxn>
                    <a:cxn ang="T132">
                      <a:pos x="T24" y="T25"/>
                    </a:cxn>
                    <a:cxn ang="T133">
                      <a:pos x="T26" y="T27"/>
                    </a:cxn>
                    <a:cxn ang="T134">
                      <a:pos x="T28" y="T29"/>
                    </a:cxn>
                    <a:cxn ang="T135">
                      <a:pos x="T30" y="T31"/>
                    </a:cxn>
                    <a:cxn ang="T136">
                      <a:pos x="T32" y="T33"/>
                    </a:cxn>
                    <a:cxn ang="T137">
                      <a:pos x="T34" y="T35"/>
                    </a:cxn>
                    <a:cxn ang="T138">
                      <a:pos x="T36" y="T37"/>
                    </a:cxn>
                    <a:cxn ang="T139">
                      <a:pos x="T38" y="T39"/>
                    </a:cxn>
                    <a:cxn ang="T140">
                      <a:pos x="T40" y="T41"/>
                    </a:cxn>
                    <a:cxn ang="T141">
                      <a:pos x="T42" y="T43"/>
                    </a:cxn>
                    <a:cxn ang="T142">
                      <a:pos x="T44" y="T45"/>
                    </a:cxn>
                    <a:cxn ang="T143">
                      <a:pos x="T46" y="T47"/>
                    </a:cxn>
                    <a:cxn ang="T144">
                      <a:pos x="T48" y="T49"/>
                    </a:cxn>
                    <a:cxn ang="T145">
                      <a:pos x="T50" y="T51"/>
                    </a:cxn>
                    <a:cxn ang="T146">
                      <a:pos x="T52" y="T53"/>
                    </a:cxn>
                    <a:cxn ang="T147">
                      <a:pos x="T54" y="T55"/>
                    </a:cxn>
                    <a:cxn ang="T148">
                      <a:pos x="T56" y="T57"/>
                    </a:cxn>
                    <a:cxn ang="T149">
                      <a:pos x="T58" y="T59"/>
                    </a:cxn>
                    <a:cxn ang="T150">
                      <a:pos x="T60" y="T61"/>
                    </a:cxn>
                    <a:cxn ang="T151">
                      <a:pos x="T62" y="T63"/>
                    </a:cxn>
                    <a:cxn ang="T152">
                      <a:pos x="T64" y="T65"/>
                    </a:cxn>
                    <a:cxn ang="T153">
                      <a:pos x="T66" y="T67"/>
                    </a:cxn>
                    <a:cxn ang="T154">
                      <a:pos x="T68" y="T69"/>
                    </a:cxn>
                    <a:cxn ang="T155">
                      <a:pos x="T70" y="T71"/>
                    </a:cxn>
                    <a:cxn ang="T156">
                      <a:pos x="T72" y="T73"/>
                    </a:cxn>
                    <a:cxn ang="T157">
                      <a:pos x="T74" y="T75"/>
                    </a:cxn>
                    <a:cxn ang="T158">
                      <a:pos x="T76" y="T77"/>
                    </a:cxn>
                    <a:cxn ang="T159">
                      <a:pos x="T78" y="T79"/>
                    </a:cxn>
                    <a:cxn ang="T160">
                      <a:pos x="T80" y="T81"/>
                    </a:cxn>
                    <a:cxn ang="T161">
                      <a:pos x="T82" y="T83"/>
                    </a:cxn>
                    <a:cxn ang="T162">
                      <a:pos x="T84" y="T85"/>
                    </a:cxn>
                    <a:cxn ang="T163">
                      <a:pos x="T86" y="T87"/>
                    </a:cxn>
                    <a:cxn ang="T164">
                      <a:pos x="T88" y="T89"/>
                    </a:cxn>
                    <a:cxn ang="T165">
                      <a:pos x="T90" y="T91"/>
                    </a:cxn>
                    <a:cxn ang="T166">
                      <a:pos x="T92" y="T93"/>
                    </a:cxn>
                    <a:cxn ang="T167">
                      <a:pos x="T94" y="T95"/>
                    </a:cxn>
                    <a:cxn ang="T168">
                      <a:pos x="T96" y="T97"/>
                    </a:cxn>
                    <a:cxn ang="T169">
                      <a:pos x="T98" y="T99"/>
                    </a:cxn>
                    <a:cxn ang="T170">
                      <a:pos x="T100" y="T101"/>
                    </a:cxn>
                    <a:cxn ang="T171">
                      <a:pos x="T102" y="T103"/>
                    </a:cxn>
                    <a:cxn ang="T172">
                      <a:pos x="T104" y="T105"/>
                    </a:cxn>
                    <a:cxn ang="T173">
                      <a:pos x="T106" y="T107"/>
                    </a:cxn>
                    <a:cxn ang="T174">
                      <a:pos x="T108" y="T109"/>
                    </a:cxn>
                    <a:cxn ang="T175">
                      <a:pos x="T110" y="T111"/>
                    </a:cxn>
                    <a:cxn ang="T176">
                      <a:pos x="T112" y="T113"/>
                    </a:cxn>
                    <a:cxn ang="T177">
                      <a:pos x="T114" y="T115"/>
                    </a:cxn>
                    <a:cxn ang="T178">
                      <a:pos x="T116" y="T117"/>
                    </a:cxn>
                    <a:cxn ang="T179">
                      <a:pos x="T118" y="T119"/>
                    </a:cxn>
                  </a:cxnLst>
                  <a:rect l="T180" t="T181" r="T182" b="T183"/>
                  <a:pathLst>
                    <a:path w="545" h="452">
                      <a:moveTo>
                        <a:pt x="541" y="349"/>
                      </a:moveTo>
                      <a:lnTo>
                        <a:pt x="541" y="349"/>
                      </a:lnTo>
                      <a:lnTo>
                        <a:pt x="541" y="347"/>
                      </a:lnTo>
                      <a:lnTo>
                        <a:pt x="543" y="346"/>
                      </a:lnTo>
                      <a:lnTo>
                        <a:pt x="543" y="344"/>
                      </a:lnTo>
                      <a:lnTo>
                        <a:pt x="545" y="341"/>
                      </a:lnTo>
                      <a:lnTo>
                        <a:pt x="545" y="339"/>
                      </a:lnTo>
                      <a:lnTo>
                        <a:pt x="545" y="336"/>
                      </a:lnTo>
                      <a:lnTo>
                        <a:pt x="545" y="332"/>
                      </a:lnTo>
                      <a:lnTo>
                        <a:pt x="543" y="329"/>
                      </a:lnTo>
                      <a:lnTo>
                        <a:pt x="541" y="325"/>
                      </a:lnTo>
                      <a:lnTo>
                        <a:pt x="538" y="320"/>
                      </a:lnTo>
                      <a:lnTo>
                        <a:pt x="535" y="317"/>
                      </a:lnTo>
                      <a:lnTo>
                        <a:pt x="533" y="315"/>
                      </a:lnTo>
                      <a:lnTo>
                        <a:pt x="530" y="315"/>
                      </a:lnTo>
                      <a:lnTo>
                        <a:pt x="526" y="314"/>
                      </a:lnTo>
                      <a:lnTo>
                        <a:pt x="523" y="314"/>
                      </a:lnTo>
                      <a:lnTo>
                        <a:pt x="519" y="314"/>
                      </a:lnTo>
                      <a:lnTo>
                        <a:pt x="516" y="312"/>
                      </a:lnTo>
                      <a:lnTo>
                        <a:pt x="514" y="312"/>
                      </a:lnTo>
                      <a:lnTo>
                        <a:pt x="506" y="310"/>
                      </a:lnTo>
                      <a:lnTo>
                        <a:pt x="452" y="271"/>
                      </a:lnTo>
                      <a:lnTo>
                        <a:pt x="435" y="259"/>
                      </a:lnTo>
                      <a:lnTo>
                        <a:pt x="421" y="251"/>
                      </a:lnTo>
                      <a:lnTo>
                        <a:pt x="413" y="263"/>
                      </a:lnTo>
                      <a:lnTo>
                        <a:pt x="413" y="271"/>
                      </a:lnTo>
                      <a:lnTo>
                        <a:pt x="403" y="280"/>
                      </a:lnTo>
                      <a:lnTo>
                        <a:pt x="381" y="266"/>
                      </a:lnTo>
                      <a:lnTo>
                        <a:pt x="379" y="264"/>
                      </a:lnTo>
                      <a:lnTo>
                        <a:pt x="377" y="261"/>
                      </a:lnTo>
                      <a:lnTo>
                        <a:pt x="374" y="259"/>
                      </a:lnTo>
                      <a:lnTo>
                        <a:pt x="369" y="258"/>
                      </a:lnTo>
                      <a:lnTo>
                        <a:pt x="365" y="258"/>
                      </a:lnTo>
                      <a:lnTo>
                        <a:pt x="360" y="259"/>
                      </a:lnTo>
                      <a:lnTo>
                        <a:pt x="355" y="263"/>
                      </a:lnTo>
                      <a:lnTo>
                        <a:pt x="354" y="264"/>
                      </a:lnTo>
                      <a:lnTo>
                        <a:pt x="350" y="264"/>
                      </a:lnTo>
                      <a:lnTo>
                        <a:pt x="347" y="266"/>
                      </a:lnTo>
                      <a:lnTo>
                        <a:pt x="345" y="266"/>
                      </a:lnTo>
                      <a:lnTo>
                        <a:pt x="271" y="17"/>
                      </a:lnTo>
                      <a:lnTo>
                        <a:pt x="269" y="17"/>
                      </a:lnTo>
                      <a:lnTo>
                        <a:pt x="266" y="16"/>
                      </a:lnTo>
                      <a:lnTo>
                        <a:pt x="261" y="14"/>
                      </a:lnTo>
                      <a:lnTo>
                        <a:pt x="255" y="12"/>
                      </a:lnTo>
                      <a:lnTo>
                        <a:pt x="249" y="11"/>
                      </a:lnTo>
                      <a:lnTo>
                        <a:pt x="244" y="12"/>
                      </a:lnTo>
                      <a:lnTo>
                        <a:pt x="237" y="14"/>
                      </a:lnTo>
                      <a:lnTo>
                        <a:pt x="232" y="17"/>
                      </a:lnTo>
                      <a:lnTo>
                        <a:pt x="230" y="17"/>
                      </a:lnTo>
                      <a:lnTo>
                        <a:pt x="225" y="17"/>
                      </a:lnTo>
                      <a:lnTo>
                        <a:pt x="218" y="17"/>
                      </a:lnTo>
                      <a:lnTo>
                        <a:pt x="211" y="17"/>
                      </a:lnTo>
                      <a:lnTo>
                        <a:pt x="205" y="17"/>
                      </a:lnTo>
                      <a:lnTo>
                        <a:pt x="200" y="17"/>
                      </a:lnTo>
                      <a:lnTo>
                        <a:pt x="195" y="16"/>
                      </a:lnTo>
                      <a:lnTo>
                        <a:pt x="193" y="16"/>
                      </a:lnTo>
                      <a:lnTo>
                        <a:pt x="191" y="16"/>
                      </a:lnTo>
                      <a:lnTo>
                        <a:pt x="189" y="16"/>
                      </a:lnTo>
                      <a:lnTo>
                        <a:pt x="188" y="16"/>
                      </a:lnTo>
                      <a:lnTo>
                        <a:pt x="184" y="16"/>
                      </a:lnTo>
                      <a:lnTo>
                        <a:pt x="183" y="16"/>
                      </a:lnTo>
                      <a:lnTo>
                        <a:pt x="181" y="16"/>
                      </a:lnTo>
                      <a:lnTo>
                        <a:pt x="179" y="16"/>
                      </a:lnTo>
                      <a:lnTo>
                        <a:pt x="176" y="17"/>
                      </a:lnTo>
                      <a:lnTo>
                        <a:pt x="173" y="17"/>
                      </a:lnTo>
                      <a:lnTo>
                        <a:pt x="169" y="17"/>
                      </a:lnTo>
                      <a:lnTo>
                        <a:pt x="166" y="16"/>
                      </a:lnTo>
                      <a:lnTo>
                        <a:pt x="162" y="12"/>
                      </a:lnTo>
                      <a:lnTo>
                        <a:pt x="157" y="7"/>
                      </a:lnTo>
                      <a:lnTo>
                        <a:pt x="156" y="7"/>
                      </a:lnTo>
                      <a:lnTo>
                        <a:pt x="154" y="9"/>
                      </a:lnTo>
                      <a:lnTo>
                        <a:pt x="152" y="9"/>
                      </a:lnTo>
                      <a:lnTo>
                        <a:pt x="149" y="9"/>
                      </a:lnTo>
                      <a:lnTo>
                        <a:pt x="147" y="9"/>
                      </a:lnTo>
                      <a:lnTo>
                        <a:pt x="145" y="11"/>
                      </a:lnTo>
                      <a:lnTo>
                        <a:pt x="137" y="2"/>
                      </a:lnTo>
                      <a:lnTo>
                        <a:pt x="130" y="7"/>
                      </a:lnTo>
                      <a:lnTo>
                        <a:pt x="129" y="0"/>
                      </a:lnTo>
                      <a:lnTo>
                        <a:pt x="117" y="0"/>
                      </a:lnTo>
                      <a:lnTo>
                        <a:pt x="110" y="9"/>
                      </a:lnTo>
                      <a:lnTo>
                        <a:pt x="108" y="11"/>
                      </a:lnTo>
                      <a:lnTo>
                        <a:pt x="108" y="12"/>
                      </a:lnTo>
                      <a:lnTo>
                        <a:pt x="107" y="12"/>
                      </a:lnTo>
                      <a:lnTo>
                        <a:pt x="103" y="14"/>
                      </a:lnTo>
                      <a:lnTo>
                        <a:pt x="100" y="14"/>
                      </a:lnTo>
                      <a:lnTo>
                        <a:pt x="95" y="14"/>
                      </a:lnTo>
                      <a:lnTo>
                        <a:pt x="93" y="16"/>
                      </a:lnTo>
                      <a:lnTo>
                        <a:pt x="91" y="17"/>
                      </a:lnTo>
                      <a:lnTo>
                        <a:pt x="90" y="19"/>
                      </a:lnTo>
                      <a:lnTo>
                        <a:pt x="86" y="22"/>
                      </a:lnTo>
                      <a:lnTo>
                        <a:pt x="85" y="24"/>
                      </a:lnTo>
                      <a:lnTo>
                        <a:pt x="83" y="26"/>
                      </a:lnTo>
                      <a:lnTo>
                        <a:pt x="81" y="26"/>
                      </a:lnTo>
                      <a:lnTo>
                        <a:pt x="78" y="26"/>
                      </a:lnTo>
                      <a:lnTo>
                        <a:pt x="74" y="29"/>
                      </a:lnTo>
                      <a:lnTo>
                        <a:pt x="69" y="33"/>
                      </a:lnTo>
                      <a:lnTo>
                        <a:pt x="64" y="38"/>
                      </a:lnTo>
                      <a:lnTo>
                        <a:pt x="59" y="46"/>
                      </a:lnTo>
                      <a:lnTo>
                        <a:pt x="54" y="56"/>
                      </a:lnTo>
                      <a:lnTo>
                        <a:pt x="52" y="58"/>
                      </a:lnTo>
                      <a:lnTo>
                        <a:pt x="51" y="61"/>
                      </a:lnTo>
                      <a:lnTo>
                        <a:pt x="47" y="63"/>
                      </a:lnTo>
                      <a:lnTo>
                        <a:pt x="47" y="65"/>
                      </a:lnTo>
                      <a:lnTo>
                        <a:pt x="30" y="65"/>
                      </a:lnTo>
                      <a:lnTo>
                        <a:pt x="22" y="78"/>
                      </a:lnTo>
                      <a:lnTo>
                        <a:pt x="22" y="80"/>
                      </a:lnTo>
                      <a:lnTo>
                        <a:pt x="25" y="82"/>
                      </a:lnTo>
                      <a:lnTo>
                        <a:pt x="30" y="83"/>
                      </a:lnTo>
                      <a:lnTo>
                        <a:pt x="35" y="87"/>
                      </a:lnTo>
                      <a:lnTo>
                        <a:pt x="42" y="92"/>
                      </a:lnTo>
                      <a:lnTo>
                        <a:pt x="46" y="97"/>
                      </a:lnTo>
                      <a:lnTo>
                        <a:pt x="49" y="105"/>
                      </a:lnTo>
                      <a:lnTo>
                        <a:pt x="51" y="114"/>
                      </a:lnTo>
                      <a:lnTo>
                        <a:pt x="54" y="116"/>
                      </a:lnTo>
                      <a:lnTo>
                        <a:pt x="56" y="116"/>
                      </a:lnTo>
                      <a:lnTo>
                        <a:pt x="59" y="116"/>
                      </a:lnTo>
                      <a:lnTo>
                        <a:pt x="63" y="116"/>
                      </a:lnTo>
                      <a:lnTo>
                        <a:pt x="66" y="116"/>
                      </a:lnTo>
                      <a:lnTo>
                        <a:pt x="68" y="117"/>
                      </a:lnTo>
                      <a:lnTo>
                        <a:pt x="71" y="129"/>
                      </a:lnTo>
                      <a:lnTo>
                        <a:pt x="81" y="129"/>
                      </a:lnTo>
                      <a:lnTo>
                        <a:pt x="79" y="132"/>
                      </a:lnTo>
                      <a:lnTo>
                        <a:pt x="68" y="132"/>
                      </a:lnTo>
                      <a:lnTo>
                        <a:pt x="63" y="122"/>
                      </a:lnTo>
                      <a:lnTo>
                        <a:pt x="59" y="126"/>
                      </a:lnTo>
                      <a:lnTo>
                        <a:pt x="68" y="136"/>
                      </a:lnTo>
                      <a:lnTo>
                        <a:pt x="76" y="138"/>
                      </a:lnTo>
                      <a:lnTo>
                        <a:pt x="68" y="144"/>
                      </a:lnTo>
                      <a:lnTo>
                        <a:pt x="46" y="139"/>
                      </a:lnTo>
                      <a:lnTo>
                        <a:pt x="46" y="127"/>
                      </a:lnTo>
                      <a:lnTo>
                        <a:pt x="27" y="132"/>
                      </a:lnTo>
                      <a:lnTo>
                        <a:pt x="27" y="134"/>
                      </a:lnTo>
                      <a:lnTo>
                        <a:pt x="27" y="138"/>
                      </a:lnTo>
                      <a:lnTo>
                        <a:pt x="27" y="139"/>
                      </a:lnTo>
                      <a:lnTo>
                        <a:pt x="27" y="141"/>
                      </a:lnTo>
                      <a:lnTo>
                        <a:pt x="25" y="141"/>
                      </a:lnTo>
                      <a:lnTo>
                        <a:pt x="22" y="139"/>
                      </a:lnTo>
                      <a:lnTo>
                        <a:pt x="19" y="136"/>
                      </a:lnTo>
                      <a:lnTo>
                        <a:pt x="15" y="138"/>
                      </a:lnTo>
                      <a:lnTo>
                        <a:pt x="12" y="138"/>
                      </a:lnTo>
                      <a:lnTo>
                        <a:pt x="8" y="139"/>
                      </a:lnTo>
                      <a:lnTo>
                        <a:pt x="5" y="143"/>
                      </a:lnTo>
                      <a:lnTo>
                        <a:pt x="2" y="144"/>
                      </a:lnTo>
                      <a:lnTo>
                        <a:pt x="0" y="148"/>
                      </a:lnTo>
                      <a:lnTo>
                        <a:pt x="0" y="151"/>
                      </a:lnTo>
                      <a:lnTo>
                        <a:pt x="0" y="153"/>
                      </a:lnTo>
                      <a:lnTo>
                        <a:pt x="0" y="154"/>
                      </a:lnTo>
                      <a:lnTo>
                        <a:pt x="2" y="156"/>
                      </a:lnTo>
                      <a:lnTo>
                        <a:pt x="3" y="160"/>
                      </a:lnTo>
                      <a:lnTo>
                        <a:pt x="5" y="161"/>
                      </a:lnTo>
                      <a:lnTo>
                        <a:pt x="7" y="165"/>
                      </a:lnTo>
                      <a:lnTo>
                        <a:pt x="8" y="165"/>
                      </a:lnTo>
                      <a:lnTo>
                        <a:pt x="8" y="166"/>
                      </a:lnTo>
                      <a:lnTo>
                        <a:pt x="13" y="171"/>
                      </a:lnTo>
                      <a:lnTo>
                        <a:pt x="13" y="173"/>
                      </a:lnTo>
                      <a:lnTo>
                        <a:pt x="13" y="175"/>
                      </a:lnTo>
                      <a:lnTo>
                        <a:pt x="15" y="178"/>
                      </a:lnTo>
                      <a:lnTo>
                        <a:pt x="17" y="180"/>
                      </a:lnTo>
                      <a:lnTo>
                        <a:pt x="22" y="182"/>
                      </a:lnTo>
                      <a:lnTo>
                        <a:pt x="29" y="183"/>
                      </a:lnTo>
                      <a:lnTo>
                        <a:pt x="39" y="183"/>
                      </a:lnTo>
                      <a:lnTo>
                        <a:pt x="41" y="183"/>
                      </a:lnTo>
                      <a:lnTo>
                        <a:pt x="44" y="185"/>
                      </a:lnTo>
                      <a:lnTo>
                        <a:pt x="47" y="187"/>
                      </a:lnTo>
                      <a:lnTo>
                        <a:pt x="49" y="187"/>
                      </a:lnTo>
                      <a:lnTo>
                        <a:pt x="59" y="187"/>
                      </a:lnTo>
                      <a:lnTo>
                        <a:pt x="71" y="176"/>
                      </a:lnTo>
                      <a:lnTo>
                        <a:pt x="74" y="176"/>
                      </a:lnTo>
                      <a:lnTo>
                        <a:pt x="78" y="175"/>
                      </a:lnTo>
                      <a:lnTo>
                        <a:pt x="81" y="175"/>
                      </a:lnTo>
                      <a:lnTo>
                        <a:pt x="83" y="176"/>
                      </a:lnTo>
                      <a:lnTo>
                        <a:pt x="83" y="178"/>
                      </a:lnTo>
                      <a:lnTo>
                        <a:pt x="81" y="182"/>
                      </a:lnTo>
                      <a:lnTo>
                        <a:pt x="74" y="185"/>
                      </a:lnTo>
                      <a:lnTo>
                        <a:pt x="74" y="187"/>
                      </a:lnTo>
                      <a:lnTo>
                        <a:pt x="76" y="190"/>
                      </a:lnTo>
                      <a:lnTo>
                        <a:pt x="78" y="195"/>
                      </a:lnTo>
                      <a:lnTo>
                        <a:pt x="79" y="200"/>
                      </a:lnTo>
                      <a:lnTo>
                        <a:pt x="79" y="205"/>
                      </a:lnTo>
                      <a:lnTo>
                        <a:pt x="78" y="209"/>
                      </a:lnTo>
                      <a:lnTo>
                        <a:pt x="71" y="212"/>
                      </a:lnTo>
                      <a:lnTo>
                        <a:pt x="63" y="212"/>
                      </a:lnTo>
                      <a:lnTo>
                        <a:pt x="61" y="214"/>
                      </a:lnTo>
                      <a:lnTo>
                        <a:pt x="59" y="214"/>
                      </a:lnTo>
                      <a:lnTo>
                        <a:pt x="57" y="217"/>
                      </a:lnTo>
                      <a:lnTo>
                        <a:pt x="56" y="219"/>
                      </a:lnTo>
                      <a:lnTo>
                        <a:pt x="54" y="220"/>
                      </a:lnTo>
                      <a:lnTo>
                        <a:pt x="52" y="224"/>
                      </a:lnTo>
                      <a:lnTo>
                        <a:pt x="51" y="226"/>
                      </a:lnTo>
                      <a:lnTo>
                        <a:pt x="51" y="224"/>
                      </a:lnTo>
                      <a:lnTo>
                        <a:pt x="47" y="222"/>
                      </a:lnTo>
                      <a:lnTo>
                        <a:pt x="44" y="220"/>
                      </a:lnTo>
                      <a:lnTo>
                        <a:pt x="41" y="220"/>
                      </a:lnTo>
                      <a:lnTo>
                        <a:pt x="35" y="220"/>
                      </a:lnTo>
                      <a:lnTo>
                        <a:pt x="34" y="220"/>
                      </a:lnTo>
                      <a:lnTo>
                        <a:pt x="30" y="224"/>
                      </a:lnTo>
                      <a:lnTo>
                        <a:pt x="30" y="231"/>
                      </a:lnTo>
                      <a:lnTo>
                        <a:pt x="30" y="232"/>
                      </a:lnTo>
                      <a:lnTo>
                        <a:pt x="30" y="234"/>
                      </a:lnTo>
                      <a:lnTo>
                        <a:pt x="30" y="236"/>
                      </a:lnTo>
                      <a:lnTo>
                        <a:pt x="29" y="237"/>
                      </a:lnTo>
                      <a:lnTo>
                        <a:pt x="29" y="239"/>
                      </a:lnTo>
                      <a:lnTo>
                        <a:pt x="27" y="242"/>
                      </a:lnTo>
                      <a:lnTo>
                        <a:pt x="25" y="242"/>
                      </a:lnTo>
                      <a:lnTo>
                        <a:pt x="22" y="242"/>
                      </a:lnTo>
                      <a:lnTo>
                        <a:pt x="22" y="244"/>
                      </a:lnTo>
                      <a:lnTo>
                        <a:pt x="20" y="244"/>
                      </a:lnTo>
                      <a:lnTo>
                        <a:pt x="20" y="248"/>
                      </a:lnTo>
                      <a:lnTo>
                        <a:pt x="19" y="249"/>
                      </a:lnTo>
                      <a:lnTo>
                        <a:pt x="17" y="251"/>
                      </a:lnTo>
                      <a:lnTo>
                        <a:pt x="17" y="254"/>
                      </a:lnTo>
                      <a:lnTo>
                        <a:pt x="17" y="256"/>
                      </a:lnTo>
                      <a:lnTo>
                        <a:pt x="15" y="256"/>
                      </a:lnTo>
                      <a:lnTo>
                        <a:pt x="13" y="258"/>
                      </a:lnTo>
                      <a:lnTo>
                        <a:pt x="12" y="261"/>
                      </a:lnTo>
                      <a:lnTo>
                        <a:pt x="10" y="263"/>
                      </a:lnTo>
                      <a:lnTo>
                        <a:pt x="8" y="266"/>
                      </a:lnTo>
                      <a:lnTo>
                        <a:pt x="10" y="266"/>
                      </a:lnTo>
                      <a:lnTo>
                        <a:pt x="12" y="266"/>
                      </a:lnTo>
                      <a:lnTo>
                        <a:pt x="19" y="264"/>
                      </a:lnTo>
                      <a:lnTo>
                        <a:pt x="19" y="268"/>
                      </a:lnTo>
                      <a:lnTo>
                        <a:pt x="17" y="271"/>
                      </a:lnTo>
                      <a:lnTo>
                        <a:pt x="17" y="273"/>
                      </a:lnTo>
                      <a:lnTo>
                        <a:pt x="19" y="275"/>
                      </a:lnTo>
                      <a:lnTo>
                        <a:pt x="20" y="278"/>
                      </a:lnTo>
                      <a:lnTo>
                        <a:pt x="24" y="280"/>
                      </a:lnTo>
                      <a:lnTo>
                        <a:pt x="27" y="283"/>
                      </a:lnTo>
                      <a:lnTo>
                        <a:pt x="30" y="286"/>
                      </a:lnTo>
                      <a:lnTo>
                        <a:pt x="35" y="288"/>
                      </a:lnTo>
                      <a:lnTo>
                        <a:pt x="41" y="288"/>
                      </a:lnTo>
                      <a:lnTo>
                        <a:pt x="39" y="290"/>
                      </a:lnTo>
                      <a:lnTo>
                        <a:pt x="37" y="292"/>
                      </a:lnTo>
                      <a:lnTo>
                        <a:pt x="34" y="295"/>
                      </a:lnTo>
                      <a:lnTo>
                        <a:pt x="30" y="300"/>
                      </a:lnTo>
                      <a:lnTo>
                        <a:pt x="29" y="303"/>
                      </a:lnTo>
                      <a:lnTo>
                        <a:pt x="27" y="307"/>
                      </a:lnTo>
                      <a:lnTo>
                        <a:pt x="29" y="308"/>
                      </a:lnTo>
                      <a:lnTo>
                        <a:pt x="32" y="310"/>
                      </a:lnTo>
                      <a:lnTo>
                        <a:pt x="34" y="310"/>
                      </a:lnTo>
                      <a:lnTo>
                        <a:pt x="35" y="314"/>
                      </a:lnTo>
                      <a:lnTo>
                        <a:pt x="37" y="317"/>
                      </a:lnTo>
                      <a:lnTo>
                        <a:pt x="41" y="319"/>
                      </a:lnTo>
                      <a:lnTo>
                        <a:pt x="44" y="320"/>
                      </a:lnTo>
                      <a:lnTo>
                        <a:pt x="47" y="319"/>
                      </a:lnTo>
                      <a:lnTo>
                        <a:pt x="52" y="314"/>
                      </a:lnTo>
                      <a:lnTo>
                        <a:pt x="56" y="305"/>
                      </a:lnTo>
                      <a:lnTo>
                        <a:pt x="57" y="303"/>
                      </a:lnTo>
                      <a:lnTo>
                        <a:pt x="59" y="300"/>
                      </a:lnTo>
                      <a:lnTo>
                        <a:pt x="59" y="298"/>
                      </a:lnTo>
                      <a:lnTo>
                        <a:pt x="59" y="300"/>
                      </a:lnTo>
                      <a:lnTo>
                        <a:pt x="59" y="302"/>
                      </a:lnTo>
                      <a:lnTo>
                        <a:pt x="59" y="305"/>
                      </a:lnTo>
                      <a:lnTo>
                        <a:pt x="59" y="308"/>
                      </a:lnTo>
                      <a:lnTo>
                        <a:pt x="61" y="312"/>
                      </a:lnTo>
                      <a:lnTo>
                        <a:pt x="63" y="315"/>
                      </a:lnTo>
                      <a:lnTo>
                        <a:pt x="64" y="319"/>
                      </a:lnTo>
                      <a:lnTo>
                        <a:pt x="68" y="322"/>
                      </a:lnTo>
                      <a:lnTo>
                        <a:pt x="69" y="322"/>
                      </a:lnTo>
                      <a:lnTo>
                        <a:pt x="69" y="324"/>
                      </a:lnTo>
                      <a:lnTo>
                        <a:pt x="69" y="327"/>
                      </a:lnTo>
                      <a:lnTo>
                        <a:pt x="68" y="329"/>
                      </a:lnTo>
                      <a:lnTo>
                        <a:pt x="68" y="332"/>
                      </a:lnTo>
                      <a:lnTo>
                        <a:pt x="66" y="334"/>
                      </a:lnTo>
                      <a:lnTo>
                        <a:pt x="66" y="336"/>
                      </a:lnTo>
                      <a:lnTo>
                        <a:pt x="64" y="346"/>
                      </a:lnTo>
                      <a:lnTo>
                        <a:pt x="64" y="347"/>
                      </a:lnTo>
                      <a:lnTo>
                        <a:pt x="66" y="351"/>
                      </a:lnTo>
                      <a:lnTo>
                        <a:pt x="66" y="352"/>
                      </a:lnTo>
                      <a:lnTo>
                        <a:pt x="68" y="352"/>
                      </a:lnTo>
                      <a:lnTo>
                        <a:pt x="69" y="352"/>
                      </a:lnTo>
                      <a:lnTo>
                        <a:pt x="73" y="349"/>
                      </a:lnTo>
                      <a:lnTo>
                        <a:pt x="78" y="341"/>
                      </a:lnTo>
                      <a:lnTo>
                        <a:pt x="79" y="341"/>
                      </a:lnTo>
                      <a:lnTo>
                        <a:pt x="79" y="339"/>
                      </a:lnTo>
                      <a:lnTo>
                        <a:pt x="79" y="336"/>
                      </a:lnTo>
                      <a:lnTo>
                        <a:pt x="81" y="334"/>
                      </a:lnTo>
                      <a:lnTo>
                        <a:pt x="83" y="336"/>
                      </a:lnTo>
                      <a:lnTo>
                        <a:pt x="86" y="337"/>
                      </a:lnTo>
                      <a:lnTo>
                        <a:pt x="90" y="341"/>
                      </a:lnTo>
                      <a:lnTo>
                        <a:pt x="91" y="341"/>
                      </a:lnTo>
                      <a:lnTo>
                        <a:pt x="91" y="339"/>
                      </a:lnTo>
                      <a:lnTo>
                        <a:pt x="91" y="337"/>
                      </a:lnTo>
                      <a:lnTo>
                        <a:pt x="93" y="336"/>
                      </a:lnTo>
                      <a:lnTo>
                        <a:pt x="93" y="334"/>
                      </a:lnTo>
                      <a:lnTo>
                        <a:pt x="95" y="336"/>
                      </a:lnTo>
                      <a:lnTo>
                        <a:pt x="96" y="337"/>
                      </a:lnTo>
                      <a:lnTo>
                        <a:pt x="98" y="344"/>
                      </a:lnTo>
                      <a:lnTo>
                        <a:pt x="100" y="346"/>
                      </a:lnTo>
                      <a:lnTo>
                        <a:pt x="100" y="347"/>
                      </a:lnTo>
                      <a:lnTo>
                        <a:pt x="101" y="351"/>
                      </a:lnTo>
                      <a:lnTo>
                        <a:pt x="103" y="352"/>
                      </a:lnTo>
                      <a:lnTo>
                        <a:pt x="105" y="354"/>
                      </a:lnTo>
                      <a:lnTo>
                        <a:pt x="107" y="352"/>
                      </a:lnTo>
                      <a:lnTo>
                        <a:pt x="108" y="351"/>
                      </a:lnTo>
                      <a:lnTo>
                        <a:pt x="108" y="344"/>
                      </a:lnTo>
                      <a:lnTo>
                        <a:pt x="110" y="344"/>
                      </a:lnTo>
                      <a:lnTo>
                        <a:pt x="113" y="346"/>
                      </a:lnTo>
                      <a:lnTo>
                        <a:pt x="117" y="346"/>
                      </a:lnTo>
                      <a:lnTo>
                        <a:pt x="122" y="346"/>
                      </a:lnTo>
                      <a:lnTo>
                        <a:pt x="127" y="342"/>
                      </a:lnTo>
                      <a:lnTo>
                        <a:pt x="132" y="337"/>
                      </a:lnTo>
                      <a:lnTo>
                        <a:pt x="139" y="329"/>
                      </a:lnTo>
                      <a:lnTo>
                        <a:pt x="137" y="332"/>
                      </a:lnTo>
                      <a:lnTo>
                        <a:pt x="135" y="336"/>
                      </a:lnTo>
                      <a:lnTo>
                        <a:pt x="134" y="341"/>
                      </a:lnTo>
                      <a:lnTo>
                        <a:pt x="130" y="344"/>
                      </a:lnTo>
                      <a:lnTo>
                        <a:pt x="130" y="347"/>
                      </a:lnTo>
                      <a:lnTo>
                        <a:pt x="129" y="351"/>
                      </a:lnTo>
                      <a:lnTo>
                        <a:pt x="127" y="352"/>
                      </a:lnTo>
                      <a:lnTo>
                        <a:pt x="127" y="358"/>
                      </a:lnTo>
                      <a:lnTo>
                        <a:pt x="125" y="364"/>
                      </a:lnTo>
                      <a:lnTo>
                        <a:pt x="125" y="371"/>
                      </a:lnTo>
                      <a:lnTo>
                        <a:pt x="122" y="378"/>
                      </a:lnTo>
                      <a:lnTo>
                        <a:pt x="120" y="383"/>
                      </a:lnTo>
                      <a:lnTo>
                        <a:pt x="117" y="388"/>
                      </a:lnTo>
                      <a:lnTo>
                        <a:pt x="112" y="390"/>
                      </a:lnTo>
                      <a:lnTo>
                        <a:pt x="112" y="391"/>
                      </a:lnTo>
                      <a:lnTo>
                        <a:pt x="113" y="391"/>
                      </a:lnTo>
                      <a:lnTo>
                        <a:pt x="113" y="393"/>
                      </a:lnTo>
                      <a:lnTo>
                        <a:pt x="112" y="396"/>
                      </a:lnTo>
                      <a:lnTo>
                        <a:pt x="110" y="398"/>
                      </a:lnTo>
                      <a:lnTo>
                        <a:pt x="107" y="402"/>
                      </a:lnTo>
                      <a:lnTo>
                        <a:pt x="100" y="405"/>
                      </a:lnTo>
                      <a:lnTo>
                        <a:pt x="96" y="407"/>
                      </a:lnTo>
                      <a:lnTo>
                        <a:pt x="91" y="408"/>
                      </a:lnTo>
                      <a:lnTo>
                        <a:pt x="88" y="412"/>
                      </a:lnTo>
                      <a:lnTo>
                        <a:pt x="85" y="413"/>
                      </a:lnTo>
                      <a:lnTo>
                        <a:pt x="83" y="418"/>
                      </a:lnTo>
                      <a:lnTo>
                        <a:pt x="83" y="422"/>
                      </a:lnTo>
                      <a:lnTo>
                        <a:pt x="85" y="425"/>
                      </a:lnTo>
                      <a:lnTo>
                        <a:pt x="85" y="427"/>
                      </a:lnTo>
                      <a:lnTo>
                        <a:pt x="85" y="429"/>
                      </a:lnTo>
                      <a:lnTo>
                        <a:pt x="83" y="430"/>
                      </a:lnTo>
                      <a:lnTo>
                        <a:pt x="81" y="430"/>
                      </a:lnTo>
                      <a:lnTo>
                        <a:pt x="79" y="432"/>
                      </a:lnTo>
                      <a:lnTo>
                        <a:pt x="78" y="430"/>
                      </a:lnTo>
                      <a:lnTo>
                        <a:pt x="76" y="429"/>
                      </a:lnTo>
                      <a:lnTo>
                        <a:pt x="76" y="424"/>
                      </a:lnTo>
                      <a:lnTo>
                        <a:pt x="74" y="424"/>
                      </a:lnTo>
                      <a:lnTo>
                        <a:pt x="71" y="424"/>
                      </a:lnTo>
                      <a:lnTo>
                        <a:pt x="69" y="424"/>
                      </a:lnTo>
                      <a:lnTo>
                        <a:pt x="68" y="425"/>
                      </a:lnTo>
                      <a:lnTo>
                        <a:pt x="64" y="425"/>
                      </a:lnTo>
                      <a:lnTo>
                        <a:pt x="63" y="425"/>
                      </a:lnTo>
                      <a:lnTo>
                        <a:pt x="46" y="442"/>
                      </a:lnTo>
                      <a:lnTo>
                        <a:pt x="44" y="442"/>
                      </a:lnTo>
                      <a:lnTo>
                        <a:pt x="44" y="444"/>
                      </a:lnTo>
                      <a:lnTo>
                        <a:pt x="42" y="447"/>
                      </a:lnTo>
                      <a:lnTo>
                        <a:pt x="41" y="449"/>
                      </a:lnTo>
                      <a:lnTo>
                        <a:pt x="41" y="452"/>
                      </a:lnTo>
                      <a:lnTo>
                        <a:pt x="42" y="452"/>
                      </a:lnTo>
                      <a:lnTo>
                        <a:pt x="44" y="451"/>
                      </a:lnTo>
                      <a:lnTo>
                        <a:pt x="51" y="447"/>
                      </a:lnTo>
                      <a:lnTo>
                        <a:pt x="52" y="446"/>
                      </a:lnTo>
                      <a:lnTo>
                        <a:pt x="56" y="444"/>
                      </a:lnTo>
                      <a:lnTo>
                        <a:pt x="57" y="440"/>
                      </a:lnTo>
                      <a:lnTo>
                        <a:pt x="61" y="439"/>
                      </a:lnTo>
                      <a:lnTo>
                        <a:pt x="64" y="435"/>
                      </a:lnTo>
                      <a:lnTo>
                        <a:pt x="66" y="434"/>
                      </a:lnTo>
                      <a:lnTo>
                        <a:pt x="68" y="432"/>
                      </a:lnTo>
                      <a:lnTo>
                        <a:pt x="68" y="434"/>
                      </a:lnTo>
                      <a:lnTo>
                        <a:pt x="68" y="437"/>
                      </a:lnTo>
                      <a:lnTo>
                        <a:pt x="68" y="439"/>
                      </a:lnTo>
                      <a:lnTo>
                        <a:pt x="69" y="440"/>
                      </a:lnTo>
                      <a:lnTo>
                        <a:pt x="73" y="440"/>
                      </a:lnTo>
                      <a:lnTo>
                        <a:pt x="78" y="439"/>
                      </a:lnTo>
                      <a:lnTo>
                        <a:pt x="86" y="434"/>
                      </a:lnTo>
                      <a:lnTo>
                        <a:pt x="88" y="430"/>
                      </a:lnTo>
                      <a:lnTo>
                        <a:pt x="90" y="429"/>
                      </a:lnTo>
                      <a:lnTo>
                        <a:pt x="91" y="429"/>
                      </a:lnTo>
                      <a:lnTo>
                        <a:pt x="95" y="434"/>
                      </a:lnTo>
                      <a:lnTo>
                        <a:pt x="96" y="434"/>
                      </a:lnTo>
                      <a:lnTo>
                        <a:pt x="96" y="432"/>
                      </a:lnTo>
                      <a:lnTo>
                        <a:pt x="96" y="430"/>
                      </a:lnTo>
                      <a:lnTo>
                        <a:pt x="98" y="427"/>
                      </a:lnTo>
                      <a:lnTo>
                        <a:pt x="101" y="424"/>
                      </a:lnTo>
                      <a:lnTo>
                        <a:pt x="105" y="422"/>
                      </a:lnTo>
                      <a:lnTo>
                        <a:pt x="110" y="420"/>
                      </a:lnTo>
                      <a:lnTo>
                        <a:pt x="117" y="420"/>
                      </a:lnTo>
                      <a:lnTo>
                        <a:pt x="117" y="418"/>
                      </a:lnTo>
                      <a:lnTo>
                        <a:pt x="115" y="418"/>
                      </a:lnTo>
                      <a:lnTo>
                        <a:pt x="113" y="415"/>
                      </a:lnTo>
                      <a:lnTo>
                        <a:pt x="113" y="413"/>
                      </a:lnTo>
                      <a:lnTo>
                        <a:pt x="115" y="408"/>
                      </a:lnTo>
                      <a:lnTo>
                        <a:pt x="120" y="405"/>
                      </a:lnTo>
                      <a:lnTo>
                        <a:pt x="127" y="398"/>
                      </a:lnTo>
                      <a:lnTo>
                        <a:pt x="139" y="391"/>
                      </a:lnTo>
                      <a:lnTo>
                        <a:pt x="140" y="391"/>
                      </a:lnTo>
                      <a:lnTo>
                        <a:pt x="139" y="390"/>
                      </a:lnTo>
                      <a:lnTo>
                        <a:pt x="139" y="388"/>
                      </a:lnTo>
                      <a:lnTo>
                        <a:pt x="140" y="385"/>
                      </a:lnTo>
                      <a:lnTo>
                        <a:pt x="144" y="381"/>
                      </a:lnTo>
                      <a:lnTo>
                        <a:pt x="151" y="374"/>
                      </a:lnTo>
                      <a:lnTo>
                        <a:pt x="161" y="366"/>
                      </a:lnTo>
                      <a:lnTo>
                        <a:pt x="174" y="354"/>
                      </a:lnTo>
                      <a:lnTo>
                        <a:pt x="176" y="352"/>
                      </a:lnTo>
                      <a:lnTo>
                        <a:pt x="178" y="347"/>
                      </a:lnTo>
                      <a:lnTo>
                        <a:pt x="178" y="344"/>
                      </a:lnTo>
                      <a:lnTo>
                        <a:pt x="179" y="342"/>
                      </a:lnTo>
                      <a:lnTo>
                        <a:pt x="181" y="341"/>
                      </a:lnTo>
                      <a:lnTo>
                        <a:pt x="183" y="339"/>
                      </a:lnTo>
                      <a:lnTo>
                        <a:pt x="183" y="337"/>
                      </a:lnTo>
                      <a:lnTo>
                        <a:pt x="184" y="336"/>
                      </a:lnTo>
                      <a:lnTo>
                        <a:pt x="183" y="332"/>
                      </a:lnTo>
                      <a:lnTo>
                        <a:pt x="181" y="330"/>
                      </a:lnTo>
                      <a:lnTo>
                        <a:pt x="174" y="330"/>
                      </a:lnTo>
                      <a:lnTo>
                        <a:pt x="173" y="330"/>
                      </a:lnTo>
                      <a:lnTo>
                        <a:pt x="173" y="329"/>
                      </a:lnTo>
                      <a:lnTo>
                        <a:pt x="173" y="327"/>
                      </a:lnTo>
                      <a:lnTo>
                        <a:pt x="174" y="322"/>
                      </a:lnTo>
                      <a:lnTo>
                        <a:pt x="178" y="317"/>
                      </a:lnTo>
                      <a:lnTo>
                        <a:pt x="183" y="310"/>
                      </a:lnTo>
                      <a:lnTo>
                        <a:pt x="191" y="302"/>
                      </a:lnTo>
                      <a:lnTo>
                        <a:pt x="193" y="298"/>
                      </a:lnTo>
                      <a:lnTo>
                        <a:pt x="195" y="293"/>
                      </a:lnTo>
                      <a:lnTo>
                        <a:pt x="196" y="285"/>
                      </a:lnTo>
                      <a:lnTo>
                        <a:pt x="200" y="276"/>
                      </a:lnTo>
                      <a:lnTo>
                        <a:pt x="205" y="268"/>
                      </a:lnTo>
                      <a:lnTo>
                        <a:pt x="211" y="264"/>
                      </a:lnTo>
                      <a:lnTo>
                        <a:pt x="220" y="264"/>
                      </a:lnTo>
                      <a:lnTo>
                        <a:pt x="230" y="271"/>
                      </a:lnTo>
                      <a:lnTo>
                        <a:pt x="228" y="271"/>
                      </a:lnTo>
                      <a:lnTo>
                        <a:pt x="225" y="271"/>
                      </a:lnTo>
                      <a:lnTo>
                        <a:pt x="220" y="273"/>
                      </a:lnTo>
                      <a:lnTo>
                        <a:pt x="213" y="273"/>
                      </a:lnTo>
                      <a:lnTo>
                        <a:pt x="210" y="276"/>
                      </a:lnTo>
                      <a:lnTo>
                        <a:pt x="206" y="281"/>
                      </a:lnTo>
                      <a:lnTo>
                        <a:pt x="206" y="288"/>
                      </a:lnTo>
                      <a:lnTo>
                        <a:pt x="210" y="297"/>
                      </a:lnTo>
                      <a:lnTo>
                        <a:pt x="210" y="298"/>
                      </a:lnTo>
                      <a:lnTo>
                        <a:pt x="208" y="302"/>
                      </a:lnTo>
                      <a:lnTo>
                        <a:pt x="205" y="305"/>
                      </a:lnTo>
                      <a:lnTo>
                        <a:pt x="203" y="308"/>
                      </a:lnTo>
                      <a:lnTo>
                        <a:pt x="203" y="310"/>
                      </a:lnTo>
                      <a:lnTo>
                        <a:pt x="205" y="312"/>
                      </a:lnTo>
                      <a:lnTo>
                        <a:pt x="208" y="310"/>
                      </a:lnTo>
                      <a:lnTo>
                        <a:pt x="215" y="307"/>
                      </a:lnTo>
                      <a:lnTo>
                        <a:pt x="213" y="308"/>
                      </a:lnTo>
                      <a:lnTo>
                        <a:pt x="211" y="312"/>
                      </a:lnTo>
                      <a:lnTo>
                        <a:pt x="210" y="317"/>
                      </a:lnTo>
                      <a:lnTo>
                        <a:pt x="208" y="320"/>
                      </a:lnTo>
                      <a:lnTo>
                        <a:pt x="208" y="324"/>
                      </a:lnTo>
                      <a:lnTo>
                        <a:pt x="210" y="322"/>
                      </a:lnTo>
                      <a:lnTo>
                        <a:pt x="217" y="319"/>
                      </a:lnTo>
                      <a:lnTo>
                        <a:pt x="227" y="308"/>
                      </a:lnTo>
                      <a:lnTo>
                        <a:pt x="227" y="307"/>
                      </a:lnTo>
                      <a:lnTo>
                        <a:pt x="230" y="305"/>
                      </a:lnTo>
                      <a:lnTo>
                        <a:pt x="232" y="303"/>
                      </a:lnTo>
                      <a:lnTo>
                        <a:pt x="233" y="302"/>
                      </a:lnTo>
                      <a:lnTo>
                        <a:pt x="237" y="300"/>
                      </a:lnTo>
                      <a:lnTo>
                        <a:pt x="239" y="298"/>
                      </a:lnTo>
                      <a:lnTo>
                        <a:pt x="240" y="297"/>
                      </a:lnTo>
                      <a:lnTo>
                        <a:pt x="242" y="297"/>
                      </a:lnTo>
                      <a:lnTo>
                        <a:pt x="244" y="297"/>
                      </a:lnTo>
                      <a:lnTo>
                        <a:pt x="245" y="295"/>
                      </a:lnTo>
                      <a:lnTo>
                        <a:pt x="247" y="293"/>
                      </a:lnTo>
                      <a:lnTo>
                        <a:pt x="249" y="290"/>
                      </a:lnTo>
                      <a:lnTo>
                        <a:pt x="247" y="286"/>
                      </a:lnTo>
                      <a:lnTo>
                        <a:pt x="245" y="281"/>
                      </a:lnTo>
                      <a:lnTo>
                        <a:pt x="245" y="280"/>
                      </a:lnTo>
                      <a:lnTo>
                        <a:pt x="244" y="276"/>
                      </a:lnTo>
                      <a:lnTo>
                        <a:pt x="242" y="273"/>
                      </a:lnTo>
                      <a:lnTo>
                        <a:pt x="240" y="271"/>
                      </a:lnTo>
                      <a:lnTo>
                        <a:pt x="250" y="264"/>
                      </a:lnTo>
                      <a:lnTo>
                        <a:pt x="255" y="268"/>
                      </a:lnTo>
                      <a:lnTo>
                        <a:pt x="266" y="263"/>
                      </a:lnTo>
                      <a:lnTo>
                        <a:pt x="281" y="271"/>
                      </a:lnTo>
                      <a:lnTo>
                        <a:pt x="286" y="278"/>
                      </a:lnTo>
                      <a:lnTo>
                        <a:pt x="293" y="270"/>
                      </a:lnTo>
                      <a:lnTo>
                        <a:pt x="303" y="286"/>
                      </a:lnTo>
                      <a:lnTo>
                        <a:pt x="305" y="285"/>
                      </a:lnTo>
                      <a:lnTo>
                        <a:pt x="310" y="281"/>
                      </a:lnTo>
                      <a:lnTo>
                        <a:pt x="315" y="278"/>
                      </a:lnTo>
                      <a:lnTo>
                        <a:pt x="323" y="276"/>
                      </a:lnTo>
                      <a:lnTo>
                        <a:pt x="333" y="275"/>
                      </a:lnTo>
                      <a:lnTo>
                        <a:pt x="343" y="275"/>
                      </a:lnTo>
                      <a:lnTo>
                        <a:pt x="357" y="276"/>
                      </a:lnTo>
                      <a:lnTo>
                        <a:pt x="359" y="276"/>
                      </a:lnTo>
                      <a:lnTo>
                        <a:pt x="360" y="275"/>
                      </a:lnTo>
                      <a:lnTo>
                        <a:pt x="362" y="273"/>
                      </a:lnTo>
                      <a:lnTo>
                        <a:pt x="364" y="271"/>
                      </a:lnTo>
                      <a:lnTo>
                        <a:pt x="365" y="271"/>
                      </a:lnTo>
                      <a:lnTo>
                        <a:pt x="369" y="271"/>
                      </a:lnTo>
                      <a:lnTo>
                        <a:pt x="371" y="275"/>
                      </a:lnTo>
                      <a:lnTo>
                        <a:pt x="371" y="278"/>
                      </a:lnTo>
                      <a:lnTo>
                        <a:pt x="371" y="280"/>
                      </a:lnTo>
                      <a:lnTo>
                        <a:pt x="374" y="280"/>
                      </a:lnTo>
                      <a:lnTo>
                        <a:pt x="377" y="281"/>
                      </a:lnTo>
                      <a:lnTo>
                        <a:pt x="381" y="281"/>
                      </a:lnTo>
                      <a:lnTo>
                        <a:pt x="384" y="281"/>
                      </a:lnTo>
                      <a:lnTo>
                        <a:pt x="387" y="283"/>
                      </a:lnTo>
                      <a:lnTo>
                        <a:pt x="389" y="283"/>
                      </a:lnTo>
                      <a:lnTo>
                        <a:pt x="391" y="283"/>
                      </a:lnTo>
                      <a:lnTo>
                        <a:pt x="411" y="295"/>
                      </a:lnTo>
                      <a:lnTo>
                        <a:pt x="413" y="295"/>
                      </a:lnTo>
                      <a:lnTo>
                        <a:pt x="415" y="295"/>
                      </a:lnTo>
                      <a:lnTo>
                        <a:pt x="418" y="295"/>
                      </a:lnTo>
                      <a:lnTo>
                        <a:pt x="421" y="295"/>
                      </a:lnTo>
                      <a:lnTo>
                        <a:pt x="425" y="295"/>
                      </a:lnTo>
                      <a:lnTo>
                        <a:pt x="425" y="292"/>
                      </a:lnTo>
                      <a:lnTo>
                        <a:pt x="423" y="288"/>
                      </a:lnTo>
                      <a:lnTo>
                        <a:pt x="416" y="280"/>
                      </a:lnTo>
                      <a:lnTo>
                        <a:pt x="418" y="280"/>
                      </a:lnTo>
                      <a:lnTo>
                        <a:pt x="420" y="278"/>
                      </a:lnTo>
                      <a:lnTo>
                        <a:pt x="423" y="276"/>
                      </a:lnTo>
                      <a:lnTo>
                        <a:pt x="425" y="278"/>
                      </a:lnTo>
                      <a:lnTo>
                        <a:pt x="428" y="280"/>
                      </a:lnTo>
                      <a:lnTo>
                        <a:pt x="431" y="283"/>
                      </a:lnTo>
                      <a:lnTo>
                        <a:pt x="435" y="286"/>
                      </a:lnTo>
                      <a:lnTo>
                        <a:pt x="438" y="288"/>
                      </a:lnTo>
                      <a:lnTo>
                        <a:pt x="438" y="286"/>
                      </a:lnTo>
                      <a:lnTo>
                        <a:pt x="435" y="281"/>
                      </a:lnTo>
                      <a:lnTo>
                        <a:pt x="430" y="271"/>
                      </a:lnTo>
                      <a:lnTo>
                        <a:pt x="428" y="270"/>
                      </a:lnTo>
                      <a:lnTo>
                        <a:pt x="430" y="266"/>
                      </a:lnTo>
                      <a:lnTo>
                        <a:pt x="430" y="264"/>
                      </a:lnTo>
                      <a:lnTo>
                        <a:pt x="431" y="264"/>
                      </a:lnTo>
                      <a:lnTo>
                        <a:pt x="445" y="283"/>
                      </a:lnTo>
                      <a:lnTo>
                        <a:pt x="455" y="280"/>
                      </a:lnTo>
                      <a:lnTo>
                        <a:pt x="455" y="281"/>
                      </a:lnTo>
                      <a:lnTo>
                        <a:pt x="457" y="281"/>
                      </a:lnTo>
                      <a:lnTo>
                        <a:pt x="460" y="283"/>
                      </a:lnTo>
                      <a:lnTo>
                        <a:pt x="462" y="286"/>
                      </a:lnTo>
                      <a:lnTo>
                        <a:pt x="465" y="290"/>
                      </a:lnTo>
                      <a:lnTo>
                        <a:pt x="469" y="295"/>
                      </a:lnTo>
                      <a:lnTo>
                        <a:pt x="472" y="300"/>
                      </a:lnTo>
                      <a:lnTo>
                        <a:pt x="475" y="305"/>
                      </a:lnTo>
                      <a:lnTo>
                        <a:pt x="479" y="312"/>
                      </a:lnTo>
                      <a:lnTo>
                        <a:pt x="482" y="314"/>
                      </a:lnTo>
                      <a:lnTo>
                        <a:pt x="484" y="314"/>
                      </a:lnTo>
                      <a:lnTo>
                        <a:pt x="486" y="312"/>
                      </a:lnTo>
                      <a:lnTo>
                        <a:pt x="487" y="310"/>
                      </a:lnTo>
                      <a:lnTo>
                        <a:pt x="487" y="308"/>
                      </a:lnTo>
                      <a:lnTo>
                        <a:pt x="487" y="307"/>
                      </a:lnTo>
                      <a:lnTo>
                        <a:pt x="509" y="322"/>
                      </a:lnTo>
                      <a:lnTo>
                        <a:pt x="508" y="325"/>
                      </a:lnTo>
                      <a:lnTo>
                        <a:pt x="508" y="327"/>
                      </a:lnTo>
                      <a:lnTo>
                        <a:pt x="508" y="330"/>
                      </a:lnTo>
                      <a:lnTo>
                        <a:pt x="508" y="332"/>
                      </a:lnTo>
                      <a:lnTo>
                        <a:pt x="509" y="332"/>
                      </a:lnTo>
                      <a:lnTo>
                        <a:pt x="514" y="329"/>
                      </a:lnTo>
                      <a:lnTo>
                        <a:pt x="519" y="324"/>
                      </a:lnTo>
                      <a:lnTo>
                        <a:pt x="521" y="322"/>
                      </a:lnTo>
                      <a:lnTo>
                        <a:pt x="523" y="322"/>
                      </a:lnTo>
                      <a:lnTo>
                        <a:pt x="525" y="324"/>
                      </a:lnTo>
                      <a:lnTo>
                        <a:pt x="528" y="325"/>
                      </a:lnTo>
                      <a:lnTo>
                        <a:pt x="531" y="330"/>
                      </a:lnTo>
                      <a:lnTo>
                        <a:pt x="535" y="339"/>
                      </a:lnTo>
                      <a:lnTo>
                        <a:pt x="536" y="341"/>
                      </a:lnTo>
                      <a:lnTo>
                        <a:pt x="538" y="344"/>
                      </a:lnTo>
                      <a:lnTo>
                        <a:pt x="540" y="347"/>
                      </a:lnTo>
                      <a:lnTo>
                        <a:pt x="541" y="349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78" name="Freeform 78"/>
                <p:cNvSpPr>
                  <a:spLocks/>
                </p:cNvSpPr>
                <p:nvPr/>
              </p:nvSpPr>
              <p:spPr bwMode="auto">
                <a:xfrm>
                  <a:off x="659" y="3034"/>
                  <a:ext cx="545" cy="452"/>
                </a:xfrm>
                <a:custGeom>
                  <a:avLst/>
                  <a:gdLst>
                    <a:gd name="T0" fmla="*/ 545 w 545"/>
                    <a:gd name="T1" fmla="*/ 332 h 452"/>
                    <a:gd name="T2" fmla="*/ 516 w 545"/>
                    <a:gd name="T3" fmla="*/ 312 h 452"/>
                    <a:gd name="T4" fmla="*/ 381 w 545"/>
                    <a:gd name="T5" fmla="*/ 266 h 452"/>
                    <a:gd name="T6" fmla="*/ 350 w 545"/>
                    <a:gd name="T7" fmla="*/ 264 h 452"/>
                    <a:gd name="T8" fmla="*/ 237 w 545"/>
                    <a:gd name="T9" fmla="*/ 14 h 452"/>
                    <a:gd name="T10" fmla="*/ 195 w 545"/>
                    <a:gd name="T11" fmla="*/ 16 h 452"/>
                    <a:gd name="T12" fmla="*/ 179 w 545"/>
                    <a:gd name="T13" fmla="*/ 16 h 452"/>
                    <a:gd name="T14" fmla="*/ 152 w 545"/>
                    <a:gd name="T15" fmla="*/ 9 h 452"/>
                    <a:gd name="T16" fmla="*/ 110 w 545"/>
                    <a:gd name="T17" fmla="*/ 9 h 452"/>
                    <a:gd name="T18" fmla="*/ 91 w 545"/>
                    <a:gd name="T19" fmla="*/ 17 h 452"/>
                    <a:gd name="T20" fmla="*/ 69 w 545"/>
                    <a:gd name="T21" fmla="*/ 33 h 452"/>
                    <a:gd name="T22" fmla="*/ 22 w 545"/>
                    <a:gd name="T23" fmla="*/ 78 h 452"/>
                    <a:gd name="T24" fmla="*/ 54 w 545"/>
                    <a:gd name="T25" fmla="*/ 116 h 452"/>
                    <a:gd name="T26" fmla="*/ 68 w 545"/>
                    <a:gd name="T27" fmla="*/ 132 h 452"/>
                    <a:gd name="T28" fmla="*/ 27 w 545"/>
                    <a:gd name="T29" fmla="*/ 132 h 452"/>
                    <a:gd name="T30" fmla="*/ 15 w 545"/>
                    <a:gd name="T31" fmla="*/ 138 h 452"/>
                    <a:gd name="T32" fmla="*/ 3 w 545"/>
                    <a:gd name="T33" fmla="*/ 160 h 452"/>
                    <a:gd name="T34" fmla="*/ 17 w 545"/>
                    <a:gd name="T35" fmla="*/ 180 h 452"/>
                    <a:gd name="T36" fmla="*/ 71 w 545"/>
                    <a:gd name="T37" fmla="*/ 176 h 452"/>
                    <a:gd name="T38" fmla="*/ 76 w 545"/>
                    <a:gd name="T39" fmla="*/ 190 h 452"/>
                    <a:gd name="T40" fmla="*/ 56 w 545"/>
                    <a:gd name="T41" fmla="*/ 219 h 452"/>
                    <a:gd name="T42" fmla="*/ 34 w 545"/>
                    <a:gd name="T43" fmla="*/ 220 h 452"/>
                    <a:gd name="T44" fmla="*/ 22 w 545"/>
                    <a:gd name="T45" fmla="*/ 242 h 452"/>
                    <a:gd name="T46" fmla="*/ 15 w 545"/>
                    <a:gd name="T47" fmla="*/ 256 h 452"/>
                    <a:gd name="T48" fmla="*/ 17 w 545"/>
                    <a:gd name="T49" fmla="*/ 271 h 452"/>
                    <a:gd name="T50" fmla="*/ 41 w 545"/>
                    <a:gd name="T51" fmla="*/ 288 h 452"/>
                    <a:gd name="T52" fmla="*/ 35 w 545"/>
                    <a:gd name="T53" fmla="*/ 314 h 452"/>
                    <a:gd name="T54" fmla="*/ 59 w 545"/>
                    <a:gd name="T55" fmla="*/ 298 h 452"/>
                    <a:gd name="T56" fmla="*/ 69 w 545"/>
                    <a:gd name="T57" fmla="*/ 322 h 452"/>
                    <a:gd name="T58" fmla="*/ 64 w 545"/>
                    <a:gd name="T59" fmla="*/ 347 h 452"/>
                    <a:gd name="T60" fmla="*/ 79 w 545"/>
                    <a:gd name="T61" fmla="*/ 336 h 452"/>
                    <a:gd name="T62" fmla="*/ 95 w 545"/>
                    <a:gd name="T63" fmla="*/ 336 h 452"/>
                    <a:gd name="T64" fmla="*/ 108 w 545"/>
                    <a:gd name="T65" fmla="*/ 344 h 452"/>
                    <a:gd name="T66" fmla="*/ 139 w 545"/>
                    <a:gd name="T67" fmla="*/ 329 h 452"/>
                    <a:gd name="T68" fmla="*/ 125 w 545"/>
                    <a:gd name="T69" fmla="*/ 364 h 452"/>
                    <a:gd name="T70" fmla="*/ 112 w 545"/>
                    <a:gd name="T71" fmla="*/ 396 h 452"/>
                    <a:gd name="T72" fmla="*/ 83 w 545"/>
                    <a:gd name="T73" fmla="*/ 422 h 452"/>
                    <a:gd name="T74" fmla="*/ 76 w 545"/>
                    <a:gd name="T75" fmla="*/ 424 h 452"/>
                    <a:gd name="T76" fmla="*/ 44 w 545"/>
                    <a:gd name="T77" fmla="*/ 442 h 452"/>
                    <a:gd name="T78" fmla="*/ 57 w 545"/>
                    <a:gd name="T79" fmla="*/ 440 h 452"/>
                    <a:gd name="T80" fmla="*/ 69 w 545"/>
                    <a:gd name="T81" fmla="*/ 440 h 452"/>
                    <a:gd name="T82" fmla="*/ 96 w 545"/>
                    <a:gd name="T83" fmla="*/ 432 h 452"/>
                    <a:gd name="T84" fmla="*/ 113 w 545"/>
                    <a:gd name="T85" fmla="*/ 413 h 452"/>
                    <a:gd name="T86" fmla="*/ 151 w 545"/>
                    <a:gd name="T87" fmla="*/ 374 h 452"/>
                    <a:gd name="T88" fmla="*/ 183 w 545"/>
                    <a:gd name="T89" fmla="*/ 339 h 452"/>
                    <a:gd name="T90" fmla="*/ 174 w 545"/>
                    <a:gd name="T91" fmla="*/ 322 h 452"/>
                    <a:gd name="T92" fmla="*/ 220 w 545"/>
                    <a:gd name="T93" fmla="*/ 264 h 452"/>
                    <a:gd name="T94" fmla="*/ 210 w 545"/>
                    <a:gd name="T95" fmla="*/ 297 h 452"/>
                    <a:gd name="T96" fmla="*/ 211 w 545"/>
                    <a:gd name="T97" fmla="*/ 312 h 452"/>
                    <a:gd name="T98" fmla="*/ 233 w 545"/>
                    <a:gd name="T99" fmla="*/ 302 h 452"/>
                    <a:gd name="T100" fmla="*/ 249 w 545"/>
                    <a:gd name="T101" fmla="*/ 290 h 452"/>
                    <a:gd name="T102" fmla="*/ 281 w 545"/>
                    <a:gd name="T103" fmla="*/ 271 h 452"/>
                    <a:gd name="T104" fmla="*/ 343 w 545"/>
                    <a:gd name="T105" fmla="*/ 275 h 452"/>
                    <a:gd name="T106" fmla="*/ 371 w 545"/>
                    <a:gd name="T107" fmla="*/ 278 h 452"/>
                    <a:gd name="T108" fmla="*/ 413 w 545"/>
                    <a:gd name="T109" fmla="*/ 295 h 452"/>
                    <a:gd name="T110" fmla="*/ 423 w 545"/>
                    <a:gd name="T111" fmla="*/ 276 h 452"/>
                    <a:gd name="T112" fmla="*/ 430 w 545"/>
                    <a:gd name="T113" fmla="*/ 271 h 452"/>
                    <a:gd name="T114" fmla="*/ 462 w 545"/>
                    <a:gd name="T115" fmla="*/ 286 h 452"/>
                    <a:gd name="T116" fmla="*/ 487 w 545"/>
                    <a:gd name="T117" fmla="*/ 310 h 452"/>
                    <a:gd name="T118" fmla="*/ 514 w 545"/>
                    <a:gd name="T119" fmla="*/ 329 h 452"/>
                    <a:gd name="T120" fmla="*/ 535 w 545"/>
                    <a:gd name="T121" fmla="*/ 339 h 452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w 545"/>
                    <a:gd name="T184" fmla="*/ 0 h 452"/>
                    <a:gd name="T185" fmla="*/ 545 w 545"/>
                    <a:gd name="T186" fmla="*/ 452 h 452"/>
                  </a:gdLst>
                  <a:ahLst/>
                  <a:cxnLst>
                    <a:cxn ang="T122">
                      <a:pos x="T0" y="T1"/>
                    </a:cxn>
                    <a:cxn ang="T123">
                      <a:pos x="T2" y="T3"/>
                    </a:cxn>
                    <a:cxn ang="T124">
                      <a:pos x="T4" y="T5"/>
                    </a:cxn>
                    <a:cxn ang="T125">
                      <a:pos x="T6" y="T7"/>
                    </a:cxn>
                    <a:cxn ang="T126">
                      <a:pos x="T8" y="T9"/>
                    </a:cxn>
                    <a:cxn ang="T127">
                      <a:pos x="T10" y="T11"/>
                    </a:cxn>
                    <a:cxn ang="T128">
                      <a:pos x="T12" y="T13"/>
                    </a:cxn>
                    <a:cxn ang="T129">
                      <a:pos x="T14" y="T15"/>
                    </a:cxn>
                    <a:cxn ang="T130">
                      <a:pos x="T16" y="T17"/>
                    </a:cxn>
                    <a:cxn ang="T131">
                      <a:pos x="T18" y="T19"/>
                    </a:cxn>
                    <a:cxn ang="T132">
                      <a:pos x="T20" y="T21"/>
                    </a:cxn>
                    <a:cxn ang="T133">
                      <a:pos x="T22" y="T23"/>
                    </a:cxn>
                    <a:cxn ang="T134">
                      <a:pos x="T24" y="T25"/>
                    </a:cxn>
                    <a:cxn ang="T135">
                      <a:pos x="T26" y="T27"/>
                    </a:cxn>
                    <a:cxn ang="T136">
                      <a:pos x="T28" y="T29"/>
                    </a:cxn>
                    <a:cxn ang="T137">
                      <a:pos x="T30" y="T31"/>
                    </a:cxn>
                    <a:cxn ang="T138">
                      <a:pos x="T32" y="T33"/>
                    </a:cxn>
                    <a:cxn ang="T139">
                      <a:pos x="T34" y="T35"/>
                    </a:cxn>
                    <a:cxn ang="T140">
                      <a:pos x="T36" y="T37"/>
                    </a:cxn>
                    <a:cxn ang="T141">
                      <a:pos x="T38" y="T39"/>
                    </a:cxn>
                    <a:cxn ang="T142">
                      <a:pos x="T40" y="T41"/>
                    </a:cxn>
                    <a:cxn ang="T143">
                      <a:pos x="T42" y="T43"/>
                    </a:cxn>
                    <a:cxn ang="T144">
                      <a:pos x="T44" y="T45"/>
                    </a:cxn>
                    <a:cxn ang="T145">
                      <a:pos x="T46" y="T47"/>
                    </a:cxn>
                    <a:cxn ang="T146">
                      <a:pos x="T48" y="T49"/>
                    </a:cxn>
                    <a:cxn ang="T147">
                      <a:pos x="T50" y="T51"/>
                    </a:cxn>
                    <a:cxn ang="T148">
                      <a:pos x="T52" y="T53"/>
                    </a:cxn>
                    <a:cxn ang="T149">
                      <a:pos x="T54" y="T55"/>
                    </a:cxn>
                    <a:cxn ang="T150">
                      <a:pos x="T56" y="T57"/>
                    </a:cxn>
                    <a:cxn ang="T151">
                      <a:pos x="T58" y="T59"/>
                    </a:cxn>
                    <a:cxn ang="T152">
                      <a:pos x="T60" y="T61"/>
                    </a:cxn>
                    <a:cxn ang="T153">
                      <a:pos x="T62" y="T63"/>
                    </a:cxn>
                    <a:cxn ang="T154">
                      <a:pos x="T64" y="T65"/>
                    </a:cxn>
                    <a:cxn ang="T155">
                      <a:pos x="T66" y="T67"/>
                    </a:cxn>
                    <a:cxn ang="T156">
                      <a:pos x="T68" y="T69"/>
                    </a:cxn>
                    <a:cxn ang="T157">
                      <a:pos x="T70" y="T71"/>
                    </a:cxn>
                    <a:cxn ang="T158">
                      <a:pos x="T72" y="T73"/>
                    </a:cxn>
                    <a:cxn ang="T159">
                      <a:pos x="T74" y="T75"/>
                    </a:cxn>
                    <a:cxn ang="T160">
                      <a:pos x="T76" y="T77"/>
                    </a:cxn>
                    <a:cxn ang="T161">
                      <a:pos x="T78" y="T79"/>
                    </a:cxn>
                    <a:cxn ang="T162">
                      <a:pos x="T80" y="T81"/>
                    </a:cxn>
                    <a:cxn ang="T163">
                      <a:pos x="T82" y="T83"/>
                    </a:cxn>
                    <a:cxn ang="T164">
                      <a:pos x="T84" y="T85"/>
                    </a:cxn>
                    <a:cxn ang="T165">
                      <a:pos x="T86" y="T87"/>
                    </a:cxn>
                    <a:cxn ang="T166">
                      <a:pos x="T88" y="T89"/>
                    </a:cxn>
                    <a:cxn ang="T167">
                      <a:pos x="T90" y="T91"/>
                    </a:cxn>
                    <a:cxn ang="T168">
                      <a:pos x="T92" y="T93"/>
                    </a:cxn>
                    <a:cxn ang="T169">
                      <a:pos x="T94" y="T95"/>
                    </a:cxn>
                    <a:cxn ang="T170">
                      <a:pos x="T96" y="T97"/>
                    </a:cxn>
                    <a:cxn ang="T171">
                      <a:pos x="T98" y="T99"/>
                    </a:cxn>
                    <a:cxn ang="T172">
                      <a:pos x="T100" y="T101"/>
                    </a:cxn>
                    <a:cxn ang="T173">
                      <a:pos x="T102" y="T103"/>
                    </a:cxn>
                    <a:cxn ang="T174">
                      <a:pos x="T104" y="T105"/>
                    </a:cxn>
                    <a:cxn ang="T175">
                      <a:pos x="T106" y="T107"/>
                    </a:cxn>
                    <a:cxn ang="T176">
                      <a:pos x="T108" y="T109"/>
                    </a:cxn>
                    <a:cxn ang="T177">
                      <a:pos x="T110" y="T111"/>
                    </a:cxn>
                    <a:cxn ang="T178">
                      <a:pos x="T112" y="T113"/>
                    </a:cxn>
                    <a:cxn ang="T179">
                      <a:pos x="T114" y="T115"/>
                    </a:cxn>
                    <a:cxn ang="T180">
                      <a:pos x="T116" y="T117"/>
                    </a:cxn>
                    <a:cxn ang="T181">
                      <a:pos x="T118" y="T119"/>
                    </a:cxn>
                    <a:cxn ang="T182">
                      <a:pos x="T120" y="T121"/>
                    </a:cxn>
                  </a:cxnLst>
                  <a:rect l="T183" t="T184" r="T185" b="T186"/>
                  <a:pathLst>
                    <a:path w="545" h="452">
                      <a:moveTo>
                        <a:pt x="541" y="349"/>
                      </a:moveTo>
                      <a:lnTo>
                        <a:pt x="541" y="349"/>
                      </a:lnTo>
                      <a:lnTo>
                        <a:pt x="541" y="347"/>
                      </a:lnTo>
                      <a:lnTo>
                        <a:pt x="543" y="346"/>
                      </a:lnTo>
                      <a:lnTo>
                        <a:pt x="543" y="344"/>
                      </a:lnTo>
                      <a:lnTo>
                        <a:pt x="545" y="341"/>
                      </a:lnTo>
                      <a:lnTo>
                        <a:pt x="545" y="339"/>
                      </a:lnTo>
                      <a:lnTo>
                        <a:pt x="545" y="336"/>
                      </a:lnTo>
                      <a:lnTo>
                        <a:pt x="545" y="332"/>
                      </a:lnTo>
                      <a:lnTo>
                        <a:pt x="543" y="329"/>
                      </a:lnTo>
                      <a:lnTo>
                        <a:pt x="541" y="325"/>
                      </a:lnTo>
                      <a:lnTo>
                        <a:pt x="538" y="320"/>
                      </a:lnTo>
                      <a:lnTo>
                        <a:pt x="535" y="317"/>
                      </a:lnTo>
                      <a:lnTo>
                        <a:pt x="533" y="315"/>
                      </a:lnTo>
                      <a:lnTo>
                        <a:pt x="530" y="315"/>
                      </a:lnTo>
                      <a:lnTo>
                        <a:pt x="526" y="314"/>
                      </a:lnTo>
                      <a:lnTo>
                        <a:pt x="523" y="314"/>
                      </a:lnTo>
                      <a:lnTo>
                        <a:pt x="519" y="314"/>
                      </a:lnTo>
                      <a:lnTo>
                        <a:pt x="516" y="312"/>
                      </a:lnTo>
                      <a:lnTo>
                        <a:pt x="514" y="312"/>
                      </a:lnTo>
                      <a:lnTo>
                        <a:pt x="506" y="310"/>
                      </a:lnTo>
                      <a:lnTo>
                        <a:pt x="452" y="271"/>
                      </a:lnTo>
                      <a:lnTo>
                        <a:pt x="435" y="259"/>
                      </a:lnTo>
                      <a:lnTo>
                        <a:pt x="421" y="251"/>
                      </a:lnTo>
                      <a:lnTo>
                        <a:pt x="413" y="263"/>
                      </a:lnTo>
                      <a:lnTo>
                        <a:pt x="413" y="271"/>
                      </a:lnTo>
                      <a:lnTo>
                        <a:pt x="403" y="280"/>
                      </a:lnTo>
                      <a:lnTo>
                        <a:pt x="381" y="266"/>
                      </a:lnTo>
                      <a:lnTo>
                        <a:pt x="379" y="264"/>
                      </a:lnTo>
                      <a:lnTo>
                        <a:pt x="377" y="261"/>
                      </a:lnTo>
                      <a:lnTo>
                        <a:pt x="374" y="259"/>
                      </a:lnTo>
                      <a:lnTo>
                        <a:pt x="369" y="258"/>
                      </a:lnTo>
                      <a:lnTo>
                        <a:pt x="365" y="258"/>
                      </a:lnTo>
                      <a:lnTo>
                        <a:pt x="360" y="259"/>
                      </a:lnTo>
                      <a:lnTo>
                        <a:pt x="355" y="263"/>
                      </a:lnTo>
                      <a:lnTo>
                        <a:pt x="354" y="264"/>
                      </a:lnTo>
                      <a:lnTo>
                        <a:pt x="350" y="264"/>
                      </a:lnTo>
                      <a:lnTo>
                        <a:pt x="347" y="266"/>
                      </a:lnTo>
                      <a:lnTo>
                        <a:pt x="345" y="266"/>
                      </a:lnTo>
                      <a:lnTo>
                        <a:pt x="271" y="17"/>
                      </a:lnTo>
                      <a:lnTo>
                        <a:pt x="269" y="17"/>
                      </a:lnTo>
                      <a:lnTo>
                        <a:pt x="266" y="16"/>
                      </a:lnTo>
                      <a:lnTo>
                        <a:pt x="261" y="14"/>
                      </a:lnTo>
                      <a:lnTo>
                        <a:pt x="255" y="12"/>
                      </a:lnTo>
                      <a:lnTo>
                        <a:pt x="249" y="11"/>
                      </a:lnTo>
                      <a:lnTo>
                        <a:pt x="244" y="12"/>
                      </a:lnTo>
                      <a:lnTo>
                        <a:pt x="237" y="14"/>
                      </a:lnTo>
                      <a:lnTo>
                        <a:pt x="232" y="17"/>
                      </a:lnTo>
                      <a:lnTo>
                        <a:pt x="230" y="17"/>
                      </a:lnTo>
                      <a:lnTo>
                        <a:pt x="225" y="17"/>
                      </a:lnTo>
                      <a:lnTo>
                        <a:pt x="218" y="17"/>
                      </a:lnTo>
                      <a:lnTo>
                        <a:pt x="211" y="17"/>
                      </a:lnTo>
                      <a:lnTo>
                        <a:pt x="205" y="17"/>
                      </a:lnTo>
                      <a:lnTo>
                        <a:pt x="200" y="17"/>
                      </a:lnTo>
                      <a:lnTo>
                        <a:pt x="195" y="16"/>
                      </a:lnTo>
                      <a:lnTo>
                        <a:pt x="193" y="16"/>
                      </a:lnTo>
                      <a:lnTo>
                        <a:pt x="191" y="16"/>
                      </a:lnTo>
                      <a:lnTo>
                        <a:pt x="189" y="16"/>
                      </a:lnTo>
                      <a:lnTo>
                        <a:pt x="188" y="16"/>
                      </a:lnTo>
                      <a:lnTo>
                        <a:pt x="184" y="16"/>
                      </a:lnTo>
                      <a:lnTo>
                        <a:pt x="183" y="16"/>
                      </a:lnTo>
                      <a:lnTo>
                        <a:pt x="181" y="16"/>
                      </a:lnTo>
                      <a:lnTo>
                        <a:pt x="179" y="16"/>
                      </a:lnTo>
                      <a:lnTo>
                        <a:pt x="176" y="17"/>
                      </a:lnTo>
                      <a:lnTo>
                        <a:pt x="173" y="17"/>
                      </a:lnTo>
                      <a:lnTo>
                        <a:pt x="169" y="17"/>
                      </a:lnTo>
                      <a:lnTo>
                        <a:pt x="166" y="16"/>
                      </a:lnTo>
                      <a:lnTo>
                        <a:pt x="162" y="12"/>
                      </a:lnTo>
                      <a:lnTo>
                        <a:pt x="157" y="7"/>
                      </a:lnTo>
                      <a:lnTo>
                        <a:pt x="156" y="7"/>
                      </a:lnTo>
                      <a:lnTo>
                        <a:pt x="154" y="9"/>
                      </a:lnTo>
                      <a:lnTo>
                        <a:pt x="152" y="9"/>
                      </a:lnTo>
                      <a:lnTo>
                        <a:pt x="149" y="9"/>
                      </a:lnTo>
                      <a:lnTo>
                        <a:pt x="147" y="9"/>
                      </a:lnTo>
                      <a:lnTo>
                        <a:pt x="145" y="11"/>
                      </a:lnTo>
                      <a:lnTo>
                        <a:pt x="137" y="2"/>
                      </a:lnTo>
                      <a:lnTo>
                        <a:pt x="130" y="7"/>
                      </a:lnTo>
                      <a:lnTo>
                        <a:pt x="129" y="0"/>
                      </a:lnTo>
                      <a:lnTo>
                        <a:pt x="117" y="0"/>
                      </a:lnTo>
                      <a:lnTo>
                        <a:pt x="110" y="9"/>
                      </a:lnTo>
                      <a:lnTo>
                        <a:pt x="108" y="11"/>
                      </a:lnTo>
                      <a:lnTo>
                        <a:pt x="108" y="12"/>
                      </a:lnTo>
                      <a:lnTo>
                        <a:pt x="107" y="12"/>
                      </a:lnTo>
                      <a:lnTo>
                        <a:pt x="103" y="14"/>
                      </a:lnTo>
                      <a:lnTo>
                        <a:pt x="100" y="14"/>
                      </a:lnTo>
                      <a:lnTo>
                        <a:pt x="95" y="14"/>
                      </a:lnTo>
                      <a:lnTo>
                        <a:pt x="93" y="16"/>
                      </a:lnTo>
                      <a:lnTo>
                        <a:pt x="91" y="17"/>
                      </a:lnTo>
                      <a:lnTo>
                        <a:pt x="90" y="19"/>
                      </a:lnTo>
                      <a:lnTo>
                        <a:pt x="86" y="22"/>
                      </a:lnTo>
                      <a:lnTo>
                        <a:pt x="85" y="24"/>
                      </a:lnTo>
                      <a:lnTo>
                        <a:pt x="83" y="26"/>
                      </a:lnTo>
                      <a:lnTo>
                        <a:pt x="81" y="26"/>
                      </a:lnTo>
                      <a:lnTo>
                        <a:pt x="78" y="26"/>
                      </a:lnTo>
                      <a:lnTo>
                        <a:pt x="74" y="29"/>
                      </a:lnTo>
                      <a:lnTo>
                        <a:pt x="69" y="33"/>
                      </a:lnTo>
                      <a:lnTo>
                        <a:pt x="64" y="38"/>
                      </a:lnTo>
                      <a:lnTo>
                        <a:pt x="59" y="46"/>
                      </a:lnTo>
                      <a:lnTo>
                        <a:pt x="54" y="56"/>
                      </a:lnTo>
                      <a:lnTo>
                        <a:pt x="52" y="58"/>
                      </a:lnTo>
                      <a:lnTo>
                        <a:pt x="51" y="61"/>
                      </a:lnTo>
                      <a:lnTo>
                        <a:pt x="47" y="63"/>
                      </a:lnTo>
                      <a:lnTo>
                        <a:pt x="47" y="65"/>
                      </a:lnTo>
                      <a:lnTo>
                        <a:pt x="30" y="65"/>
                      </a:lnTo>
                      <a:lnTo>
                        <a:pt x="22" y="78"/>
                      </a:lnTo>
                      <a:lnTo>
                        <a:pt x="22" y="80"/>
                      </a:lnTo>
                      <a:lnTo>
                        <a:pt x="25" y="82"/>
                      </a:lnTo>
                      <a:lnTo>
                        <a:pt x="30" y="83"/>
                      </a:lnTo>
                      <a:lnTo>
                        <a:pt x="35" y="87"/>
                      </a:lnTo>
                      <a:lnTo>
                        <a:pt x="42" y="92"/>
                      </a:lnTo>
                      <a:lnTo>
                        <a:pt x="46" y="97"/>
                      </a:lnTo>
                      <a:lnTo>
                        <a:pt x="49" y="105"/>
                      </a:lnTo>
                      <a:lnTo>
                        <a:pt x="51" y="114"/>
                      </a:lnTo>
                      <a:lnTo>
                        <a:pt x="54" y="116"/>
                      </a:lnTo>
                      <a:lnTo>
                        <a:pt x="56" y="116"/>
                      </a:lnTo>
                      <a:lnTo>
                        <a:pt x="59" y="116"/>
                      </a:lnTo>
                      <a:lnTo>
                        <a:pt x="63" y="116"/>
                      </a:lnTo>
                      <a:lnTo>
                        <a:pt x="66" y="116"/>
                      </a:lnTo>
                      <a:lnTo>
                        <a:pt x="68" y="117"/>
                      </a:lnTo>
                      <a:lnTo>
                        <a:pt x="71" y="129"/>
                      </a:lnTo>
                      <a:lnTo>
                        <a:pt x="81" y="129"/>
                      </a:lnTo>
                      <a:lnTo>
                        <a:pt x="79" y="132"/>
                      </a:lnTo>
                      <a:lnTo>
                        <a:pt x="68" y="132"/>
                      </a:lnTo>
                      <a:lnTo>
                        <a:pt x="63" y="122"/>
                      </a:lnTo>
                      <a:lnTo>
                        <a:pt x="59" y="126"/>
                      </a:lnTo>
                      <a:lnTo>
                        <a:pt x="68" y="136"/>
                      </a:lnTo>
                      <a:lnTo>
                        <a:pt x="76" y="138"/>
                      </a:lnTo>
                      <a:lnTo>
                        <a:pt x="68" y="144"/>
                      </a:lnTo>
                      <a:lnTo>
                        <a:pt x="46" y="139"/>
                      </a:lnTo>
                      <a:lnTo>
                        <a:pt x="46" y="127"/>
                      </a:lnTo>
                      <a:lnTo>
                        <a:pt x="27" y="132"/>
                      </a:lnTo>
                      <a:lnTo>
                        <a:pt x="27" y="134"/>
                      </a:lnTo>
                      <a:lnTo>
                        <a:pt x="27" y="138"/>
                      </a:lnTo>
                      <a:lnTo>
                        <a:pt x="27" y="139"/>
                      </a:lnTo>
                      <a:lnTo>
                        <a:pt x="27" y="141"/>
                      </a:lnTo>
                      <a:lnTo>
                        <a:pt x="25" y="141"/>
                      </a:lnTo>
                      <a:lnTo>
                        <a:pt x="22" y="139"/>
                      </a:lnTo>
                      <a:lnTo>
                        <a:pt x="19" y="136"/>
                      </a:lnTo>
                      <a:lnTo>
                        <a:pt x="15" y="138"/>
                      </a:lnTo>
                      <a:lnTo>
                        <a:pt x="12" y="138"/>
                      </a:lnTo>
                      <a:lnTo>
                        <a:pt x="8" y="139"/>
                      </a:lnTo>
                      <a:lnTo>
                        <a:pt x="5" y="143"/>
                      </a:lnTo>
                      <a:lnTo>
                        <a:pt x="2" y="144"/>
                      </a:lnTo>
                      <a:lnTo>
                        <a:pt x="0" y="148"/>
                      </a:lnTo>
                      <a:lnTo>
                        <a:pt x="0" y="151"/>
                      </a:lnTo>
                      <a:lnTo>
                        <a:pt x="0" y="153"/>
                      </a:lnTo>
                      <a:lnTo>
                        <a:pt x="0" y="154"/>
                      </a:lnTo>
                      <a:lnTo>
                        <a:pt x="2" y="156"/>
                      </a:lnTo>
                      <a:lnTo>
                        <a:pt x="3" y="160"/>
                      </a:lnTo>
                      <a:lnTo>
                        <a:pt x="5" y="161"/>
                      </a:lnTo>
                      <a:lnTo>
                        <a:pt x="7" y="165"/>
                      </a:lnTo>
                      <a:lnTo>
                        <a:pt x="8" y="165"/>
                      </a:lnTo>
                      <a:lnTo>
                        <a:pt x="8" y="166"/>
                      </a:lnTo>
                      <a:lnTo>
                        <a:pt x="13" y="171"/>
                      </a:lnTo>
                      <a:lnTo>
                        <a:pt x="13" y="173"/>
                      </a:lnTo>
                      <a:lnTo>
                        <a:pt x="13" y="175"/>
                      </a:lnTo>
                      <a:lnTo>
                        <a:pt x="15" y="178"/>
                      </a:lnTo>
                      <a:lnTo>
                        <a:pt x="17" y="180"/>
                      </a:lnTo>
                      <a:lnTo>
                        <a:pt x="22" y="182"/>
                      </a:lnTo>
                      <a:lnTo>
                        <a:pt x="29" y="183"/>
                      </a:lnTo>
                      <a:lnTo>
                        <a:pt x="39" y="183"/>
                      </a:lnTo>
                      <a:lnTo>
                        <a:pt x="41" y="183"/>
                      </a:lnTo>
                      <a:lnTo>
                        <a:pt x="44" y="185"/>
                      </a:lnTo>
                      <a:lnTo>
                        <a:pt x="47" y="187"/>
                      </a:lnTo>
                      <a:lnTo>
                        <a:pt x="49" y="187"/>
                      </a:lnTo>
                      <a:lnTo>
                        <a:pt x="59" y="187"/>
                      </a:lnTo>
                      <a:lnTo>
                        <a:pt x="71" y="176"/>
                      </a:lnTo>
                      <a:lnTo>
                        <a:pt x="74" y="176"/>
                      </a:lnTo>
                      <a:lnTo>
                        <a:pt x="78" y="175"/>
                      </a:lnTo>
                      <a:lnTo>
                        <a:pt x="81" y="175"/>
                      </a:lnTo>
                      <a:lnTo>
                        <a:pt x="83" y="176"/>
                      </a:lnTo>
                      <a:lnTo>
                        <a:pt x="83" y="178"/>
                      </a:lnTo>
                      <a:lnTo>
                        <a:pt x="81" y="182"/>
                      </a:lnTo>
                      <a:lnTo>
                        <a:pt x="74" y="185"/>
                      </a:lnTo>
                      <a:lnTo>
                        <a:pt x="74" y="187"/>
                      </a:lnTo>
                      <a:lnTo>
                        <a:pt x="76" y="190"/>
                      </a:lnTo>
                      <a:lnTo>
                        <a:pt x="78" y="195"/>
                      </a:lnTo>
                      <a:lnTo>
                        <a:pt x="79" y="200"/>
                      </a:lnTo>
                      <a:lnTo>
                        <a:pt x="79" y="205"/>
                      </a:lnTo>
                      <a:lnTo>
                        <a:pt x="78" y="209"/>
                      </a:lnTo>
                      <a:lnTo>
                        <a:pt x="71" y="212"/>
                      </a:lnTo>
                      <a:lnTo>
                        <a:pt x="63" y="212"/>
                      </a:lnTo>
                      <a:lnTo>
                        <a:pt x="61" y="214"/>
                      </a:lnTo>
                      <a:lnTo>
                        <a:pt x="59" y="214"/>
                      </a:lnTo>
                      <a:lnTo>
                        <a:pt x="57" y="217"/>
                      </a:lnTo>
                      <a:lnTo>
                        <a:pt x="56" y="219"/>
                      </a:lnTo>
                      <a:lnTo>
                        <a:pt x="54" y="220"/>
                      </a:lnTo>
                      <a:lnTo>
                        <a:pt x="52" y="224"/>
                      </a:lnTo>
                      <a:lnTo>
                        <a:pt x="51" y="226"/>
                      </a:lnTo>
                      <a:lnTo>
                        <a:pt x="51" y="224"/>
                      </a:lnTo>
                      <a:lnTo>
                        <a:pt x="47" y="222"/>
                      </a:lnTo>
                      <a:lnTo>
                        <a:pt x="44" y="220"/>
                      </a:lnTo>
                      <a:lnTo>
                        <a:pt x="41" y="220"/>
                      </a:lnTo>
                      <a:lnTo>
                        <a:pt x="35" y="220"/>
                      </a:lnTo>
                      <a:lnTo>
                        <a:pt x="34" y="220"/>
                      </a:lnTo>
                      <a:lnTo>
                        <a:pt x="30" y="224"/>
                      </a:lnTo>
                      <a:lnTo>
                        <a:pt x="30" y="231"/>
                      </a:lnTo>
                      <a:lnTo>
                        <a:pt x="30" y="232"/>
                      </a:lnTo>
                      <a:lnTo>
                        <a:pt x="30" y="234"/>
                      </a:lnTo>
                      <a:lnTo>
                        <a:pt x="30" y="236"/>
                      </a:lnTo>
                      <a:lnTo>
                        <a:pt x="29" y="237"/>
                      </a:lnTo>
                      <a:lnTo>
                        <a:pt x="29" y="239"/>
                      </a:lnTo>
                      <a:lnTo>
                        <a:pt x="27" y="242"/>
                      </a:lnTo>
                      <a:lnTo>
                        <a:pt x="25" y="242"/>
                      </a:lnTo>
                      <a:lnTo>
                        <a:pt x="22" y="242"/>
                      </a:lnTo>
                      <a:lnTo>
                        <a:pt x="22" y="244"/>
                      </a:lnTo>
                      <a:lnTo>
                        <a:pt x="20" y="244"/>
                      </a:lnTo>
                      <a:lnTo>
                        <a:pt x="20" y="248"/>
                      </a:lnTo>
                      <a:lnTo>
                        <a:pt x="19" y="249"/>
                      </a:lnTo>
                      <a:lnTo>
                        <a:pt x="17" y="251"/>
                      </a:lnTo>
                      <a:lnTo>
                        <a:pt x="17" y="254"/>
                      </a:lnTo>
                      <a:lnTo>
                        <a:pt x="17" y="256"/>
                      </a:lnTo>
                      <a:lnTo>
                        <a:pt x="15" y="256"/>
                      </a:lnTo>
                      <a:lnTo>
                        <a:pt x="13" y="258"/>
                      </a:lnTo>
                      <a:lnTo>
                        <a:pt x="12" y="261"/>
                      </a:lnTo>
                      <a:lnTo>
                        <a:pt x="10" y="263"/>
                      </a:lnTo>
                      <a:lnTo>
                        <a:pt x="8" y="266"/>
                      </a:lnTo>
                      <a:lnTo>
                        <a:pt x="10" y="266"/>
                      </a:lnTo>
                      <a:lnTo>
                        <a:pt x="12" y="266"/>
                      </a:lnTo>
                      <a:lnTo>
                        <a:pt x="19" y="264"/>
                      </a:lnTo>
                      <a:lnTo>
                        <a:pt x="19" y="268"/>
                      </a:lnTo>
                      <a:lnTo>
                        <a:pt x="17" y="271"/>
                      </a:lnTo>
                      <a:lnTo>
                        <a:pt x="17" y="273"/>
                      </a:lnTo>
                      <a:lnTo>
                        <a:pt x="19" y="275"/>
                      </a:lnTo>
                      <a:lnTo>
                        <a:pt x="20" y="278"/>
                      </a:lnTo>
                      <a:lnTo>
                        <a:pt x="24" y="280"/>
                      </a:lnTo>
                      <a:lnTo>
                        <a:pt x="27" y="283"/>
                      </a:lnTo>
                      <a:lnTo>
                        <a:pt x="30" y="286"/>
                      </a:lnTo>
                      <a:lnTo>
                        <a:pt x="35" y="288"/>
                      </a:lnTo>
                      <a:lnTo>
                        <a:pt x="41" y="288"/>
                      </a:lnTo>
                      <a:lnTo>
                        <a:pt x="39" y="290"/>
                      </a:lnTo>
                      <a:lnTo>
                        <a:pt x="37" y="292"/>
                      </a:lnTo>
                      <a:lnTo>
                        <a:pt x="34" y="295"/>
                      </a:lnTo>
                      <a:lnTo>
                        <a:pt x="30" y="300"/>
                      </a:lnTo>
                      <a:lnTo>
                        <a:pt x="29" y="303"/>
                      </a:lnTo>
                      <a:lnTo>
                        <a:pt x="27" y="307"/>
                      </a:lnTo>
                      <a:lnTo>
                        <a:pt x="29" y="308"/>
                      </a:lnTo>
                      <a:lnTo>
                        <a:pt x="32" y="310"/>
                      </a:lnTo>
                      <a:lnTo>
                        <a:pt x="34" y="310"/>
                      </a:lnTo>
                      <a:lnTo>
                        <a:pt x="35" y="314"/>
                      </a:lnTo>
                      <a:lnTo>
                        <a:pt x="37" y="317"/>
                      </a:lnTo>
                      <a:lnTo>
                        <a:pt x="41" y="319"/>
                      </a:lnTo>
                      <a:lnTo>
                        <a:pt x="44" y="320"/>
                      </a:lnTo>
                      <a:lnTo>
                        <a:pt x="47" y="319"/>
                      </a:lnTo>
                      <a:lnTo>
                        <a:pt x="52" y="314"/>
                      </a:lnTo>
                      <a:lnTo>
                        <a:pt x="56" y="305"/>
                      </a:lnTo>
                      <a:lnTo>
                        <a:pt x="57" y="303"/>
                      </a:lnTo>
                      <a:lnTo>
                        <a:pt x="59" y="300"/>
                      </a:lnTo>
                      <a:lnTo>
                        <a:pt x="59" y="298"/>
                      </a:lnTo>
                      <a:lnTo>
                        <a:pt x="59" y="300"/>
                      </a:lnTo>
                      <a:lnTo>
                        <a:pt x="59" y="302"/>
                      </a:lnTo>
                      <a:lnTo>
                        <a:pt x="59" y="305"/>
                      </a:lnTo>
                      <a:lnTo>
                        <a:pt x="59" y="308"/>
                      </a:lnTo>
                      <a:lnTo>
                        <a:pt x="61" y="312"/>
                      </a:lnTo>
                      <a:lnTo>
                        <a:pt x="63" y="315"/>
                      </a:lnTo>
                      <a:lnTo>
                        <a:pt x="64" y="319"/>
                      </a:lnTo>
                      <a:lnTo>
                        <a:pt x="68" y="322"/>
                      </a:lnTo>
                      <a:lnTo>
                        <a:pt x="69" y="322"/>
                      </a:lnTo>
                      <a:lnTo>
                        <a:pt x="69" y="324"/>
                      </a:lnTo>
                      <a:lnTo>
                        <a:pt x="69" y="327"/>
                      </a:lnTo>
                      <a:lnTo>
                        <a:pt x="68" y="329"/>
                      </a:lnTo>
                      <a:lnTo>
                        <a:pt x="68" y="332"/>
                      </a:lnTo>
                      <a:lnTo>
                        <a:pt x="66" y="334"/>
                      </a:lnTo>
                      <a:lnTo>
                        <a:pt x="66" y="336"/>
                      </a:lnTo>
                      <a:lnTo>
                        <a:pt x="64" y="346"/>
                      </a:lnTo>
                      <a:lnTo>
                        <a:pt x="64" y="347"/>
                      </a:lnTo>
                      <a:lnTo>
                        <a:pt x="66" y="351"/>
                      </a:lnTo>
                      <a:lnTo>
                        <a:pt x="66" y="352"/>
                      </a:lnTo>
                      <a:lnTo>
                        <a:pt x="68" y="352"/>
                      </a:lnTo>
                      <a:lnTo>
                        <a:pt x="69" y="352"/>
                      </a:lnTo>
                      <a:lnTo>
                        <a:pt x="73" y="349"/>
                      </a:lnTo>
                      <a:lnTo>
                        <a:pt x="78" y="341"/>
                      </a:lnTo>
                      <a:lnTo>
                        <a:pt x="79" y="341"/>
                      </a:lnTo>
                      <a:lnTo>
                        <a:pt x="79" y="339"/>
                      </a:lnTo>
                      <a:lnTo>
                        <a:pt x="79" y="336"/>
                      </a:lnTo>
                      <a:lnTo>
                        <a:pt x="81" y="334"/>
                      </a:lnTo>
                      <a:lnTo>
                        <a:pt x="83" y="336"/>
                      </a:lnTo>
                      <a:lnTo>
                        <a:pt x="86" y="337"/>
                      </a:lnTo>
                      <a:lnTo>
                        <a:pt x="90" y="341"/>
                      </a:lnTo>
                      <a:lnTo>
                        <a:pt x="91" y="341"/>
                      </a:lnTo>
                      <a:lnTo>
                        <a:pt x="91" y="339"/>
                      </a:lnTo>
                      <a:lnTo>
                        <a:pt x="91" y="337"/>
                      </a:lnTo>
                      <a:lnTo>
                        <a:pt x="93" y="336"/>
                      </a:lnTo>
                      <a:lnTo>
                        <a:pt x="93" y="334"/>
                      </a:lnTo>
                      <a:lnTo>
                        <a:pt x="95" y="336"/>
                      </a:lnTo>
                      <a:lnTo>
                        <a:pt x="96" y="337"/>
                      </a:lnTo>
                      <a:lnTo>
                        <a:pt x="98" y="344"/>
                      </a:lnTo>
                      <a:lnTo>
                        <a:pt x="100" y="346"/>
                      </a:lnTo>
                      <a:lnTo>
                        <a:pt x="100" y="347"/>
                      </a:lnTo>
                      <a:lnTo>
                        <a:pt x="101" y="351"/>
                      </a:lnTo>
                      <a:lnTo>
                        <a:pt x="103" y="352"/>
                      </a:lnTo>
                      <a:lnTo>
                        <a:pt x="105" y="354"/>
                      </a:lnTo>
                      <a:lnTo>
                        <a:pt x="107" y="352"/>
                      </a:lnTo>
                      <a:lnTo>
                        <a:pt x="108" y="351"/>
                      </a:lnTo>
                      <a:lnTo>
                        <a:pt x="108" y="344"/>
                      </a:lnTo>
                      <a:lnTo>
                        <a:pt x="110" y="344"/>
                      </a:lnTo>
                      <a:lnTo>
                        <a:pt x="113" y="346"/>
                      </a:lnTo>
                      <a:lnTo>
                        <a:pt x="117" y="346"/>
                      </a:lnTo>
                      <a:lnTo>
                        <a:pt x="122" y="346"/>
                      </a:lnTo>
                      <a:lnTo>
                        <a:pt x="127" y="342"/>
                      </a:lnTo>
                      <a:lnTo>
                        <a:pt x="132" y="337"/>
                      </a:lnTo>
                      <a:lnTo>
                        <a:pt x="139" y="329"/>
                      </a:lnTo>
                      <a:lnTo>
                        <a:pt x="137" y="332"/>
                      </a:lnTo>
                      <a:lnTo>
                        <a:pt x="135" y="336"/>
                      </a:lnTo>
                      <a:lnTo>
                        <a:pt x="134" y="341"/>
                      </a:lnTo>
                      <a:lnTo>
                        <a:pt x="130" y="344"/>
                      </a:lnTo>
                      <a:lnTo>
                        <a:pt x="130" y="347"/>
                      </a:lnTo>
                      <a:lnTo>
                        <a:pt x="129" y="351"/>
                      </a:lnTo>
                      <a:lnTo>
                        <a:pt x="127" y="352"/>
                      </a:lnTo>
                      <a:lnTo>
                        <a:pt x="127" y="358"/>
                      </a:lnTo>
                      <a:lnTo>
                        <a:pt x="125" y="364"/>
                      </a:lnTo>
                      <a:lnTo>
                        <a:pt x="125" y="371"/>
                      </a:lnTo>
                      <a:lnTo>
                        <a:pt x="122" y="378"/>
                      </a:lnTo>
                      <a:lnTo>
                        <a:pt x="120" y="383"/>
                      </a:lnTo>
                      <a:lnTo>
                        <a:pt x="117" y="388"/>
                      </a:lnTo>
                      <a:lnTo>
                        <a:pt x="112" y="390"/>
                      </a:lnTo>
                      <a:lnTo>
                        <a:pt x="112" y="391"/>
                      </a:lnTo>
                      <a:lnTo>
                        <a:pt x="113" y="391"/>
                      </a:lnTo>
                      <a:lnTo>
                        <a:pt x="113" y="393"/>
                      </a:lnTo>
                      <a:lnTo>
                        <a:pt x="112" y="396"/>
                      </a:lnTo>
                      <a:lnTo>
                        <a:pt x="110" y="398"/>
                      </a:lnTo>
                      <a:lnTo>
                        <a:pt x="107" y="402"/>
                      </a:lnTo>
                      <a:lnTo>
                        <a:pt x="100" y="405"/>
                      </a:lnTo>
                      <a:lnTo>
                        <a:pt x="96" y="407"/>
                      </a:lnTo>
                      <a:lnTo>
                        <a:pt x="91" y="408"/>
                      </a:lnTo>
                      <a:lnTo>
                        <a:pt x="88" y="412"/>
                      </a:lnTo>
                      <a:lnTo>
                        <a:pt x="85" y="413"/>
                      </a:lnTo>
                      <a:lnTo>
                        <a:pt x="83" y="418"/>
                      </a:lnTo>
                      <a:lnTo>
                        <a:pt x="83" y="422"/>
                      </a:lnTo>
                      <a:lnTo>
                        <a:pt x="85" y="425"/>
                      </a:lnTo>
                      <a:lnTo>
                        <a:pt x="85" y="427"/>
                      </a:lnTo>
                      <a:lnTo>
                        <a:pt x="85" y="429"/>
                      </a:lnTo>
                      <a:lnTo>
                        <a:pt x="83" y="430"/>
                      </a:lnTo>
                      <a:lnTo>
                        <a:pt x="81" y="430"/>
                      </a:lnTo>
                      <a:lnTo>
                        <a:pt x="79" y="432"/>
                      </a:lnTo>
                      <a:lnTo>
                        <a:pt x="78" y="430"/>
                      </a:lnTo>
                      <a:lnTo>
                        <a:pt x="76" y="429"/>
                      </a:lnTo>
                      <a:lnTo>
                        <a:pt x="76" y="424"/>
                      </a:lnTo>
                      <a:lnTo>
                        <a:pt x="74" y="424"/>
                      </a:lnTo>
                      <a:lnTo>
                        <a:pt x="71" y="424"/>
                      </a:lnTo>
                      <a:lnTo>
                        <a:pt x="69" y="424"/>
                      </a:lnTo>
                      <a:lnTo>
                        <a:pt x="68" y="425"/>
                      </a:lnTo>
                      <a:lnTo>
                        <a:pt x="64" y="425"/>
                      </a:lnTo>
                      <a:lnTo>
                        <a:pt x="63" y="425"/>
                      </a:lnTo>
                      <a:lnTo>
                        <a:pt x="46" y="442"/>
                      </a:lnTo>
                      <a:lnTo>
                        <a:pt x="44" y="442"/>
                      </a:lnTo>
                      <a:lnTo>
                        <a:pt x="44" y="444"/>
                      </a:lnTo>
                      <a:lnTo>
                        <a:pt x="42" y="447"/>
                      </a:lnTo>
                      <a:lnTo>
                        <a:pt x="41" y="449"/>
                      </a:lnTo>
                      <a:lnTo>
                        <a:pt x="41" y="452"/>
                      </a:lnTo>
                      <a:lnTo>
                        <a:pt x="42" y="452"/>
                      </a:lnTo>
                      <a:lnTo>
                        <a:pt x="44" y="451"/>
                      </a:lnTo>
                      <a:lnTo>
                        <a:pt x="51" y="447"/>
                      </a:lnTo>
                      <a:lnTo>
                        <a:pt x="52" y="446"/>
                      </a:lnTo>
                      <a:lnTo>
                        <a:pt x="56" y="444"/>
                      </a:lnTo>
                      <a:lnTo>
                        <a:pt x="57" y="440"/>
                      </a:lnTo>
                      <a:lnTo>
                        <a:pt x="61" y="439"/>
                      </a:lnTo>
                      <a:lnTo>
                        <a:pt x="64" y="435"/>
                      </a:lnTo>
                      <a:lnTo>
                        <a:pt x="66" y="434"/>
                      </a:lnTo>
                      <a:lnTo>
                        <a:pt x="68" y="432"/>
                      </a:lnTo>
                      <a:lnTo>
                        <a:pt x="68" y="434"/>
                      </a:lnTo>
                      <a:lnTo>
                        <a:pt x="68" y="437"/>
                      </a:lnTo>
                      <a:lnTo>
                        <a:pt x="68" y="439"/>
                      </a:lnTo>
                      <a:lnTo>
                        <a:pt x="69" y="440"/>
                      </a:lnTo>
                      <a:lnTo>
                        <a:pt x="73" y="440"/>
                      </a:lnTo>
                      <a:lnTo>
                        <a:pt x="78" y="439"/>
                      </a:lnTo>
                      <a:lnTo>
                        <a:pt x="86" y="434"/>
                      </a:lnTo>
                      <a:lnTo>
                        <a:pt x="88" y="430"/>
                      </a:lnTo>
                      <a:lnTo>
                        <a:pt x="90" y="429"/>
                      </a:lnTo>
                      <a:lnTo>
                        <a:pt x="91" y="429"/>
                      </a:lnTo>
                      <a:lnTo>
                        <a:pt x="95" y="434"/>
                      </a:lnTo>
                      <a:lnTo>
                        <a:pt x="96" y="434"/>
                      </a:lnTo>
                      <a:lnTo>
                        <a:pt x="96" y="432"/>
                      </a:lnTo>
                      <a:lnTo>
                        <a:pt x="96" y="430"/>
                      </a:lnTo>
                      <a:lnTo>
                        <a:pt x="98" y="427"/>
                      </a:lnTo>
                      <a:lnTo>
                        <a:pt x="101" y="424"/>
                      </a:lnTo>
                      <a:lnTo>
                        <a:pt x="105" y="422"/>
                      </a:lnTo>
                      <a:lnTo>
                        <a:pt x="110" y="420"/>
                      </a:lnTo>
                      <a:lnTo>
                        <a:pt x="117" y="420"/>
                      </a:lnTo>
                      <a:lnTo>
                        <a:pt x="117" y="418"/>
                      </a:lnTo>
                      <a:lnTo>
                        <a:pt x="115" y="418"/>
                      </a:lnTo>
                      <a:lnTo>
                        <a:pt x="113" y="415"/>
                      </a:lnTo>
                      <a:lnTo>
                        <a:pt x="113" y="413"/>
                      </a:lnTo>
                      <a:lnTo>
                        <a:pt x="115" y="408"/>
                      </a:lnTo>
                      <a:lnTo>
                        <a:pt x="120" y="405"/>
                      </a:lnTo>
                      <a:lnTo>
                        <a:pt x="127" y="398"/>
                      </a:lnTo>
                      <a:lnTo>
                        <a:pt x="139" y="391"/>
                      </a:lnTo>
                      <a:lnTo>
                        <a:pt x="140" y="391"/>
                      </a:lnTo>
                      <a:lnTo>
                        <a:pt x="139" y="390"/>
                      </a:lnTo>
                      <a:lnTo>
                        <a:pt x="139" y="388"/>
                      </a:lnTo>
                      <a:lnTo>
                        <a:pt x="140" y="385"/>
                      </a:lnTo>
                      <a:lnTo>
                        <a:pt x="144" y="381"/>
                      </a:lnTo>
                      <a:lnTo>
                        <a:pt x="151" y="374"/>
                      </a:lnTo>
                      <a:lnTo>
                        <a:pt x="161" y="366"/>
                      </a:lnTo>
                      <a:lnTo>
                        <a:pt x="174" y="354"/>
                      </a:lnTo>
                      <a:lnTo>
                        <a:pt x="176" y="352"/>
                      </a:lnTo>
                      <a:lnTo>
                        <a:pt x="178" y="347"/>
                      </a:lnTo>
                      <a:lnTo>
                        <a:pt x="178" y="344"/>
                      </a:lnTo>
                      <a:lnTo>
                        <a:pt x="179" y="342"/>
                      </a:lnTo>
                      <a:lnTo>
                        <a:pt x="181" y="341"/>
                      </a:lnTo>
                      <a:lnTo>
                        <a:pt x="183" y="339"/>
                      </a:lnTo>
                      <a:lnTo>
                        <a:pt x="183" y="337"/>
                      </a:lnTo>
                      <a:lnTo>
                        <a:pt x="184" y="336"/>
                      </a:lnTo>
                      <a:lnTo>
                        <a:pt x="183" y="332"/>
                      </a:lnTo>
                      <a:lnTo>
                        <a:pt x="181" y="330"/>
                      </a:lnTo>
                      <a:lnTo>
                        <a:pt x="174" y="330"/>
                      </a:lnTo>
                      <a:lnTo>
                        <a:pt x="173" y="330"/>
                      </a:lnTo>
                      <a:lnTo>
                        <a:pt x="173" y="329"/>
                      </a:lnTo>
                      <a:lnTo>
                        <a:pt x="173" y="327"/>
                      </a:lnTo>
                      <a:lnTo>
                        <a:pt x="174" y="322"/>
                      </a:lnTo>
                      <a:lnTo>
                        <a:pt x="178" y="317"/>
                      </a:lnTo>
                      <a:lnTo>
                        <a:pt x="183" y="310"/>
                      </a:lnTo>
                      <a:lnTo>
                        <a:pt x="191" y="302"/>
                      </a:lnTo>
                      <a:lnTo>
                        <a:pt x="193" y="298"/>
                      </a:lnTo>
                      <a:lnTo>
                        <a:pt x="195" y="293"/>
                      </a:lnTo>
                      <a:lnTo>
                        <a:pt x="196" y="285"/>
                      </a:lnTo>
                      <a:lnTo>
                        <a:pt x="200" y="276"/>
                      </a:lnTo>
                      <a:lnTo>
                        <a:pt x="205" y="268"/>
                      </a:lnTo>
                      <a:lnTo>
                        <a:pt x="211" y="264"/>
                      </a:lnTo>
                      <a:lnTo>
                        <a:pt x="220" y="264"/>
                      </a:lnTo>
                      <a:lnTo>
                        <a:pt x="230" y="271"/>
                      </a:lnTo>
                      <a:lnTo>
                        <a:pt x="228" y="271"/>
                      </a:lnTo>
                      <a:lnTo>
                        <a:pt x="225" y="271"/>
                      </a:lnTo>
                      <a:lnTo>
                        <a:pt x="220" y="273"/>
                      </a:lnTo>
                      <a:lnTo>
                        <a:pt x="213" y="273"/>
                      </a:lnTo>
                      <a:lnTo>
                        <a:pt x="210" y="276"/>
                      </a:lnTo>
                      <a:lnTo>
                        <a:pt x="206" y="281"/>
                      </a:lnTo>
                      <a:lnTo>
                        <a:pt x="206" y="288"/>
                      </a:lnTo>
                      <a:lnTo>
                        <a:pt x="210" y="297"/>
                      </a:lnTo>
                      <a:lnTo>
                        <a:pt x="210" y="298"/>
                      </a:lnTo>
                      <a:lnTo>
                        <a:pt x="208" y="302"/>
                      </a:lnTo>
                      <a:lnTo>
                        <a:pt x="205" y="305"/>
                      </a:lnTo>
                      <a:lnTo>
                        <a:pt x="203" y="308"/>
                      </a:lnTo>
                      <a:lnTo>
                        <a:pt x="203" y="310"/>
                      </a:lnTo>
                      <a:lnTo>
                        <a:pt x="205" y="312"/>
                      </a:lnTo>
                      <a:lnTo>
                        <a:pt x="208" y="310"/>
                      </a:lnTo>
                      <a:lnTo>
                        <a:pt x="215" y="307"/>
                      </a:lnTo>
                      <a:lnTo>
                        <a:pt x="213" y="308"/>
                      </a:lnTo>
                      <a:lnTo>
                        <a:pt x="211" y="312"/>
                      </a:lnTo>
                      <a:lnTo>
                        <a:pt x="210" y="317"/>
                      </a:lnTo>
                      <a:lnTo>
                        <a:pt x="208" y="320"/>
                      </a:lnTo>
                      <a:lnTo>
                        <a:pt x="208" y="324"/>
                      </a:lnTo>
                      <a:lnTo>
                        <a:pt x="210" y="322"/>
                      </a:lnTo>
                      <a:lnTo>
                        <a:pt x="217" y="319"/>
                      </a:lnTo>
                      <a:lnTo>
                        <a:pt x="227" y="308"/>
                      </a:lnTo>
                      <a:lnTo>
                        <a:pt x="227" y="307"/>
                      </a:lnTo>
                      <a:lnTo>
                        <a:pt x="230" y="305"/>
                      </a:lnTo>
                      <a:lnTo>
                        <a:pt x="232" y="303"/>
                      </a:lnTo>
                      <a:lnTo>
                        <a:pt x="233" y="302"/>
                      </a:lnTo>
                      <a:lnTo>
                        <a:pt x="237" y="300"/>
                      </a:lnTo>
                      <a:lnTo>
                        <a:pt x="239" y="298"/>
                      </a:lnTo>
                      <a:lnTo>
                        <a:pt x="240" y="297"/>
                      </a:lnTo>
                      <a:lnTo>
                        <a:pt x="242" y="297"/>
                      </a:lnTo>
                      <a:lnTo>
                        <a:pt x="244" y="297"/>
                      </a:lnTo>
                      <a:lnTo>
                        <a:pt x="245" y="295"/>
                      </a:lnTo>
                      <a:lnTo>
                        <a:pt x="247" y="293"/>
                      </a:lnTo>
                      <a:lnTo>
                        <a:pt x="249" y="290"/>
                      </a:lnTo>
                      <a:lnTo>
                        <a:pt x="247" y="286"/>
                      </a:lnTo>
                      <a:lnTo>
                        <a:pt x="245" y="281"/>
                      </a:lnTo>
                      <a:lnTo>
                        <a:pt x="245" y="280"/>
                      </a:lnTo>
                      <a:lnTo>
                        <a:pt x="244" y="276"/>
                      </a:lnTo>
                      <a:lnTo>
                        <a:pt x="242" y="273"/>
                      </a:lnTo>
                      <a:lnTo>
                        <a:pt x="240" y="271"/>
                      </a:lnTo>
                      <a:lnTo>
                        <a:pt x="250" y="264"/>
                      </a:lnTo>
                      <a:lnTo>
                        <a:pt x="255" y="268"/>
                      </a:lnTo>
                      <a:lnTo>
                        <a:pt x="266" y="263"/>
                      </a:lnTo>
                      <a:lnTo>
                        <a:pt x="281" y="271"/>
                      </a:lnTo>
                      <a:lnTo>
                        <a:pt x="286" y="278"/>
                      </a:lnTo>
                      <a:lnTo>
                        <a:pt x="293" y="270"/>
                      </a:lnTo>
                      <a:lnTo>
                        <a:pt x="303" y="286"/>
                      </a:lnTo>
                      <a:lnTo>
                        <a:pt x="305" y="285"/>
                      </a:lnTo>
                      <a:lnTo>
                        <a:pt x="310" y="281"/>
                      </a:lnTo>
                      <a:lnTo>
                        <a:pt x="315" y="278"/>
                      </a:lnTo>
                      <a:lnTo>
                        <a:pt x="323" y="276"/>
                      </a:lnTo>
                      <a:lnTo>
                        <a:pt x="333" y="275"/>
                      </a:lnTo>
                      <a:lnTo>
                        <a:pt x="343" y="275"/>
                      </a:lnTo>
                      <a:lnTo>
                        <a:pt x="357" y="276"/>
                      </a:lnTo>
                      <a:lnTo>
                        <a:pt x="359" y="276"/>
                      </a:lnTo>
                      <a:lnTo>
                        <a:pt x="360" y="275"/>
                      </a:lnTo>
                      <a:lnTo>
                        <a:pt x="362" y="273"/>
                      </a:lnTo>
                      <a:lnTo>
                        <a:pt x="364" y="271"/>
                      </a:lnTo>
                      <a:lnTo>
                        <a:pt x="365" y="271"/>
                      </a:lnTo>
                      <a:lnTo>
                        <a:pt x="369" y="271"/>
                      </a:lnTo>
                      <a:lnTo>
                        <a:pt x="371" y="275"/>
                      </a:lnTo>
                      <a:lnTo>
                        <a:pt x="371" y="278"/>
                      </a:lnTo>
                      <a:lnTo>
                        <a:pt x="371" y="280"/>
                      </a:lnTo>
                      <a:lnTo>
                        <a:pt x="374" y="280"/>
                      </a:lnTo>
                      <a:lnTo>
                        <a:pt x="377" y="281"/>
                      </a:lnTo>
                      <a:lnTo>
                        <a:pt x="381" y="281"/>
                      </a:lnTo>
                      <a:lnTo>
                        <a:pt x="384" y="281"/>
                      </a:lnTo>
                      <a:lnTo>
                        <a:pt x="387" y="283"/>
                      </a:lnTo>
                      <a:lnTo>
                        <a:pt x="389" y="283"/>
                      </a:lnTo>
                      <a:lnTo>
                        <a:pt x="391" y="283"/>
                      </a:lnTo>
                      <a:lnTo>
                        <a:pt x="411" y="295"/>
                      </a:lnTo>
                      <a:lnTo>
                        <a:pt x="413" y="295"/>
                      </a:lnTo>
                      <a:lnTo>
                        <a:pt x="415" y="295"/>
                      </a:lnTo>
                      <a:lnTo>
                        <a:pt x="418" y="295"/>
                      </a:lnTo>
                      <a:lnTo>
                        <a:pt x="421" y="295"/>
                      </a:lnTo>
                      <a:lnTo>
                        <a:pt x="425" y="295"/>
                      </a:lnTo>
                      <a:lnTo>
                        <a:pt x="425" y="292"/>
                      </a:lnTo>
                      <a:lnTo>
                        <a:pt x="423" y="288"/>
                      </a:lnTo>
                      <a:lnTo>
                        <a:pt x="416" y="280"/>
                      </a:lnTo>
                      <a:lnTo>
                        <a:pt x="418" y="280"/>
                      </a:lnTo>
                      <a:lnTo>
                        <a:pt x="420" y="278"/>
                      </a:lnTo>
                      <a:lnTo>
                        <a:pt x="423" y="276"/>
                      </a:lnTo>
                      <a:lnTo>
                        <a:pt x="425" y="278"/>
                      </a:lnTo>
                      <a:lnTo>
                        <a:pt x="428" y="280"/>
                      </a:lnTo>
                      <a:lnTo>
                        <a:pt x="431" y="283"/>
                      </a:lnTo>
                      <a:lnTo>
                        <a:pt x="435" y="286"/>
                      </a:lnTo>
                      <a:lnTo>
                        <a:pt x="438" y="288"/>
                      </a:lnTo>
                      <a:lnTo>
                        <a:pt x="438" y="286"/>
                      </a:lnTo>
                      <a:lnTo>
                        <a:pt x="435" y="281"/>
                      </a:lnTo>
                      <a:lnTo>
                        <a:pt x="430" y="271"/>
                      </a:lnTo>
                      <a:lnTo>
                        <a:pt x="428" y="270"/>
                      </a:lnTo>
                      <a:lnTo>
                        <a:pt x="430" y="266"/>
                      </a:lnTo>
                      <a:lnTo>
                        <a:pt x="430" y="264"/>
                      </a:lnTo>
                      <a:lnTo>
                        <a:pt x="431" y="264"/>
                      </a:lnTo>
                      <a:lnTo>
                        <a:pt x="445" y="283"/>
                      </a:lnTo>
                      <a:lnTo>
                        <a:pt x="455" y="280"/>
                      </a:lnTo>
                      <a:lnTo>
                        <a:pt x="455" y="281"/>
                      </a:lnTo>
                      <a:lnTo>
                        <a:pt x="457" y="281"/>
                      </a:lnTo>
                      <a:lnTo>
                        <a:pt x="460" y="283"/>
                      </a:lnTo>
                      <a:lnTo>
                        <a:pt x="462" y="286"/>
                      </a:lnTo>
                      <a:lnTo>
                        <a:pt x="465" y="290"/>
                      </a:lnTo>
                      <a:lnTo>
                        <a:pt x="469" y="295"/>
                      </a:lnTo>
                      <a:lnTo>
                        <a:pt x="472" y="300"/>
                      </a:lnTo>
                      <a:lnTo>
                        <a:pt x="475" y="305"/>
                      </a:lnTo>
                      <a:lnTo>
                        <a:pt x="479" y="312"/>
                      </a:lnTo>
                      <a:lnTo>
                        <a:pt x="482" y="314"/>
                      </a:lnTo>
                      <a:lnTo>
                        <a:pt x="484" y="314"/>
                      </a:lnTo>
                      <a:lnTo>
                        <a:pt x="486" y="312"/>
                      </a:lnTo>
                      <a:lnTo>
                        <a:pt x="487" y="310"/>
                      </a:lnTo>
                      <a:lnTo>
                        <a:pt x="487" y="308"/>
                      </a:lnTo>
                      <a:lnTo>
                        <a:pt x="487" y="307"/>
                      </a:lnTo>
                      <a:lnTo>
                        <a:pt x="509" y="322"/>
                      </a:lnTo>
                      <a:lnTo>
                        <a:pt x="508" y="325"/>
                      </a:lnTo>
                      <a:lnTo>
                        <a:pt x="508" y="327"/>
                      </a:lnTo>
                      <a:lnTo>
                        <a:pt x="508" y="330"/>
                      </a:lnTo>
                      <a:lnTo>
                        <a:pt x="508" y="332"/>
                      </a:lnTo>
                      <a:lnTo>
                        <a:pt x="509" y="332"/>
                      </a:lnTo>
                      <a:lnTo>
                        <a:pt x="514" y="329"/>
                      </a:lnTo>
                      <a:lnTo>
                        <a:pt x="519" y="324"/>
                      </a:lnTo>
                      <a:lnTo>
                        <a:pt x="521" y="322"/>
                      </a:lnTo>
                      <a:lnTo>
                        <a:pt x="523" y="322"/>
                      </a:lnTo>
                      <a:lnTo>
                        <a:pt x="525" y="324"/>
                      </a:lnTo>
                      <a:lnTo>
                        <a:pt x="528" y="325"/>
                      </a:lnTo>
                      <a:lnTo>
                        <a:pt x="531" y="330"/>
                      </a:lnTo>
                      <a:lnTo>
                        <a:pt x="535" y="339"/>
                      </a:lnTo>
                      <a:lnTo>
                        <a:pt x="536" y="341"/>
                      </a:lnTo>
                      <a:lnTo>
                        <a:pt x="538" y="344"/>
                      </a:lnTo>
                      <a:lnTo>
                        <a:pt x="540" y="347"/>
                      </a:lnTo>
                      <a:lnTo>
                        <a:pt x="541" y="349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79" name="Freeform 79"/>
                <p:cNvSpPr>
                  <a:spLocks/>
                </p:cNvSpPr>
                <p:nvPr/>
              </p:nvSpPr>
              <p:spPr bwMode="auto">
                <a:xfrm>
                  <a:off x="1085" y="3327"/>
                  <a:ext cx="27" cy="22"/>
                </a:xfrm>
                <a:custGeom>
                  <a:avLst/>
                  <a:gdLst>
                    <a:gd name="T0" fmla="*/ 0 w 27"/>
                    <a:gd name="T1" fmla="*/ 10 h 22"/>
                    <a:gd name="T2" fmla="*/ 0 w 27"/>
                    <a:gd name="T3" fmla="*/ 7 h 22"/>
                    <a:gd name="T4" fmla="*/ 2 w 27"/>
                    <a:gd name="T5" fmla="*/ 4 h 22"/>
                    <a:gd name="T6" fmla="*/ 14 w 27"/>
                    <a:gd name="T7" fmla="*/ 0 h 22"/>
                    <a:gd name="T8" fmla="*/ 27 w 27"/>
                    <a:gd name="T9" fmla="*/ 14 h 22"/>
                    <a:gd name="T10" fmla="*/ 22 w 27"/>
                    <a:gd name="T11" fmla="*/ 15 h 22"/>
                    <a:gd name="T12" fmla="*/ 22 w 27"/>
                    <a:gd name="T13" fmla="*/ 15 h 22"/>
                    <a:gd name="T14" fmla="*/ 17 w 27"/>
                    <a:gd name="T15" fmla="*/ 10 h 22"/>
                    <a:gd name="T16" fmla="*/ 12 w 27"/>
                    <a:gd name="T17" fmla="*/ 14 h 22"/>
                    <a:gd name="T18" fmla="*/ 17 w 27"/>
                    <a:gd name="T19" fmla="*/ 19 h 22"/>
                    <a:gd name="T20" fmla="*/ 14 w 27"/>
                    <a:gd name="T21" fmla="*/ 22 h 22"/>
                    <a:gd name="T22" fmla="*/ 0 w 27"/>
                    <a:gd name="T23" fmla="*/ 10 h 22"/>
                    <a:gd name="T24" fmla="*/ 0 60000 65536"/>
                    <a:gd name="T25" fmla="*/ 0 60000 65536"/>
                    <a:gd name="T26" fmla="*/ 0 60000 65536"/>
                    <a:gd name="T27" fmla="*/ 0 60000 65536"/>
                    <a:gd name="T28" fmla="*/ 0 60000 65536"/>
                    <a:gd name="T29" fmla="*/ 0 60000 65536"/>
                    <a:gd name="T30" fmla="*/ 0 60000 65536"/>
                    <a:gd name="T31" fmla="*/ 0 60000 65536"/>
                    <a:gd name="T32" fmla="*/ 0 60000 65536"/>
                    <a:gd name="T33" fmla="*/ 0 60000 65536"/>
                    <a:gd name="T34" fmla="*/ 0 60000 65536"/>
                    <a:gd name="T35" fmla="*/ 0 60000 65536"/>
                    <a:gd name="T36" fmla="*/ 0 w 27"/>
                    <a:gd name="T37" fmla="*/ 0 h 22"/>
                    <a:gd name="T38" fmla="*/ 27 w 27"/>
                    <a:gd name="T39" fmla="*/ 22 h 22"/>
                  </a:gdLst>
                  <a:ahLst/>
                  <a:cxnLst>
                    <a:cxn ang="T24">
                      <a:pos x="T0" y="T1"/>
                    </a:cxn>
                    <a:cxn ang="T25">
                      <a:pos x="T2" y="T3"/>
                    </a:cxn>
                    <a:cxn ang="T26">
                      <a:pos x="T4" y="T5"/>
                    </a:cxn>
                    <a:cxn ang="T27">
                      <a:pos x="T6" y="T7"/>
                    </a:cxn>
                    <a:cxn ang="T28">
                      <a:pos x="T8" y="T9"/>
                    </a:cxn>
                    <a:cxn ang="T29">
                      <a:pos x="T10" y="T11"/>
                    </a:cxn>
                    <a:cxn ang="T30">
                      <a:pos x="T12" y="T13"/>
                    </a:cxn>
                    <a:cxn ang="T31">
                      <a:pos x="T14" y="T15"/>
                    </a:cxn>
                    <a:cxn ang="T32">
                      <a:pos x="T16" y="T17"/>
                    </a:cxn>
                    <a:cxn ang="T33">
                      <a:pos x="T18" y="T19"/>
                    </a:cxn>
                    <a:cxn ang="T34">
                      <a:pos x="T20" y="T21"/>
                    </a:cxn>
                    <a:cxn ang="T35">
                      <a:pos x="T22" y="T23"/>
                    </a:cxn>
                  </a:cxnLst>
                  <a:rect l="T36" t="T37" r="T38" b="T39"/>
                  <a:pathLst>
                    <a:path w="27" h="22">
                      <a:moveTo>
                        <a:pt x="0" y="10"/>
                      </a:moveTo>
                      <a:lnTo>
                        <a:pt x="0" y="7"/>
                      </a:lnTo>
                      <a:lnTo>
                        <a:pt x="2" y="4"/>
                      </a:lnTo>
                      <a:lnTo>
                        <a:pt x="14" y="0"/>
                      </a:lnTo>
                      <a:lnTo>
                        <a:pt x="27" y="14"/>
                      </a:lnTo>
                      <a:lnTo>
                        <a:pt x="22" y="15"/>
                      </a:lnTo>
                      <a:lnTo>
                        <a:pt x="17" y="10"/>
                      </a:lnTo>
                      <a:lnTo>
                        <a:pt x="12" y="14"/>
                      </a:lnTo>
                      <a:lnTo>
                        <a:pt x="17" y="19"/>
                      </a:lnTo>
                      <a:lnTo>
                        <a:pt x="14" y="22"/>
                      </a:lnTo>
                      <a:lnTo>
                        <a:pt x="0" y="1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80" name="Freeform 80"/>
                <p:cNvSpPr>
                  <a:spLocks/>
                </p:cNvSpPr>
                <p:nvPr/>
              </p:nvSpPr>
              <p:spPr bwMode="auto">
                <a:xfrm>
                  <a:off x="1085" y="3327"/>
                  <a:ext cx="27" cy="22"/>
                </a:xfrm>
                <a:custGeom>
                  <a:avLst/>
                  <a:gdLst>
                    <a:gd name="T0" fmla="*/ 0 w 27"/>
                    <a:gd name="T1" fmla="*/ 10 h 22"/>
                    <a:gd name="T2" fmla="*/ 0 w 27"/>
                    <a:gd name="T3" fmla="*/ 7 h 22"/>
                    <a:gd name="T4" fmla="*/ 2 w 27"/>
                    <a:gd name="T5" fmla="*/ 4 h 22"/>
                    <a:gd name="T6" fmla="*/ 14 w 27"/>
                    <a:gd name="T7" fmla="*/ 0 h 22"/>
                    <a:gd name="T8" fmla="*/ 27 w 27"/>
                    <a:gd name="T9" fmla="*/ 14 h 22"/>
                    <a:gd name="T10" fmla="*/ 22 w 27"/>
                    <a:gd name="T11" fmla="*/ 15 h 22"/>
                    <a:gd name="T12" fmla="*/ 22 w 27"/>
                    <a:gd name="T13" fmla="*/ 15 h 22"/>
                    <a:gd name="T14" fmla="*/ 17 w 27"/>
                    <a:gd name="T15" fmla="*/ 10 h 22"/>
                    <a:gd name="T16" fmla="*/ 12 w 27"/>
                    <a:gd name="T17" fmla="*/ 14 h 22"/>
                    <a:gd name="T18" fmla="*/ 17 w 27"/>
                    <a:gd name="T19" fmla="*/ 19 h 22"/>
                    <a:gd name="T20" fmla="*/ 14 w 27"/>
                    <a:gd name="T21" fmla="*/ 22 h 22"/>
                    <a:gd name="T22" fmla="*/ 0 w 27"/>
                    <a:gd name="T23" fmla="*/ 10 h 22"/>
                    <a:gd name="T24" fmla="*/ 0 60000 65536"/>
                    <a:gd name="T25" fmla="*/ 0 60000 65536"/>
                    <a:gd name="T26" fmla="*/ 0 60000 65536"/>
                    <a:gd name="T27" fmla="*/ 0 60000 65536"/>
                    <a:gd name="T28" fmla="*/ 0 60000 65536"/>
                    <a:gd name="T29" fmla="*/ 0 60000 65536"/>
                    <a:gd name="T30" fmla="*/ 0 60000 65536"/>
                    <a:gd name="T31" fmla="*/ 0 60000 65536"/>
                    <a:gd name="T32" fmla="*/ 0 60000 65536"/>
                    <a:gd name="T33" fmla="*/ 0 60000 65536"/>
                    <a:gd name="T34" fmla="*/ 0 60000 65536"/>
                    <a:gd name="T35" fmla="*/ 0 60000 65536"/>
                    <a:gd name="T36" fmla="*/ 0 w 27"/>
                    <a:gd name="T37" fmla="*/ 0 h 22"/>
                    <a:gd name="T38" fmla="*/ 27 w 27"/>
                    <a:gd name="T39" fmla="*/ 22 h 22"/>
                  </a:gdLst>
                  <a:ahLst/>
                  <a:cxnLst>
                    <a:cxn ang="T24">
                      <a:pos x="T0" y="T1"/>
                    </a:cxn>
                    <a:cxn ang="T25">
                      <a:pos x="T2" y="T3"/>
                    </a:cxn>
                    <a:cxn ang="T26">
                      <a:pos x="T4" y="T5"/>
                    </a:cxn>
                    <a:cxn ang="T27">
                      <a:pos x="T6" y="T7"/>
                    </a:cxn>
                    <a:cxn ang="T28">
                      <a:pos x="T8" y="T9"/>
                    </a:cxn>
                    <a:cxn ang="T29">
                      <a:pos x="T10" y="T11"/>
                    </a:cxn>
                    <a:cxn ang="T30">
                      <a:pos x="T12" y="T13"/>
                    </a:cxn>
                    <a:cxn ang="T31">
                      <a:pos x="T14" y="T15"/>
                    </a:cxn>
                    <a:cxn ang="T32">
                      <a:pos x="T16" y="T17"/>
                    </a:cxn>
                    <a:cxn ang="T33">
                      <a:pos x="T18" y="T19"/>
                    </a:cxn>
                    <a:cxn ang="T34">
                      <a:pos x="T20" y="T21"/>
                    </a:cxn>
                    <a:cxn ang="T35">
                      <a:pos x="T22" y="T23"/>
                    </a:cxn>
                  </a:cxnLst>
                  <a:rect l="T36" t="T37" r="T38" b="T39"/>
                  <a:pathLst>
                    <a:path w="27" h="22">
                      <a:moveTo>
                        <a:pt x="0" y="10"/>
                      </a:moveTo>
                      <a:lnTo>
                        <a:pt x="0" y="7"/>
                      </a:lnTo>
                      <a:lnTo>
                        <a:pt x="2" y="4"/>
                      </a:lnTo>
                      <a:lnTo>
                        <a:pt x="14" y="0"/>
                      </a:lnTo>
                      <a:lnTo>
                        <a:pt x="27" y="14"/>
                      </a:lnTo>
                      <a:lnTo>
                        <a:pt x="22" y="15"/>
                      </a:lnTo>
                      <a:lnTo>
                        <a:pt x="17" y="10"/>
                      </a:lnTo>
                      <a:lnTo>
                        <a:pt x="12" y="14"/>
                      </a:lnTo>
                      <a:lnTo>
                        <a:pt x="17" y="19"/>
                      </a:lnTo>
                      <a:lnTo>
                        <a:pt x="14" y="22"/>
                      </a:lnTo>
                      <a:lnTo>
                        <a:pt x="0" y="1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81" name="Freeform 81"/>
                <p:cNvSpPr>
                  <a:spLocks/>
                </p:cNvSpPr>
                <p:nvPr/>
              </p:nvSpPr>
              <p:spPr bwMode="auto">
                <a:xfrm>
                  <a:off x="1107" y="3348"/>
                  <a:ext cx="21" cy="23"/>
                </a:xfrm>
                <a:custGeom>
                  <a:avLst/>
                  <a:gdLst>
                    <a:gd name="T0" fmla="*/ 5 w 21"/>
                    <a:gd name="T1" fmla="*/ 0 h 23"/>
                    <a:gd name="T2" fmla="*/ 0 w 21"/>
                    <a:gd name="T3" fmla="*/ 3 h 23"/>
                    <a:gd name="T4" fmla="*/ 11 w 21"/>
                    <a:gd name="T5" fmla="*/ 16 h 23"/>
                    <a:gd name="T6" fmla="*/ 21 w 21"/>
                    <a:gd name="T7" fmla="*/ 23 h 23"/>
                    <a:gd name="T8" fmla="*/ 14 w 21"/>
                    <a:gd name="T9" fmla="*/ 6 h 23"/>
                    <a:gd name="T10" fmla="*/ 5 w 21"/>
                    <a:gd name="T11" fmla="*/ 0 h 23"/>
                    <a:gd name="T12" fmla="*/ 0 60000 65536"/>
                    <a:gd name="T13" fmla="*/ 0 60000 65536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w 21"/>
                    <a:gd name="T19" fmla="*/ 0 h 23"/>
                    <a:gd name="T20" fmla="*/ 21 w 21"/>
                    <a:gd name="T21" fmla="*/ 23 h 23"/>
                  </a:gdLst>
                  <a:ahLst/>
                  <a:cxnLst>
                    <a:cxn ang="T12">
                      <a:pos x="T0" y="T1"/>
                    </a:cxn>
                    <a:cxn ang="T13">
                      <a:pos x="T2" y="T3"/>
                    </a:cxn>
                    <a:cxn ang="T14">
                      <a:pos x="T4" y="T5"/>
                    </a:cxn>
                    <a:cxn ang="T15">
                      <a:pos x="T6" y="T7"/>
                    </a:cxn>
                    <a:cxn ang="T16">
                      <a:pos x="T8" y="T9"/>
                    </a:cxn>
                    <a:cxn ang="T17">
                      <a:pos x="T10" y="T11"/>
                    </a:cxn>
                  </a:cxnLst>
                  <a:rect l="T18" t="T19" r="T20" b="T21"/>
                  <a:pathLst>
                    <a:path w="21" h="23">
                      <a:moveTo>
                        <a:pt x="5" y="0"/>
                      </a:moveTo>
                      <a:lnTo>
                        <a:pt x="0" y="3"/>
                      </a:lnTo>
                      <a:lnTo>
                        <a:pt x="11" y="16"/>
                      </a:lnTo>
                      <a:lnTo>
                        <a:pt x="21" y="23"/>
                      </a:lnTo>
                      <a:lnTo>
                        <a:pt x="14" y="6"/>
                      </a:lnTo>
                      <a:lnTo>
                        <a:pt x="5" y="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82" name="Freeform 82"/>
                <p:cNvSpPr>
                  <a:spLocks/>
                </p:cNvSpPr>
                <p:nvPr/>
              </p:nvSpPr>
              <p:spPr bwMode="auto">
                <a:xfrm>
                  <a:off x="1107" y="3348"/>
                  <a:ext cx="21" cy="23"/>
                </a:xfrm>
                <a:custGeom>
                  <a:avLst/>
                  <a:gdLst>
                    <a:gd name="T0" fmla="*/ 5 w 21"/>
                    <a:gd name="T1" fmla="*/ 0 h 23"/>
                    <a:gd name="T2" fmla="*/ 0 w 21"/>
                    <a:gd name="T3" fmla="*/ 3 h 23"/>
                    <a:gd name="T4" fmla="*/ 11 w 21"/>
                    <a:gd name="T5" fmla="*/ 16 h 23"/>
                    <a:gd name="T6" fmla="*/ 21 w 21"/>
                    <a:gd name="T7" fmla="*/ 23 h 23"/>
                    <a:gd name="T8" fmla="*/ 14 w 21"/>
                    <a:gd name="T9" fmla="*/ 6 h 23"/>
                    <a:gd name="T10" fmla="*/ 5 w 21"/>
                    <a:gd name="T11" fmla="*/ 0 h 23"/>
                    <a:gd name="T12" fmla="*/ 0 60000 65536"/>
                    <a:gd name="T13" fmla="*/ 0 60000 65536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w 21"/>
                    <a:gd name="T19" fmla="*/ 0 h 23"/>
                    <a:gd name="T20" fmla="*/ 21 w 21"/>
                    <a:gd name="T21" fmla="*/ 23 h 23"/>
                  </a:gdLst>
                  <a:ahLst/>
                  <a:cxnLst>
                    <a:cxn ang="T12">
                      <a:pos x="T0" y="T1"/>
                    </a:cxn>
                    <a:cxn ang="T13">
                      <a:pos x="T2" y="T3"/>
                    </a:cxn>
                    <a:cxn ang="T14">
                      <a:pos x="T4" y="T5"/>
                    </a:cxn>
                    <a:cxn ang="T15">
                      <a:pos x="T6" y="T7"/>
                    </a:cxn>
                    <a:cxn ang="T16">
                      <a:pos x="T8" y="T9"/>
                    </a:cxn>
                    <a:cxn ang="T17">
                      <a:pos x="T10" y="T11"/>
                    </a:cxn>
                  </a:cxnLst>
                  <a:rect l="T18" t="T19" r="T20" b="T21"/>
                  <a:pathLst>
                    <a:path w="21" h="23">
                      <a:moveTo>
                        <a:pt x="5" y="0"/>
                      </a:moveTo>
                      <a:lnTo>
                        <a:pt x="0" y="3"/>
                      </a:lnTo>
                      <a:lnTo>
                        <a:pt x="11" y="16"/>
                      </a:lnTo>
                      <a:lnTo>
                        <a:pt x="21" y="23"/>
                      </a:lnTo>
                      <a:lnTo>
                        <a:pt x="14" y="6"/>
                      </a:lnTo>
                      <a:lnTo>
                        <a:pt x="5" y="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83" name="Freeform 83"/>
                <p:cNvSpPr>
                  <a:spLocks/>
                </p:cNvSpPr>
                <p:nvPr/>
              </p:nvSpPr>
              <p:spPr bwMode="auto">
                <a:xfrm>
                  <a:off x="1107" y="3322"/>
                  <a:ext cx="19" cy="24"/>
                </a:xfrm>
                <a:custGeom>
                  <a:avLst/>
                  <a:gdLst>
                    <a:gd name="T0" fmla="*/ 4 w 19"/>
                    <a:gd name="T1" fmla="*/ 0 h 24"/>
                    <a:gd name="T2" fmla="*/ 19 w 19"/>
                    <a:gd name="T3" fmla="*/ 15 h 24"/>
                    <a:gd name="T4" fmla="*/ 17 w 19"/>
                    <a:gd name="T5" fmla="*/ 24 h 24"/>
                    <a:gd name="T6" fmla="*/ 11 w 19"/>
                    <a:gd name="T7" fmla="*/ 22 h 24"/>
                    <a:gd name="T8" fmla="*/ 11 w 19"/>
                    <a:gd name="T9" fmla="*/ 15 h 24"/>
                    <a:gd name="T10" fmla="*/ 0 w 19"/>
                    <a:gd name="T11" fmla="*/ 2 h 24"/>
                    <a:gd name="T12" fmla="*/ 4 w 19"/>
                    <a:gd name="T13" fmla="*/ 0 h 24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w 19"/>
                    <a:gd name="T22" fmla="*/ 0 h 24"/>
                    <a:gd name="T23" fmla="*/ 19 w 19"/>
                    <a:gd name="T24" fmla="*/ 24 h 24"/>
                  </a:gdLst>
                  <a:ahLst/>
                  <a:cxnLst>
                    <a:cxn ang="T14">
                      <a:pos x="T0" y="T1"/>
                    </a:cxn>
                    <a:cxn ang="T15">
                      <a:pos x="T2" y="T3"/>
                    </a:cxn>
                    <a:cxn ang="T16">
                      <a:pos x="T4" y="T5"/>
                    </a:cxn>
                    <a:cxn ang="T17">
                      <a:pos x="T6" y="T7"/>
                    </a:cxn>
                    <a:cxn ang="T18">
                      <a:pos x="T8" y="T9"/>
                    </a:cxn>
                    <a:cxn ang="T19">
                      <a:pos x="T10" y="T11"/>
                    </a:cxn>
                    <a:cxn ang="T20">
                      <a:pos x="T12" y="T13"/>
                    </a:cxn>
                  </a:cxnLst>
                  <a:rect l="T21" t="T22" r="T23" b="T24"/>
                  <a:pathLst>
                    <a:path w="19" h="24">
                      <a:moveTo>
                        <a:pt x="4" y="0"/>
                      </a:moveTo>
                      <a:lnTo>
                        <a:pt x="19" y="15"/>
                      </a:lnTo>
                      <a:lnTo>
                        <a:pt x="17" y="24"/>
                      </a:lnTo>
                      <a:lnTo>
                        <a:pt x="11" y="22"/>
                      </a:lnTo>
                      <a:lnTo>
                        <a:pt x="11" y="15"/>
                      </a:lnTo>
                      <a:lnTo>
                        <a:pt x="0" y="2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84" name="Freeform 84"/>
                <p:cNvSpPr>
                  <a:spLocks/>
                </p:cNvSpPr>
                <p:nvPr/>
              </p:nvSpPr>
              <p:spPr bwMode="auto">
                <a:xfrm>
                  <a:off x="1107" y="3322"/>
                  <a:ext cx="19" cy="24"/>
                </a:xfrm>
                <a:custGeom>
                  <a:avLst/>
                  <a:gdLst>
                    <a:gd name="T0" fmla="*/ 4 w 19"/>
                    <a:gd name="T1" fmla="*/ 0 h 24"/>
                    <a:gd name="T2" fmla="*/ 19 w 19"/>
                    <a:gd name="T3" fmla="*/ 15 h 24"/>
                    <a:gd name="T4" fmla="*/ 17 w 19"/>
                    <a:gd name="T5" fmla="*/ 24 h 24"/>
                    <a:gd name="T6" fmla="*/ 11 w 19"/>
                    <a:gd name="T7" fmla="*/ 22 h 24"/>
                    <a:gd name="T8" fmla="*/ 11 w 19"/>
                    <a:gd name="T9" fmla="*/ 15 h 24"/>
                    <a:gd name="T10" fmla="*/ 0 w 19"/>
                    <a:gd name="T11" fmla="*/ 2 h 24"/>
                    <a:gd name="T12" fmla="*/ 4 w 19"/>
                    <a:gd name="T13" fmla="*/ 0 h 24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w 19"/>
                    <a:gd name="T22" fmla="*/ 0 h 24"/>
                    <a:gd name="T23" fmla="*/ 19 w 19"/>
                    <a:gd name="T24" fmla="*/ 24 h 24"/>
                  </a:gdLst>
                  <a:ahLst/>
                  <a:cxnLst>
                    <a:cxn ang="T14">
                      <a:pos x="T0" y="T1"/>
                    </a:cxn>
                    <a:cxn ang="T15">
                      <a:pos x="T2" y="T3"/>
                    </a:cxn>
                    <a:cxn ang="T16">
                      <a:pos x="T4" y="T5"/>
                    </a:cxn>
                    <a:cxn ang="T17">
                      <a:pos x="T6" y="T7"/>
                    </a:cxn>
                    <a:cxn ang="T18">
                      <a:pos x="T8" y="T9"/>
                    </a:cxn>
                    <a:cxn ang="T19">
                      <a:pos x="T10" y="T11"/>
                    </a:cxn>
                    <a:cxn ang="T20">
                      <a:pos x="T12" y="T13"/>
                    </a:cxn>
                  </a:cxnLst>
                  <a:rect l="T21" t="T22" r="T23" b="T24"/>
                  <a:pathLst>
                    <a:path w="19" h="24">
                      <a:moveTo>
                        <a:pt x="4" y="0"/>
                      </a:moveTo>
                      <a:lnTo>
                        <a:pt x="19" y="15"/>
                      </a:lnTo>
                      <a:lnTo>
                        <a:pt x="17" y="24"/>
                      </a:lnTo>
                      <a:lnTo>
                        <a:pt x="11" y="22"/>
                      </a:lnTo>
                      <a:lnTo>
                        <a:pt x="11" y="15"/>
                      </a:lnTo>
                      <a:lnTo>
                        <a:pt x="0" y="2"/>
                      </a:lnTo>
                      <a:lnTo>
                        <a:pt x="4" y="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85" name="Freeform 85"/>
                <p:cNvSpPr>
                  <a:spLocks/>
                </p:cNvSpPr>
                <p:nvPr/>
              </p:nvSpPr>
              <p:spPr bwMode="auto">
                <a:xfrm>
                  <a:off x="1153" y="3370"/>
                  <a:ext cx="27" cy="25"/>
                </a:xfrm>
                <a:custGeom>
                  <a:avLst/>
                  <a:gdLst>
                    <a:gd name="T0" fmla="*/ 2 w 27"/>
                    <a:gd name="T1" fmla="*/ 0 h 25"/>
                    <a:gd name="T2" fmla="*/ 10 w 27"/>
                    <a:gd name="T3" fmla="*/ 1 h 25"/>
                    <a:gd name="T4" fmla="*/ 27 w 27"/>
                    <a:gd name="T5" fmla="*/ 20 h 25"/>
                    <a:gd name="T6" fmla="*/ 24 w 27"/>
                    <a:gd name="T7" fmla="*/ 25 h 25"/>
                    <a:gd name="T8" fmla="*/ 14 w 27"/>
                    <a:gd name="T9" fmla="*/ 16 h 25"/>
                    <a:gd name="T10" fmla="*/ 7 w 27"/>
                    <a:gd name="T11" fmla="*/ 15 h 25"/>
                    <a:gd name="T12" fmla="*/ 0 w 27"/>
                    <a:gd name="T13" fmla="*/ 6 h 25"/>
                    <a:gd name="T14" fmla="*/ 2 w 27"/>
                    <a:gd name="T15" fmla="*/ 0 h 25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w 27"/>
                    <a:gd name="T25" fmla="*/ 0 h 25"/>
                    <a:gd name="T26" fmla="*/ 27 w 27"/>
                    <a:gd name="T27" fmla="*/ 25 h 25"/>
                  </a:gdLst>
                  <a:ahLst/>
                  <a:cxnLst>
                    <a:cxn ang="T16">
                      <a:pos x="T0" y="T1"/>
                    </a:cxn>
                    <a:cxn ang="T17">
                      <a:pos x="T2" y="T3"/>
                    </a:cxn>
                    <a:cxn ang="T18">
                      <a:pos x="T4" y="T5"/>
                    </a:cxn>
                    <a:cxn ang="T19">
                      <a:pos x="T6" y="T7"/>
                    </a:cxn>
                    <a:cxn ang="T20">
                      <a:pos x="T8" y="T9"/>
                    </a:cxn>
                    <a:cxn ang="T21">
                      <a:pos x="T10" y="T11"/>
                    </a:cxn>
                    <a:cxn ang="T22">
                      <a:pos x="T12" y="T13"/>
                    </a:cxn>
                    <a:cxn ang="T23">
                      <a:pos x="T14" y="T15"/>
                    </a:cxn>
                  </a:cxnLst>
                  <a:rect l="T24" t="T25" r="T26" b="T27"/>
                  <a:pathLst>
                    <a:path w="27" h="25">
                      <a:moveTo>
                        <a:pt x="2" y="0"/>
                      </a:moveTo>
                      <a:lnTo>
                        <a:pt x="10" y="1"/>
                      </a:lnTo>
                      <a:lnTo>
                        <a:pt x="27" y="20"/>
                      </a:lnTo>
                      <a:lnTo>
                        <a:pt x="24" y="25"/>
                      </a:lnTo>
                      <a:lnTo>
                        <a:pt x="14" y="16"/>
                      </a:lnTo>
                      <a:lnTo>
                        <a:pt x="7" y="15"/>
                      </a:lnTo>
                      <a:lnTo>
                        <a:pt x="0" y="6"/>
                      </a:lnTo>
                      <a:lnTo>
                        <a:pt x="2" y="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86" name="Freeform 86"/>
                <p:cNvSpPr>
                  <a:spLocks/>
                </p:cNvSpPr>
                <p:nvPr/>
              </p:nvSpPr>
              <p:spPr bwMode="auto">
                <a:xfrm>
                  <a:off x="1153" y="3370"/>
                  <a:ext cx="27" cy="25"/>
                </a:xfrm>
                <a:custGeom>
                  <a:avLst/>
                  <a:gdLst>
                    <a:gd name="T0" fmla="*/ 2 w 27"/>
                    <a:gd name="T1" fmla="*/ 0 h 25"/>
                    <a:gd name="T2" fmla="*/ 10 w 27"/>
                    <a:gd name="T3" fmla="*/ 1 h 25"/>
                    <a:gd name="T4" fmla="*/ 27 w 27"/>
                    <a:gd name="T5" fmla="*/ 20 h 25"/>
                    <a:gd name="T6" fmla="*/ 24 w 27"/>
                    <a:gd name="T7" fmla="*/ 25 h 25"/>
                    <a:gd name="T8" fmla="*/ 14 w 27"/>
                    <a:gd name="T9" fmla="*/ 16 h 25"/>
                    <a:gd name="T10" fmla="*/ 7 w 27"/>
                    <a:gd name="T11" fmla="*/ 15 h 25"/>
                    <a:gd name="T12" fmla="*/ 0 w 27"/>
                    <a:gd name="T13" fmla="*/ 6 h 25"/>
                    <a:gd name="T14" fmla="*/ 2 w 27"/>
                    <a:gd name="T15" fmla="*/ 0 h 25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w 27"/>
                    <a:gd name="T25" fmla="*/ 0 h 25"/>
                    <a:gd name="T26" fmla="*/ 27 w 27"/>
                    <a:gd name="T27" fmla="*/ 25 h 25"/>
                  </a:gdLst>
                  <a:ahLst/>
                  <a:cxnLst>
                    <a:cxn ang="T16">
                      <a:pos x="T0" y="T1"/>
                    </a:cxn>
                    <a:cxn ang="T17">
                      <a:pos x="T2" y="T3"/>
                    </a:cxn>
                    <a:cxn ang="T18">
                      <a:pos x="T4" y="T5"/>
                    </a:cxn>
                    <a:cxn ang="T19">
                      <a:pos x="T6" y="T7"/>
                    </a:cxn>
                    <a:cxn ang="T20">
                      <a:pos x="T8" y="T9"/>
                    </a:cxn>
                    <a:cxn ang="T21">
                      <a:pos x="T10" y="T11"/>
                    </a:cxn>
                    <a:cxn ang="T22">
                      <a:pos x="T12" y="T13"/>
                    </a:cxn>
                    <a:cxn ang="T23">
                      <a:pos x="T14" y="T15"/>
                    </a:cxn>
                  </a:cxnLst>
                  <a:rect l="T24" t="T25" r="T26" b="T27"/>
                  <a:pathLst>
                    <a:path w="27" h="25">
                      <a:moveTo>
                        <a:pt x="2" y="0"/>
                      </a:moveTo>
                      <a:lnTo>
                        <a:pt x="10" y="1"/>
                      </a:lnTo>
                      <a:lnTo>
                        <a:pt x="27" y="20"/>
                      </a:lnTo>
                      <a:lnTo>
                        <a:pt x="24" y="25"/>
                      </a:lnTo>
                      <a:lnTo>
                        <a:pt x="14" y="16"/>
                      </a:lnTo>
                      <a:lnTo>
                        <a:pt x="7" y="15"/>
                      </a:lnTo>
                      <a:lnTo>
                        <a:pt x="0" y="6"/>
                      </a:lnTo>
                      <a:lnTo>
                        <a:pt x="2" y="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87" name="Freeform 87"/>
                <p:cNvSpPr>
                  <a:spLocks/>
                </p:cNvSpPr>
                <p:nvPr/>
              </p:nvSpPr>
              <p:spPr bwMode="auto">
                <a:xfrm>
                  <a:off x="1175" y="3412"/>
                  <a:ext cx="25" cy="20"/>
                </a:xfrm>
                <a:custGeom>
                  <a:avLst/>
                  <a:gdLst>
                    <a:gd name="T0" fmla="*/ 0 w 25"/>
                    <a:gd name="T1" fmla="*/ 2 h 20"/>
                    <a:gd name="T2" fmla="*/ 12 w 25"/>
                    <a:gd name="T3" fmla="*/ 2 h 20"/>
                    <a:gd name="T4" fmla="*/ 12 w 25"/>
                    <a:gd name="T5" fmla="*/ 12 h 20"/>
                    <a:gd name="T6" fmla="*/ 19 w 25"/>
                    <a:gd name="T7" fmla="*/ 10 h 20"/>
                    <a:gd name="T8" fmla="*/ 17 w 25"/>
                    <a:gd name="T9" fmla="*/ 0 h 20"/>
                    <a:gd name="T10" fmla="*/ 19 w 25"/>
                    <a:gd name="T11" fmla="*/ 0 h 20"/>
                    <a:gd name="T12" fmla="*/ 20 w 25"/>
                    <a:gd name="T13" fmla="*/ 2 h 20"/>
                    <a:gd name="T14" fmla="*/ 22 w 25"/>
                    <a:gd name="T15" fmla="*/ 3 h 20"/>
                    <a:gd name="T16" fmla="*/ 24 w 25"/>
                    <a:gd name="T17" fmla="*/ 5 h 20"/>
                    <a:gd name="T18" fmla="*/ 25 w 25"/>
                    <a:gd name="T19" fmla="*/ 8 h 20"/>
                    <a:gd name="T20" fmla="*/ 25 w 25"/>
                    <a:gd name="T21" fmla="*/ 12 h 20"/>
                    <a:gd name="T22" fmla="*/ 24 w 25"/>
                    <a:gd name="T23" fmla="*/ 15 h 20"/>
                    <a:gd name="T24" fmla="*/ 22 w 25"/>
                    <a:gd name="T25" fmla="*/ 20 h 20"/>
                    <a:gd name="T26" fmla="*/ 20 w 25"/>
                    <a:gd name="T27" fmla="*/ 20 h 20"/>
                    <a:gd name="T28" fmla="*/ 19 w 25"/>
                    <a:gd name="T29" fmla="*/ 20 h 20"/>
                    <a:gd name="T30" fmla="*/ 17 w 25"/>
                    <a:gd name="T31" fmla="*/ 20 h 20"/>
                    <a:gd name="T32" fmla="*/ 14 w 25"/>
                    <a:gd name="T33" fmla="*/ 18 h 20"/>
                    <a:gd name="T34" fmla="*/ 12 w 25"/>
                    <a:gd name="T35" fmla="*/ 18 h 20"/>
                    <a:gd name="T36" fmla="*/ 10 w 25"/>
                    <a:gd name="T37" fmla="*/ 18 h 20"/>
                    <a:gd name="T38" fmla="*/ 9 w 25"/>
                    <a:gd name="T39" fmla="*/ 18 h 20"/>
                    <a:gd name="T40" fmla="*/ 9 w 25"/>
                    <a:gd name="T41" fmla="*/ 18 h 20"/>
                    <a:gd name="T42" fmla="*/ 2 w 25"/>
                    <a:gd name="T43" fmla="*/ 10 h 20"/>
                    <a:gd name="T44" fmla="*/ 0 w 25"/>
                    <a:gd name="T45" fmla="*/ 2 h 20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w 25"/>
                    <a:gd name="T70" fmla="*/ 0 h 20"/>
                    <a:gd name="T71" fmla="*/ 25 w 25"/>
                    <a:gd name="T72" fmla="*/ 20 h 20"/>
                  </a:gdLst>
                  <a:ahLst/>
                  <a:cxnLst>
                    <a:cxn ang="T46">
                      <a:pos x="T0" y="T1"/>
                    </a:cxn>
                    <a:cxn ang="T47">
                      <a:pos x="T2" y="T3"/>
                    </a:cxn>
                    <a:cxn ang="T48">
                      <a:pos x="T4" y="T5"/>
                    </a:cxn>
                    <a:cxn ang="T49">
                      <a:pos x="T6" y="T7"/>
                    </a:cxn>
                    <a:cxn ang="T50">
                      <a:pos x="T8" y="T9"/>
                    </a:cxn>
                    <a:cxn ang="T51">
                      <a:pos x="T10" y="T11"/>
                    </a:cxn>
                    <a:cxn ang="T52">
                      <a:pos x="T12" y="T13"/>
                    </a:cxn>
                    <a:cxn ang="T53">
                      <a:pos x="T14" y="T15"/>
                    </a:cxn>
                    <a:cxn ang="T54">
                      <a:pos x="T16" y="T17"/>
                    </a:cxn>
                    <a:cxn ang="T55">
                      <a:pos x="T18" y="T19"/>
                    </a:cxn>
                    <a:cxn ang="T56">
                      <a:pos x="T20" y="T21"/>
                    </a:cxn>
                    <a:cxn ang="T57">
                      <a:pos x="T22" y="T23"/>
                    </a:cxn>
                    <a:cxn ang="T58">
                      <a:pos x="T24" y="T25"/>
                    </a:cxn>
                    <a:cxn ang="T59">
                      <a:pos x="T26" y="T27"/>
                    </a:cxn>
                    <a:cxn ang="T60">
                      <a:pos x="T28" y="T29"/>
                    </a:cxn>
                    <a:cxn ang="T61">
                      <a:pos x="T30" y="T31"/>
                    </a:cxn>
                    <a:cxn ang="T62">
                      <a:pos x="T32" y="T33"/>
                    </a:cxn>
                    <a:cxn ang="T63">
                      <a:pos x="T34" y="T35"/>
                    </a:cxn>
                    <a:cxn ang="T64">
                      <a:pos x="T36" y="T37"/>
                    </a:cxn>
                    <a:cxn ang="T65">
                      <a:pos x="T38" y="T39"/>
                    </a:cxn>
                    <a:cxn ang="T66">
                      <a:pos x="T40" y="T41"/>
                    </a:cxn>
                    <a:cxn ang="T67">
                      <a:pos x="T42" y="T43"/>
                    </a:cxn>
                    <a:cxn ang="T68">
                      <a:pos x="T44" y="T45"/>
                    </a:cxn>
                  </a:cxnLst>
                  <a:rect l="T69" t="T70" r="T71" b="T72"/>
                  <a:pathLst>
                    <a:path w="25" h="20">
                      <a:moveTo>
                        <a:pt x="0" y="2"/>
                      </a:moveTo>
                      <a:lnTo>
                        <a:pt x="12" y="2"/>
                      </a:lnTo>
                      <a:lnTo>
                        <a:pt x="12" y="12"/>
                      </a:lnTo>
                      <a:lnTo>
                        <a:pt x="19" y="10"/>
                      </a:lnTo>
                      <a:lnTo>
                        <a:pt x="17" y="0"/>
                      </a:lnTo>
                      <a:lnTo>
                        <a:pt x="19" y="0"/>
                      </a:lnTo>
                      <a:lnTo>
                        <a:pt x="20" y="2"/>
                      </a:lnTo>
                      <a:lnTo>
                        <a:pt x="22" y="3"/>
                      </a:lnTo>
                      <a:lnTo>
                        <a:pt x="24" y="5"/>
                      </a:lnTo>
                      <a:lnTo>
                        <a:pt x="25" y="8"/>
                      </a:lnTo>
                      <a:lnTo>
                        <a:pt x="25" y="12"/>
                      </a:lnTo>
                      <a:lnTo>
                        <a:pt x="24" y="15"/>
                      </a:lnTo>
                      <a:lnTo>
                        <a:pt x="22" y="20"/>
                      </a:lnTo>
                      <a:lnTo>
                        <a:pt x="20" y="20"/>
                      </a:lnTo>
                      <a:lnTo>
                        <a:pt x="19" y="20"/>
                      </a:lnTo>
                      <a:lnTo>
                        <a:pt x="17" y="20"/>
                      </a:lnTo>
                      <a:lnTo>
                        <a:pt x="14" y="18"/>
                      </a:lnTo>
                      <a:lnTo>
                        <a:pt x="12" y="18"/>
                      </a:lnTo>
                      <a:lnTo>
                        <a:pt x="10" y="18"/>
                      </a:lnTo>
                      <a:lnTo>
                        <a:pt x="9" y="18"/>
                      </a:lnTo>
                      <a:lnTo>
                        <a:pt x="2" y="10"/>
                      </a:lnTo>
                      <a:lnTo>
                        <a:pt x="0" y="2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88" name="Freeform 88"/>
                <p:cNvSpPr>
                  <a:spLocks/>
                </p:cNvSpPr>
                <p:nvPr/>
              </p:nvSpPr>
              <p:spPr bwMode="auto">
                <a:xfrm>
                  <a:off x="1175" y="3412"/>
                  <a:ext cx="25" cy="20"/>
                </a:xfrm>
                <a:custGeom>
                  <a:avLst/>
                  <a:gdLst>
                    <a:gd name="T0" fmla="*/ 0 w 25"/>
                    <a:gd name="T1" fmla="*/ 2 h 20"/>
                    <a:gd name="T2" fmla="*/ 12 w 25"/>
                    <a:gd name="T3" fmla="*/ 2 h 20"/>
                    <a:gd name="T4" fmla="*/ 12 w 25"/>
                    <a:gd name="T5" fmla="*/ 12 h 20"/>
                    <a:gd name="T6" fmla="*/ 19 w 25"/>
                    <a:gd name="T7" fmla="*/ 10 h 20"/>
                    <a:gd name="T8" fmla="*/ 17 w 25"/>
                    <a:gd name="T9" fmla="*/ 0 h 20"/>
                    <a:gd name="T10" fmla="*/ 17 w 25"/>
                    <a:gd name="T11" fmla="*/ 0 h 20"/>
                    <a:gd name="T12" fmla="*/ 19 w 25"/>
                    <a:gd name="T13" fmla="*/ 0 h 20"/>
                    <a:gd name="T14" fmla="*/ 20 w 25"/>
                    <a:gd name="T15" fmla="*/ 2 h 20"/>
                    <a:gd name="T16" fmla="*/ 22 w 25"/>
                    <a:gd name="T17" fmla="*/ 3 h 20"/>
                    <a:gd name="T18" fmla="*/ 24 w 25"/>
                    <a:gd name="T19" fmla="*/ 5 h 20"/>
                    <a:gd name="T20" fmla="*/ 25 w 25"/>
                    <a:gd name="T21" fmla="*/ 8 h 20"/>
                    <a:gd name="T22" fmla="*/ 25 w 25"/>
                    <a:gd name="T23" fmla="*/ 12 h 20"/>
                    <a:gd name="T24" fmla="*/ 24 w 25"/>
                    <a:gd name="T25" fmla="*/ 15 h 20"/>
                    <a:gd name="T26" fmla="*/ 22 w 25"/>
                    <a:gd name="T27" fmla="*/ 20 h 20"/>
                    <a:gd name="T28" fmla="*/ 22 w 25"/>
                    <a:gd name="T29" fmla="*/ 20 h 20"/>
                    <a:gd name="T30" fmla="*/ 20 w 25"/>
                    <a:gd name="T31" fmla="*/ 20 h 20"/>
                    <a:gd name="T32" fmla="*/ 19 w 25"/>
                    <a:gd name="T33" fmla="*/ 20 h 20"/>
                    <a:gd name="T34" fmla="*/ 17 w 25"/>
                    <a:gd name="T35" fmla="*/ 20 h 20"/>
                    <a:gd name="T36" fmla="*/ 14 w 25"/>
                    <a:gd name="T37" fmla="*/ 18 h 20"/>
                    <a:gd name="T38" fmla="*/ 12 w 25"/>
                    <a:gd name="T39" fmla="*/ 18 h 20"/>
                    <a:gd name="T40" fmla="*/ 10 w 25"/>
                    <a:gd name="T41" fmla="*/ 18 h 20"/>
                    <a:gd name="T42" fmla="*/ 9 w 25"/>
                    <a:gd name="T43" fmla="*/ 18 h 20"/>
                    <a:gd name="T44" fmla="*/ 9 w 25"/>
                    <a:gd name="T45" fmla="*/ 18 h 20"/>
                    <a:gd name="T46" fmla="*/ 2 w 25"/>
                    <a:gd name="T47" fmla="*/ 10 h 20"/>
                    <a:gd name="T48" fmla="*/ 0 w 25"/>
                    <a:gd name="T49" fmla="*/ 2 h 20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w 25"/>
                    <a:gd name="T76" fmla="*/ 0 h 20"/>
                    <a:gd name="T77" fmla="*/ 25 w 25"/>
                    <a:gd name="T78" fmla="*/ 20 h 20"/>
                  </a:gdLst>
                  <a:ahLst/>
                  <a:cxnLst>
                    <a:cxn ang="T50">
                      <a:pos x="T0" y="T1"/>
                    </a:cxn>
                    <a:cxn ang="T51">
                      <a:pos x="T2" y="T3"/>
                    </a:cxn>
                    <a:cxn ang="T52">
                      <a:pos x="T4" y="T5"/>
                    </a:cxn>
                    <a:cxn ang="T53">
                      <a:pos x="T6" y="T7"/>
                    </a:cxn>
                    <a:cxn ang="T54">
                      <a:pos x="T8" y="T9"/>
                    </a:cxn>
                    <a:cxn ang="T55">
                      <a:pos x="T10" y="T11"/>
                    </a:cxn>
                    <a:cxn ang="T56">
                      <a:pos x="T12" y="T13"/>
                    </a:cxn>
                    <a:cxn ang="T57">
                      <a:pos x="T14" y="T15"/>
                    </a:cxn>
                    <a:cxn ang="T58">
                      <a:pos x="T16" y="T17"/>
                    </a:cxn>
                    <a:cxn ang="T59">
                      <a:pos x="T18" y="T19"/>
                    </a:cxn>
                    <a:cxn ang="T60">
                      <a:pos x="T20" y="T21"/>
                    </a:cxn>
                    <a:cxn ang="T61">
                      <a:pos x="T22" y="T23"/>
                    </a:cxn>
                    <a:cxn ang="T62">
                      <a:pos x="T24" y="T25"/>
                    </a:cxn>
                    <a:cxn ang="T63">
                      <a:pos x="T26" y="T27"/>
                    </a:cxn>
                    <a:cxn ang="T64">
                      <a:pos x="T28" y="T29"/>
                    </a:cxn>
                    <a:cxn ang="T65">
                      <a:pos x="T30" y="T31"/>
                    </a:cxn>
                    <a:cxn ang="T66">
                      <a:pos x="T32" y="T33"/>
                    </a:cxn>
                    <a:cxn ang="T67">
                      <a:pos x="T34" y="T35"/>
                    </a:cxn>
                    <a:cxn ang="T68">
                      <a:pos x="T36" y="T37"/>
                    </a:cxn>
                    <a:cxn ang="T69">
                      <a:pos x="T38" y="T39"/>
                    </a:cxn>
                    <a:cxn ang="T70">
                      <a:pos x="T40" y="T41"/>
                    </a:cxn>
                    <a:cxn ang="T71">
                      <a:pos x="T42" y="T43"/>
                    </a:cxn>
                    <a:cxn ang="T72">
                      <a:pos x="T44" y="T45"/>
                    </a:cxn>
                    <a:cxn ang="T73">
                      <a:pos x="T46" y="T47"/>
                    </a:cxn>
                    <a:cxn ang="T74">
                      <a:pos x="T48" y="T49"/>
                    </a:cxn>
                  </a:cxnLst>
                  <a:rect l="T75" t="T76" r="T77" b="T78"/>
                  <a:pathLst>
                    <a:path w="25" h="20">
                      <a:moveTo>
                        <a:pt x="0" y="2"/>
                      </a:moveTo>
                      <a:lnTo>
                        <a:pt x="12" y="2"/>
                      </a:lnTo>
                      <a:lnTo>
                        <a:pt x="12" y="12"/>
                      </a:lnTo>
                      <a:lnTo>
                        <a:pt x="19" y="10"/>
                      </a:lnTo>
                      <a:lnTo>
                        <a:pt x="17" y="0"/>
                      </a:lnTo>
                      <a:lnTo>
                        <a:pt x="19" y="0"/>
                      </a:lnTo>
                      <a:lnTo>
                        <a:pt x="20" y="2"/>
                      </a:lnTo>
                      <a:lnTo>
                        <a:pt x="22" y="3"/>
                      </a:lnTo>
                      <a:lnTo>
                        <a:pt x="24" y="5"/>
                      </a:lnTo>
                      <a:lnTo>
                        <a:pt x="25" y="8"/>
                      </a:lnTo>
                      <a:lnTo>
                        <a:pt x="25" y="12"/>
                      </a:lnTo>
                      <a:lnTo>
                        <a:pt x="24" y="15"/>
                      </a:lnTo>
                      <a:lnTo>
                        <a:pt x="22" y="20"/>
                      </a:lnTo>
                      <a:lnTo>
                        <a:pt x="20" y="20"/>
                      </a:lnTo>
                      <a:lnTo>
                        <a:pt x="19" y="20"/>
                      </a:lnTo>
                      <a:lnTo>
                        <a:pt x="17" y="20"/>
                      </a:lnTo>
                      <a:lnTo>
                        <a:pt x="14" y="18"/>
                      </a:lnTo>
                      <a:lnTo>
                        <a:pt x="12" y="18"/>
                      </a:lnTo>
                      <a:lnTo>
                        <a:pt x="10" y="18"/>
                      </a:lnTo>
                      <a:lnTo>
                        <a:pt x="9" y="18"/>
                      </a:lnTo>
                      <a:lnTo>
                        <a:pt x="2" y="10"/>
                      </a:lnTo>
                      <a:lnTo>
                        <a:pt x="0" y="2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89" name="Freeform 89"/>
                <p:cNvSpPr>
                  <a:spLocks/>
                </p:cNvSpPr>
                <p:nvPr/>
              </p:nvSpPr>
              <p:spPr bwMode="auto">
                <a:xfrm>
                  <a:off x="1126" y="3351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3 h 10"/>
                    <a:gd name="T4" fmla="*/ 0 w 8"/>
                    <a:gd name="T5" fmla="*/ 2 h 10"/>
                    <a:gd name="T6" fmla="*/ 2 w 8"/>
                    <a:gd name="T7" fmla="*/ 0 h 10"/>
                    <a:gd name="T8" fmla="*/ 3 w 8"/>
                    <a:gd name="T9" fmla="*/ 0 h 10"/>
                    <a:gd name="T10" fmla="*/ 5 w 8"/>
                    <a:gd name="T11" fmla="*/ 0 h 10"/>
                    <a:gd name="T12" fmla="*/ 7 w 8"/>
                    <a:gd name="T13" fmla="*/ 2 h 10"/>
                    <a:gd name="T14" fmla="*/ 7 w 8"/>
                    <a:gd name="T15" fmla="*/ 3 h 10"/>
                    <a:gd name="T16" fmla="*/ 8 w 8"/>
                    <a:gd name="T17" fmla="*/ 5 h 10"/>
                    <a:gd name="T18" fmla="*/ 7 w 8"/>
                    <a:gd name="T19" fmla="*/ 7 h 10"/>
                    <a:gd name="T20" fmla="*/ 7 w 8"/>
                    <a:gd name="T21" fmla="*/ 8 h 10"/>
                    <a:gd name="T22" fmla="*/ 5 w 8"/>
                    <a:gd name="T23" fmla="*/ 10 h 10"/>
                    <a:gd name="T24" fmla="*/ 3 w 8"/>
                    <a:gd name="T25" fmla="*/ 10 h 10"/>
                    <a:gd name="T26" fmla="*/ 2 w 8"/>
                    <a:gd name="T27" fmla="*/ 10 h 10"/>
                    <a:gd name="T28" fmla="*/ 0 w 8"/>
                    <a:gd name="T29" fmla="*/ 8 h 10"/>
                    <a:gd name="T30" fmla="*/ 0 w 8"/>
                    <a:gd name="T31" fmla="*/ 7 h 10"/>
                    <a:gd name="T32" fmla="*/ 0 w 8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10"/>
                    <a:gd name="T53" fmla="*/ 8 w 8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10">
                      <a:moveTo>
                        <a:pt x="0" y="5"/>
                      </a:move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2"/>
                      </a:lnTo>
                      <a:lnTo>
                        <a:pt x="7" y="3"/>
                      </a:lnTo>
                      <a:lnTo>
                        <a:pt x="8" y="5"/>
                      </a:lnTo>
                      <a:lnTo>
                        <a:pt x="7" y="7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90" name="Freeform 90"/>
                <p:cNvSpPr>
                  <a:spLocks/>
                </p:cNvSpPr>
                <p:nvPr/>
              </p:nvSpPr>
              <p:spPr bwMode="auto">
                <a:xfrm>
                  <a:off x="1126" y="3351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5 h 10"/>
                    <a:gd name="T4" fmla="*/ 0 w 8"/>
                    <a:gd name="T5" fmla="*/ 3 h 10"/>
                    <a:gd name="T6" fmla="*/ 0 w 8"/>
                    <a:gd name="T7" fmla="*/ 2 h 10"/>
                    <a:gd name="T8" fmla="*/ 2 w 8"/>
                    <a:gd name="T9" fmla="*/ 0 h 10"/>
                    <a:gd name="T10" fmla="*/ 3 w 8"/>
                    <a:gd name="T11" fmla="*/ 0 h 10"/>
                    <a:gd name="T12" fmla="*/ 3 w 8"/>
                    <a:gd name="T13" fmla="*/ 0 h 10"/>
                    <a:gd name="T14" fmla="*/ 5 w 8"/>
                    <a:gd name="T15" fmla="*/ 0 h 10"/>
                    <a:gd name="T16" fmla="*/ 7 w 8"/>
                    <a:gd name="T17" fmla="*/ 2 h 10"/>
                    <a:gd name="T18" fmla="*/ 7 w 8"/>
                    <a:gd name="T19" fmla="*/ 3 h 10"/>
                    <a:gd name="T20" fmla="*/ 8 w 8"/>
                    <a:gd name="T21" fmla="*/ 5 h 10"/>
                    <a:gd name="T22" fmla="*/ 8 w 8"/>
                    <a:gd name="T23" fmla="*/ 5 h 10"/>
                    <a:gd name="T24" fmla="*/ 7 w 8"/>
                    <a:gd name="T25" fmla="*/ 7 h 10"/>
                    <a:gd name="T26" fmla="*/ 7 w 8"/>
                    <a:gd name="T27" fmla="*/ 8 h 10"/>
                    <a:gd name="T28" fmla="*/ 5 w 8"/>
                    <a:gd name="T29" fmla="*/ 10 h 10"/>
                    <a:gd name="T30" fmla="*/ 3 w 8"/>
                    <a:gd name="T31" fmla="*/ 10 h 10"/>
                    <a:gd name="T32" fmla="*/ 3 w 8"/>
                    <a:gd name="T33" fmla="*/ 10 h 10"/>
                    <a:gd name="T34" fmla="*/ 2 w 8"/>
                    <a:gd name="T35" fmla="*/ 10 h 10"/>
                    <a:gd name="T36" fmla="*/ 0 w 8"/>
                    <a:gd name="T37" fmla="*/ 8 h 10"/>
                    <a:gd name="T38" fmla="*/ 0 w 8"/>
                    <a:gd name="T39" fmla="*/ 7 h 10"/>
                    <a:gd name="T40" fmla="*/ 0 w 8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10"/>
                    <a:gd name="T65" fmla="*/ 8 w 8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2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2"/>
                      </a:lnTo>
                      <a:lnTo>
                        <a:pt x="7" y="3"/>
                      </a:lnTo>
                      <a:lnTo>
                        <a:pt x="8" y="5"/>
                      </a:lnTo>
                      <a:lnTo>
                        <a:pt x="7" y="7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91" name="Freeform 91"/>
                <p:cNvSpPr>
                  <a:spLocks/>
                </p:cNvSpPr>
                <p:nvPr/>
              </p:nvSpPr>
              <p:spPr bwMode="auto">
                <a:xfrm>
                  <a:off x="1138" y="3351"/>
                  <a:ext cx="10" cy="10"/>
                </a:xfrm>
                <a:custGeom>
                  <a:avLst/>
                  <a:gdLst>
                    <a:gd name="T0" fmla="*/ 0 w 10"/>
                    <a:gd name="T1" fmla="*/ 5 h 10"/>
                    <a:gd name="T2" fmla="*/ 0 w 10"/>
                    <a:gd name="T3" fmla="*/ 2 h 10"/>
                    <a:gd name="T4" fmla="*/ 2 w 10"/>
                    <a:gd name="T5" fmla="*/ 0 h 10"/>
                    <a:gd name="T6" fmla="*/ 3 w 10"/>
                    <a:gd name="T7" fmla="*/ 0 h 10"/>
                    <a:gd name="T8" fmla="*/ 5 w 10"/>
                    <a:gd name="T9" fmla="*/ 0 h 10"/>
                    <a:gd name="T10" fmla="*/ 7 w 10"/>
                    <a:gd name="T11" fmla="*/ 0 h 10"/>
                    <a:gd name="T12" fmla="*/ 8 w 10"/>
                    <a:gd name="T13" fmla="*/ 0 h 10"/>
                    <a:gd name="T14" fmla="*/ 8 w 10"/>
                    <a:gd name="T15" fmla="*/ 2 h 10"/>
                    <a:gd name="T16" fmla="*/ 10 w 10"/>
                    <a:gd name="T17" fmla="*/ 5 h 10"/>
                    <a:gd name="T18" fmla="*/ 8 w 10"/>
                    <a:gd name="T19" fmla="*/ 7 h 10"/>
                    <a:gd name="T20" fmla="*/ 8 w 10"/>
                    <a:gd name="T21" fmla="*/ 8 h 10"/>
                    <a:gd name="T22" fmla="*/ 7 w 10"/>
                    <a:gd name="T23" fmla="*/ 10 h 10"/>
                    <a:gd name="T24" fmla="*/ 5 w 10"/>
                    <a:gd name="T25" fmla="*/ 10 h 10"/>
                    <a:gd name="T26" fmla="*/ 3 w 10"/>
                    <a:gd name="T27" fmla="*/ 10 h 10"/>
                    <a:gd name="T28" fmla="*/ 2 w 10"/>
                    <a:gd name="T29" fmla="*/ 8 h 10"/>
                    <a:gd name="T30" fmla="*/ 0 w 10"/>
                    <a:gd name="T31" fmla="*/ 7 h 10"/>
                    <a:gd name="T32" fmla="*/ 0 w 10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0"/>
                    <a:gd name="T52" fmla="*/ 0 h 10"/>
                    <a:gd name="T53" fmla="*/ 10 w 10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0" h="10">
                      <a:moveTo>
                        <a:pt x="0" y="5"/>
                      </a:moveTo>
                      <a:lnTo>
                        <a:pt x="0" y="2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8" y="0"/>
                      </a:lnTo>
                      <a:lnTo>
                        <a:pt x="8" y="2"/>
                      </a:lnTo>
                      <a:lnTo>
                        <a:pt x="10" y="5"/>
                      </a:lnTo>
                      <a:lnTo>
                        <a:pt x="8" y="7"/>
                      </a:lnTo>
                      <a:lnTo>
                        <a:pt x="8" y="8"/>
                      </a:lnTo>
                      <a:lnTo>
                        <a:pt x="7" y="10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8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92" name="Freeform 92"/>
                <p:cNvSpPr>
                  <a:spLocks/>
                </p:cNvSpPr>
                <p:nvPr/>
              </p:nvSpPr>
              <p:spPr bwMode="auto">
                <a:xfrm>
                  <a:off x="1138" y="3351"/>
                  <a:ext cx="10" cy="10"/>
                </a:xfrm>
                <a:custGeom>
                  <a:avLst/>
                  <a:gdLst>
                    <a:gd name="T0" fmla="*/ 0 w 10"/>
                    <a:gd name="T1" fmla="*/ 5 h 10"/>
                    <a:gd name="T2" fmla="*/ 0 w 10"/>
                    <a:gd name="T3" fmla="*/ 5 h 10"/>
                    <a:gd name="T4" fmla="*/ 0 w 10"/>
                    <a:gd name="T5" fmla="*/ 2 h 10"/>
                    <a:gd name="T6" fmla="*/ 2 w 10"/>
                    <a:gd name="T7" fmla="*/ 0 h 10"/>
                    <a:gd name="T8" fmla="*/ 3 w 10"/>
                    <a:gd name="T9" fmla="*/ 0 h 10"/>
                    <a:gd name="T10" fmla="*/ 5 w 10"/>
                    <a:gd name="T11" fmla="*/ 0 h 10"/>
                    <a:gd name="T12" fmla="*/ 5 w 10"/>
                    <a:gd name="T13" fmla="*/ 0 h 10"/>
                    <a:gd name="T14" fmla="*/ 7 w 10"/>
                    <a:gd name="T15" fmla="*/ 0 h 10"/>
                    <a:gd name="T16" fmla="*/ 8 w 10"/>
                    <a:gd name="T17" fmla="*/ 0 h 10"/>
                    <a:gd name="T18" fmla="*/ 8 w 10"/>
                    <a:gd name="T19" fmla="*/ 2 h 10"/>
                    <a:gd name="T20" fmla="*/ 10 w 10"/>
                    <a:gd name="T21" fmla="*/ 5 h 10"/>
                    <a:gd name="T22" fmla="*/ 10 w 10"/>
                    <a:gd name="T23" fmla="*/ 5 h 10"/>
                    <a:gd name="T24" fmla="*/ 8 w 10"/>
                    <a:gd name="T25" fmla="*/ 7 h 10"/>
                    <a:gd name="T26" fmla="*/ 8 w 10"/>
                    <a:gd name="T27" fmla="*/ 8 h 10"/>
                    <a:gd name="T28" fmla="*/ 7 w 10"/>
                    <a:gd name="T29" fmla="*/ 10 h 10"/>
                    <a:gd name="T30" fmla="*/ 5 w 10"/>
                    <a:gd name="T31" fmla="*/ 10 h 10"/>
                    <a:gd name="T32" fmla="*/ 5 w 10"/>
                    <a:gd name="T33" fmla="*/ 10 h 10"/>
                    <a:gd name="T34" fmla="*/ 3 w 10"/>
                    <a:gd name="T35" fmla="*/ 10 h 10"/>
                    <a:gd name="T36" fmla="*/ 2 w 10"/>
                    <a:gd name="T37" fmla="*/ 8 h 10"/>
                    <a:gd name="T38" fmla="*/ 0 w 10"/>
                    <a:gd name="T39" fmla="*/ 7 h 10"/>
                    <a:gd name="T40" fmla="*/ 0 w 10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0"/>
                    <a:gd name="T64" fmla="*/ 0 h 10"/>
                    <a:gd name="T65" fmla="*/ 10 w 10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0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2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8" y="0"/>
                      </a:lnTo>
                      <a:lnTo>
                        <a:pt x="8" y="2"/>
                      </a:lnTo>
                      <a:lnTo>
                        <a:pt x="10" y="5"/>
                      </a:lnTo>
                      <a:lnTo>
                        <a:pt x="8" y="7"/>
                      </a:lnTo>
                      <a:lnTo>
                        <a:pt x="8" y="8"/>
                      </a:lnTo>
                      <a:lnTo>
                        <a:pt x="7" y="10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8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93" name="Freeform 93"/>
                <p:cNvSpPr>
                  <a:spLocks/>
                </p:cNvSpPr>
                <p:nvPr/>
              </p:nvSpPr>
              <p:spPr bwMode="auto">
                <a:xfrm>
                  <a:off x="828" y="3395"/>
                  <a:ext cx="36" cy="29"/>
                </a:xfrm>
                <a:custGeom>
                  <a:avLst/>
                  <a:gdLst>
                    <a:gd name="T0" fmla="*/ 32 w 36"/>
                    <a:gd name="T1" fmla="*/ 0 h 29"/>
                    <a:gd name="T2" fmla="*/ 22 w 36"/>
                    <a:gd name="T3" fmla="*/ 2 h 29"/>
                    <a:gd name="T4" fmla="*/ 15 w 36"/>
                    <a:gd name="T5" fmla="*/ 5 h 29"/>
                    <a:gd name="T6" fmla="*/ 17 w 36"/>
                    <a:gd name="T7" fmla="*/ 12 h 29"/>
                    <a:gd name="T8" fmla="*/ 12 w 36"/>
                    <a:gd name="T9" fmla="*/ 17 h 29"/>
                    <a:gd name="T10" fmla="*/ 5 w 36"/>
                    <a:gd name="T11" fmla="*/ 8 h 29"/>
                    <a:gd name="T12" fmla="*/ 0 w 36"/>
                    <a:gd name="T13" fmla="*/ 19 h 29"/>
                    <a:gd name="T14" fmla="*/ 5 w 36"/>
                    <a:gd name="T15" fmla="*/ 29 h 29"/>
                    <a:gd name="T16" fmla="*/ 19 w 36"/>
                    <a:gd name="T17" fmla="*/ 22 h 29"/>
                    <a:gd name="T18" fmla="*/ 27 w 36"/>
                    <a:gd name="T19" fmla="*/ 12 h 29"/>
                    <a:gd name="T20" fmla="*/ 36 w 36"/>
                    <a:gd name="T21" fmla="*/ 12 h 29"/>
                    <a:gd name="T22" fmla="*/ 34 w 36"/>
                    <a:gd name="T23" fmla="*/ 5 h 29"/>
                    <a:gd name="T24" fmla="*/ 32 w 36"/>
                    <a:gd name="T25" fmla="*/ 0 h 29"/>
                    <a:gd name="T26" fmla="*/ 0 60000 65536"/>
                    <a:gd name="T27" fmla="*/ 0 60000 65536"/>
                    <a:gd name="T28" fmla="*/ 0 60000 65536"/>
                    <a:gd name="T29" fmla="*/ 0 60000 65536"/>
                    <a:gd name="T30" fmla="*/ 0 60000 65536"/>
                    <a:gd name="T31" fmla="*/ 0 60000 65536"/>
                    <a:gd name="T32" fmla="*/ 0 60000 65536"/>
                    <a:gd name="T33" fmla="*/ 0 60000 65536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w 36"/>
                    <a:gd name="T40" fmla="*/ 0 h 29"/>
                    <a:gd name="T41" fmla="*/ 36 w 36"/>
                    <a:gd name="T42" fmla="*/ 29 h 29"/>
                  </a:gdLst>
                  <a:ahLst/>
                  <a:cxnLst>
                    <a:cxn ang="T26">
                      <a:pos x="T0" y="T1"/>
                    </a:cxn>
                    <a:cxn ang="T27">
                      <a:pos x="T2" y="T3"/>
                    </a:cxn>
                    <a:cxn ang="T28">
                      <a:pos x="T4" y="T5"/>
                    </a:cxn>
                    <a:cxn ang="T29">
                      <a:pos x="T6" y="T7"/>
                    </a:cxn>
                    <a:cxn ang="T30">
                      <a:pos x="T8" y="T9"/>
                    </a:cxn>
                    <a:cxn ang="T31">
                      <a:pos x="T10" y="T11"/>
                    </a:cxn>
                    <a:cxn ang="T32">
                      <a:pos x="T12" y="T13"/>
                    </a:cxn>
                    <a:cxn ang="T33">
                      <a:pos x="T14" y="T15"/>
                    </a:cxn>
                    <a:cxn ang="T34">
                      <a:pos x="T16" y="T17"/>
                    </a:cxn>
                    <a:cxn ang="T35">
                      <a:pos x="T18" y="T19"/>
                    </a:cxn>
                    <a:cxn ang="T36">
                      <a:pos x="T20" y="T21"/>
                    </a:cxn>
                    <a:cxn ang="T37">
                      <a:pos x="T22" y="T23"/>
                    </a:cxn>
                    <a:cxn ang="T38">
                      <a:pos x="T24" y="T25"/>
                    </a:cxn>
                  </a:cxnLst>
                  <a:rect l="T39" t="T40" r="T41" b="T42"/>
                  <a:pathLst>
                    <a:path w="36" h="29">
                      <a:moveTo>
                        <a:pt x="32" y="0"/>
                      </a:moveTo>
                      <a:lnTo>
                        <a:pt x="22" y="2"/>
                      </a:lnTo>
                      <a:lnTo>
                        <a:pt x="15" y="5"/>
                      </a:lnTo>
                      <a:lnTo>
                        <a:pt x="17" y="12"/>
                      </a:lnTo>
                      <a:lnTo>
                        <a:pt x="12" y="17"/>
                      </a:lnTo>
                      <a:lnTo>
                        <a:pt x="5" y="8"/>
                      </a:lnTo>
                      <a:lnTo>
                        <a:pt x="0" y="19"/>
                      </a:lnTo>
                      <a:lnTo>
                        <a:pt x="5" y="29"/>
                      </a:lnTo>
                      <a:lnTo>
                        <a:pt x="19" y="22"/>
                      </a:lnTo>
                      <a:lnTo>
                        <a:pt x="27" y="12"/>
                      </a:lnTo>
                      <a:lnTo>
                        <a:pt x="36" y="12"/>
                      </a:lnTo>
                      <a:lnTo>
                        <a:pt x="34" y="5"/>
                      </a:lnTo>
                      <a:lnTo>
                        <a:pt x="32" y="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94" name="Freeform 94"/>
                <p:cNvSpPr>
                  <a:spLocks/>
                </p:cNvSpPr>
                <p:nvPr/>
              </p:nvSpPr>
              <p:spPr bwMode="auto">
                <a:xfrm>
                  <a:off x="828" y="3395"/>
                  <a:ext cx="36" cy="29"/>
                </a:xfrm>
                <a:custGeom>
                  <a:avLst/>
                  <a:gdLst>
                    <a:gd name="T0" fmla="*/ 32 w 36"/>
                    <a:gd name="T1" fmla="*/ 0 h 29"/>
                    <a:gd name="T2" fmla="*/ 22 w 36"/>
                    <a:gd name="T3" fmla="*/ 2 h 29"/>
                    <a:gd name="T4" fmla="*/ 15 w 36"/>
                    <a:gd name="T5" fmla="*/ 5 h 29"/>
                    <a:gd name="T6" fmla="*/ 17 w 36"/>
                    <a:gd name="T7" fmla="*/ 12 h 29"/>
                    <a:gd name="T8" fmla="*/ 12 w 36"/>
                    <a:gd name="T9" fmla="*/ 17 h 29"/>
                    <a:gd name="T10" fmla="*/ 5 w 36"/>
                    <a:gd name="T11" fmla="*/ 8 h 29"/>
                    <a:gd name="T12" fmla="*/ 0 w 36"/>
                    <a:gd name="T13" fmla="*/ 19 h 29"/>
                    <a:gd name="T14" fmla="*/ 5 w 36"/>
                    <a:gd name="T15" fmla="*/ 29 h 29"/>
                    <a:gd name="T16" fmla="*/ 19 w 36"/>
                    <a:gd name="T17" fmla="*/ 22 h 29"/>
                    <a:gd name="T18" fmla="*/ 27 w 36"/>
                    <a:gd name="T19" fmla="*/ 12 h 29"/>
                    <a:gd name="T20" fmla="*/ 36 w 36"/>
                    <a:gd name="T21" fmla="*/ 12 h 29"/>
                    <a:gd name="T22" fmla="*/ 34 w 36"/>
                    <a:gd name="T23" fmla="*/ 5 h 29"/>
                    <a:gd name="T24" fmla="*/ 32 w 36"/>
                    <a:gd name="T25" fmla="*/ 0 h 29"/>
                    <a:gd name="T26" fmla="*/ 0 60000 65536"/>
                    <a:gd name="T27" fmla="*/ 0 60000 65536"/>
                    <a:gd name="T28" fmla="*/ 0 60000 65536"/>
                    <a:gd name="T29" fmla="*/ 0 60000 65536"/>
                    <a:gd name="T30" fmla="*/ 0 60000 65536"/>
                    <a:gd name="T31" fmla="*/ 0 60000 65536"/>
                    <a:gd name="T32" fmla="*/ 0 60000 65536"/>
                    <a:gd name="T33" fmla="*/ 0 60000 65536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w 36"/>
                    <a:gd name="T40" fmla="*/ 0 h 29"/>
                    <a:gd name="T41" fmla="*/ 36 w 36"/>
                    <a:gd name="T42" fmla="*/ 29 h 29"/>
                  </a:gdLst>
                  <a:ahLst/>
                  <a:cxnLst>
                    <a:cxn ang="T26">
                      <a:pos x="T0" y="T1"/>
                    </a:cxn>
                    <a:cxn ang="T27">
                      <a:pos x="T2" y="T3"/>
                    </a:cxn>
                    <a:cxn ang="T28">
                      <a:pos x="T4" y="T5"/>
                    </a:cxn>
                    <a:cxn ang="T29">
                      <a:pos x="T6" y="T7"/>
                    </a:cxn>
                    <a:cxn ang="T30">
                      <a:pos x="T8" y="T9"/>
                    </a:cxn>
                    <a:cxn ang="T31">
                      <a:pos x="T10" y="T11"/>
                    </a:cxn>
                    <a:cxn ang="T32">
                      <a:pos x="T12" y="T13"/>
                    </a:cxn>
                    <a:cxn ang="T33">
                      <a:pos x="T14" y="T15"/>
                    </a:cxn>
                    <a:cxn ang="T34">
                      <a:pos x="T16" y="T17"/>
                    </a:cxn>
                    <a:cxn ang="T35">
                      <a:pos x="T18" y="T19"/>
                    </a:cxn>
                    <a:cxn ang="T36">
                      <a:pos x="T20" y="T21"/>
                    </a:cxn>
                    <a:cxn ang="T37">
                      <a:pos x="T22" y="T23"/>
                    </a:cxn>
                    <a:cxn ang="T38">
                      <a:pos x="T24" y="T25"/>
                    </a:cxn>
                  </a:cxnLst>
                  <a:rect l="T39" t="T40" r="T41" b="T42"/>
                  <a:pathLst>
                    <a:path w="36" h="29">
                      <a:moveTo>
                        <a:pt x="32" y="0"/>
                      </a:moveTo>
                      <a:lnTo>
                        <a:pt x="22" y="2"/>
                      </a:lnTo>
                      <a:lnTo>
                        <a:pt x="15" y="5"/>
                      </a:lnTo>
                      <a:lnTo>
                        <a:pt x="17" y="12"/>
                      </a:lnTo>
                      <a:lnTo>
                        <a:pt x="12" y="17"/>
                      </a:lnTo>
                      <a:lnTo>
                        <a:pt x="5" y="8"/>
                      </a:lnTo>
                      <a:lnTo>
                        <a:pt x="0" y="19"/>
                      </a:lnTo>
                      <a:lnTo>
                        <a:pt x="5" y="29"/>
                      </a:lnTo>
                      <a:lnTo>
                        <a:pt x="19" y="22"/>
                      </a:lnTo>
                      <a:lnTo>
                        <a:pt x="27" y="12"/>
                      </a:lnTo>
                      <a:lnTo>
                        <a:pt x="36" y="12"/>
                      </a:lnTo>
                      <a:lnTo>
                        <a:pt x="34" y="5"/>
                      </a:lnTo>
                      <a:lnTo>
                        <a:pt x="32" y="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95" name="Freeform 95"/>
                <p:cNvSpPr>
                  <a:spLocks/>
                </p:cNvSpPr>
                <p:nvPr/>
              </p:nvSpPr>
              <p:spPr bwMode="auto">
                <a:xfrm>
                  <a:off x="627" y="3507"/>
                  <a:ext cx="20" cy="15"/>
                </a:xfrm>
                <a:custGeom>
                  <a:avLst/>
                  <a:gdLst>
                    <a:gd name="T0" fmla="*/ 8 w 20"/>
                    <a:gd name="T1" fmla="*/ 3 h 15"/>
                    <a:gd name="T2" fmla="*/ 15 w 20"/>
                    <a:gd name="T3" fmla="*/ 0 h 15"/>
                    <a:gd name="T4" fmla="*/ 20 w 20"/>
                    <a:gd name="T5" fmla="*/ 8 h 15"/>
                    <a:gd name="T6" fmla="*/ 7 w 20"/>
                    <a:gd name="T7" fmla="*/ 15 h 15"/>
                    <a:gd name="T8" fmla="*/ 0 w 20"/>
                    <a:gd name="T9" fmla="*/ 15 h 15"/>
                    <a:gd name="T10" fmla="*/ 5 w 20"/>
                    <a:gd name="T11" fmla="*/ 10 h 15"/>
                    <a:gd name="T12" fmla="*/ 13 w 20"/>
                    <a:gd name="T13" fmla="*/ 8 h 15"/>
                    <a:gd name="T14" fmla="*/ 8 w 20"/>
                    <a:gd name="T15" fmla="*/ 3 h 15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w 20"/>
                    <a:gd name="T25" fmla="*/ 0 h 15"/>
                    <a:gd name="T26" fmla="*/ 20 w 20"/>
                    <a:gd name="T27" fmla="*/ 15 h 15"/>
                  </a:gdLst>
                  <a:ahLst/>
                  <a:cxnLst>
                    <a:cxn ang="T16">
                      <a:pos x="T0" y="T1"/>
                    </a:cxn>
                    <a:cxn ang="T17">
                      <a:pos x="T2" y="T3"/>
                    </a:cxn>
                    <a:cxn ang="T18">
                      <a:pos x="T4" y="T5"/>
                    </a:cxn>
                    <a:cxn ang="T19">
                      <a:pos x="T6" y="T7"/>
                    </a:cxn>
                    <a:cxn ang="T20">
                      <a:pos x="T8" y="T9"/>
                    </a:cxn>
                    <a:cxn ang="T21">
                      <a:pos x="T10" y="T11"/>
                    </a:cxn>
                    <a:cxn ang="T22">
                      <a:pos x="T12" y="T13"/>
                    </a:cxn>
                    <a:cxn ang="T23">
                      <a:pos x="T14" y="T15"/>
                    </a:cxn>
                  </a:cxnLst>
                  <a:rect l="T24" t="T25" r="T26" b="T27"/>
                  <a:pathLst>
                    <a:path w="20" h="15">
                      <a:moveTo>
                        <a:pt x="8" y="3"/>
                      </a:moveTo>
                      <a:lnTo>
                        <a:pt x="15" y="0"/>
                      </a:lnTo>
                      <a:lnTo>
                        <a:pt x="20" y="8"/>
                      </a:lnTo>
                      <a:lnTo>
                        <a:pt x="7" y="15"/>
                      </a:lnTo>
                      <a:lnTo>
                        <a:pt x="0" y="15"/>
                      </a:lnTo>
                      <a:lnTo>
                        <a:pt x="5" y="10"/>
                      </a:lnTo>
                      <a:lnTo>
                        <a:pt x="13" y="8"/>
                      </a:lnTo>
                      <a:lnTo>
                        <a:pt x="8" y="3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96" name="Freeform 96"/>
                <p:cNvSpPr>
                  <a:spLocks/>
                </p:cNvSpPr>
                <p:nvPr/>
              </p:nvSpPr>
              <p:spPr bwMode="auto">
                <a:xfrm>
                  <a:off x="627" y="3507"/>
                  <a:ext cx="20" cy="15"/>
                </a:xfrm>
                <a:custGeom>
                  <a:avLst/>
                  <a:gdLst>
                    <a:gd name="T0" fmla="*/ 8 w 20"/>
                    <a:gd name="T1" fmla="*/ 3 h 15"/>
                    <a:gd name="T2" fmla="*/ 15 w 20"/>
                    <a:gd name="T3" fmla="*/ 0 h 15"/>
                    <a:gd name="T4" fmla="*/ 20 w 20"/>
                    <a:gd name="T5" fmla="*/ 8 h 15"/>
                    <a:gd name="T6" fmla="*/ 7 w 20"/>
                    <a:gd name="T7" fmla="*/ 15 h 15"/>
                    <a:gd name="T8" fmla="*/ 0 w 20"/>
                    <a:gd name="T9" fmla="*/ 15 h 15"/>
                    <a:gd name="T10" fmla="*/ 5 w 20"/>
                    <a:gd name="T11" fmla="*/ 10 h 15"/>
                    <a:gd name="T12" fmla="*/ 13 w 20"/>
                    <a:gd name="T13" fmla="*/ 8 h 15"/>
                    <a:gd name="T14" fmla="*/ 8 w 20"/>
                    <a:gd name="T15" fmla="*/ 3 h 15"/>
                    <a:gd name="T16" fmla="*/ 0 60000 65536"/>
                    <a:gd name="T17" fmla="*/ 0 60000 65536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w 20"/>
                    <a:gd name="T25" fmla="*/ 0 h 15"/>
                    <a:gd name="T26" fmla="*/ 20 w 20"/>
                    <a:gd name="T27" fmla="*/ 15 h 15"/>
                  </a:gdLst>
                  <a:ahLst/>
                  <a:cxnLst>
                    <a:cxn ang="T16">
                      <a:pos x="T0" y="T1"/>
                    </a:cxn>
                    <a:cxn ang="T17">
                      <a:pos x="T2" y="T3"/>
                    </a:cxn>
                    <a:cxn ang="T18">
                      <a:pos x="T4" y="T5"/>
                    </a:cxn>
                    <a:cxn ang="T19">
                      <a:pos x="T6" y="T7"/>
                    </a:cxn>
                    <a:cxn ang="T20">
                      <a:pos x="T8" y="T9"/>
                    </a:cxn>
                    <a:cxn ang="T21">
                      <a:pos x="T10" y="T11"/>
                    </a:cxn>
                    <a:cxn ang="T22">
                      <a:pos x="T12" y="T13"/>
                    </a:cxn>
                    <a:cxn ang="T23">
                      <a:pos x="T14" y="T15"/>
                    </a:cxn>
                  </a:cxnLst>
                  <a:rect l="T24" t="T25" r="T26" b="T27"/>
                  <a:pathLst>
                    <a:path w="20" h="15">
                      <a:moveTo>
                        <a:pt x="8" y="3"/>
                      </a:moveTo>
                      <a:lnTo>
                        <a:pt x="15" y="0"/>
                      </a:lnTo>
                      <a:lnTo>
                        <a:pt x="20" y="8"/>
                      </a:lnTo>
                      <a:lnTo>
                        <a:pt x="7" y="15"/>
                      </a:lnTo>
                      <a:lnTo>
                        <a:pt x="0" y="15"/>
                      </a:lnTo>
                      <a:lnTo>
                        <a:pt x="5" y="10"/>
                      </a:lnTo>
                      <a:lnTo>
                        <a:pt x="13" y="8"/>
                      </a:lnTo>
                      <a:lnTo>
                        <a:pt x="8" y="3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97" name="Freeform 97"/>
                <p:cNvSpPr>
                  <a:spLocks/>
                </p:cNvSpPr>
                <p:nvPr/>
              </p:nvSpPr>
              <p:spPr bwMode="auto">
                <a:xfrm>
                  <a:off x="600" y="3513"/>
                  <a:ext cx="23" cy="19"/>
                </a:xfrm>
                <a:custGeom>
                  <a:avLst/>
                  <a:gdLst>
                    <a:gd name="T0" fmla="*/ 0 w 23"/>
                    <a:gd name="T1" fmla="*/ 19 h 19"/>
                    <a:gd name="T2" fmla="*/ 0 w 23"/>
                    <a:gd name="T3" fmla="*/ 17 h 19"/>
                    <a:gd name="T4" fmla="*/ 0 w 23"/>
                    <a:gd name="T5" fmla="*/ 17 h 19"/>
                    <a:gd name="T6" fmla="*/ 1 w 23"/>
                    <a:gd name="T7" fmla="*/ 16 h 19"/>
                    <a:gd name="T8" fmla="*/ 1 w 23"/>
                    <a:gd name="T9" fmla="*/ 14 h 19"/>
                    <a:gd name="T10" fmla="*/ 3 w 23"/>
                    <a:gd name="T11" fmla="*/ 12 h 19"/>
                    <a:gd name="T12" fmla="*/ 5 w 23"/>
                    <a:gd name="T13" fmla="*/ 11 h 19"/>
                    <a:gd name="T14" fmla="*/ 6 w 23"/>
                    <a:gd name="T15" fmla="*/ 9 h 19"/>
                    <a:gd name="T16" fmla="*/ 8 w 23"/>
                    <a:gd name="T17" fmla="*/ 5 h 19"/>
                    <a:gd name="T18" fmla="*/ 12 w 23"/>
                    <a:gd name="T19" fmla="*/ 4 h 19"/>
                    <a:gd name="T20" fmla="*/ 13 w 23"/>
                    <a:gd name="T21" fmla="*/ 4 h 19"/>
                    <a:gd name="T22" fmla="*/ 15 w 23"/>
                    <a:gd name="T23" fmla="*/ 2 h 19"/>
                    <a:gd name="T24" fmla="*/ 18 w 23"/>
                    <a:gd name="T25" fmla="*/ 0 h 19"/>
                    <a:gd name="T26" fmla="*/ 18 w 23"/>
                    <a:gd name="T27" fmla="*/ 0 h 19"/>
                    <a:gd name="T28" fmla="*/ 20 w 23"/>
                    <a:gd name="T29" fmla="*/ 0 h 19"/>
                    <a:gd name="T30" fmla="*/ 22 w 23"/>
                    <a:gd name="T31" fmla="*/ 0 h 19"/>
                    <a:gd name="T32" fmla="*/ 22 w 23"/>
                    <a:gd name="T33" fmla="*/ 0 h 19"/>
                    <a:gd name="T34" fmla="*/ 23 w 23"/>
                    <a:gd name="T35" fmla="*/ 2 h 19"/>
                    <a:gd name="T36" fmla="*/ 22 w 23"/>
                    <a:gd name="T37" fmla="*/ 4 h 19"/>
                    <a:gd name="T38" fmla="*/ 22 w 23"/>
                    <a:gd name="T39" fmla="*/ 4 h 19"/>
                    <a:gd name="T40" fmla="*/ 20 w 23"/>
                    <a:gd name="T41" fmla="*/ 5 h 19"/>
                    <a:gd name="T42" fmla="*/ 20 w 23"/>
                    <a:gd name="T43" fmla="*/ 7 h 19"/>
                    <a:gd name="T44" fmla="*/ 18 w 23"/>
                    <a:gd name="T45" fmla="*/ 9 h 19"/>
                    <a:gd name="T46" fmla="*/ 17 w 23"/>
                    <a:gd name="T47" fmla="*/ 11 h 19"/>
                    <a:gd name="T48" fmla="*/ 13 w 23"/>
                    <a:gd name="T49" fmla="*/ 12 h 19"/>
                    <a:gd name="T50" fmla="*/ 12 w 23"/>
                    <a:gd name="T51" fmla="*/ 14 h 19"/>
                    <a:gd name="T52" fmla="*/ 10 w 23"/>
                    <a:gd name="T53" fmla="*/ 16 h 19"/>
                    <a:gd name="T54" fmla="*/ 6 w 23"/>
                    <a:gd name="T55" fmla="*/ 17 h 19"/>
                    <a:gd name="T56" fmla="*/ 5 w 23"/>
                    <a:gd name="T57" fmla="*/ 17 h 19"/>
                    <a:gd name="T58" fmla="*/ 3 w 23"/>
                    <a:gd name="T59" fmla="*/ 19 h 19"/>
                    <a:gd name="T60" fmla="*/ 1 w 23"/>
                    <a:gd name="T61" fmla="*/ 19 h 19"/>
                    <a:gd name="T62" fmla="*/ 1 w 23"/>
                    <a:gd name="T63" fmla="*/ 19 h 19"/>
                    <a:gd name="T64" fmla="*/ 0 w 23"/>
                    <a:gd name="T65" fmla="*/ 19 h 19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w 23"/>
                    <a:gd name="T100" fmla="*/ 0 h 19"/>
                    <a:gd name="T101" fmla="*/ 23 w 23"/>
                    <a:gd name="T102" fmla="*/ 19 h 19"/>
                  </a:gdLst>
                  <a:ahLst/>
                  <a:cxnLst>
                    <a:cxn ang="T66">
                      <a:pos x="T0" y="T1"/>
                    </a:cxn>
                    <a:cxn ang="T67">
                      <a:pos x="T2" y="T3"/>
                    </a:cxn>
                    <a:cxn ang="T68">
                      <a:pos x="T4" y="T5"/>
                    </a:cxn>
                    <a:cxn ang="T69">
                      <a:pos x="T6" y="T7"/>
                    </a:cxn>
                    <a:cxn ang="T70">
                      <a:pos x="T8" y="T9"/>
                    </a:cxn>
                    <a:cxn ang="T71">
                      <a:pos x="T10" y="T11"/>
                    </a:cxn>
                    <a:cxn ang="T72">
                      <a:pos x="T12" y="T13"/>
                    </a:cxn>
                    <a:cxn ang="T73">
                      <a:pos x="T14" y="T15"/>
                    </a:cxn>
                    <a:cxn ang="T74">
                      <a:pos x="T16" y="T17"/>
                    </a:cxn>
                    <a:cxn ang="T75">
                      <a:pos x="T18" y="T19"/>
                    </a:cxn>
                    <a:cxn ang="T76">
                      <a:pos x="T20" y="T21"/>
                    </a:cxn>
                    <a:cxn ang="T77">
                      <a:pos x="T22" y="T23"/>
                    </a:cxn>
                    <a:cxn ang="T78">
                      <a:pos x="T24" y="T25"/>
                    </a:cxn>
                    <a:cxn ang="T79">
                      <a:pos x="T26" y="T27"/>
                    </a:cxn>
                    <a:cxn ang="T80">
                      <a:pos x="T28" y="T29"/>
                    </a:cxn>
                    <a:cxn ang="T81">
                      <a:pos x="T30" y="T31"/>
                    </a:cxn>
                    <a:cxn ang="T82">
                      <a:pos x="T32" y="T33"/>
                    </a:cxn>
                    <a:cxn ang="T83">
                      <a:pos x="T34" y="T35"/>
                    </a:cxn>
                    <a:cxn ang="T84">
                      <a:pos x="T36" y="T37"/>
                    </a:cxn>
                    <a:cxn ang="T85">
                      <a:pos x="T38" y="T39"/>
                    </a:cxn>
                    <a:cxn ang="T86">
                      <a:pos x="T40" y="T41"/>
                    </a:cxn>
                    <a:cxn ang="T87">
                      <a:pos x="T42" y="T43"/>
                    </a:cxn>
                    <a:cxn ang="T88">
                      <a:pos x="T44" y="T45"/>
                    </a:cxn>
                    <a:cxn ang="T89">
                      <a:pos x="T46" y="T47"/>
                    </a:cxn>
                    <a:cxn ang="T90">
                      <a:pos x="T48" y="T49"/>
                    </a:cxn>
                    <a:cxn ang="T91">
                      <a:pos x="T50" y="T51"/>
                    </a:cxn>
                    <a:cxn ang="T92">
                      <a:pos x="T52" y="T53"/>
                    </a:cxn>
                    <a:cxn ang="T93">
                      <a:pos x="T54" y="T55"/>
                    </a:cxn>
                    <a:cxn ang="T94">
                      <a:pos x="T56" y="T57"/>
                    </a:cxn>
                    <a:cxn ang="T95">
                      <a:pos x="T58" y="T59"/>
                    </a:cxn>
                    <a:cxn ang="T96">
                      <a:pos x="T60" y="T61"/>
                    </a:cxn>
                    <a:cxn ang="T97">
                      <a:pos x="T62" y="T63"/>
                    </a:cxn>
                    <a:cxn ang="T98">
                      <a:pos x="T64" y="T65"/>
                    </a:cxn>
                  </a:cxnLst>
                  <a:rect l="T99" t="T100" r="T101" b="T102"/>
                  <a:pathLst>
                    <a:path w="23" h="19">
                      <a:moveTo>
                        <a:pt x="0" y="19"/>
                      </a:moveTo>
                      <a:lnTo>
                        <a:pt x="0" y="17"/>
                      </a:lnTo>
                      <a:lnTo>
                        <a:pt x="1" y="16"/>
                      </a:lnTo>
                      <a:lnTo>
                        <a:pt x="1" y="14"/>
                      </a:lnTo>
                      <a:lnTo>
                        <a:pt x="3" y="12"/>
                      </a:lnTo>
                      <a:lnTo>
                        <a:pt x="5" y="11"/>
                      </a:lnTo>
                      <a:lnTo>
                        <a:pt x="6" y="9"/>
                      </a:lnTo>
                      <a:lnTo>
                        <a:pt x="8" y="5"/>
                      </a:lnTo>
                      <a:lnTo>
                        <a:pt x="12" y="4"/>
                      </a:lnTo>
                      <a:lnTo>
                        <a:pt x="13" y="4"/>
                      </a:lnTo>
                      <a:lnTo>
                        <a:pt x="15" y="2"/>
                      </a:lnTo>
                      <a:lnTo>
                        <a:pt x="18" y="0"/>
                      </a:lnTo>
                      <a:lnTo>
                        <a:pt x="20" y="0"/>
                      </a:lnTo>
                      <a:lnTo>
                        <a:pt x="22" y="0"/>
                      </a:lnTo>
                      <a:lnTo>
                        <a:pt x="23" y="2"/>
                      </a:lnTo>
                      <a:lnTo>
                        <a:pt x="22" y="4"/>
                      </a:lnTo>
                      <a:lnTo>
                        <a:pt x="20" y="5"/>
                      </a:lnTo>
                      <a:lnTo>
                        <a:pt x="20" y="7"/>
                      </a:lnTo>
                      <a:lnTo>
                        <a:pt x="18" y="9"/>
                      </a:lnTo>
                      <a:lnTo>
                        <a:pt x="17" y="11"/>
                      </a:lnTo>
                      <a:lnTo>
                        <a:pt x="13" y="12"/>
                      </a:lnTo>
                      <a:lnTo>
                        <a:pt x="12" y="14"/>
                      </a:lnTo>
                      <a:lnTo>
                        <a:pt x="10" y="16"/>
                      </a:lnTo>
                      <a:lnTo>
                        <a:pt x="6" y="17"/>
                      </a:lnTo>
                      <a:lnTo>
                        <a:pt x="5" y="17"/>
                      </a:lnTo>
                      <a:lnTo>
                        <a:pt x="3" y="19"/>
                      </a:lnTo>
                      <a:lnTo>
                        <a:pt x="1" y="19"/>
                      </a:lnTo>
                      <a:lnTo>
                        <a:pt x="0" y="19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98" name="Freeform 98"/>
                <p:cNvSpPr>
                  <a:spLocks/>
                </p:cNvSpPr>
                <p:nvPr/>
              </p:nvSpPr>
              <p:spPr bwMode="auto">
                <a:xfrm>
                  <a:off x="600" y="3513"/>
                  <a:ext cx="23" cy="19"/>
                </a:xfrm>
                <a:custGeom>
                  <a:avLst/>
                  <a:gdLst>
                    <a:gd name="T0" fmla="*/ 0 w 23"/>
                    <a:gd name="T1" fmla="*/ 19 h 19"/>
                    <a:gd name="T2" fmla="*/ 0 w 23"/>
                    <a:gd name="T3" fmla="*/ 19 h 19"/>
                    <a:gd name="T4" fmla="*/ 0 w 23"/>
                    <a:gd name="T5" fmla="*/ 17 h 19"/>
                    <a:gd name="T6" fmla="*/ 0 w 23"/>
                    <a:gd name="T7" fmla="*/ 17 h 19"/>
                    <a:gd name="T8" fmla="*/ 1 w 23"/>
                    <a:gd name="T9" fmla="*/ 16 h 19"/>
                    <a:gd name="T10" fmla="*/ 1 w 23"/>
                    <a:gd name="T11" fmla="*/ 14 h 19"/>
                    <a:gd name="T12" fmla="*/ 3 w 23"/>
                    <a:gd name="T13" fmla="*/ 12 h 19"/>
                    <a:gd name="T14" fmla="*/ 5 w 23"/>
                    <a:gd name="T15" fmla="*/ 11 h 19"/>
                    <a:gd name="T16" fmla="*/ 6 w 23"/>
                    <a:gd name="T17" fmla="*/ 9 h 19"/>
                    <a:gd name="T18" fmla="*/ 8 w 23"/>
                    <a:gd name="T19" fmla="*/ 5 h 19"/>
                    <a:gd name="T20" fmla="*/ 8 w 23"/>
                    <a:gd name="T21" fmla="*/ 5 h 19"/>
                    <a:gd name="T22" fmla="*/ 12 w 23"/>
                    <a:gd name="T23" fmla="*/ 4 h 19"/>
                    <a:gd name="T24" fmla="*/ 13 w 23"/>
                    <a:gd name="T25" fmla="*/ 4 h 19"/>
                    <a:gd name="T26" fmla="*/ 15 w 23"/>
                    <a:gd name="T27" fmla="*/ 2 h 19"/>
                    <a:gd name="T28" fmla="*/ 18 w 23"/>
                    <a:gd name="T29" fmla="*/ 0 h 19"/>
                    <a:gd name="T30" fmla="*/ 18 w 23"/>
                    <a:gd name="T31" fmla="*/ 0 h 19"/>
                    <a:gd name="T32" fmla="*/ 20 w 23"/>
                    <a:gd name="T33" fmla="*/ 0 h 19"/>
                    <a:gd name="T34" fmla="*/ 22 w 23"/>
                    <a:gd name="T35" fmla="*/ 0 h 19"/>
                    <a:gd name="T36" fmla="*/ 22 w 23"/>
                    <a:gd name="T37" fmla="*/ 0 h 19"/>
                    <a:gd name="T38" fmla="*/ 22 w 23"/>
                    <a:gd name="T39" fmla="*/ 0 h 19"/>
                    <a:gd name="T40" fmla="*/ 23 w 23"/>
                    <a:gd name="T41" fmla="*/ 2 h 19"/>
                    <a:gd name="T42" fmla="*/ 22 w 23"/>
                    <a:gd name="T43" fmla="*/ 4 h 19"/>
                    <a:gd name="T44" fmla="*/ 22 w 23"/>
                    <a:gd name="T45" fmla="*/ 4 h 19"/>
                    <a:gd name="T46" fmla="*/ 20 w 23"/>
                    <a:gd name="T47" fmla="*/ 5 h 19"/>
                    <a:gd name="T48" fmla="*/ 20 w 23"/>
                    <a:gd name="T49" fmla="*/ 7 h 19"/>
                    <a:gd name="T50" fmla="*/ 18 w 23"/>
                    <a:gd name="T51" fmla="*/ 9 h 19"/>
                    <a:gd name="T52" fmla="*/ 17 w 23"/>
                    <a:gd name="T53" fmla="*/ 11 h 19"/>
                    <a:gd name="T54" fmla="*/ 13 w 23"/>
                    <a:gd name="T55" fmla="*/ 12 h 19"/>
                    <a:gd name="T56" fmla="*/ 13 w 23"/>
                    <a:gd name="T57" fmla="*/ 12 h 19"/>
                    <a:gd name="T58" fmla="*/ 12 w 23"/>
                    <a:gd name="T59" fmla="*/ 14 h 19"/>
                    <a:gd name="T60" fmla="*/ 10 w 23"/>
                    <a:gd name="T61" fmla="*/ 16 h 19"/>
                    <a:gd name="T62" fmla="*/ 6 w 23"/>
                    <a:gd name="T63" fmla="*/ 17 h 19"/>
                    <a:gd name="T64" fmla="*/ 5 w 23"/>
                    <a:gd name="T65" fmla="*/ 17 h 19"/>
                    <a:gd name="T66" fmla="*/ 3 w 23"/>
                    <a:gd name="T67" fmla="*/ 19 h 19"/>
                    <a:gd name="T68" fmla="*/ 1 w 23"/>
                    <a:gd name="T69" fmla="*/ 19 h 19"/>
                    <a:gd name="T70" fmla="*/ 1 w 23"/>
                    <a:gd name="T71" fmla="*/ 19 h 19"/>
                    <a:gd name="T72" fmla="*/ 0 w 23"/>
                    <a:gd name="T73" fmla="*/ 19 h 19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23"/>
                    <a:gd name="T112" fmla="*/ 0 h 19"/>
                    <a:gd name="T113" fmla="*/ 23 w 23"/>
                    <a:gd name="T114" fmla="*/ 19 h 19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23" h="19">
                      <a:moveTo>
                        <a:pt x="0" y="19"/>
                      </a:moveTo>
                      <a:lnTo>
                        <a:pt x="0" y="19"/>
                      </a:lnTo>
                      <a:lnTo>
                        <a:pt x="0" y="17"/>
                      </a:lnTo>
                      <a:lnTo>
                        <a:pt x="1" y="16"/>
                      </a:lnTo>
                      <a:lnTo>
                        <a:pt x="1" y="14"/>
                      </a:lnTo>
                      <a:lnTo>
                        <a:pt x="3" y="12"/>
                      </a:lnTo>
                      <a:lnTo>
                        <a:pt x="5" y="11"/>
                      </a:lnTo>
                      <a:lnTo>
                        <a:pt x="6" y="9"/>
                      </a:lnTo>
                      <a:lnTo>
                        <a:pt x="8" y="5"/>
                      </a:lnTo>
                      <a:lnTo>
                        <a:pt x="12" y="4"/>
                      </a:lnTo>
                      <a:lnTo>
                        <a:pt x="13" y="4"/>
                      </a:lnTo>
                      <a:lnTo>
                        <a:pt x="15" y="2"/>
                      </a:lnTo>
                      <a:lnTo>
                        <a:pt x="18" y="0"/>
                      </a:lnTo>
                      <a:lnTo>
                        <a:pt x="20" y="0"/>
                      </a:lnTo>
                      <a:lnTo>
                        <a:pt x="22" y="0"/>
                      </a:lnTo>
                      <a:lnTo>
                        <a:pt x="23" y="2"/>
                      </a:lnTo>
                      <a:lnTo>
                        <a:pt x="22" y="4"/>
                      </a:lnTo>
                      <a:lnTo>
                        <a:pt x="20" y="5"/>
                      </a:lnTo>
                      <a:lnTo>
                        <a:pt x="20" y="7"/>
                      </a:lnTo>
                      <a:lnTo>
                        <a:pt x="18" y="9"/>
                      </a:lnTo>
                      <a:lnTo>
                        <a:pt x="17" y="11"/>
                      </a:lnTo>
                      <a:lnTo>
                        <a:pt x="13" y="12"/>
                      </a:lnTo>
                      <a:lnTo>
                        <a:pt x="12" y="14"/>
                      </a:lnTo>
                      <a:lnTo>
                        <a:pt x="10" y="16"/>
                      </a:lnTo>
                      <a:lnTo>
                        <a:pt x="6" y="17"/>
                      </a:lnTo>
                      <a:lnTo>
                        <a:pt x="5" y="17"/>
                      </a:lnTo>
                      <a:lnTo>
                        <a:pt x="3" y="19"/>
                      </a:lnTo>
                      <a:lnTo>
                        <a:pt x="1" y="19"/>
                      </a:lnTo>
                      <a:lnTo>
                        <a:pt x="0" y="19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99" name="Freeform 99"/>
                <p:cNvSpPr>
                  <a:spLocks/>
                </p:cNvSpPr>
                <p:nvPr/>
              </p:nvSpPr>
              <p:spPr bwMode="auto">
                <a:xfrm>
                  <a:off x="674" y="3486"/>
                  <a:ext cx="12" cy="12"/>
                </a:xfrm>
                <a:custGeom>
                  <a:avLst/>
                  <a:gdLst>
                    <a:gd name="T0" fmla="*/ 0 w 12"/>
                    <a:gd name="T1" fmla="*/ 5 h 12"/>
                    <a:gd name="T2" fmla="*/ 0 w 12"/>
                    <a:gd name="T3" fmla="*/ 4 h 12"/>
                    <a:gd name="T4" fmla="*/ 2 w 12"/>
                    <a:gd name="T5" fmla="*/ 2 h 12"/>
                    <a:gd name="T6" fmla="*/ 4 w 12"/>
                    <a:gd name="T7" fmla="*/ 0 h 12"/>
                    <a:gd name="T8" fmla="*/ 7 w 12"/>
                    <a:gd name="T9" fmla="*/ 0 h 12"/>
                    <a:gd name="T10" fmla="*/ 9 w 12"/>
                    <a:gd name="T11" fmla="*/ 0 h 12"/>
                    <a:gd name="T12" fmla="*/ 10 w 12"/>
                    <a:gd name="T13" fmla="*/ 2 h 12"/>
                    <a:gd name="T14" fmla="*/ 12 w 12"/>
                    <a:gd name="T15" fmla="*/ 4 h 12"/>
                    <a:gd name="T16" fmla="*/ 12 w 12"/>
                    <a:gd name="T17" fmla="*/ 5 h 12"/>
                    <a:gd name="T18" fmla="*/ 12 w 12"/>
                    <a:gd name="T19" fmla="*/ 9 h 12"/>
                    <a:gd name="T20" fmla="*/ 10 w 12"/>
                    <a:gd name="T21" fmla="*/ 10 h 12"/>
                    <a:gd name="T22" fmla="*/ 9 w 12"/>
                    <a:gd name="T23" fmla="*/ 10 h 12"/>
                    <a:gd name="T24" fmla="*/ 7 w 12"/>
                    <a:gd name="T25" fmla="*/ 12 h 12"/>
                    <a:gd name="T26" fmla="*/ 4 w 12"/>
                    <a:gd name="T27" fmla="*/ 10 h 12"/>
                    <a:gd name="T28" fmla="*/ 2 w 12"/>
                    <a:gd name="T29" fmla="*/ 10 h 12"/>
                    <a:gd name="T30" fmla="*/ 0 w 12"/>
                    <a:gd name="T31" fmla="*/ 9 h 12"/>
                    <a:gd name="T32" fmla="*/ 0 w 12"/>
                    <a:gd name="T33" fmla="*/ 5 h 12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2"/>
                    <a:gd name="T52" fmla="*/ 0 h 12"/>
                    <a:gd name="T53" fmla="*/ 12 w 12"/>
                    <a:gd name="T54" fmla="*/ 12 h 12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2" h="12">
                      <a:moveTo>
                        <a:pt x="0" y="5"/>
                      </a:moveTo>
                      <a:lnTo>
                        <a:pt x="0" y="4"/>
                      </a:lnTo>
                      <a:lnTo>
                        <a:pt x="2" y="2"/>
                      </a:lnTo>
                      <a:lnTo>
                        <a:pt x="4" y="0"/>
                      </a:lnTo>
                      <a:lnTo>
                        <a:pt x="7" y="0"/>
                      </a:lnTo>
                      <a:lnTo>
                        <a:pt x="9" y="0"/>
                      </a:lnTo>
                      <a:lnTo>
                        <a:pt x="10" y="2"/>
                      </a:lnTo>
                      <a:lnTo>
                        <a:pt x="12" y="4"/>
                      </a:lnTo>
                      <a:lnTo>
                        <a:pt x="12" y="5"/>
                      </a:lnTo>
                      <a:lnTo>
                        <a:pt x="12" y="9"/>
                      </a:lnTo>
                      <a:lnTo>
                        <a:pt x="10" y="10"/>
                      </a:lnTo>
                      <a:lnTo>
                        <a:pt x="9" y="10"/>
                      </a:lnTo>
                      <a:lnTo>
                        <a:pt x="7" y="12"/>
                      </a:lnTo>
                      <a:lnTo>
                        <a:pt x="4" y="10"/>
                      </a:lnTo>
                      <a:lnTo>
                        <a:pt x="2" y="10"/>
                      </a:lnTo>
                      <a:lnTo>
                        <a:pt x="0" y="9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00" name="Freeform 100"/>
                <p:cNvSpPr>
                  <a:spLocks/>
                </p:cNvSpPr>
                <p:nvPr/>
              </p:nvSpPr>
              <p:spPr bwMode="auto">
                <a:xfrm>
                  <a:off x="674" y="3486"/>
                  <a:ext cx="12" cy="12"/>
                </a:xfrm>
                <a:custGeom>
                  <a:avLst/>
                  <a:gdLst>
                    <a:gd name="T0" fmla="*/ 0 w 12"/>
                    <a:gd name="T1" fmla="*/ 5 h 12"/>
                    <a:gd name="T2" fmla="*/ 0 w 12"/>
                    <a:gd name="T3" fmla="*/ 5 h 12"/>
                    <a:gd name="T4" fmla="*/ 0 w 12"/>
                    <a:gd name="T5" fmla="*/ 4 h 12"/>
                    <a:gd name="T6" fmla="*/ 2 w 12"/>
                    <a:gd name="T7" fmla="*/ 2 h 12"/>
                    <a:gd name="T8" fmla="*/ 4 w 12"/>
                    <a:gd name="T9" fmla="*/ 0 h 12"/>
                    <a:gd name="T10" fmla="*/ 7 w 12"/>
                    <a:gd name="T11" fmla="*/ 0 h 12"/>
                    <a:gd name="T12" fmla="*/ 7 w 12"/>
                    <a:gd name="T13" fmla="*/ 0 h 12"/>
                    <a:gd name="T14" fmla="*/ 9 w 12"/>
                    <a:gd name="T15" fmla="*/ 0 h 12"/>
                    <a:gd name="T16" fmla="*/ 10 w 12"/>
                    <a:gd name="T17" fmla="*/ 2 h 12"/>
                    <a:gd name="T18" fmla="*/ 12 w 12"/>
                    <a:gd name="T19" fmla="*/ 4 h 12"/>
                    <a:gd name="T20" fmla="*/ 12 w 12"/>
                    <a:gd name="T21" fmla="*/ 5 h 12"/>
                    <a:gd name="T22" fmla="*/ 12 w 12"/>
                    <a:gd name="T23" fmla="*/ 5 h 12"/>
                    <a:gd name="T24" fmla="*/ 12 w 12"/>
                    <a:gd name="T25" fmla="*/ 9 h 12"/>
                    <a:gd name="T26" fmla="*/ 10 w 12"/>
                    <a:gd name="T27" fmla="*/ 10 h 12"/>
                    <a:gd name="T28" fmla="*/ 9 w 12"/>
                    <a:gd name="T29" fmla="*/ 10 h 12"/>
                    <a:gd name="T30" fmla="*/ 7 w 12"/>
                    <a:gd name="T31" fmla="*/ 12 h 12"/>
                    <a:gd name="T32" fmla="*/ 7 w 12"/>
                    <a:gd name="T33" fmla="*/ 12 h 12"/>
                    <a:gd name="T34" fmla="*/ 4 w 12"/>
                    <a:gd name="T35" fmla="*/ 10 h 12"/>
                    <a:gd name="T36" fmla="*/ 2 w 12"/>
                    <a:gd name="T37" fmla="*/ 10 h 12"/>
                    <a:gd name="T38" fmla="*/ 0 w 12"/>
                    <a:gd name="T39" fmla="*/ 9 h 12"/>
                    <a:gd name="T40" fmla="*/ 0 w 12"/>
                    <a:gd name="T41" fmla="*/ 5 h 12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2"/>
                    <a:gd name="T64" fmla="*/ 0 h 12"/>
                    <a:gd name="T65" fmla="*/ 12 w 12"/>
                    <a:gd name="T66" fmla="*/ 12 h 12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2" h="12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4"/>
                      </a:lnTo>
                      <a:lnTo>
                        <a:pt x="2" y="2"/>
                      </a:lnTo>
                      <a:lnTo>
                        <a:pt x="4" y="0"/>
                      </a:lnTo>
                      <a:lnTo>
                        <a:pt x="7" y="0"/>
                      </a:lnTo>
                      <a:lnTo>
                        <a:pt x="9" y="0"/>
                      </a:lnTo>
                      <a:lnTo>
                        <a:pt x="10" y="2"/>
                      </a:lnTo>
                      <a:lnTo>
                        <a:pt x="12" y="4"/>
                      </a:lnTo>
                      <a:lnTo>
                        <a:pt x="12" y="5"/>
                      </a:lnTo>
                      <a:lnTo>
                        <a:pt x="12" y="9"/>
                      </a:lnTo>
                      <a:lnTo>
                        <a:pt x="10" y="10"/>
                      </a:lnTo>
                      <a:lnTo>
                        <a:pt x="9" y="10"/>
                      </a:lnTo>
                      <a:lnTo>
                        <a:pt x="7" y="12"/>
                      </a:lnTo>
                      <a:lnTo>
                        <a:pt x="4" y="10"/>
                      </a:lnTo>
                      <a:lnTo>
                        <a:pt x="2" y="10"/>
                      </a:lnTo>
                      <a:lnTo>
                        <a:pt x="0" y="9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01" name="Freeform 101"/>
                <p:cNvSpPr>
                  <a:spLocks/>
                </p:cNvSpPr>
                <p:nvPr/>
              </p:nvSpPr>
              <p:spPr bwMode="auto">
                <a:xfrm>
                  <a:off x="463" y="3535"/>
                  <a:ext cx="10" cy="9"/>
                </a:xfrm>
                <a:custGeom>
                  <a:avLst/>
                  <a:gdLst>
                    <a:gd name="T0" fmla="*/ 0 w 10"/>
                    <a:gd name="T1" fmla="*/ 5 h 9"/>
                    <a:gd name="T2" fmla="*/ 0 w 10"/>
                    <a:gd name="T3" fmla="*/ 4 h 9"/>
                    <a:gd name="T4" fmla="*/ 1 w 10"/>
                    <a:gd name="T5" fmla="*/ 2 h 9"/>
                    <a:gd name="T6" fmla="*/ 3 w 10"/>
                    <a:gd name="T7" fmla="*/ 0 h 9"/>
                    <a:gd name="T8" fmla="*/ 5 w 10"/>
                    <a:gd name="T9" fmla="*/ 0 h 9"/>
                    <a:gd name="T10" fmla="*/ 6 w 10"/>
                    <a:gd name="T11" fmla="*/ 0 h 9"/>
                    <a:gd name="T12" fmla="*/ 8 w 10"/>
                    <a:gd name="T13" fmla="*/ 2 h 9"/>
                    <a:gd name="T14" fmla="*/ 10 w 10"/>
                    <a:gd name="T15" fmla="*/ 4 h 9"/>
                    <a:gd name="T16" fmla="*/ 10 w 10"/>
                    <a:gd name="T17" fmla="*/ 5 h 9"/>
                    <a:gd name="T18" fmla="*/ 10 w 10"/>
                    <a:gd name="T19" fmla="*/ 7 h 9"/>
                    <a:gd name="T20" fmla="*/ 8 w 10"/>
                    <a:gd name="T21" fmla="*/ 9 h 9"/>
                    <a:gd name="T22" fmla="*/ 6 w 10"/>
                    <a:gd name="T23" fmla="*/ 9 h 9"/>
                    <a:gd name="T24" fmla="*/ 5 w 10"/>
                    <a:gd name="T25" fmla="*/ 9 h 9"/>
                    <a:gd name="T26" fmla="*/ 3 w 10"/>
                    <a:gd name="T27" fmla="*/ 9 h 9"/>
                    <a:gd name="T28" fmla="*/ 1 w 10"/>
                    <a:gd name="T29" fmla="*/ 9 h 9"/>
                    <a:gd name="T30" fmla="*/ 0 w 10"/>
                    <a:gd name="T31" fmla="*/ 7 h 9"/>
                    <a:gd name="T32" fmla="*/ 0 w 10"/>
                    <a:gd name="T33" fmla="*/ 5 h 9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0"/>
                    <a:gd name="T52" fmla="*/ 0 h 9"/>
                    <a:gd name="T53" fmla="*/ 10 w 10"/>
                    <a:gd name="T54" fmla="*/ 9 h 9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0" h="9">
                      <a:moveTo>
                        <a:pt x="0" y="5"/>
                      </a:moveTo>
                      <a:lnTo>
                        <a:pt x="0" y="4"/>
                      </a:lnTo>
                      <a:lnTo>
                        <a:pt x="1" y="2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6" y="0"/>
                      </a:lnTo>
                      <a:lnTo>
                        <a:pt x="8" y="2"/>
                      </a:lnTo>
                      <a:lnTo>
                        <a:pt x="10" y="4"/>
                      </a:lnTo>
                      <a:lnTo>
                        <a:pt x="10" y="5"/>
                      </a:lnTo>
                      <a:lnTo>
                        <a:pt x="10" y="7"/>
                      </a:lnTo>
                      <a:lnTo>
                        <a:pt x="8" y="9"/>
                      </a:lnTo>
                      <a:lnTo>
                        <a:pt x="6" y="9"/>
                      </a:lnTo>
                      <a:lnTo>
                        <a:pt x="5" y="9"/>
                      </a:lnTo>
                      <a:lnTo>
                        <a:pt x="3" y="9"/>
                      </a:lnTo>
                      <a:lnTo>
                        <a:pt x="1" y="9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02" name="Freeform 102"/>
                <p:cNvSpPr>
                  <a:spLocks/>
                </p:cNvSpPr>
                <p:nvPr/>
              </p:nvSpPr>
              <p:spPr bwMode="auto">
                <a:xfrm>
                  <a:off x="463" y="3535"/>
                  <a:ext cx="10" cy="9"/>
                </a:xfrm>
                <a:custGeom>
                  <a:avLst/>
                  <a:gdLst>
                    <a:gd name="T0" fmla="*/ 0 w 10"/>
                    <a:gd name="T1" fmla="*/ 5 h 9"/>
                    <a:gd name="T2" fmla="*/ 0 w 10"/>
                    <a:gd name="T3" fmla="*/ 5 h 9"/>
                    <a:gd name="T4" fmla="*/ 0 w 10"/>
                    <a:gd name="T5" fmla="*/ 4 h 9"/>
                    <a:gd name="T6" fmla="*/ 1 w 10"/>
                    <a:gd name="T7" fmla="*/ 2 h 9"/>
                    <a:gd name="T8" fmla="*/ 3 w 10"/>
                    <a:gd name="T9" fmla="*/ 0 h 9"/>
                    <a:gd name="T10" fmla="*/ 5 w 10"/>
                    <a:gd name="T11" fmla="*/ 0 h 9"/>
                    <a:gd name="T12" fmla="*/ 5 w 10"/>
                    <a:gd name="T13" fmla="*/ 0 h 9"/>
                    <a:gd name="T14" fmla="*/ 6 w 10"/>
                    <a:gd name="T15" fmla="*/ 0 h 9"/>
                    <a:gd name="T16" fmla="*/ 8 w 10"/>
                    <a:gd name="T17" fmla="*/ 2 h 9"/>
                    <a:gd name="T18" fmla="*/ 10 w 10"/>
                    <a:gd name="T19" fmla="*/ 4 h 9"/>
                    <a:gd name="T20" fmla="*/ 10 w 10"/>
                    <a:gd name="T21" fmla="*/ 5 h 9"/>
                    <a:gd name="T22" fmla="*/ 10 w 10"/>
                    <a:gd name="T23" fmla="*/ 5 h 9"/>
                    <a:gd name="T24" fmla="*/ 10 w 10"/>
                    <a:gd name="T25" fmla="*/ 7 h 9"/>
                    <a:gd name="T26" fmla="*/ 8 w 10"/>
                    <a:gd name="T27" fmla="*/ 9 h 9"/>
                    <a:gd name="T28" fmla="*/ 6 w 10"/>
                    <a:gd name="T29" fmla="*/ 9 h 9"/>
                    <a:gd name="T30" fmla="*/ 5 w 10"/>
                    <a:gd name="T31" fmla="*/ 9 h 9"/>
                    <a:gd name="T32" fmla="*/ 5 w 10"/>
                    <a:gd name="T33" fmla="*/ 9 h 9"/>
                    <a:gd name="T34" fmla="*/ 3 w 10"/>
                    <a:gd name="T35" fmla="*/ 9 h 9"/>
                    <a:gd name="T36" fmla="*/ 1 w 10"/>
                    <a:gd name="T37" fmla="*/ 9 h 9"/>
                    <a:gd name="T38" fmla="*/ 0 w 10"/>
                    <a:gd name="T39" fmla="*/ 7 h 9"/>
                    <a:gd name="T40" fmla="*/ 0 w 10"/>
                    <a:gd name="T41" fmla="*/ 5 h 9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0"/>
                    <a:gd name="T64" fmla="*/ 0 h 9"/>
                    <a:gd name="T65" fmla="*/ 10 w 10"/>
                    <a:gd name="T66" fmla="*/ 9 h 9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0" h="9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4"/>
                      </a:lnTo>
                      <a:lnTo>
                        <a:pt x="1" y="2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6" y="0"/>
                      </a:lnTo>
                      <a:lnTo>
                        <a:pt x="8" y="2"/>
                      </a:lnTo>
                      <a:lnTo>
                        <a:pt x="10" y="4"/>
                      </a:lnTo>
                      <a:lnTo>
                        <a:pt x="10" y="5"/>
                      </a:lnTo>
                      <a:lnTo>
                        <a:pt x="10" y="7"/>
                      </a:lnTo>
                      <a:lnTo>
                        <a:pt x="8" y="9"/>
                      </a:lnTo>
                      <a:lnTo>
                        <a:pt x="6" y="9"/>
                      </a:lnTo>
                      <a:lnTo>
                        <a:pt x="5" y="9"/>
                      </a:lnTo>
                      <a:lnTo>
                        <a:pt x="3" y="9"/>
                      </a:lnTo>
                      <a:lnTo>
                        <a:pt x="1" y="9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03" name="Freeform 103"/>
                <p:cNvSpPr>
                  <a:spLocks/>
                </p:cNvSpPr>
                <p:nvPr/>
              </p:nvSpPr>
              <p:spPr bwMode="auto">
                <a:xfrm>
                  <a:off x="515" y="3537"/>
                  <a:ext cx="15" cy="9"/>
                </a:xfrm>
                <a:custGeom>
                  <a:avLst/>
                  <a:gdLst>
                    <a:gd name="T0" fmla="*/ 0 w 15"/>
                    <a:gd name="T1" fmla="*/ 5 h 9"/>
                    <a:gd name="T2" fmla="*/ 0 w 15"/>
                    <a:gd name="T3" fmla="*/ 3 h 9"/>
                    <a:gd name="T4" fmla="*/ 2 w 15"/>
                    <a:gd name="T5" fmla="*/ 2 h 9"/>
                    <a:gd name="T6" fmla="*/ 5 w 15"/>
                    <a:gd name="T7" fmla="*/ 0 h 9"/>
                    <a:gd name="T8" fmla="*/ 7 w 15"/>
                    <a:gd name="T9" fmla="*/ 0 h 9"/>
                    <a:gd name="T10" fmla="*/ 10 w 15"/>
                    <a:gd name="T11" fmla="*/ 0 h 9"/>
                    <a:gd name="T12" fmla="*/ 12 w 15"/>
                    <a:gd name="T13" fmla="*/ 2 h 9"/>
                    <a:gd name="T14" fmla="*/ 14 w 15"/>
                    <a:gd name="T15" fmla="*/ 3 h 9"/>
                    <a:gd name="T16" fmla="*/ 15 w 15"/>
                    <a:gd name="T17" fmla="*/ 5 h 9"/>
                    <a:gd name="T18" fmla="*/ 14 w 15"/>
                    <a:gd name="T19" fmla="*/ 7 h 9"/>
                    <a:gd name="T20" fmla="*/ 12 w 15"/>
                    <a:gd name="T21" fmla="*/ 7 h 9"/>
                    <a:gd name="T22" fmla="*/ 10 w 15"/>
                    <a:gd name="T23" fmla="*/ 9 h 9"/>
                    <a:gd name="T24" fmla="*/ 7 w 15"/>
                    <a:gd name="T25" fmla="*/ 9 h 9"/>
                    <a:gd name="T26" fmla="*/ 5 w 15"/>
                    <a:gd name="T27" fmla="*/ 9 h 9"/>
                    <a:gd name="T28" fmla="*/ 2 w 15"/>
                    <a:gd name="T29" fmla="*/ 7 h 9"/>
                    <a:gd name="T30" fmla="*/ 0 w 15"/>
                    <a:gd name="T31" fmla="*/ 7 h 9"/>
                    <a:gd name="T32" fmla="*/ 0 w 15"/>
                    <a:gd name="T33" fmla="*/ 5 h 9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5"/>
                    <a:gd name="T52" fmla="*/ 0 h 9"/>
                    <a:gd name="T53" fmla="*/ 15 w 15"/>
                    <a:gd name="T54" fmla="*/ 9 h 9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5" h="9">
                      <a:moveTo>
                        <a:pt x="0" y="5"/>
                      </a:moveTo>
                      <a:lnTo>
                        <a:pt x="0" y="3"/>
                      </a:lnTo>
                      <a:lnTo>
                        <a:pt x="2" y="2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10" y="0"/>
                      </a:lnTo>
                      <a:lnTo>
                        <a:pt x="12" y="2"/>
                      </a:lnTo>
                      <a:lnTo>
                        <a:pt x="14" y="3"/>
                      </a:lnTo>
                      <a:lnTo>
                        <a:pt x="15" y="5"/>
                      </a:lnTo>
                      <a:lnTo>
                        <a:pt x="14" y="7"/>
                      </a:lnTo>
                      <a:lnTo>
                        <a:pt x="12" y="7"/>
                      </a:lnTo>
                      <a:lnTo>
                        <a:pt x="10" y="9"/>
                      </a:lnTo>
                      <a:lnTo>
                        <a:pt x="7" y="9"/>
                      </a:lnTo>
                      <a:lnTo>
                        <a:pt x="5" y="9"/>
                      </a:lnTo>
                      <a:lnTo>
                        <a:pt x="2" y="7"/>
                      </a:lnTo>
                      <a:lnTo>
                        <a:pt x="0" y="7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04" name="Freeform 104"/>
                <p:cNvSpPr>
                  <a:spLocks/>
                </p:cNvSpPr>
                <p:nvPr/>
              </p:nvSpPr>
              <p:spPr bwMode="auto">
                <a:xfrm>
                  <a:off x="515" y="3537"/>
                  <a:ext cx="15" cy="9"/>
                </a:xfrm>
                <a:custGeom>
                  <a:avLst/>
                  <a:gdLst>
                    <a:gd name="T0" fmla="*/ 0 w 15"/>
                    <a:gd name="T1" fmla="*/ 5 h 9"/>
                    <a:gd name="T2" fmla="*/ 0 w 15"/>
                    <a:gd name="T3" fmla="*/ 5 h 9"/>
                    <a:gd name="T4" fmla="*/ 0 w 15"/>
                    <a:gd name="T5" fmla="*/ 3 h 9"/>
                    <a:gd name="T6" fmla="*/ 2 w 15"/>
                    <a:gd name="T7" fmla="*/ 2 h 9"/>
                    <a:gd name="T8" fmla="*/ 5 w 15"/>
                    <a:gd name="T9" fmla="*/ 0 h 9"/>
                    <a:gd name="T10" fmla="*/ 7 w 15"/>
                    <a:gd name="T11" fmla="*/ 0 h 9"/>
                    <a:gd name="T12" fmla="*/ 7 w 15"/>
                    <a:gd name="T13" fmla="*/ 0 h 9"/>
                    <a:gd name="T14" fmla="*/ 10 w 15"/>
                    <a:gd name="T15" fmla="*/ 0 h 9"/>
                    <a:gd name="T16" fmla="*/ 12 w 15"/>
                    <a:gd name="T17" fmla="*/ 2 h 9"/>
                    <a:gd name="T18" fmla="*/ 14 w 15"/>
                    <a:gd name="T19" fmla="*/ 3 h 9"/>
                    <a:gd name="T20" fmla="*/ 15 w 15"/>
                    <a:gd name="T21" fmla="*/ 5 h 9"/>
                    <a:gd name="T22" fmla="*/ 15 w 15"/>
                    <a:gd name="T23" fmla="*/ 5 h 9"/>
                    <a:gd name="T24" fmla="*/ 14 w 15"/>
                    <a:gd name="T25" fmla="*/ 7 h 9"/>
                    <a:gd name="T26" fmla="*/ 12 w 15"/>
                    <a:gd name="T27" fmla="*/ 7 h 9"/>
                    <a:gd name="T28" fmla="*/ 10 w 15"/>
                    <a:gd name="T29" fmla="*/ 9 h 9"/>
                    <a:gd name="T30" fmla="*/ 7 w 15"/>
                    <a:gd name="T31" fmla="*/ 9 h 9"/>
                    <a:gd name="T32" fmla="*/ 7 w 15"/>
                    <a:gd name="T33" fmla="*/ 9 h 9"/>
                    <a:gd name="T34" fmla="*/ 5 w 15"/>
                    <a:gd name="T35" fmla="*/ 9 h 9"/>
                    <a:gd name="T36" fmla="*/ 2 w 15"/>
                    <a:gd name="T37" fmla="*/ 7 h 9"/>
                    <a:gd name="T38" fmla="*/ 0 w 15"/>
                    <a:gd name="T39" fmla="*/ 7 h 9"/>
                    <a:gd name="T40" fmla="*/ 0 w 15"/>
                    <a:gd name="T41" fmla="*/ 5 h 9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5"/>
                    <a:gd name="T64" fmla="*/ 0 h 9"/>
                    <a:gd name="T65" fmla="*/ 15 w 15"/>
                    <a:gd name="T66" fmla="*/ 9 h 9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5" h="9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2" y="2"/>
                      </a:lnTo>
                      <a:lnTo>
                        <a:pt x="5" y="0"/>
                      </a:lnTo>
                      <a:lnTo>
                        <a:pt x="7" y="0"/>
                      </a:lnTo>
                      <a:lnTo>
                        <a:pt x="10" y="0"/>
                      </a:lnTo>
                      <a:lnTo>
                        <a:pt x="12" y="2"/>
                      </a:lnTo>
                      <a:lnTo>
                        <a:pt x="14" y="3"/>
                      </a:lnTo>
                      <a:lnTo>
                        <a:pt x="15" y="5"/>
                      </a:lnTo>
                      <a:lnTo>
                        <a:pt x="14" y="7"/>
                      </a:lnTo>
                      <a:lnTo>
                        <a:pt x="12" y="7"/>
                      </a:lnTo>
                      <a:lnTo>
                        <a:pt x="10" y="9"/>
                      </a:lnTo>
                      <a:lnTo>
                        <a:pt x="7" y="9"/>
                      </a:lnTo>
                      <a:lnTo>
                        <a:pt x="5" y="9"/>
                      </a:lnTo>
                      <a:lnTo>
                        <a:pt x="2" y="7"/>
                      </a:lnTo>
                      <a:lnTo>
                        <a:pt x="0" y="7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05" name="Freeform 105"/>
                <p:cNvSpPr>
                  <a:spLocks/>
                </p:cNvSpPr>
                <p:nvPr/>
              </p:nvSpPr>
              <p:spPr bwMode="auto">
                <a:xfrm>
                  <a:off x="439" y="3529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1 h 10"/>
                    <a:gd name="T4" fmla="*/ 2 w 8"/>
                    <a:gd name="T5" fmla="*/ 1 h 10"/>
                    <a:gd name="T6" fmla="*/ 2 w 8"/>
                    <a:gd name="T7" fmla="*/ 0 h 10"/>
                    <a:gd name="T8" fmla="*/ 3 w 8"/>
                    <a:gd name="T9" fmla="*/ 0 h 10"/>
                    <a:gd name="T10" fmla="*/ 5 w 8"/>
                    <a:gd name="T11" fmla="*/ 0 h 10"/>
                    <a:gd name="T12" fmla="*/ 7 w 8"/>
                    <a:gd name="T13" fmla="*/ 1 h 10"/>
                    <a:gd name="T14" fmla="*/ 8 w 8"/>
                    <a:gd name="T15" fmla="*/ 1 h 10"/>
                    <a:gd name="T16" fmla="*/ 8 w 8"/>
                    <a:gd name="T17" fmla="*/ 5 h 10"/>
                    <a:gd name="T18" fmla="*/ 8 w 8"/>
                    <a:gd name="T19" fmla="*/ 6 h 10"/>
                    <a:gd name="T20" fmla="*/ 7 w 8"/>
                    <a:gd name="T21" fmla="*/ 8 h 10"/>
                    <a:gd name="T22" fmla="*/ 5 w 8"/>
                    <a:gd name="T23" fmla="*/ 10 h 10"/>
                    <a:gd name="T24" fmla="*/ 3 w 8"/>
                    <a:gd name="T25" fmla="*/ 10 h 10"/>
                    <a:gd name="T26" fmla="*/ 2 w 8"/>
                    <a:gd name="T27" fmla="*/ 10 h 10"/>
                    <a:gd name="T28" fmla="*/ 2 w 8"/>
                    <a:gd name="T29" fmla="*/ 8 h 10"/>
                    <a:gd name="T30" fmla="*/ 0 w 8"/>
                    <a:gd name="T31" fmla="*/ 6 h 10"/>
                    <a:gd name="T32" fmla="*/ 0 w 8"/>
                    <a:gd name="T33" fmla="*/ 5 h 10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8"/>
                    <a:gd name="T52" fmla="*/ 0 h 10"/>
                    <a:gd name="T53" fmla="*/ 8 w 8"/>
                    <a:gd name="T54" fmla="*/ 10 h 10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8" h="10">
                      <a:moveTo>
                        <a:pt x="0" y="5"/>
                      </a:moveTo>
                      <a:lnTo>
                        <a:pt x="0" y="1"/>
                      </a:lnTo>
                      <a:lnTo>
                        <a:pt x="2" y="1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1"/>
                      </a:lnTo>
                      <a:lnTo>
                        <a:pt x="8" y="1"/>
                      </a:lnTo>
                      <a:lnTo>
                        <a:pt x="8" y="5"/>
                      </a:lnTo>
                      <a:lnTo>
                        <a:pt x="8" y="6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10"/>
                      </a:lnTo>
                      <a:lnTo>
                        <a:pt x="2" y="8"/>
                      </a:lnTo>
                      <a:lnTo>
                        <a:pt x="0" y="6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06" name="Freeform 106"/>
                <p:cNvSpPr>
                  <a:spLocks/>
                </p:cNvSpPr>
                <p:nvPr/>
              </p:nvSpPr>
              <p:spPr bwMode="auto">
                <a:xfrm>
                  <a:off x="439" y="3529"/>
                  <a:ext cx="8" cy="10"/>
                </a:xfrm>
                <a:custGeom>
                  <a:avLst/>
                  <a:gdLst>
                    <a:gd name="T0" fmla="*/ 0 w 8"/>
                    <a:gd name="T1" fmla="*/ 5 h 10"/>
                    <a:gd name="T2" fmla="*/ 0 w 8"/>
                    <a:gd name="T3" fmla="*/ 5 h 10"/>
                    <a:gd name="T4" fmla="*/ 0 w 8"/>
                    <a:gd name="T5" fmla="*/ 1 h 10"/>
                    <a:gd name="T6" fmla="*/ 2 w 8"/>
                    <a:gd name="T7" fmla="*/ 1 h 10"/>
                    <a:gd name="T8" fmla="*/ 2 w 8"/>
                    <a:gd name="T9" fmla="*/ 0 h 10"/>
                    <a:gd name="T10" fmla="*/ 3 w 8"/>
                    <a:gd name="T11" fmla="*/ 0 h 10"/>
                    <a:gd name="T12" fmla="*/ 3 w 8"/>
                    <a:gd name="T13" fmla="*/ 0 h 10"/>
                    <a:gd name="T14" fmla="*/ 5 w 8"/>
                    <a:gd name="T15" fmla="*/ 0 h 10"/>
                    <a:gd name="T16" fmla="*/ 7 w 8"/>
                    <a:gd name="T17" fmla="*/ 1 h 10"/>
                    <a:gd name="T18" fmla="*/ 8 w 8"/>
                    <a:gd name="T19" fmla="*/ 1 h 10"/>
                    <a:gd name="T20" fmla="*/ 8 w 8"/>
                    <a:gd name="T21" fmla="*/ 5 h 10"/>
                    <a:gd name="T22" fmla="*/ 8 w 8"/>
                    <a:gd name="T23" fmla="*/ 5 h 10"/>
                    <a:gd name="T24" fmla="*/ 8 w 8"/>
                    <a:gd name="T25" fmla="*/ 6 h 10"/>
                    <a:gd name="T26" fmla="*/ 7 w 8"/>
                    <a:gd name="T27" fmla="*/ 8 h 10"/>
                    <a:gd name="T28" fmla="*/ 5 w 8"/>
                    <a:gd name="T29" fmla="*/ 10 h 10"/>
                    <a:gd name="T30" fmla="*/ 3 w 8"/>
                    <a:gd name="T31" fmla="*/ 10 h 10"/>
                    <a:gd name="T32" fmla="*/ 3 w 8"/>
                    <a:gd name="T33" fmla="*/ 10 h 10"/>
                    <a:gd name="T34" fmla="*/ 2 w 8"/>
                    <a:gd name="T35" fmla="*/ 10 h 10"/>
                    <a:gd name="T36" fmla="*/ 2 w 8"/>
                    <a:gd name="T37" fmla="*/ 8 h 10"/>
                    <a:gd name="T38" fmla="*/ 0 w 8"/>
                    <a:gd name="T39" fmla="*/ 6 h 10"/>
                    <a:gd name="T40" fmla="*/ 0 w 8"/>
                    <a:gd name="T41" fmla="*/ 5 h 10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8"/>
                    <a:gd name="T64" fmla="*/ 0 h 10"/>
                    <a:gd name="T65" fmla="*/ 8 w 8"/>
                    <a:gd name="T66" fmla="*/ 10 h 10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8" h="10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1"/>
                      </a:lnTo>
                      <a:lnTo>
                        <a:pt x="2" y="1"/>
                      </a:lnTo>
                      <a:lnTo>
                        <a:pt x="2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lnTo>
                        <a:pt x="7" y="1"/>
                      </a:lnTo>
                      <a:lnTo>
                        <a:pt x="8" y="1"/>
                      </a:lnTo>
                      <a:lnTo>
                        <a:pt x="8" y="5"/>
                      </a:lnTo>
                      <a:lnTo>
                        <a:pt x="8" y="6"/>
                      </a:lnTo>
                      <a:lnTo>
                        <a:pt x="7" y="8"/>
                      </a:lnTo>
                      <a:lnTo>
                        <a:pt x="5" y="10"/>
                      </a:lnTo>
                      <a:lnTo>
                        <a:pt x="3" y="10"/>
                      </a:lnTo>
                      <a:lnTo>
                        <a:pt x="2" y="10"/>
                      </a:lnTo>
                      <a:lnTo>
                        <a:pt x="2" y="8"/>
                      </a:lnTo>
                      <a:lnTo>
                        <a:pt x="0" y="6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07" name="Freeform 107"/>
                <p:cNvSpPr>
                  <a:spLocks/>
                </p:cNvSpPr>
                <p:nvPr/>
              </p:nvSpPr>
              <p:spPr bwMode="auto">
                <a:xfrm>
                  <a:off x="738" y="3474"/>
                  <a:ext cx="7" cy="11"/>
                </a:xfrm>
                <a:custGeom>
                  <a:avLst/>
                  <a:gdLst>
                    <a:gd name="T0" fmla="*/ 0 w 7"/>
                    <a:gd name="T1" fmla="*/ 6 h 11"/>
                    <a:gd name="T2" fmla="*/ 0 w 7"/>
                    <a:gd name="T3" fmla="*/ 4 h 11"/>
                    <a:gd name="T4" fmla="*/ 2 w 7"/>
                    <a:gd name="T5" fmla="*/ 2 h 11"/>
                    <a:gd name="T6" fmla="*/ 2 w 7"/>
                    <a:gd name="T7" fmla="*/ 0 h 11"/>
                    <a:gd name="T8" fmla="*/ 4 w 7"/>
                    <a:gd name="T9" fmla="*/ 0 h 11"/>
                    <a:gd name="T10" fmla="*/ 6 w 7"/>
                    <a:gd name="T11" fmla="*/ 0 h 11"/>
                    <a:gd name="T12" fmla="*/ 7 w 7"/>
                    <a:gd name="T13" fmla="*/ 2 h 11"/>
                    <a:gd name="T14" fmla="*/ 7 w 7"/>
                    <a:gd name="T15" fmla="*/ 4 h 11"/>
                    <a:gd name="T16" fmla="*/ 7 w 7"/>
                    <a:gd name="T17" fmla="*/ 6 h 11"/>
                    <a:gd name="T18" fmla="*/ 7 w 7"/>
                    <a:gd name="T19" fmla="*/ 7 h 11"/>
                    <a:gd name="T20" fmla="*/ 7 w 7"/>
                    <a:gd name="T21" fmla="*/ 9 h 11"/>
                    <a:gd name="T22" fmla="*/ 6 w 7"/>
                    <a:gd name="T23" fmla="*/ 9 h 11"/>
                    <a:gd name="T24" fmla="*/ 4 w 7"/>
                    <a:gd name="T25" fmla="*/ 11 h 11"/>
                    <a:gd name="T26" fmla="*/ 2 w 7"/>
                    <a:gd name="T27" fmla="*/ 9 h 11"/>
                    <a:gd name="T28" fmla="*/ 2 w 7"/>
                    <a:gd name="T29" fmla="*/ 9 h 11"/>
                    <a:gd name="T30" fmla="*/ 0 w 7"/>
                    <a:gd name="T31" fmla="*/ 7 h 11"/>
                    <a:gd name="T32" fmla="*/ 0 w 7"/>
                    <a:gd name="T33" fmla="*/ 6 h 11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7"/>
                    <a:gd name="T52" fmla="*/ 0 h 11"/>
                    <a:gd name="T53" fmla="*/ 7 w 7"/>
                    <a:gd name="T54" fmla="*/ 11 h 11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7" h="11">
                      <a:moveTo>
                        <a:pt x="0" y="6"/>
                      </a:moveTo>
                      <a:lnTo>
                        <a:pt x="0" y="4"/>
                      </a:lnTo>
                      <a:lnTo>
                        <a:pt x="2" y="2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6" y="0"/>
                      </a:lnTo>
                      <a:lnTo>
                        <a:pt x="7" y="2"/>
                      </a:lnTo>
                      <a:lnTo>
                        <a:pt x="7" y="4"/>
                      </a:lnTo>
                      <a:lnTo>
                        <a:pt x="7" y="6"/>
                      </a:lnTo>
                      <a:lnTo>
                        <a:pt x="7" y="7"/>
                      </a:lnTo>
                      <a:lnTo>
                        <a:pt x="7" y="9"/>
                      </a:lnTo>
                      <a:lnTo>
                        <a:pt x="6" y="9"/>
                      </a:lnTo>
                      <a:lnTo>
                        <a:pt x="4" y="11"/>
                      </a:lnTo>
                      <a:lnTo>
                        <a:pt x="2" y="9"/>
                      </a:lnTo>
                      <a:lnTo>
                        <a:pt x="0" y="7"/>
                      </a:lnTo>
                      <a:lnTo>
                        <a:pt x="0" y="6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08" name="Freeform 108"/>
                <p:cNvSpPr>
                  <a:spLocks/>
                </p:cNvSpPr>
                <p:nvPr/>
              </p:nvSpPr>
              <p:spPr bwMode="auto">
                <a:xfrm>
                  <a:off x="738" y="3474"/>
                  <a:ext cx="7" cy="11"/>
                </a:xfrm>
                <a:custGeom>
                  <a:avLst/>
                  <a:gdLst>
                    <a:gd name="T0" fmla="*/ 0 w 7"/>
                    <a:gd name="T1" fmla="*/ 6 h 11"/>
                    <a:gd name="T2" fmla="*/ 0 w 7"/>
                    <a:gd name="T3" fmla="*/ 6 h 11"/>
                    <a:gd name="T4" fmla="*/ 0 w 7"/>
                    <a:gd name="T5" fmla="*/ 4 h 11"/>
                    <a:gd name="T6" fmla="*/ 2 w 7"/>
                    <a:gd name="T7" fmla="*/ 2 h 11"/>
                    <a:gd name="T8" fmla="*/ 2 w 7"/>
                    <a:gd name="T9" fmla="*/ 0 h 11"/>
                    <a:gd name="T10" fmla="*/ 4 w 7"/>
                    <a:gd name="T11" fmla="*/ 0 h 11"/>
                    <a:gd name="T12" fmla="*/ 4 w 7"/>
                    <a:gd name="T13" fmla="*/ 0 h 11"/>
                    <a:gd name="T14" fmla="*/ 6 w 7"/>
                    <a:gd name="T15" fmla="*/ 0 h 11"/>
                    <a:gd name="T16" fmla="*/ 7 w 7"/>
                    <a:gd name="T17" fmla="*/ 2 h 11"/>
                    <a:gd name="T18" fmla="*/ 7 w 7"/>
                    <a:gd name="T19" fmla="*/ 4 h 11"/>
                    <a:gd name="T20" fmla="*/ 7 w 7"/>
                    <a:gd name="T21" fmla="*/ 6 h 11"/>
                    <a:gd name="T22" fmla="*/ 7 w 7"/>
                    <a:gd name="T23" fmla="*/ 6 h 11"/>
                    <a:gd name="T24" fmla="*/ 7 w 7"/>
                    <a:gd name="T25" fmla="*/ 7 h 11"/>
                    <a:gd name="T26" fmla="*/ 7 w 7"/>
                    <a:gd name="T27" fmla="*/ 9 h 11"/>
                    <a:gd name="T28" fmla="*/ 6 w 7"/>
                    <a:gd name="T29" fmla="*/ 9 h 11"/>
                    <a:gd name="T30" fmla="*/ 4 w 7"/>
                    <a:gd name="T31" fmla="*/ 11 h 11"/>
                    <a:gd name="T32" fmla="*/ 4 w 7"/>
                    <a:gd name="T33" fmla="*/ 11 h 11"/>
                    <a:gd name="T34" fmla="*/ 2 w 7"/>
                    <a:gd name="T35" fmla="*/ 9 h 11"/>
                    <a:gd name="T36" fmla="*/ 2 w 7"/>
                    <a:gd name="T37" fmla="*/ 9 h 11"/>
                    <a:gd name="T38" fmla="*/ 0 w 7"/>
                    <a:gd name="T39" fmla="*/ 7 h 11"/>
                    <a:gd name="T40" fmla="*/ 0 w 7"/>
                    <a:gd name="T41" fmla="*/ 6 h 11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7"/>
                    <a:gd name="T64" fmla="*/ 0 h 11"/>
                    <a:gd name="T65" fmla="*/ 7 w 7"/>
                    <a:gd name="T66" fmla="*/ 11 h 11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7" h="11">
                      <a:moveTo>
                        <a:pt x="0" y="6"/>
                      </a:moveTo>
                      <a:lnTo>
                        <a:pt x="0" y="6"/>
                      </a:lnTo>
                      <a:lnTo>
                        <a:pt x="0" y="4"/>
                      </a:lnTo>
                      <a:lnTo>
                        <a:pt x="2" y="2"/>
                      </a:lnTo>
                      <a:lnTo>
                        <a:pt x="2" y="0"/>
                      </a:lnTo>
                      <a:lnTo>
                        <a:pt x="4" y="0"/>
                      </a:lnTo>
                      <a:lnTo>
                        <a:pt x="6" y="0"/>
                      </a:lnTo>
                      <a:lnTo>
                        <a:pt x="7" y="2"/>
                      </a:lnTo>
                      <a:lnTo>
                        <a:pt x="7" y="4"/>
                      </a:lnTo>
                      <a:lnTo>
                        <a:pt x="7" y="6"/>
                      </a:lnTo>
                      <a:lnTo>
                        <a:pt x="7" y="7"/>
                      </a:lnTo>
                      <a:lnTo>
                        <a:pt x="7" y="9"/>
                      </a:lnTo>
                      <a:lnTo>
                        <a:pt x="6" y="9"/>
                      </a:lnTo>
                      <a:lnTo>
                        <a:pt x="4" y="11"/>
                      </a:lnTo>
                      <a:lnTo>
                        <a:pt x="2" y="9"/>
                      </a:lnTo>
                      <a:lnTo>
                        <a:pt x="0" y="7"/>
                      </a:lnTo>
                      <a:lnTo>
                        <a:pt x="0" y="6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09" name="Freeform 109"/>
                <p:cNvSpPr>
                  <a:spLocks/>
                </p:cNvSpPr>
                <p:nvPr/>
              </p:nvSpPr>
              <p:spPr bwMode="auto">
                <a:xfrm>
                  <a:off x="650" y="3331"/>
                  <a:ext cx="21" cy="15"/>
                </a:xfrm>
                <a:custGeom>
                  <a:avLst/>
                  <a:gdLst>
                    <a:gd name="T0" fmla="*/ 2 w 21"/>
                    <a:gd name="T1" fmla="*/ 1 h 15"/>
                    <a:gd name="T2" fmla="*/ 19 w 21"/>
                    <a:gd name="T3" fmla="*/ 0 h 15"/>
                    <a:gd name="T4" fmla="*/ 19 w 21"/>
                    <a:gd name="T5" fmla="*/ 1 h 15"/>
                    <a:gd name="T6" fmla="*/ 19 w 21"/>
                    <a:gd name="T7" fmla="*/ 3 h 15"/>
                    <a:gd name="T8" fmla="*/ 21 w 21"/>
                    <a:gd name="T9" fmla="*/ 5 h 15"/>
                    <a:gd name="T10" fmla="*/ 21 w 21"/>
                    <a:gd name="T11" fmla="*/ 8 h 15"/>
                    <a:gd name="T12" fmla="*/ 21 w 21"/>
                    <a:gd name="T13" fmla="*/ 10 h 15"/>
                    <a:gd name="T14" fmla="*/ 21 w 21"/>
                    <a:gd name="T15" fmla="*/ 13 h 15"/>
                    <a:gd name="T16" fmla="*/ 17 w 21"/>
                    <a:gd name="T17" fmla="*/ 15 h 15"/>
                    <a:gd name="T18" fmla="*/ 12 w 21"/>
                    <a:gd name="T19" fmla="*/ 15 h 15"/>
                    <a:gd name="T20" fmla="*/ 12 w 21"/>
                    <a:gd name="T21" fmla="*/ 15 h 15"/>
                    <a:gd name="T22" fmla="*/ 11 w 21"/>
                    <a:gd name="T23" fmla="*/ 13 h 15"/>
                    <a:gd name="T24" fmla="*/ 7 w 21"/>
                    <a:gd name="T25" fmla="*/ 11 h 15"/>
                    <a:gd name="T26" fmla="*/ 6 w 21"/>
                    <a:gd name="T27" fmla="*/ 10 h 15"/>
                    <a:gd name="T28" fmla="*/ 4 w 21"/>
                    <a:gd name="T29" fmla="*/ 8 h 15"/>
                    <a:gd name="T30" fmla="*/ 2 w 21"/>
                    <a:gd name="T31" fmla="*/ 6 h 15"/>
                    <a:gd name="T32" fmla="*/ 0 w 21"/>
                    <a:gd name="T33" fmla="*/ 6 h 15"/>
                    <a:gd name="T34" fmla="*/ 0 w 21"/>
                    <a:gd name="T35" fmla="*/ 6 h 15"/>
                    <a:gd name="T36" fmla="*/ 2 w 21"/>
                    <a:gd name="T37" fmla="*/ 1 h 15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w 21"/>
                    <a:gd name="T58" fmla="*/ 0 h 15"/>
                    <a:gd name="T59" fmla="*/ 21 w 21"/>
                    <a:gd name="T60" fmla="*/ 15 h 15"/>
                  </a:gdLst>
                  <a:ahLst/>
                  <a:cxnLst>
                    <a:cxn ang="T38">
                      <a:pos x="T0" y="T1"/>
                    </a:cxn>
                    <a:cxn ang="T39">
                      <a:pos x="T2" y="T3"/>
                    </a:cxn>
                    <a:cxn ang="T40">
                      <a:pos x="T4" y="T5"/>
                    </a:cxn>
                    <a:cxn ang="T41">
                      <a:pos x="T6" y="T7"/>
                    </a:cxn>
                    <a:cxn ang="T42">
                      <a:pos x="T8" y="T9"/>
                    </a:cxn>
                    <a:cxn ang="T43">
                      <a:pos x="T10" y="T11"/>
                    </a:cxn>
                    <a:cxn ang="T44">
                      <a:pos x="T12" y="T13"/>
                    </a:cxn>
                    <a:cxn ang="T45">
                      <a:pos x="T14" y="T15"/>
                    </a:cxn>
                    <a:cxn ang="T46">
                      <a:pos x="T16" y="T17"/>
                    </a:cxn>
                    <a:cxn ang="T47">
                      <a:pos x="T18" y="T19"/>
                    </a:cxn>
                    <a:cxn ang="T48">
                      <a:pos x="T20" y="T21"/>
                    </a:cxn>
                    <a:cxn ang="T49">
                      <a:pos x="T22" y="T23"/>
                    </a:cxn>
                    <a:cxn ang="T50">
                      <a:pos x="T24" y="T25"/>
                    </a:cxn>
                    <a:cxn ang="T51">
                      <a:pos x="T26" y="T27"/>
                    </a:cxn>
                    <a:cxn ang="T52">
                      <a:pos x="T28" y="T29"/>
                    </a:cxn>
                    <a:cxn ang="T53">
                      <a:pos x="T30" y="T31"/>
                    </a:cxn>
                    <a:cxn ang="T54">
                      <a:pos x="T32" y="T33"/>
                    </a:cxn>
                    <a:cxn ang="T55">
                      <a:pos x="T34" y="T35"/>
                    </a:cxn>
                    <a:cxn ang="T56">
                      <a:pos x="T36" y="T37"/>
                    </a:cxn>
                  </a:cxnLst>
                  <a:rect l="T57" t="T58" r="T59" b="T60"/>
                  <a:pathLst>
                    <a:path w="21" h="15">
                      <a:moveTo>
                        <a:pt x="2" y="1"/>
                      </a:moveTo>
                      <a:lnTo>
                        <a:pt x="19" y="0"/>
                      </a:lnTo>
                      <a:lnTo>
                        <a:pt x="19" y="1"/>
                      </a:lnTo>
                      <a:lnTo>
                        <a:pt x="19" y="3"/>
                      </a:lnTo>
                      <a:lnTo>
                        <a:pt x="21" y="5"/>
                      </a:lnTo>
                      <a:lnTo>
                        <a:pt x="21" y="8"/>
                      </a:lnTo>
                      <a:lnTo>
                        <a:pt x="21" y="10"/>
                      </a:lnTo>
                      <a:lnTo>
                        <a:pt x="21" y="13"/>
                      </a:lnTo>
                      <a:lnTo>
                        <a:pt x="17" y="15"/>
                      </a:lnTo>
                      <a:lnTo>
                        <a:pt x="12" y="15"/>
                      </a:lnTo>
                      <a:lnTo>
                        <a:pt x="11" y="13"/>
                      </a:lnTo>
                      <a:lnTo>
                        <a:pt x="7" y="11"/>
                      </a:lnTo>
                      <a:lnTo>
                        <a:pt x="6" y="10"/>
                      </a:lnTo>
                      <a:lnTo>
                        <a:pt x="4" y="8"/>
                      </a:lnTo>
                      <a:lnTo>
                        <a:pt x="2" y="6"/>
                      </a:lnTo>
                      <a:lnTo>
                        <a:pt x="0" y="6"/>
                      </a:lnTo>
                      <a:lnTo>
                        <a:pt x="2" y="1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10" name="Freeform 110"/>
                <p:cNvSpPr>
                  <a:spLocks/>
                </p:cNvSpPr>
                <p:nvPr/>
              </p:nvSpPr>
              <p:spPr bwMode="auto">
                <a:xfrm>
                  <a:off x="650" y="3331"/>
                  <a:ext cx="21" cy="15"/>
                </a:xfrm>
                <a:custGeom>
                  <a:avLst/>
                  <a:gdLst>
                    <a:gd name="T0" fmla="*/ 2 w 21"/>
                    <a:gd name="T1" fmla="*/ 1 h 15"/>
                    <a:gd name="T2" fmla="*/ 19 w 21"/>
                    <a:gd name="T3" fmla="*/ 0 h 15"/>
                    <a:gd name="T4" fmla="*/ 19 w 21"/>
                    <a:gd name="T5" fmla="*/ 0 h 15"/>
                    <a:gd name="T6" fmla="*/ 19 w 21"/>
                    <a:gd name="T7" fmla="*/ 1 h 15"/>
                    <a:gd name="T8" fmla="*/ 19 w 21"/>
                    <a:gd name="T9" fmla="*/ 3 h 15"/>
                    <a:gd name="T10" fmla="*/ 21 w 21"/>
                    <a:gd name="T11" fmla="*/ 5 h 15"/>
                    <a:gd name="T12" fmla="*/ 21 w 21"/>
                    <a:gd name="T13" fmla="*/ 8 h 15"/>
                    <a:gd name="T14" fmla="*/ 21 w 21"/>
                    <a:gd name="T15" fmla="*/ 10 h 15"/>
                    <a:gd name="T16" fmla="*/ 21 w 21"/>
                    <a:gd name="T17" fmla="*/ 13 h 15"/>
                    <a:gd name="T18" fmla="*/ 17 w 21"/>
                    <a:gd name="T19" fmla="*/ 15 h 15"/>
                    <a:gd name="T20" fmla="*/ 12 w 21"/>
                    <a:gd name="T21" fmla="*/ 15 h 15"/>
                    <a:gd name="T22" fmla="*/ 12 w 21"/>
                    <a:gd name="T23" fmla="*/ 15 h 15"/>
                    <a:gd name="T24" fmla="*/ 12 w 21"/>
                    <a:gd name="T25" fmla="*/ 15 h 15"/>
                    <a:gd name="T26" fmla="*/ 11 w 21"/>
                    <a:gd name="T27" fmla="*/ 13 h 15"/>
                    <a:gd name="T28" fmla="*/ 7 w 21"/>
                    <a:gd name="T29" fmla="*/ 11 h 15"/>
                    <a:gd name="T30" fmla="*/ 6 w 21"/>
                    <a:gd name="T31" fmla="*/ 10 h 15"/>
                    <a:gd name="T32" fmla="*/ 4 w 21"/>
                    <a:gd name="T33" fmla="*/ 8 h 15"/>
                    <a:gd name="T34" fmla="*/ 2 w 21"/>
                    <a:gd name="T35" fmla="*/ 6 h 15"/>
                    <a:gd name="T36" fmla="*/ 0 w 21"/>
                    <a:gd name="T37" fmla="*/ 6 h 15"/>
                    <a:gd name="T38" fmla="*/ 0 w 21"/>
                    <a:gd name="T39" fmla="*/ 6 h 15"/>
                    <a:gd name="T40" fmla="*/ 2 w 21"/>
                    <a:gd name="T41" fmla="*/ 1 h 15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21"/>
                    <a:gd name="T64" fmla="*/ 0 h 15"/>
                    <a:gd name="T65" fmla="*/ 21 w 21"/>
                    <a:gd name="T66" fmla="*/ 15 h 15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21" h="15">
                      <a:moveTo>
                        <a:pt x="2" y="1"/>
                      </a:moveTo>
                      <a:lnTo>
                        <a:pt x="19" y="0"/>
                      </a:lnTo>
                      <a:lnTo>
                        <a:pt x="19" y="1"/>
                      </a:lnTo>
                      <a:lnTo>
                        <a:pt x="19" y="3"/>
                      </a:lnTo>
                      <a:lnTo>
                        <a:pt x="21" y="5"/>
                      </a:lnTo>
                      <a:lnTo>
                        <a:pt x="21" y="8"/>
                      </a:lnTo>
                      <a:lnTo>
                        <a:pt x="21" y="10"/>
                      </a:lnTo>
                      <a:lnTo>
                        <a:pt x="21" y="13"/>
                      </a:lnTo>
                      <a:lnTo>
                        <a:pt x="17" y="15"/>
                      </a:lnTo>
                      <a:lnTo>
                        <a:pt x="12" y="15"/>
                      </a:lnTo>
                      <a:lnTo>
                        <a:pt x="11" y="13"/>
                      </a:lnTo>
                      <a:lnTo>
                        <a:pt x="7" y="11"/>
                      </a:lnTo>
                      <a:lnTo>
                        <a:pt x="6" y="10"/>
                      </a:lnTo>
                      <a:lnTo>
                        <a:pt x="4" y="8"/>
                      </a:lnTo>
                      <a:lnTo>
                        <a:pt x="2" y="6"/>
                      </a:lnTo>
                      <a:lnTo>
                        <a:pt x="0" y="6"/>
                      </a:lnTo>
                      <a:lnTo>
                        <a:pt x="2" y="1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11" name="Freeform 111"/>
                <p:cNvSpPr>
                  <a:spLocks/>
                </p:cNvSpPr>
                <p:nvPr/>
              </p:nvSpPr>
              <p:spPr bwMode="auto">
                <a:xfrm>
                  <a:off x="495" y="3530"/>
                  <a:ext cx="18" cy="9"/>
                </a:xfrm>
                <a:custGeom>
                  <a:avLst/>
                  <a:gdLst>
                    <a:gd name="T0" fmla="*/ 12 w 18"/>
                    <a:gd name="T1" fmla="*/ 2 h 9"/>
                    <a:gd name="T2" fmla="*/ 0 w 18"/>
                    <a:gd name="T3" fmla="*/ 5 h 9"/>
                    <a:gd name="T4" fmla="*/ 13 w 18"/>
                    <a:gd name="T5" fmla="*/ 9 h 9"/>
                    <a:gd name="T6" fmla="*/ 18 w 18"/>
                    <a:gd name="T7" fmla="*/ 0 h 9"/>
                    <a:gd name="T8" fmla="*/ 12 w 18"/>
                    <a:gd name="T9" fmla="*/ 2 h 9"/>
                    <a:gd name="T10" fmla="*/ 0 60000 65536"/>
                    <a:gd name="T11" fmla="*/ 0 60000 65536"/>
                    <a:gd name="T12" fmla="*/ 0 60000 65536"/>
                    <a:gd name="T13" fmla="*/ 0 60000 65536"/>
                    <a:gd name="T14" fmla="*/ 0 60000 65536"/>
                    <a:gd name="T15" fmla="*/ 0 w 18"/>
                    <a:gd name="T16" fmla="*/ 0 h 9"/>
                    <a:gd name="T17" fmla="*/ 18 w 18"/>
                    <a:gd name="T18" fmla="*/ 9 h 9"/>
                  </a:gdLst>
                  <a:ahLst/>
                  <a:cxnLst>
                    <a:cxn ang="T10">
                      <a:pos x="T0" y="T1"/>
                    </a:cxn>
                    <a:cxn ang="T11">
                      <a:pos x="T2" y="T3"/>
                    </a:cxn>
                    <a:cxn ang="T12">
                      <a:pos x="T4" y="T5"/>
                    </a:cxn>
                    <a:cxn ang="T13">
                      <a:pos x="T6" y="T7"/>
                    </a:cxn>
                    <a:cxn ang="T14">
                      <a:pos x="T8" y="T9"/>
                    </a:cxn>
                  </a:cxnLst>
                  <a:rect l="T15" t="T16" r="T17" b="T18"/>
                  <a:pathLst>
                    <a:path w="18" h="9">
                      <a:moveTo>
                        <a:pt x="12" y="2"/>
                      </a:moveTo>
                      <a:lnTo>
                        <a:pt x="0" y="5"/>
                      </a:lnTo>
                      <a:lnTo>
                        <a:pt x="13" y="9"/>
                      </a:lnTo>
                      <a:lnTo>
                        <a:pt x="18" y="0"/>
                      </a:lnTo>
                      <a:lnTo>
                        <a:pt x="12" y="2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12" name="Freeform 112"/>
                <p:cNvSpPr>
                  <a:spLocks/>
                </p:cNvSpPr>
                <p:nvPr/>
              </p:nvSpPr>
              <p:spPr bwMode="auto">
                <a:xfrm>
                  <a:off x="495" y="3530"/>
                  <a:ext cx="18" cy="9"/>
                </a:xfrm>
                <a:custGeom>
                  <a:avLst/>
                  <a:gdLst>
                    <a:gd name="T0" fmla="*/ 12 w 18"/>
                    <a:gd name="T1" fmla="*/ 2 h 9"/>
                    <a:gd name="T2" fmla="*/ 0 w 18"/>
                    <a:gd name="T3" fmla="*/ 5 h 9"/>
                    <a:gd name="T4" fmla="*/ 13 w 18"/>
                    <a:gd name="T5" fmla="*/ 9 h 9"/>
                    <a:gd name="T6" fmla="*/ 18 w 18"/>
                    <a:gd name="T7" fmla="*/ 0 h 9"/>
                    <a:gd name="T8" fmla="*/ 12 w 18"/>
                    <a:gd name="T9" fmla="*/ 2 h 9"/>
                    <a:gd name="T10" fmla="*/ 0 60000 65536"/>
                    <a:gd name="T11" fmla="*/ 0 60000 65536"/>
                    <a:gd name="T12" fmla="*/ 0 60000 65536"/>
                    <a:gd name="T13" fmla="*/ 0 60000 65536"/>
                    <a:gd name="T14" fmla="*/ 0 60000 65536"/>
                    <a:gd name="T15" fmla="*/ 0 w 18"/>
                    <a:gd name="T16" fmla="*/ 0 h 9"/>
                    <a:gd name="T17" fmla="*/ 18 w 18"/>
                    <a:gd name="T18" fmla="*/ 9 h 9"/>
                  </a:gdLst>
                  <a:ahLst/>
                  <a:cxnLst>
                    <a:cxn ang="T10">
                      <a:pos x="T0" y="T1"/>
                    </a:cxn>
                    <a:cxn ang="T11">
                      <a:pos x="T2" y="T3"/>
                    </a:cxn>
                    <a:cxn ang="T12">
                      <a:pos x="T4" y="T5"/>
                    </a:cxn>
                    <a:cxn ang="T13">
                      <a:pos x="T6" y="T7"/>
                    </a:cxn>
                    <a:cxn ang="T14">
                      <a:pos x="T8" y="T9"/>
                    </a:cxn>
                  </a:cxnLst>
                  <a:rect l="T15" t="T16" r="T17" b="T18"/>
                  <a:pathLst>
                    <a:path w="18" h="9">
                      <a:moveTo>
                        <a:pt x="12" y="2"/>
                      </a:moveTo>
                      <a:lnTo>
                        <a:pt x="0" y="5"/>
                      </a:lnTo>
                      <a:lnTo>
                        <a:pt x="13" y="9"/>
                      </a:lnTo>
                      <a:lnTo>
                        <a:pt x="18" y="0"/>
                      </a:lnTo>
                      <a:lnTo>
                        <a:pt x="12" y="2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13" name="Freeform 113"/>
                <p:cNvSpPr>
                  <a:spLocks/>
                </p:cNvSpPr>
                <p:nvPr/>
              </p:nvSpPr>
              <p:spPr bwMode="auto">
                <a:xfrm>
                  <a:off x="606" y="3229"/>
                  <a:ext cx="34" cy="25"/>
                </a:xfrm>
                <a:custGeom>
                  <a:avLst/>
                  <a:gdLst>
                    <a:gd name="T0" fmla="*/ 4 w 34"/>
                    <a:gd name="T1" fmla="*/ 0 h 25"/>
                    <a:gd name="T2" fmla="*/ 4 w 34"/>
                    <a:gd name="T3" fmla="*/ 0 h 25"/>
                    <a:gd name="T4" fmla="*/ 4 w 34"/>
                    <a:gd name="T5" fmla="*/ 2 h 25"/>
                    <a:gd name="T6" fmla="*/ 6 w 34"/>
                    <a:gd name="T7" fmla="*/ 3 h 25"/>
                    <a:gd name="T8" fmla="*/ 9 w 34"/>
                    <a:gd name="T9" fmla="*/ 5 h 25"/>
                    <a:gd name="T10" fmla="*/ 11 w 34"/>
                    <a:gd name="T11" fmla="*/ 7 h 25"/>
                    <a:gd name="T12" fmla="*/ 14 w 34"/>
                    <a:gd name="T13" fmla="*/ 7 h 25"/>
                    <a:gd name="T14" fmla="*/ 17 w 34"/>
                    <a:gd name="T15" fmla="*/ 5 h 25"/>
                    <a:gd name="T16" fmla="*/ 21 w 34"/>
                    <a:gd name="T17" fmla="*/ 3 h 25"/>
                    <a:gd name="T18" fmla="*/ 21 w 34"/>
                    <a:gd name="T19" fmla="*/ 3 h 25"/>
                    <a:gd name="T20" fmla="*/ 21 w 34"/>
                    <a:gd name="T21" fmla="*/ 5 h 25"/>
                    <a:gd name="T22" fmla="*/ 22 w 34"/>
                    <a:gd name="T23" fmla="*/ 7 h 25"/>
                    <a:gd name="T24" fmla="*/ 22 w 34"/>
                    <a:gd name="T25" fmla="*/ 10 h 25"/>
                    <a:gd name="T26" fmla="*/ 26 w 34"/>
                    <a:gd name="T27" fmla="*/ 14 h 25"/>
                    <a:gd name="T28" fmla="*/ 28 w 34"/>
                    <a:gd name="T29" fmla="*/ 15 h 25"/>
                    <a:gd name="T30" fmla="*/ 31 w 34"/>
                    <a:gd name="T31" fmla="*/ 17 h 25"/>
                    <a:gd name="T32" fmla="*/ 34 w 34"/>
                    <a:gd name="T33" fmla="*/ 17 h 25"/>
                    <a:gd name="T34" fmla="*/ 34 w 34"/>
                    <a:gd name="T35" fmla="*/ 19 h 25"/>
                    <a:gd name="T36" fmla="*/ 33 w 34"/>
                    <a:gd name="T37" fmla="*/ 19 h 25"/>
                    <a:gd name="T38" fmla="*/ 31 w 34"/>
                    <a:gd name="T39" fmla="*/ 20 h 25"/>
                    <a:gd name="T40" fmla="*/ 28 w 34"/>
                    <a:gd name="T41" fmla="*/ 22 h 25"/>
                    <a:gd name="T42" fmla="*/ 26 w 34"/>
                    <a:gd name="T43" fmla="*/ 24 h 25"/>
                    <a:gd name="T44" fmla="*/ 24 w 34"/>
                    <a:gd name="T45" fmla="*/ 25 h 25"/>
                    <a:gd name="T46" fmla="*/ 22 w 34"/>
                    <a:gd name="T47" fmla="*/ 25 h 25"/>
                    <a:gd name="T48" fmla="*/ 22 w 34"/>
                    <a:gd name="T49" fmla="*/ 25 h 25"/>
                    <a:gd name="T50" fmla="*/ 22 w 34"/>
                    <a:gd name="T51" fmla="*/ 25 h 25"/>
                    <a:gd name="T52" fmla="*/ 22 w 34"/>
                    <a:gd name="T53" fmla="*/ 24 h 25"/>
                    <a:gd name="T54" fmla="*/ 21 w 34"/>
                    <a:gd name="T55" fmla="*/ 20 h 25"/>
                    <a:gd name="T56" fmla="*/ 19 w 34"/>
                    <a:gd name="T57" fmla="*/ 19 h 25"/>
                    <a:gd name="T58" fmla="*/ 17 w 34"/>
                    <a:gd name="T59" fmla="*/ 15 h 25"/>
                    <a:gd name="T60" fmla="*/ 12 w 34"/>
                    <a:gd name="T61" fmla="*/ 14 h 25"/>
                    <a:gd name="T62" fmla="*/ 7 w 34"/>
                    <a:gd name="T63" fmla="*/ 10 h 25"/>
                    <a:gd name="T64" fmla="*/ 0 w 34"/>
                    <a:gd name="T65" fmla="*/ 10 h 25"/>
                    <a:gd name="T66" fmla="*/ 0 w 34"/>
                    <a:gd name="T67" fmla="*/ 9 h 25"/>
                    <a:gd name="T68" fmla="*/ 0 w 34"/>
                    <a:gd name="T69" fmla="*/ 5 h 25"/>
                    <a:gd name="T70" fmla="*/ 2 w 34"/>
                    <a:gd name="T71" fmla="*/ 2 h 25"/>
                    <a:gd name="T72" fmla="*/ 4 w 34"/>
                    <a:gd name="T73" fmla="*/ 0 h 25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w 34"/>
                    <a:gd name="T112" fmla="*/ 0 h 25"/>
                    <a:gd name="T113" fmla="*/ 34 w 34"/>
                    <a:gd name="T114" fmla="*/ 25 h 25"/>
                  </a:gdLst>
                  <a:ahLst/>
                  <a:cxnLst>
                    <a:cxn ang="T74">
                      <a:pos x="T0" y="T1"/>
                    </a:cxn>
                    <a:cxn ang="T75">
                      <a:pos x="T2" y="T3"/>
                    </a:cxn>
                    <a:cxn ang="T76">
                      <a:pos x="T4" y="T5"/>
                    </a:cxn>
                    <a:cxn ang="T77">
                      <a:pos x="T6" y="T7"/>
                    </a:cxn>
                    <a:cxn ang="T78">
                      <a:pos x="T8" y="T9"/>
                    </a:cxn>
                    <a:cxn ang="T79">
                      <a:pos x="T10" y="T11"/>
                    </a:cxn>
                    <a:cxn ang="T80">
                      <a:pos x="T12" y="T13"/>
                    </a:cxn>
                    <a:cxn ang="T81">
                      <a:pos x="T14" y="T15"/>
                    </a:cxn>
                    <a:cxn ang="T82">
                      <a:pos x="T16" y="T17"/>
                    </a:cxn>
                    <a:cxn ang="T83">
                      <a:pos x="T18" y="T19"/>
                    </a:cxn>
                    <a:cxn ang="T84">
                      <a:pos x="T20" y="T21"/>
                    </a:cxn>
                    <a:cxn ang="T85">
                      <a:pos x="T22" y="T23"/>
                    </a:cxn>
                    <a:cxn ang="T86">
                      <a:pos x="T24" y="T25"/>
                    </a:cxn>
                    <a:cxn ang="T87">
                      <a:pos x="T26" y="T27"/>
                    </a:cxn>
                    <a:cxn ang="T88">
                      <a:pos x="T28" y="T29"/>
                    </a:cxn>
                    <a:cxn ang="T89">
                      <a:pos x="T30" y="T31"/>
                    </a:cxn>
                    <a:cxn ang="T90">
                      <a:pos x="T32" y="T33"/>
                    </a:cxn>
                    <a:cxn ang="T91">
                      <a:pos x="T34" y="T35"/>
                    </a:cxn>
                    <a:cxn ang="T92">
                      <a:pos x="T36" y="T37"/>
                    </a:cxn>
                    <a:cxn ang="T93">
                      <a:pos x="T38" y="T39"/>
                    </a:cxn>
                    <a:cxn ang="T94">
                      <a:pos x="T40" y="T41"/>
                    </a:cxn>
                    <a:cxn ang="T95">
                      <a:pos x="T42" y="T43"/>
                    </a:cxn>
                    <a:cxn ang="T96">
                      <a:pos x="T44" y="T45"/>
                    </a:cxn>
                    <a:cxn ang="T97">
                      <a:pos x="T46" y="T47"/>
                    </a:cxn>
                    <a:cxn ang="T98">
                      <a:pos x="T48" y="T49"/>
                    </a:cxn>
                    <a:cxn ang="T99">
                      <a:pos x="T50" y="T51"/>
                    </a:cxn>
                    <a:cxn ang="T100">
                      <a:pos x="T52" y="T53"/>
                    </a:cxn>
                    <a:cxn ang="T101">
                      <a:pos x="T54" y="T55"/>
                    </a:cxn>
                    <a:cxn ang="T102">
                      <a:pos x="T56" y="T57"/>
                    </a:cxn>
                    <a:cxn ang="T103">
                      <a:pos x="T58" y="T59"/>
                    </a:cxn>
                    <a:cxn ang="T104">
                      <a:pos x="T60" y="T61"/>
                    </a:cxn>
                    <a:cxn ang="T105">
                      <a:pos x="T62" y="T63"/>
                    </a:cxn>
                    <a:cxn ang="T106">
                      <a:pos x="T64" y="T65"/>
                    </a:cxn>
                    <a:cxn ang="T107">
                      <a:pos x="T66" y="T67"/>
                    </a:cxn>
                    <a:cxn ang="T108">
                      <a:pos x="T68" y="T69"/>
                    </a:cxn>
                    <a:cxn ang="T109">
                      <a:pos x="T70" y="T71"/>
                    </a:cxn>
                    <a:cxn ang="T110">
                      <a:pos x="T72" y="T73"/>
                    </a:cxn>
                  </a:cxnLst>
                  <a:rect l="T111" t="T112" r="T113" b="T114"/>
                  <a:pathLst>
                    <a:path w="34" h="25">
                      <a:moveTo>
                        <a:pt x="4" y="0"/>
                      </a:moveTo>
                      <a:lnTo>
                        <a:pt x="4" y="0"/>
                      </a:lnTo>
                      <a:lnTo>
                        <a:pt x="4" y="2"/>
                      </a:lnTo>
                      <a:lnTo>
                        <a:pt x="6" y="3"/>
                      </a:lnTo>
                      <a:lnTo>
                        <a:pt x="9" y="5"/>
                      </a:lnTo>
                      <a:lnTo>
                        <a:pt x="11" y="7"/>
                      </a:lnTo>
                      <a:lnTo>
                        <a:pt x="14" y="7"/>
                      </a:lnTo>
                      <a:lnTo>
                        <a:pt x="17" y="5"/>
                      </a:lnTo>
                      <a:lnTo>
                        <a:pt x="21" y="3"/>
                      </a:lnTo>
                      <a:lnTo>
                        <a:pt x="21" y="5"/>
                      </a:lnTo>
                      <a:lnTo>
                        <a:pt x="22" y="7"/>
                      </a:lnTo>
                      <a:lnTo>
                        <a:pt x="22" y="10"/>
                      </a:lnTo>
                      <a:lnTo>
                        <a:pt x="26" y="14"/>
                      </a:lnTo>
                      <a:lnTo>
                        <a:pt x="28" y="15"/>
                      </a:lnTo>
                      <a:lnTo>
                        <a:pt x="31" y="17"/>
                      </a:lnTo>
                      <a:lnTo>
                        <a:pt x="34" y="17"/>
                      </a:lnTo>
                      <a:lnTo>
                        <a:pt x="34" y="19"/>
                      </a:lnTo>
                      <a:lnTo>
                        <a:pt x="33" y="19"/>
                      </a:lnTo>
                      <a:lnTo>
                        <a:pt x="31" y="20"/>
                      </a:lnTo>
                      <a:lnTo>
                        <a:pt x="28" y="22"/>
                      </a:lnTo>
                      <a:lnTo>
                        <a:pt x="26" y="24"/>
                      </a:lnTo>
                      <a:lnTo>
                        <a:pt x="24" y="25"/>
                      </a:lnTo>
                      <a:lnTo>
                        <a:pt x="22" y="25"/>
                      </a:lnTo>
                      <a:lnTo>
                        <a:pt x="22" y="24"/>
                      </a:lnTo>
                      <a:lnTo>
                        <a:pt x="21" y="20"/>
                      </a:lnTo>
                      <a:lnTo>
                        <a:pt x="19" y="19"/>
                      </a:lnTo>
                      <a:lnTo>
                        <a:pt x="17" y="15"/>
                      </a:lnTo>
                      <a:lnTo>
                        <a:pt x="12" y="14"/>
                      </a:lnTo>
                      <a:lnTo>
                        <a:pt x="7" y="10"/>
                      </a:lnTo>
                      <a:lnTo>
                        <a:pt x="0" y="10"/>
                      </a:lnTo>
                      <a:lnTo>
                        <a:pt x="0" y="9"/>
                      </a:lnTo>
                      <a:lnTo>
                        <a:pt x="0" y="5"/>
                      </a:lnTo>
                      <a:lnTo>
                        <a:pt x="2" y="2"/>
                      </a:lnTo>
                      <a:lnTo>
                        <a:pt x="4" y="0"/>
                      </a:lnTo>
                      <a:close/>
                    </a:path>
                  </a:pathLst>
                </a:custGeom>
                <a:solidFill>
                  <a:srgbClr val="C0C0C0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714" name="Freeform 114"/>
                <p:cNvSpPr>
                  <a:spLocks/>
                </p:cNvSpPr>
                <p:nvPr/>
              </p:nvSpPr>
              <p:spPr bwMode="auto">
                <a:xfrm>
                  <a:off x="606" y="3229"/>
                  <a:ext cx="34" cy="25"/>
                </a:xfrm>
                <a:custGeom>
                  <a:avLst/>
                  <a:gdLst>
                    <a:gd name="T0" fmla="*/ 4 w 34"/>
                    <a:gd name="T1" fmla="*/ 0 h 25"/>
                    <a:gd name="T2" fmla="*/ 4 w 34"/>
                    <a:gd name="T3" fmla="*/ 0 h 25"/>
                    <a:gd name="T4" fmla="*/ 4 w 34"/>
                    <a:gd name="T5" fmla="*/ 0 h 25"/>
                    <a:gd name="T6" fmla="*/ 4 w 34"/>
                    <a:gd name="T7" fmla="*/ 2 h 25"/>
                    <a:gd name="T8" fmla="*/ 6 w 34"/>
                    <a:gd name="T9" fmla="*/ 3 h 25"/>
                    <a:gd name="T10" fmla="*/ 9 w 34"/>
                    <a:gd name="T11" fmla="*/ 5 h 25"/>
                    <a:gd name="T12" fmla="*/ 11 w 34"/>
                    <a:gd name="T13" fmla="*/ 7 h 25"/>
                    <a:gd name="T14" fmla="*/ 14 w 34"/>
                    <a:gd name="T15" fmla="*/ 7 h 25"/>
                    <a:gd name="T16" fmla="*/ 17 w 34"/>
                    <a:gd name="T17" fmla="*/ 5 h 25"/>
                    <a:gd name="T18" fmla="*/ 21 w 34"/>
                    <a:gd name="T19" fmla="*/ 3 h 25"/>
                    <a:gd name="T20" fmla="*/ 21 w 34"/>
                    <a:gd name="T21" fmla="*/ 3 h 25"/>
                    <a:gd name="T22" fmla="*/ 21 w 34"/>
                    <a:gd name="T23" fmla="*/ 3 h 25"/>
                    <a:gd name="T24" fmla="*/ 21 w 34"/>
                    <a:gd name="T25" fmla="*/ 5 h 25"/>
                    <a:gd name="T26" fmla="*/ 22 w 34"/>
                    <a:gd name="T27" fmla="*/ 7 h 25"/>
                    <a:gd name="T28" fmla="*/ 22 w 34"/>
                    <a:gd name="T29" fmla="*/ 10 h 25"/>
                    <a:gd name="T30" fmla="*/ 26 w 34"/>
                    <a:gd name="T31" fmla="*/ 14 h 25"/>
                    <a:gd name="T32" fmla="*/ 28 w 34"/>
                    <a:gd name="T33" fmla="*/ 15 h 25"/>
                    <a:gd name="T34" fmla="*/ 31 w 34"/>
                    <a:gd name="T35" fmla="*/ 17 h 25"/>
                    <a:gd name="T36" fmla="*/ 34 w 34"/>
                    <a:gd name="T37" fmla="*/ 17 h 25"/>
                    <a:gd name="T38" fmla="*/ 34 w 34"/>
                    <a:gd name="T39" fmla="*/ 17 h 25"/>
                    <a:gd name="T40" fmla="*/ 34 w 34"/>
                    <a:gd name="T41" fmla="*/ 19 h 25"/>
                    <a:gd name="T42" fmla="*/ 33 w 34"/>
                    <a:gd name="T43" fmla="*/ 19 h 25"/>
                    <a:gd name="T44" fmla="*/ 31 w 34"/>
                    <a:gd name="T45" fmla="*/ 20 h 25"/>
                    <a:gd name="T46" fmla="*/ 28 w 34"/>
                    <a:gd name="T47" fmla="*/ 22 h 25"/>
                    <a:gd name="T48" fmla="*/ 26 w 34"/>
                    <a:gd name="T49" fmla="*/ 24 h 25"/>
                    <a:gd name="T50" fmla="*/ 24 w 34"/>
                    <a:gd name="T51" fmla="*/ 25 h 25"/>
                    <a:gd name="T52" fmla="*/ 22 w 34"/>
                    <a:gd name="T53" fmla="*/ 25 h 25"/>
                    <a:gd name="T54" fmla="*/ 22 w 34"/>
                    <a:gd name="T55" fmla="*/ 25 h 25"/>
                    <a:gd name="T56" fmla="*/ 22 w 34"/>
                    <a:gd name="T57" fmla="*/ 25 h 25"/>
                    <a:gd name="T58" fmla="*/ 22 w 34"/>
                    <a:gd name="T59" fmla="*/ 25 h 25"/>
                    <a:gd name="T60" fmla="*/ 22 w 34"/>
                    <a:gd name="T61" fmla="*/ 24 h 25"/>
                    <a:gd name="T62" fmla="*/ 21 w 34"/>
                    <a:gd name="T63" fmla="*/ 20 h 25"/>
                    <a:gd name="T64" fmla="*/ 19 w 34"/>
                    <a:gd name="T65" fmla="*/ 19 h 25"/>
                    <a:gd name="T66" fmla="*/ 17 w 34"/>
                    <a:gd name="T67" fmla="*/ 15 h 25"/>
                    <a:gd name="T68" fmla="*/ 12 w 34"/>
                    <a:gd name="T69" fmla="*/ 14 h 25"/>
                    <a:gd name="T70" fmla="*/ 7 w 34"/>
                    <a:gd name="T71" fmla="*/ 10 h 25"/>
                    <a:gd name="T72" fmla="*/ 0 w 34"/>
                    <a:gd name="T73" fmla="*/ 10 h 25"/>
                    <a:gd name="T74" fmla="*/ 0 w 34"/>
                    <a:gd name="T75" fmla="*/ 10 h 25"/>
                    <a:gd name="T76" fmla="*/ 0 w 34"/>
                    <a:gd name="T77" fmla="*/ 9 h 25"/>
                    <a:gd name="T78" fmla="*/ 0 w 34"/>
                    <a:gd name="T79" fmla="*/ 5 h 25"/>
                    <a:gd name="T80" fmla="*/ 2 w 34"/>
                    <a:gd name="T81" fmla="*/ 2 h 25"/>
                    <a:gd name="T82" fmla="*/ 4 w 34"/>
                    <a:gd name="T83" fmla="*/ 0 h 25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w 34"/>
                    <a:gd name="T127" fmla="*/ 0 h 25"/>
                    <a:gd name="T128" fmla="*/ 34 w 34"/>
                    <a:gd name="T129" fmla="*/ 25 h 25"/>
                  </a:gdLst>
                  <a:ahLst/>
                  <a:cxnLst>
                    <a:cxn ang="T84">
                      <a:pos x="T0" y="T1"/>
                    </a:cxn>
                    <a:cxn ang="T85">
                      <a:pos x="T2" y="T3"/>
                    </a:cxn>
                    <a:cxn ang="T86">
                      <a:pos x="T4" y="T5"/>
                    </a:cxn>
                    <a:cxn ang="T87">
                      <a:pos x="T6" y="T7"/>
                    </a:cxn>
                    <a:cxn ang="T88">
                      <a:pos x="T8" y="T9"/>
                    </a:cxn>
                    <a:cxn ang="T89">
                      <a:pos x="T10" y="T11"/>
                    </a:cxn>
                    <a:cxn ang="T90">
                      <a:pos x="T12" y="T13"/>
                    </a:cxn>
                    <a:cxn ang="T91">
                      <a:pos x="T14" y="T15"/>
                    </a:cxn>
                    <a:cxn ang="T92">
                      <a:pos x="T16" y="T17"/>
                    </a:cxn>
                    <a:cxn ang="T93">
                      <a:pos x="T18" y="T19"/>
                    </a:cxn>
                    <a:cxn ang="T94">
                      <a:pos x="T20" y="T21"/>
                    </a:cxn>
                    <a:cxn ang="T95">
                      <a:pos x="T22" y="T23"/>
                    </a:cxn>
                    <a:cxn ang="T96">
                      <a:pos x="T24" y="T25"/>
                    </a:cxn>
                    <a:cxn ang="T97">
                      <a:pos x="T26" y="T27"/>
                    </a:cxn>
                    <a:cxn ang="T98">
                      <a:pos x="T28" y="T29"/>
                    </a:cxn>
                    <a:cxn ang="T99">
                      <a:pos x="T30" y="T31"/>
                    </a:cxn>
                    <a:cxn ang="T100">
                      <a:pos x="T32" y="T33"/>
                    </a:cxn>
                    <a:cxn ang="T101">
                      <a:pos x="T34" y="T35"/>
                    </a:cxn>
                    <a:cxn ang="T102">
                      <a:pos x="T36" y="T37"/>
                    </a:cxn>
                    <a:cxn ang="T103">
                      <a:pos x="T38" y="T39"/>
                    </a:cxn>
                    <a:cxn ang="T104">
                      <a:pos x="T40" y="T41"/>
                    </a:cxn>
                    <a:cxn ang="T105">
                      <a:pos x="T42" y="T43"/>
                    </a:cxn>
                    <a:cxn ang="T106">
                      <a:pos x="T44" y="T45"/>
                    </a:cxn>
                    <a:cxn ang="T107">
                      <a:pos x="T46" y="T47"/>
                    </a:cxn>
                    <a:cxn ang="T108">
                      <a:pos x="T48" y="T49"/>
                    </a:cxn>
                    <a:cxn ang="T109">
                      <a:pos x="T50" y="T51"/>
                    </a:cxn>
                    <a:cxn ang="T110">
                      <a:pos x="T52" y="T53"/>
                    </a:cxn>
                    <a:cxn ang="T111">
                      <a:pos x="T54" y="T55"/>
                    </a:cxn>
                    <a:cxn ang="T112">
                      <a:pos x="T56" y="T57"/>
                    </a:cxn>
                    <a:cxn ang="T113">
                      <a:pos x="T58" y="T59"/>
                    </a:cxn>
                    <a:cxn ang="T114">
                      <a:pos x="T60" y="T61"/>
                    </a:cxn>
                    <a:cxn ang="T115">
                      <a:pos x="T62" y="T63"/>
                    </a:cxn>
                    <a:cxn ang="T116">
                      <a:pos x="T64" y="T65"/>
                    </a:cxn>
                    <a:cxn ang="T117">
                      <a:pos x="T66" y="T67"/>
                    </a:cxn>
                    <a:cxn ang="T118">
                      <a:pos x="T68" y="T69"/>
                    </a:cxn>
                    <a:cxn ang="T119">
                      <a:pos x="T70" y="T71"/>
                    </a:cxn>
                    <a:cxn ang="T120">
                      <a:pos x="T72" y="T73"/>
                    </a:cxn>
                    <a:cxn ang="T121">
                      <a:pos x="T74" y="T75"/>
                    </a:cxn>
                    <a:cxn ang="T122">
                      <a:pos x="T76" y="T77"/>
                    </a:cxn>
                    <a:cxn ang="T123">
                      <a:pos x="T78" y="T79"/>
                    </a:cxn>
                    <a:cxn ang="T124">
                      <a:pos x="T80" y="T81"/>
                    </a:cxn>
                    <a:cxn ang="T125">
                      <a:pos x="T82" y="T83"/>
                    </a:cxn>
                  </a:cxnLst>
                  <a:rect l="T126" t="T127" r="T128" b="T129"/>
                  <a:pathLst>
                    <a:path w="34" h="25">
                      <a:moveTo>
                        <a:pt x="4" y="0"/>
                      </a:moveTo>
                      <a:lnTo>
                        <a:pt x="4" y="0"/>
                      </a:lnTo>
                      <a:lnTo>
                        <a:pt x="4" y="2"/>
                      </a:lnTo>
                      <a:lnTo>
                        <a:pt x="6" y="3"/>
                      </a:lnTo>
                      <a:lnTo>
                        <a:pt x="9" y="5"/>
                      </a:lnTo>
                      <a:lnTo>
                        <a:pt x="11" y="7"/>
                      </a:lnTo>
                      <a:lnTo>
                        <a:pt x="14" y="7"/>
                      </a:lnTo>
                      <a:lnTo>
                        <a:pt x="17" y="5"/>
                      </a:lnTo>
                      <a:lnTo>
                        <a:pt x="21" y="3"/>
                      </a:lnTo>
                      <a:lnTo>
                        <a:pt x="21" y="5"/>
                      </a:lnTo>
                      <a:lnTo>
                        <a:pt x="22" y="7"/>
                      </a:lnTo>
                      <a:lnTo>
                        <a:pt x="22" y="10"/>
                      </a:lnTo>
                      <a:lnTo>
                        <a:pt x="26" y="14"/>
                      </a:lnTo>
                      <a:lnTo>
                        <a:pt x="28" y="15"/>
                      </a:lnTo>
                      <a:lnTo>
                        <a:pt x="31" y="17"/>
                      </a:lnTo>
                      <a:lnTo>
                        <a:pt x="34" y="17"/>
                      </a:lnTo>
                      <a:lnTo>
                        <a:pt x="34" y="19"/>
                      </a:lnTo>
                      <a:lnTo>
                        <a:pt x="33" y="19"/>
                      </a:lnTo>
                      <a:lnTo>
                        <a:pt x="31" y="20"/>
                      </a:lnTo>
                      <a:lnTo>
                        <a:pt x="28" y="22"/>
                      </a:lnTo>
                      <a:lnTo>
                        <a:pt x="26" y="24"/>
                      </a:lnTo>
                      <a:lnTo>
                        <a:pt x="24" y="25"/>
                      </a:lnTo>
                      <a:lnTo>
                        <a:pt x="22" y="25"/>
                      </a:lnTo>
                      <a:lnTo>
                        <a:pt x="22" y="24"/>
                      </a:lnTo>
                      <a:lnTo>
                        <a:pt x="21" y="20"/>
                      </a:lnTo>
                      <a:lnTo>
                        <a:pt x="19" y="19"/>
                      </a:lnTo>
                      <a:lnTo>
                        <a:pt x="17" y="15"/>
                      </a:lnTo>
                      <a:lnTo>
                        <a:pt x="12" y="14"/>
                      </a:lnTo>
                      <a:lnTo>
                        <a:pt x="7" y="10"/>
                      </a:lnTo>
                      <a:lnTo>
                        <a:pt x="0" y="10"/>
                      </a:lnTo>
                      <a:lnTo>
                        <a:pt x="0" y="9"/>
                      </a:lnTo>
                      <a:lnTo>
                        <a:pt x="0" y="5"/>
                      </a:lnTo>
                      <a:lnTo>
                        <a:pt x="2" y="2"/>
                      </a:lnTo>
                      <a:lnTo>
                        <a:pt x="4" y="0"/>
                      </a:lnTo>
                    </a:path>
                  </a:pathLst>
                </a:custGeom>
                <a:solidFill>
                  <a:srgbClr val="C0C0C0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600" name="Freeform 115"/>
              <p:cNvSpPr>
                <a:spLocks/>
              </p:cNvSpPr>
              <p:nvPr/>
            </p:nvSpPr>
            <p:spPr bwMode="auto">
              <a:xfrm>
                <a:off x="250" y="1142"/>
                <a:ext cx="769" cy="650"/>
              </a:xfrm>
              <a:custGeom>
                <a:avLst/>
                <a:gdLst>
                  <a:gd name="T0" fmla="*/ 149 w 791"/>
                  <a:gd name="T1" fmla="*/ 14 h 669"/>
                  <a:gd name="T2" fmla="*/ 137 w 791"/>
                  <a:gd name="T3" fmla="*/ 12 h 669"/>
                  <a:gd name="T4" fmla="*/ 122 w 791"/>
                  <a:gd name="T5" fmla="*/ 0 h 669"/>
                  <a:gd name="T6" fmla="*/ 116 w 791"/>
                  <a:gd name="T7" fmla="*/ 29 h 669"/>
                  <a:gd name="T8" fmla="*/ 89 w 791"/>
                  <a:gd name="T9" fmla="*/ 99 h 669"/>
                  <a:gd name="T10" fmla="*/ 71 w 791"/>
                  <a:gd name="T11" fmla="*/ 147 h 669"/>
                  <a:gd name="T12" fmla="*/ 55 w 791"/>
                  <a:gd name="T13" fmla="*/ 179 h 669"/>
                  <a:gd name="T14" fmla="*/ 40 w 791"/>
                  <a:gd name="T15" fmla="*/ 210 h 669"/>
                  <a:gd name="T16" fmla="*/ 27 w 791"/>
                  <a:gd name="T17" fmla="*/ 224 h 669"/>
                  <a:gd name="T18" fmla="*/ 24 w 791"/>
                  <a:gd name="T19" fmla="*/ 230 h 669"/>
                  <a:gd name="T20" fmla="*/ 14 w 791"/>
                  <a:gd name="T21" fmla="*/ 258 h 669"/>
                  <a:gd name="T22" fmla="*/ 12 w 791"/>
                  <a:gd name="T23" fmla="*/ 275 h 669"/>
                  <a:gd name="T24" fmla="*/ 12 w 791"/>
                  <a:gd name="T25" fmla="*/ 286 h 669"/>
                  <a:gd name="T26" fmla="*/ 2 w 791"/>
                  <a:gd name="T27" fmla="*/ 302 h 669"/>
                  <a:gd name="T28" fmla="*/ 0 w 791"/>
                  <a:gd name="T29" fmla="*/ 317 h 669"/>
                  <a:gd name="T30" fmla="*/ 2 w 791"/>
                  <a:gd name="T31" fmla="*/ 326 h 669"/>
                  <a:gd name="T32" fmla="*/ 4 w 791"/>
                  <a:gd name="T33" fmla="*/ 330 h 669"/>
                  <a:gd name="T34" fmla="*/ 10 w 791"/>
                  <a:gd name="T35" fmla="*/ 337 h 669"/>
                  <a:gd name="T36" fmla="*/ 25 w 791"/>
                  <a:gd name="T37" fmla="*/ 340 h 669"/>
                  <a:gd name="T38" fmla="*/ 59 w 791"/>
                  <a:gd name="T39" fmla="*/ 350 h 669"/>
                  <a:gd name="T40" fmla="*/ 98 w 791"/>
                  <a:gd name="T41" fmla="*/ 361 h 669"/>
                  <a:gd name="T42" fmla="*/ 145 w 791"/>
                  <a:gd name="T43" fmla="*/ 374 h 669"/>
                  <a:gd name="T44" fmla="*/ 193 w 791"/>
                  <a:gd name="T45" fmla="*/ 387 h 669"/>
                  <a:gd name="T46" fmla="*/ 247 w 791"/>
                  <a:gd name="T47" fmla="*/ 400 h 669"/>
                  <a:gd name="T48" fmla="*/ 291 w 791"/>
                  <a:gd name="T49" fmla="*/ 412 h 669"/>
                  <a:gd name="T50" fmla="*/ 330 w 791"/>
                  <a:gd name="T51" fmla="*/ 422 h 669"/>
                  <a:gd name="T52" fmla="*/ 367 w 791"/>
                  <a:gd name="T53" fmla="*/ 431 h 669"/>
                  <a:gd name="T54" fmla="*/ 398 w 791"/>
                  <a:gd name="T55" fmla="*/ 436 h 669"/>
                  <a:gd name="T56" fmla="*/ 421 w 791"/>
                  <a:gd name="T57" fmla="*/ 444 h 669"/>
                  <a:gd name="T58" fmla="*/ 432 w 791"/>
                  <a:gd name="T59" fmla="*/ 448 h 669"/>
                  <a:gd name="T60" fmla="*/ 462 w 791"/>
                  <a:gd name="T61" fmla="*/ 308 h 669"/>
                  <a:gd name="T62" fmla="*/ 477 w 791"/>
                  <a:gd name="T63" fmla="*/ 266 h 669"/>
                  <a:gd name="T64" fmla="*/ 466 w 791"/>
                  <a:gd name="T65" fmla="*/ 250 h 669"/>
                  <a:gd name="T66" fmla="*/ 470 w 791"/>
                  <a:gd name="T67" fmla="*/ 245 h 669"/>
                  <a:gd name="T68" fmla="*/ 492 w 791"/>
                  <a:gd name="T69" fmla="*/ 216 h 669"/>
                  <a:gd name="T70" fmla="*/ 531 w 791"/>
                  <a:gd name="T71" fmla="*/ 159 h 669"/>
                  <a:gd name="T72" fmla="*/ 515 w 791"/>
                  <a:gd name="T73" fmla="*/ 124 h 669"/>
                  <a:gd name="T74" fmla="*/ 398 w 791"/>
                  <a:gd name="T75" fmla="*/ 96 h 669"/>
                  <a:gd name="T76" fmla="*/ 383 w 791"/>
                  <a:gd name="T77" fmla="*/ 98 h 669"/>
                  <a:gd name="T78" fmla="*/ 367 w 791"/>
                  <a:gd name="T79" fmla="*/ 95 h 669"/>
                  <a:gd name="T80" fmla="*/ 357 w 791"/>
                  <a:gd name="T81" fmla="*/ 93 h 669"/>
                  <a:gd name="T82" fmla="*/ 350 w 791"/>
                  <a:gd name="T83" fmla="*/ 96 h 669"/>
                  <a:gd name="T84" fmla="*/ 319 w 791"/>
                  <a:gd name="T85" fmla="*/ 99 h 669"/>
                  <a:gd name="T86" fmla="*/ 297 w 791"/>
                  <a:gd name="T87" fmla="*/ 94 h 669"/>
                  <a:gd name="T88" fmla="*/ 283 w 791"/>
                  <a:gd name="T89" fmla="*/ 95 h 669"/>
                  <a:gd name="T90" fmla="*/ 265 w 791"/>
                  <a:gd name="T91" fmla="*/ 95 h 669"/>
                  <a:gd name="T92" fmla="*/ 244 w 791"/>
                  <a:gd name="T93" fmla="*/ 81 h 669"/>
                  <a:gd name="T94" fmla="*/ 228 w 791"/>
                  <a:gd name="T95" fmla="*/ 80 h 669"/>
                  <a:gd name="T96" fmla="*/ 212 w 791"/>
                  <a:gd name="T97" fmla="*/ 82 h 669"/>
                  <a:gd name="T98" fmla="*/ 193 w 791"/>
                  <a:gd name="T99" fmla="*/ 81 h 669"/>
                  <a:gd name="T100" fmla="*/ 185 w 791"/>
                  <a:gd name="T101" fmla="*/ 76 h 669"/>
                  <a:gd name="T102" fmla="*/ 178 w 791"/>
                  <a:gd name="T103" fmla="*/ 70 h 669"/>
                  <a:gd name="T104" fmla="*/ 177 w 791"/>
                  <a:gd name="T105" fmla="*/ 59 h 669"/>
                  <a:gd name="T106" fmla="*/ 177 w 791"/>
                  <a:gd name="T107" fmla="*/ 43 h 669"/>
                  <a:gd name="T108" fmla="*/ 172 w 791"/>
                  <a:gd name="T109" fmla="*/ 22 h 669"/>
                  <a:gd name="T110" fmla="*/ 159 w 791"/>
                  <a:gd name="T111" fmla="*/ 17 h 669"/>
                  <a:gd name="T112" fmla="*/ 154 w 791"/>
                  <a:gd name="T113" fmla="*/ 17 h 669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w 791"/>
                  <a:gd name="T172" fmla="*/ 0 h 669"/>
                  <a:gd name="T173" fmla="*/ 791 w 791"/>
                  <a:gd name="T174" fmla="*/ 669 h 669"/>
                </a:gdLst>
                <a:ahLst/>
                <a:cxnLst>
                  <a:cxn ang="T114">
                    <a:pos x="T0" y="T1"/>
                  </a:cxn>
                  <a:cxn ang="T115">
                    <a:pos x="T2" y="T3"/>
                  </a:cxn>
                  <a:cxn ang="T116">
                    <a:pos x="T4" y="T5"/>
                  </a:cxn>
                  <a:cxn ang="T117">
                    <a:pos x="T6" y="T7"/>
                  </a:cxn>
                  <a:cxn ang="T118">
                    <a:pos x="T8" y="T9"/>
                  </a:cxn>
                  <a:cxn ang="T119">
                    <a:pos x="T10" y="T11"/>
                  </a:cxn>
                  <a:cxn ang="T120">
                    <a:pos x="T12" y="T13"/>
                  </a:cxn>
                  <a:cxn ang="T121">
                    <a:pos x="T14" y="T15"/>
                  </a:cxn>
                  <a:cxn ang="T122">
                    <a:pos x="T16" y="T17"/>
                  </a:cxn>
                  <a:cxn ang="T123">
                    <a:pos x="T18" y="T19"/>
                  </a:cxn>
                  <a:cxn ang="T124">
                    <a:pos x="T20" y="T21"/>
                  </a:cxn>
                  <a:cxn ang="T125">
                    <a:pos x="T22" y="T23"/>
                  </a:cxn>
                  <a:cxn ang="T126">
                    <a:pos x="T24" y="T25"/>
                  </a:cxn>
                  <a:cxn ang="T127">
                    <a:pos x="T26" y="T27"/>
                  </a:cxn>
                  <a:cxn ang="T128">
                    <a:pos x="T28" y="T29"/>
                  </a:cxn>
                  <a:cxn ang="T129">
                    <a:pos x="T30" y="T31"/>
                  </a:cxn>
                  <a:cxn ang="T130">
                    <a:pos x="T32" y="T33"/>
                  </a:cxn>
                  <a:cxn ang="T131">
                    <a:pos x="T34" y="T35"/>
                  </a:cxn>
                  <a:cxn ang="T132">
                    <a:pos x="T36" y="T37"/>
                  </a:cxn>
                  <a:cxn ang="T133">
                    <a:pos x="T38" y="T39"/>
                  </a:cxn>
                  <a:cxn ang="T134">
                    <a:pos x="T40" y="T41"/>
                  </a:cxn>
                  <a:cxn ang="T135">
                    <a:pos x="T42" y="T43"/>
                  </a:cxn>
                  <a:cxn ang="T136">
                    <a:pos x="T44" y="T45"/>
                  </a:cxn>
                  <a:cxn ang="T137">
                    <a:pos x="T46" y="T47"/>
                  </a:cxn>
                  <a:cxn ang="T138">
                    <a:pos x="T48" y="T49"/>
                  </a:cxn>
                  <a:cxn ang="T139">
                    <a:pos x="T50" y="T51"/>
                  </a:cxn>
                  <a:cxn ang="T140">
                    <a:pos x="T52" y="T53"/>
                  </a:cxn>
                  <a:cxn ang="T141">
                    <a:pos x="T54" y="T55"/>
                  </a:cxn>
                  <a:cxn ang="T142">
                    <a:pos x="T56" y="T57"/>
                  </a:cxn>
                  <a:cxn ang="T143">
                    <a:pos x="T58" y="T59"/>
                  </a:cxn>
                  <a:cxn ang="T144">
                    <a:pos x="T60" y="T61"/>
                  </a:cxn>
                  <a:cxn ang="T145">
                    <a:pos x="T62" y="T63"/>
                  </a:cxn>
                  <a:cxn ang="T146">
                    <a:pos x="T64" y="T65"/>
                  </a:cxn>
                  <a:cxn ang="T147">
                    <a:pos x="T66" y="T67"/>
                  </a:cxn>
                  <a:cxn ang="T148">
                    <a:pos x="T68" y="T69"/>
                  </a:cxn>
                  <a:cxn ang="T149">
                    <a:pos x="T70" y="T71"/>
                  </a:cxn>
                  <a:cxn ang="T150">
                    <a:pos x="T72" y="T73"/>
                  </a:cxn>
                  <a:cxn ang="T151">
                    <a:pos x="T74" y="T75"/>
                  </a:cxn>
                  <a:cxn ang="T152">
                    <a:pos x="T76" y="T77"/>
                  </a:cxn>
                  <a:cxn ang="T153">
                    <a:pos x="T78" y="T79"/>
                  </a:cxn>
                  <a:cxn ang="T154">
                    <a:pos x="T80" y="T81"/>
                  </a:cxn>
                  <a:cxn ang="T155">
                    <a:pos x="T82" y="T83"/>
                  </a:cxn>
                  <a:cxn ang="T156">
                    <a:pos x="T84" y="T85"/>
                  </a:cxn>
                  <a:cxn ang="T157">
                    <a:pos x="T86" y="T87"/>
                  </a:cxn>
                  <a:cxn ang="T158">
                    <a:pos x="T88" y="T89"/>
                  </a:cxn>
                  <a:cxn ang="T159">
                    <a:pos x="T90" y="T91"/>
                  </a:cxn>
                  <a:cxn ang="T160">
                    <a:pos x="T92" y="T93"/>
                  </a:cxn>
                  <a:cxn ang="T161">
                    <a:pos x="T94" y="T95"/>
                  </a:cxn>
                  <a:cxn ang="T162">
                    <a:pos x="T96" y="T97"/>
                  </a:cxn>
                  <a:cxn ang="T163">
                    <a:pos x="T98" y="T99"/>
                  </a:cxn>
                  <a:cxn ang="T164">
                    <a:pos x="T100" y="T101"/>
                  </a:cxn>
                  <a:cxn ang="T165">
                    <a:pos x="T102" y="T103"/>
                  </a:cxn>
                  <a:cxn ang="T166">
                    <a:pos x="T104" y="T105"/>
                  </a:cxn>
                  <a:cxn ang="T167">
                    <a:pos x="T106" y="T107"/>
                  </a:cxn>
                  <a:cxn ang="T168">
                    <a:pos x="T108" y="T109"/>
                  </a:cxn>
                  <a:cxn ang="T169">
                    <a:pos x="T110" y="T111"/>
                  </a:cxn>
                  <a:cxn ang="T170">
                    <a:pos x="T112" y="T113"/>
                  </a:cxn>
                </a:cxnLst>
                <a:rect l="T171" t="T172" r="T173" b="T174"/>
                <a:pathLst>
                  <a:path w="791" h="669">
                    <a:moveTo>
                      <a:pt x="239" y="27"/>
                    </a:moveTo>
                    <a:lnTo>
                      <a:pt x="232" y="27"/>
                    </a:lnTo>
                    <a:lnTo>
                      <a:pt x="227" y="22"/>
                    </a:lnTo>
                    <a:lnTo>
                      <a:pt x="222" y="19"/>
                    </a:lnTo>
                    <a:lnTo>
                      <a:pt x="220" y="14"/>
                    </a:lnTo>
                    <a:lnTo>
                      <a:pt x="214" y="12"/>
                    </a:lnTo>
                    <a:lnTo>
                      <a:pt x="212" y="12"/>
                    </a:lnTo>
                    <a:lnTo>
                      <a:pt x="207" y="14"/>
                    </a:lnTo>
                    <a:lnTo>
                      <a:pt x="202" y="12"/>
                    </a:lnTo>
                    <a:lnTo>
                      <a:pt x="197" y="9"/>
                    </a:lnTo>
                    <a:lnTo>
                      <a:pt x="193" y="9"/>
                    </a:lnTo>
                    <a:lnTo>
                      <a:pt x="190" y="12"/>
                    </a:lnTo>
                    <a:lnTo>
                      <a:pt x="185" y="7"/>
                    </a:lnTo>
                    <a:lnTo>
                      <a:pt x="181" y="0"/>
                    </a:lnTo>
                    <a:lnTo>
                      <a:pt x="178" y="0"/>
                    </a:lnTo>
                    <a:lnTo>
                      <a:pt x="180" y="17"/>
                    </a:lnTo>
                    <a:lnTo>
                      <a:pt x="178" y="26"/>
                    </a:lnTo>
                    <a:lnTo>
                      <a:pt x="168" y="34"/>
                    </a:lnTo>
                    <a:lnTo>
                      <a:pt x="173" y="43"/>
                    </a:lnTo>
                    <a:lnTo>
                      <a:pt x="168" y="48"/>
                    </a:lnTo>
                    <a:lnTo>
                      <a:pt x="161" y="63"/>
                    </a:lnTo>
                    <a:lnTo>
                      <a:pt x="164" y="73"/>
                    </a:lnTo>
                    <a:lnTo>
                      <a:pt x="156" y="88"/>
                    </a:lnTo>
                    <a:lnTo>
                      <a:pt x="134" y="147"/>
                    </a:lnTo>
                    <a:lnTo>
                      <a:pt x="119" y="169"/>
                    </a:lnTo>
                    <a:lnTo>
                      <a:pt x="119" y="176"/>
                    </a:lnTo>
                    <a:lnTo>
                      <a:pt x="102" y="222"/>
                    </a:lnTo>
                    <a:lnTo>
                      <a:pt x="104" y="222"/>
                    </a:lnTo>
                    <a:lnTo>
                      <a:pt x="104" y="220"/>
                    </a:lnTo>
                    <a:lnTo>
                      <a:pt x="102" y="222"/>
                    </a:lnTo>
                    <a:lnTo>
                      <a:pt x="95" y="239"/>
                    </a:lnTo>
                    <a:lnTo>
                      <a:pt x="90" y="254"/>
                    </a:lnTo>
                    <a:lnTo>
                      <a:pt x="83" y="268"/>
                    </a:lnTo>
                    <a:lnTo>
                      <a:pt x="76" y="279"/>
                    </a:lnTo>
                    <a:lnTo>
                      <a:pt x="71" y="290"/>
                    </a:lnTo>
                    <a:lnTo>
                      <a:pt x="66" y="300"/>
                    </a:lnTo>
                    <a:lnTo>
                      <a:pt x="61" y="308"/>
                    </a:lnTo>
                    <a:lnTo>
                      <a:pt x="56" y="315"/>
                    </a:lnTo>
                    <a:lnTo>
                      <a:pt x="53" y="322"/>
                    </a:lnTo>
                    <a:lnTo>
                      <a:pt x="49" y="327"/>
                    </a:lnTo>
                    <a:lnTo>
                      <a:pt x="46" y="332"/>
                    </a:lnTo>
                    <a:lnTo>
                      <a:pt x="43" y="335"/>
                    </a:lnTo>
                    <a:lnTo>
                      <a:pt x="41" y="337"/>
                    </a:lnTo>
                    <a:lnTo>
                      <a:pt x="39" y="339"/>
                    </a:lnTo>
                    <a:lnTo>
                      <a:pt x="39" y="340"/>
                    </a:lnTo>
                    <a:lnTo>
                      <a:pt x="39" y="344"/>
                    </a:lnTo>
                    <a:lnTo>
                      <a:pt x="38" y="345"/>
                    </a:lnTo>
                    <a:lnTo>
                      <a:pt x="34" y="351"/>
                    </a:lnTo>
                    <a:lnTo>
                      <a:pt x="31" y="359"/>
                    </a:lnTo>
                    <a:lnTo>
                      <a:pt x="24" y="367"/>
                    </a:lnTo>
                    <a:lnTo>
                      <a:pt x="19" y="378"/>
                    </a:lnTo>
                    <a:lnTo>
                      <a:pt x="14" y="386"/>
                    </a:lnTo>
                    <a:lnTo>
                      <a:pt x="10" y="393"/>
                    </a:lnTo>
                    <a:lnTo>
                      <a:pt x="9" y="396"/>
                    </a:lnTo>
                    <a:lnTo>
                      <a:pt x="10" y="401"/>
                    </a:lnTo>
                    <a:lnTo>
                      <a:pt x="12" y="406"/>
                    </a:lnTo>
                    <a:lnTo>
                      <a:pt x="12" y="411"/>
                    </a:lnTo>
                    <a:lnTo>
                      <a:pt x="12" y="417"/>
                    </a:lnTo>
                    <a:lnTo>
                      <a:pt x="12" y="420"/>
                    </a:lnTo>
                    <a:lnTo>
                      <a:pt x="12" y="423"/>
                    </a:lnTo>
                    <a:lnTo>
                      <a:pt x="12" y="427"/>
                    </a:lnTo>
                    <a:lnTo>
                      <a:pt x="12" y="428"/>
                    </a:lnTo>
                    <a:lnTo>
                      <a:pt x="9" y="432"/>
                    </a:lnTo>
                    <a:lnTo>
                      <a:pt x="7" y="437"/>
                    </a:lnTo>
                    <a:lnTo>
                      <a:pt x="5" y="442"/>
                    </a:lnTo>
                    <a:lnTo>
                      <a:pt x="4" y="447"/>
                    </a:lnTo>
                    <a:lnTo>
                      <a:pt x="2" y="452"/>
                    </a:lnTo>
                    <a:lnTo>
                      <a:pt x="2" y="457"/>
                    </a:lnTo>
                    <a:lnTo>
                      <a:pt x="0" y="462"/>
                    </a:lnTo>
                    <a:lnTo>
                      <a:pt x="0" y="466"/>
                    </a:lnTo>
                    <a:lnTo>
                      <a:pt x="0" y="471"/>
                    </a:lnTo>
                    <a:lnTo>
                      <a:pt x="0" y="474"/>
                    </a:lnTo>
                    <a:lnTo>
                      <a:pt x="0" y="477"/>
                    </a:lnTo>
                    <a:lnTo>
                      <a:pt x="2" y="481"/>
                    </a:lnTo>
                    <a:lnTo>
                      <a:pt x="2" y="484"/>
                    </a:lnTo>
                    <a:lnTo>
                      <a:pt x="2" y="486"/>
                    </a:lnTo>
                    <a:lnTo>
                      <a:pt x="2" y="488"/>
                    </a:lnTo>
                    <a:lnTo>
                      <a:pt x="2" y="489"/>
                    </a:lnTo>
                    <a:lnTo>
                      <a:pt x="4" y="491"/>
                    </a:lnTo>
                    <a:lnTo>
                      <a:pt x="4" y="494"/>
                    </a:lnTo>
                    <a:lnTo>
                      <a:pt x="5" y="496"/>
                    </a:lnTo>
                    <a:lnTo>
                      <a:pt x="5" y="498"/>
                    </a:lnTo>
                    <a:lnTo>
                      <a:pt x="7" y="499"/>
                    </a:lnTo>
                    <a:lnTo>
                      <a:pt x="7" y="501"/>
                    </a:lnTo>
                    <a:lnTo>
                      <a:pt x="10" y="503"/>
                    </a:lnTo>
                    <a:lnTo>
                      <a:pt x="16" y="503"/>
                    </a:lnTo>
                    <a:lnTo>
                      <a:pt x="21" y="506"/>
                    </a:lnTo>
                    <a:lnTo>
                      <a:pt x="26" y="508"/>
                    </a:lnTo>
                    <a:lnTo>
                      <a:pt x="32" y="510"/>
                    </a:lnTo>
                    <a:lnTo>
                      <a:pt x="39" y="511"/>
                    </a:lnTo>
                    <a:lnTo>
                      <a:pt x="48" y="515"/>
                    </a:lnTo>
                    <a:lnTo>
                      <a:pt x="56" y="516"/>
                    </a:lnTo>
                    <a:lnTo>
                      <a:pt x="66" y="520"/>
                    </a:lnTo>
                    <a:lnTo>
                      <a:pt x="76" y="521"/>
                    </a:lnTo>
                    <a:lnTo>
                      <a:pt x="87" y="525"/>
                    </a:lnTo>
                    <a:lnTo>
                      <a:pt x="97" y="528"/>
                    </a:lnTo>
                    <a:lnTo>
                      <a:pt x="109" y="532"/>
                    </a:lnTo>
                    <a:lnTo>
                      <a:pt x="120" y="535"/>
                    </a:lnTo>
                    <a:lnTo>
                      <a:pt x="132" y="538"/>
                    </a:lnTo>
                    <a:lnTo>
                      <a:pt x="146" y="542"/>
                    </a:lnTo>
                    <a:lnTo>
                      <a:pt x="159" y="545"/>
                    </a:lnTo>
                    <a:lnTo>
                      <a:pt x="173" y="549"/>
                    </a:lnTo>
                    <a:lnTo>
                      <a:pt x="186" y="552"/>
                    </a:lnTo>
                    <a:lnTo>
                      <a:pt x="200" y="555"/>
                    </a:lnTo>
                    <a:lnTo>
                      <a:pt x="214" y="560"/>
                    </a:lnTo>
                    <a:lnTo>
                      <a:pt x="229" y="564"/>
                    </a:lnTo>
                    <a:lnTo>
                      <a:pt x="244" y="567"/>
                    </a:lnTo>
                    <a:lnTo>
                      <a:pt x="259" y="572"/>
                    </a:lnTo>
                    <a:lnTo>
                      <a:pt x="274" y="576"/>
                    </a:lnTo>
                    <a:lnTo>
                      <a:pt x="288" y="579"/>
                    </a:lnTo>
                    <a:lnTo>
                      <a:pt x="305" y="584"/>
                    </a:lnTo>
                    <a:lnTo>
                      <a:pt x="318" y="587"/>
                    </a:lnTo>
                    <a:lnTo>
                      <a:pt x="335" y="591"/>
                    </a:lnTo>
                    <a:lnTo>
                      <a:pt x="349" y="594"/>
                    </a:lnTo>
                    <a:lnTo>
                      <a:pt x="366" y="599"/>
                    </a:lnTo>
                    <a:lnTo>
                      <a:pt x="379" y="603"/>
                    </a:lnTo>
                    <a:lnTo>
                      <a:pt x="393" y="606"/>
                    </a:lnTo>
                    <a:lnTo>
                      <a:pt x="406" y="609"/>
                    </a:lnTo>
                    <a:lnTo>
                      <a:pt x="418" y="613"/>
                    </a:lnTo>
                    <a:lnTo>
                      <a:pt x="432" y="616"/>
                    </a:lnTo>
                    <a:lnTo>
                      <a:pt x="444" y="620"/>
                    </a:lnTo>
                    <a:lnTo>
                      <a:pt x="456" y="621"/>
                    </a:lnTo>
                    <a:lnTo>
                      <a:pt x="469" y="625"/>
                    </a:lnTo>
                    <a:lnTo>
                      <a:pt x="479" y="628"/>
                    </a:lnTo>
                    <a:lnTo>
                      <a:pt x="491" y="631"/>
                    </a:lnTo>
                    <a:lnTo>
                      <a:pt x="503" y="633"/>
                    </a:lnTo>
                    <a:lnTo>
                      <a:pt x="515" y="637"/>
                    </a:lnTo>
                    <a:lnTo>
                      <a:pt x="525" y="640"/>
                    </a:lnTo>
                    <a:lnTo>
                      <a:pt x="535" y="642"/>
                    </a:lnTo>
                    <a:lnTo>
                      <a:pt x="545" y="645"/>
                    </a:lnTo>
                    <a:lnTo>
                      <a:pt x="555" y="647"/>
                    </a:lnTo>
                    <a:lnTo>
                      <a:pt x="564" y="650"/>
                    </a:lnTo>
                    <a:lnTo>
                      <a:pt x="574" y="652"/>
                    </a:lnTo>
                    <a:lnTo>
                      <a:pt x="582" y="653"/>
                    </a:lnTo>
                    <a:lnTo>
                      <a:pt x="589" y="655"/>
                    </a:lnTo>
                    <a:lnTo>
                      <a:pt x="598" y="657"/>
                    </a:lnTo>
                    <a:lnTo>
                      <a:pt x="604" y="659"/>
                    </a:lnTo>
                    <a:lnTo>
                      <a:pt x="611" y="660"/>
                    </a:lnTo>
                    <a:lnTo>
                      <a:pt x="616" y="662"/>
                    </a:lnTo>
                    <a:lnTo>
                      <a:pt x="623" y="664"/>
                    </a:lnTo>
                    <a:lnTo>
                      <a:pt x="626" y="665"/>
                    </a:lnTo>
                    <a:lnTo>
                      <a:pt x="632" y="667"/>
                    </a:lnTo>
                    <a:lnTo>
                      <a:pt x="635" y="667"/>
                    </a:lnTo>
                    <a:lnTo>
                      <a:pt x="638" y="667"/>
                    </a:lnTo>
                    <a:lnTo>
                      <a:pt x="640" y="669"/>
                    </a:lnTo>
                    <a:lnTo>
                      <a:pt x="643" y="669"/>
                    </a:lnTo>
                    <a:lnTo>
                      <a:pt x="689" y="474"/>
                    </a:lnTo>
                    <a:lnTo>
                      <a:pt x="687" y="461"/>
                    </a:lnTo>
                    <a:lnTo>
                      <a:pt x="706" y="428"/>
                    </a:lnTo>
                    <a:lnTo>
                      <a:pt x="706" y="418"/>
                    </a:lnTo>
                    <a:lnTo>
                      <a:pt x="711" y="411"/>
                    </a:lnTo>
                    <a:lnTo>
                      <a:pt x="714" y="403"/>
                    </a:lnTo>
                    <a:lnTo>
                      <a:pt x="709" y="398"/>
                    </a:lnTo>
                    <a:lnTo>
                      <a:pt x="691" y="386"/>
                    </a:lnTo>
                    <a:lnTo>
                      <a:pt x="692" y="378"/>
                    </a:lnTo>
                    <a:lnTo>
                      <a:pt x="692" y="376"/>
                    </a:lnTo>
                    <a:lnTo>
                      <a:pt x="692" y="374"/>
                    </a:lnTo>
                    <a:lnTo>
                      <a:pt x="694" y="373"/>
                    </a:lnTo>
                    <a:lnTo>
                      <a:pt x="694" y="371"/>
                    </a:lnTo>
                    <a:lnTo>
                      <a:pt x="696" y="369"/>
                    </a:lnTo>
                    <a:lnTo>
                      <a:pt x="696" y="367"/>
                    </a:lnTo>
                    <a:lnTo>
                      <a:pt x="696" y="366"/>
                    </a:lnTo>
                    <a:lnTo>
                      <a:pt x="701" y="356"/>
                    </a:lnTo>
                    <a:lnTo>
                      <a:pt x="706" y="347"/>
                    </a:lnTo>
                    <a:lnTo>
                      <a:pt x="714" y="339"/>
                    </a:lnTo>
                    <a:lnTo>
                      <a:pt x="721" y="330"/>
                    </a:lnTo>
                    <a:lnTo>
                      <a:pt x="730" y="323"/>
                    </a:lnTo>
                    <a:lnTo>
                      <a:pt x="736" y="318"/>
                    </a:lnTo>
                    <a:lnTo>
                      <a:pt x="740" y="315"/>
                    </a:lnTo>
                    <a:lnTo>
                      <a:pt x="742" y="313"/>
                    </a:lnTo>
                    <a:lnTo>
                      <a:pt x="742" y="305"/>
                    </a:lnTo>
                    <a:lnTo>
                      <a:pt x="789" y="239"/>
                    </a:lnTo>
                    <a:lnTo>
                      <a:pt x="791" y="230"/>
                    </a:lnTo>
                    <a:lnTo>
                      <a:pt x="784" y="217"/>
                    </a:lnTo>
                    <a:lnTo>
                      <a:pt x="774" y="208"/>
                    </a:lnTo>
                    <a:lnTo>
                      <a:pt x="762" y="185"/>
                    </a:lnTo>
                    <a:lnTo>
                      <a:pt x="764" y="186"/>
                    </a:lnTo>
                    <a:lnTo>
                      <a:pt x="596" y="144"/>
                    </a:lnTo>
                    <a:lnTo>
                      <a:pt x="594" y="144"/>
                    </a:lnTo>
                    <a:lnTo>
                      <a:pt x="593" y="144"/>
                    </a:lnTo>
                    <a:lnTo>
                      <a:pt x="589" y="144"/>
                    </a:lnTo>
                    <a:lnTo>
                      <a:pt x="586" y="144"/>
                    </a:lnTo>
                    <a:lnTo>
                      <a:pt x="582" y="146"/>
                    </a:lnTo>
                    <a:lnTo>
                      <a:pt x="577" y="146"/>
                    </a:lnTo>
                    <a:lnTo>
                      <a:pt x="574" y="146"/>
                    </a:lnTo>
                    <a:lnTo>
                      <a:pt x="569" y="146"/>
                    </a:lnTo>
                    <a:lnTo>
                      <a:pt x="564" y="146"/>
                    </a:lnTo>
                    <a:lnTo>
                      <a:pt x="559" y="146"/>
                    </a:lnTo>
                    <a:lnTo>
                      <a:pt x="554" y="144"/>
                    </a:lnTo>
                    <a:lnTo>
                      <a:pt x="549" y="144"/>
                    </a:lnTo>
                    <a:lnTo>
                      <a:pt x="544" y="142"/>
                    </a:lnTo>
                    <a:lnTo>
                      <a:pt x="538" y="141"/>
                    </a:lnTo>
                    <a:lnTo>
                      <a:pt x="533" y="139"/>
                    </a:lnTo>
                    <a:lnTo>
                      <a:pt x="532" y="139"/>
                    </a:lnTo>
                    <a:lnTo>
                      <a:pt x="530" y="139"/>
                    </a:lnTo>
                    <a:lnTo>
                      <a:pt x="528" y="139"/>
                    </a:lnTo>
                    <a:lnTo>
                      <a:pt x="527" y="141"/>
                    </a:lnTo>
                    <a:lnTo>
                      <a:pt x="523" y="142"/>
                    </a:lnTo>
                    <a:lnTo>
                      <a:pt x="522" y="144"/>
                    </a:lnTo>
                    <a:lnTo>
                      <a:pt x="520" y="144"/>
                    </a:lnTo>
                    <a:lnTo>
                      <a:pt x="498" y="144"/>
                    </a:lnTo>
                    <a:lnTo>
                      <a:pt x="496" y="144"/>
                    </a:lnTo>
                    <a:lnTo>
                      <a:pt x="491" y="144"/>
                    </a:lnTo>
                    <a:lnTo>
                      <a:pt x="483" y="146"/>
                    </a:lnTo>
                    <a:lnTo>
                      <a:pt x="472" y="147"/>
                    </a:lnTo>
                    <a:lnTo>
                      <a:pt x="464" y="147"/>
                    </a:lnTo>
                    <a:lnTo>
                      <a:pt x="454" y="147"/>
                    </a:lnTo>
                    <a:lnTo>
                      <a:pt x="447" y="144"/>
                    </a:lnTo>
                    <a:lnTo>
                      <a:pt x="440" y="141"/>
                    </a:lnTo>
                    <a:lnTo>
                      <a:pt x="437" y="141"/>
                    </a:lnTo>
                    <a:lnTo>
                      <a:pt x="434" y="141"/>
                    </a:lnTo>
                    <a:lnTo>
                      <a:pt x="428" y="141"/>
                    </a:lnTo>
                    <a:lnTo>
                      <a:pt x="423" y="141"/>
                    </a:lnTo>
                    <a:lnTo>
                      <a:pt x="420" y="142"/>
                    </a:lnTo>
                    <a:lnTo>
                      <a:pt x="417" y="142"/>
                    </a:lnTo>
                    <a:lnTo>
                      <a:pt x="408" y="141"/>
                    </a:lnTo>
                    <a:lnTo>
                      <a:pt x="395" y="144"/>
                    </a:lnTo>
                    <a:lnTo>
                      <a:pt x="395" y="142"/>
                    </a:lnTo>
                    <a:lnTo>
                      <a:pt x="390" y="139"/>
                    </a:lnTo>
                    <a:lnTo>
                      <a:pt x="384" y="134"/>
                    </a:lnTo>
                    <a:lnTo>
                      <a:pt x="376" y="129"/>
                    </a:lnTo>
                    <a:lnTo>
                      <a:pt x="369" y="124"/>
                    </a:lnTo>
                    <a:lnTo>
                      <a:pt x="361" y="120"/>
                    </a:lnTo>
                    <a:lnTo>
                      <a:pt x="352" y="117"/>
                    </a:lnTo>
                    <a:lnTo>
                      <a:pt x="346" y="117"/>
                    </a:lnTo>
                    <a:lnTo>
                      <a:pt x="344" y="117"/>
                    </a:lnTo>
                    <a:lnTo>
                      <a:pt x="342" y="117"/>
                    </a:lnTo>
                    <a:lnTo>
                      <a:pt x="339" y="119"/>
                    </a:lnTo>
                    <a:lnTo>
                      <a:pt x="335" y="119"/>
                    </a:lnTo>
                    <a:lnTo>
                      <a:pt x="332" y="120"/>
                    </a:lnTo>
                    <a:lnTo>
                      <a:pt x="327" y="120"/>
                    </a:lnTo>
                    <a:lnTo>
                      <a:pt x="320" y="122"/>
                    </a:lnTo>
                    <a:lnTo>
                      <a:pt x="315" y="122"/>
                    </a:lnTo>
                    <a:lnTo>
                      <a:pt x="310" y="122"/>
                    </a:lnTo>
                    <a:lnTo>
                      <a:pt x="303" y="122"/>
                    </a:lnTo>
                    <a:lnTo>
                      <a:pt x="298" y="122"/>
                    </a:lnTo>
                    <a:lnTo>
                      <a:pt x="293" y="122"/>
                    </a:lnTo>
                    <a:lnTo>
                      <a:pt x="288" y="120"/>
                    </a:lnTo>
                    <a:lnTo>
                      <a:pt x="283" y="119"/>
                    </a:lnTo>
                    <a:lnTo>
                      <a:pt x="280" y="117"/>
                    </a:lnTo>
                    <a:lnTo>
                      <a:pt x="278" y="114"/>
                    </a:lnTo>
                    <a:lnTo>
                      <a:pt x="276" y="112"/>
                    </a:lnTo>
                    <a:lnTo>
                      <a:pt x="274" y="112"/>
                    </a:lnTo>
                    <a:lnTo>
                      <a:pt x="273" y="110"/>
                    </a:lnTo>
                    <a:lnTo>
                      <a:pt x="269" y="107"/>
                    </a:lnTo>
                    <a:lnTo>
                      <a:pt x="268" y="105"/>
                    </a:lnTo>
                    <a:lnTo>
                      <a:pt x="266" y="103"/>
                    </a:lnTo>
                    <a:lnTo>
                      <a:pt x="264" y="103"/>
                    </a:lnTo>
                    <a:lnTo>
                      <a:pt x="259" y="92"/>
                    </a:lnTo>
                    <a:lnTo>
                      <a:pt x="259" y="90"/>
                    </a:lnTo>
                    <a:lnTo>
                      <a:pt x="261" y="87"/>
                    </a:lnTo>
                    <a:lnTo>
                      <a:pt x="261" y="83"/>
                    </a:lnTo>
                    <a:lnTo>
                      <a:pt x="263" y="78"/>
                    </a:lnTo>
                    <a:lnTo>
                      <a:pt x="263" y="73"/>
                    </a:lnTo>
                    <a:lnTo>
                      <a:pt x="263" y="68"/>
                    </a:lnTo>
                    <a:lnTo>
                      <a:pt x="263" y="63"/>
                    </a:lnTo>
                    <a:lnTo>
                      <a:pt x="263" y="56"/>
                    </a:lnTo>
                    <a:lnTo>
                      <a:pt x="261" y="51"/>
                    </a:lnTo>
                    <a:lnTo>
                      <a:pt x="261" y="46"/>
                    </a:lnTo>
                    <a:lnTo>
                      <a:pt x="258" y="41"/>
                    </a:lnTo>
                    <a:lnTo>
                      <a:pt x="254" y="36"/>
                    </a:lnTo>
                    <a:lnTo>
                      <a:pt x="251" y="32"/>
                    </a:lnTo>
                    <a:lnTo>
                      <a:pt x="246" y="29"/>
                    </a:lnTo>
                    <a:lnTo>
                      <a:pt x="239" y="27"/>
                    </a:lnTo>
                    <a:lnTo>
                      <a:pt x="237" y="27"/>
                    </a:lnTo>
                    <a:lnTo>
                      <a:pt x="236" y="27"/>
                    </a:lnTo>
                    <a:lnTo>
                      <a:pt x="232" y="26"/>
                    </a:lnTo>
                    <a:lnTo>
                      <a:pt x="230" y="26"/>
                    </a:lnTo>
                    <a:lnTo>
                      <a:pt x="229" y="26"/>
                    </a:lnTo>
                    <a:lnTo>
                      <a:pt x="227" y="26"/>
                    </a:lnTo>
                    <a:lnTo>
                      <a:pt x="239" y="2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601" name="Freeform 116"/>
              <p:cNvSpPr>
                <a:spLocks/>
              </p:cNvSpPr>
              <p:nvPr/>
            </p:nvSpPr>
            <p:spPr bwMode="auto">
              <a:xfrm>
                <a:off x="875" y="965"/>
                <a:ext cx="570" cy="930"/>
              </a:xfrm>
              <a:custGeom>
                <a:avLst/>
                <a:gdLst>
                  <a:gd name="T0" fmla="*/ 177 w 586"/>
                  <a:gd name="T1" fmla="*/ 129 h 958"/>
                  <a:gd name="T2" fmla="*/ 183 w 586"/>
                  <a:gd name="T3" fmla="*/ 147 h 958"/>
                  <a:gd name="T4" fmla="*/ 183 w 586"/>
                  <a:gd name="T5" fmla="*/ 152 h 958"/>
                  <a:gd name="T6" fmla="*/ 191 w 586"/>
                  <a:gd name="T7" fmla="*/ 156 h 958"/>
                  <a:gd name="T8" fmla="*/ 200 w 586"/>
                  <a:gd name="T9" fmla="*/ 173 h 958"/>
                  <a:gd name="T10" fmla="*/ 208 w 586"/>
                  <a:gd name="T11" fmla="*/ 192 h 958"/>
                  <a:gd name="T12" fmla="*/ 214 w 586"/>
                  <a:gd name="T13" fmla="*/ 202 h 958"/>
                  <a:gd name="T14" fmla="*/ 227 w 586"/>
                  <a:gd name="T15" fmla="*/ 217 h 958"/>
                  <a:gd name="T16" fmla="*/ 232 w 586"/>
                  <a:gd name="T17" fmla="*/ 242 h 958"/>
                  <a:gd name="T18" fmla="*/ 222 w 586"/>
                  <a:gd name="T19" fmla="*/ 265 h 958"/>
                  <a:gd name="T20" fmla="*/ 222 w 586"/>
                  <a:gd name="T21" fmla="*/ 281 h 958"/>
                  <a:gd name="T22" fmla="*/ 213 w 586"/>
                  <a:gd name="T23" fmla="*/ 292 h 958"/>
                  <a:gd name="T24" fmla="*/ 211 w 586"/>
                  <a:gd name="T25" fmla="*/ 305 h 958"/>
                  <a:gd name="T26" fmla="*/ 247 w 586"/>
                  <a:gd name="T27" fmla="*/ 300 h 958"/>
                  <a:gd name="T28" fmla="*/ 250 w 586"/>
                  <a:gd name="T29" fmla="*/ 299 h 958"/>
                  <a:gd name="T30" fmla="*/ 253 w 586"/>
                  <a:gd name="T31" fmla="*/ 329 h 958"/>
                  <a:gd name="T32" fmla="*/ 259 w 586"/>
                  <a:gd name="T33" fmla="*/ 348 h 958"/>
                  <a:gd name="T34" fmla="*/ 264 w 586"/>
                  <a:gd name="T35" fmla="*/ 360 h 958"/>
                  <a:gd name="T36" fmla="*/ 261 w 586"/>
                  <a:gd name="T37" fmla="*/ 369 h 958"/>
                  <a:gd name="T38" fmla="*/ 270 w 586"/>
                  <a:gd name="T39" fmla="*/ 378 h 958"/>
                  <a:gd name="T40" fmla="*/ 282 w 586"/>
                  <a:gd name="T41" fmla="*/ 394 h 958"/>
                  <a:gd name="T42" fmla="*/ 284 w 586"/>
                  <a:gd name="T43" fmla="*/ 415 h 958"/>
                  <a:gd name="T44" fmla="*/ 292 w 586"/>
                  <a:gd name="T45" fmla="*/ 419 h 958"/>
                  <a:gd name="T46" fmla="*/ 295 w 586"/>
                  <a:gd name="T47" fmla="*/ 411 h 958"/>
                  <a:gd name="T48" fmla="*/ 308 w 586"/>
                  <a:gd name="T49" fmla="*/ 413 h 958"/>
                  <a:gd name="T50" fmla="*/ 320 w 586"/>
                  <a:gd name="T51" fmla="*/ 416 h 958"/>
                  <a:gd name="T52" fmla="*/ 327 w 586"/>
                  <a:gd name="T53" fmla="*/ 409 h 958"/>
                  <a:gd name="T54" fmla="*/ 334 w 586"/>
                  <a:gd name="T55" fmla="*/ 411 h 958"/>
                  <a:gd name="T56" fmla="*/ 352 w 586"/>
                  <a:gd name="T57" fmla="*/ 413 h 958"/>
                  <a:gd name="T58" fmla="*/ 386 w 586"/>
                  <a:gd name="T59" fmla="*/ 403 h 958"/>
                  <a:gd name="T60" fmla="*/ 183 w 586"/>
                  <a:gd name="T61" fmla="*/ 599 h 958"/>
                  <a:gd name="T62" fmla="*/ 176 w 586"/>
                  <a:gd name="T63" fmla="*/ 598 h 958"/>
                  <a:gd name="T64" fmla="*/ 156 w 586"/>
                  <a:gd name="T65" fmla="*/ 595 h 958"/>
                  <a:gd name="T66" fmla="*/ 125 w 586"/>
                  <a:gd name="T67" fmla="*/ 588 h 958"/>
                  <a:gd name="T68" fmla="*/ 89 w 586"/>
                  <a:gd name="T69" fmla="*/ 580 h 958"/>
                  <a:gd name="T70" fmla="*/ 51 w 586"/>
                  <a:gd name="T71" fmla="*/ 572 h 958"/>
                  <a:gd name="T72" fmla="*/ 18 w 586"/>
                  <a:gd name="T73" fmla="*/ 564 h 958"/>
                  <a:gd name="T74" fmla="*/ 44 w 586"/>
                  <a:gd name="T75" fmla="*/ 403 h 958"/>
                  <a:gd name="T76" fmla="*/ 34 w 586"/>
                  <a:gd name="T77" fmla="*/ 375 h 958"/>
                  <a:gd name="T78" fmla="*/ 37 w 586"/>
                  <a:gd name="T79" fmla="*/ 368 h 958"/>
                  <a:gd name="T80" fmla="*/ 42 w 586"/>
                  <a:gd name="T81" fmla="*/ 356 h 958"/>
                  <a:gd name="T82" fmla="*/ 64 w 586"/>
                  <a:gd name="T83" fmla="*/ 330 h 958"/>
                  <a:gd name="T84" fmla="*/ 101 w 586"/>
                  <a:gd name="T85" fmla="*/ 273 h 958"/>
                  <a:gd name="T86" fmla="*/ 83 w 586"/>
                  <a:gd name="T87" fmla="*/ 228 h 958"/>
                  <a:gd name="T88" fmla="*/ 83 w 586"/>
                  <a:gd name="T89" fmla="*/ 198 h 958"/>
                  <a:gd name="T90" fmla="*/ 89 w 586"/>
                  <a:gd name="T91" fmla="*/ 176 h 958"/>
                  <a:gd name="T92" fmla="*/ 98 w 586"/>
                  <a:gd name="T93" fmla="*/ 137 h 958"/>
                  <a:gd name="T94" fmla="*/ 109 w 586"/>
                  <a:gd name="T95" fmla="*/ 91 h 958"/>
                  <a:gd name="T96" fmla="*/ 118 w 586"/>
                  <a:gd name="T97" fmla="*/ 46 h 958"/>
                  <a:gd name="T98" fmla="*/ 125 w 586"/>
                  <a:gd name="T99" fmla="*/ 17 h 958"/>
                  <a:gd name="T100" fmla="*/ 127 w 586"/>
                  <a:gd name="T101" fmla="*/ 0 h 958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w 586"/>
                  <a:gd name="T154" fmla="*/ 0 h 958"/>
                  <a:gd name="T155" fmla="*/ 586 w 586"/>
                  <a:gd name="T156" fmla="*/ 958 h 958"/>
                </a:gdLst>
                <a:ahLst/>
                <a:cxnLst>
                  <a:cxn ang="T102">
                    <a:pos x="T0" y="T1"/>
                  </a:cxn>
                  <a:cxn ang="T103">
                    <a:pos x="T2" y="T3"/>
                  </a:cxn>
                  <a:cxn ang="T104">
                    <a:pos x="T4" y="T5"/>
                  </a:cxn>
                  <a:cxn ang="T105">
                    <a:pos x="T6" y="T7"/>
                  </a:cxn>
                  <a:cxn ang="T106">
                    <a:pos x="T8" y="T9"/>
                  </a:cxn>
                  <a:cxn ang="T107">
                    <a:pos x="T10" y="T11"/>
                  </a:cxn>
                  <a:cxn ang="T108">
                    <a:pos x="T12" y="T13"/>
                  </a:cxn>
                  <a:cxn ang="T109">
                    <a:pos x="T14" y="T15"/>
                  </a:cxn>
                  <a:cxn ang="T110">
                    <a:pos x="T16" y="T17"/>
                  </a:cxn>
                  <a:cxn ang="T111">
                    <a:pos x="T18" y="T19"/>
                  </a:cxn>
                  <a:cxn ang="T112">
                    <a:pos x="T20" y="T21"/>
                  </a:cxn>
                  <a:cxn ang="T113">
                    <a:pos x="T22" y="T23"/>
                  </a:cxn>
                  <a:cxn ang="T114">
                    <a:pos x="T24" y="T25"/>
                  </a:cxn>
                  <a:cxn ang="T115">
                    <a:pos x="T26" y="T27"/>
                  </a:cxn>
                  <a:cxn ang="T116">
                    <a:pos x="T28" y="T29"/>
                  </a:cxn>
                  <a:cxn ang="T117">
                    <a:pos x="T30" y="T31"/>
                  </a:cxn>
                  <a:cxn ang="T118">
                    <a:pos x="T32" y="T33"/>
                  </a:cxn>
                  <a:cxn ang="T119">
                    <a:pos x="T34" y="T35"/>
                  </a:cxn>
                  <a:cxn ang="T120">
                    <a:pos x="T36" y="T37"/>
                  </a:cxn>
                  <a:cxn ang="T121">
                    <a:pos x="T38" y="T39"/>
                  </a:cxn>
                  <a:cxn ang="T122">
                    <a:pos x="T40" y="T41"/>
                  </a:cxn>
                  <a:cxn ang="T123">
                    <a:pos x="T42" y="T43"/>
                  </a:cxn>
                  <a:cxn ang="T124">
                    <a:pos x="T44" y="T45"/>
                  </a:cxn>
                  <a:cxn ang="T125">
                    <a:pos x="T46" y="T47"/>
                  </a:cxn>
                  <a:cxn ang="T126">
                    <a:pos x="T48" y="T49"/>
                  </a:cxn>
                  <a:cxn ang="T127">
                    <a:pos x="T50" y="T51"/>
                  </a:cxn>
                  <a:cxn ang="T128">
                    <a:pos x="T52" y="T53"/>
                  </a:cxn>
                  <a:cxn ang="T129">
                    <a:pos x="T54" y="T55"/>
                  </a:cxn>
                  <a:cxn ang="T130">
                    <a:pos x="T56" y="T57"/>
                  </a:cxn>
                  <a:cxn ang="T131">
                    <a:pos x="T58" y="T59"/>
                  </a:cxn>
                  <a:cxn ang="T132">
                    <a:pos x="T60" y="T61"/>
                  </a:cxn>
                  <a:cxn ang="T133">
                    <a:pos x="T62" y="T63"/>
                  </a:cxn>
                  <a:cxn ang="T134">
                    <a:pos x="T64" y="T65"/>
                  </a:cxn>
                  <a:cxn ang="T135">
                    <a:pos x="T66" y="T67"/>
                  </a:cxn>
                  <a:cxn ang="T136">
                    <a:pos x="T68" y="T69"/>
                  </a:cxn>
                  <a:cxn ang="T137">
                    <a:pos x="T70" y="T71"/>
                  </a:cxn>
                  <a:cxn ang="T138">
                    <a:pos x="T72" y="T73"/>
                  </a:cxn>
                  <a:cxn ang="T139">
                    <a:pos x="T74" y="T75"/>
                  </a:cxn>
                  <a:cxn ang="T140">
                    <a:pos x="T76" y="T77"/>
                  </a:cxn>
                  <a:cxn ang="T141">
                    <a:pos x="T78" y="T79"/>
                  </a:cxn>
                  <a:cxn ang="T142">
                    <a:pos x="T80" y="T81"/>
                  </a:cxn>
                  <a:cxn ang="T143">
                    <a:pos x="T82" y="T83"/>
                  </a:cxn>
                  <a:cxn ang="T144">
                    <a:pos x="T84" y="T85"/>
                  </a:cxn>
                  <a:cxn ang="T145">
                    <a:pos x="T86" y="T87"/>
                  </a:cxn>
                  <a:cxn ang="T146">
                    <a:pos x="T88" y="T89"/>
                  </a:cxn>
                  <a:cxn ang="T147">
                    <a:pos x="T90" y="T91"/>
                  </a:cxn>
                  <a:cxn ang="T148">
                    <a:pos x="T92" y="T93"/>
                  </a:cxn>
                  <a:cxn ang="T149">
                    <a:pos x="T94" y="T95"/>
                  </a:cxn>
                  <a:cxn ang="T150">
                    <a:pos x="T96" y="T97"/>
                  </a:cxn>
                  <a:cxn ang="T151">
                    <a:pos x="T98" y="T99"/>
                  </a:cxn>
                  <a:cxn ang="T152">
                    <a:pos x="T100" y="T101"/>
                  </a:cxn>
                </a:cxnLst>
                <a:rect l="T153" t="T154" r="T155" b="T156"/>
                <a:pathLst>
                  <a:path w="586" h="958">
                    <a:moveTo>
                      <a:pt x="266" y="17"/>
                    </a:moveTo>
                    <a:lnTo>
                      <a:pt x="241" y="139"/>
                    </a:lnTo>
                    <a:lnTo>
                      <a:pt x="249" y="158"/>
                    </a:lnTo>
                    <a:lnTo>
                      <a:pt x="261" y="185"/>
                    </a:lnTo>
                    <a:lnTo>
                      <a:pt x="261" y="195"/>
                    </a:lnTo>
                    <a:lnTo>
                      <a:pt x="254" y="200"/>
                    </a:lnTo>
                    <a:lnTo>
                      <a:pt x="263" y="207"/>
                    </a:lnTo>
                    <a:lnTo>
                      <a:pt x="256" y="212"/>
                    </a:lnTo>
                    <a:lnTo>
                      <a:pt x="256" y="219"/>
                    </a:lnTo>
                    <a:lnTo>
                      <a:pt x="269" y="222"/>
                    </a:lnTo>
                    <a:lnTo>
                      <a:pt x="269" y="224"/>
                    </a:lnTo>
                    <a:lnTo>
                      <a:pt x="269" y="226"/>
                    </a:lnTo>
                    <a:lnTo>
                      <a:pt x="269" y="227"/>
                    </a:lnTo>
                    <a:lnTo>
                      <a:pt x="269" y="229"/>
                    </a:lnTo>
                    <a:lnTo>
                      <a:pt x="269" y="231"/>
                    </a:lnTo>
                    <a:lnTo>
                      <a:pt x="269" y="232"/>
                    </a:lnTo>
                    <a:lnTo>
                      <a:pt x="271" y="234"/>
                    </a:lnTo>
                    <a:lnTo>
                      <a:pt x="276" y="236"/>
                    </a:lnTo>
                    <a:lnTo>
                      <a:pt x="280" y="237"/>
                    </a:lnTo>
                    <a:lnTo>
                      <a:pt x="283" y="241"/>
                    </a:lnTo>
                    <a:lnTo>
                      <a:pt x="286" y="244"/>
                    </a:lnTo>
                    <a:lnTo>
                      <a:pt x="290" y="249"/>
                    </a:lnTo>
                    <a:lnTo>
                      <a:pt x="293" y="256"/>
                    </a:lnTo>
                    <a:lnTo>
                      <a:pt x="295" y="261"/>
                    </a:lnTo>
                    <a:lnTo>
                      <a:pt x="298" y="268"/>
                    </a:lnTo>
                    <a:lnTo>
                      <a:pt x="300" y="275"/>
                    </a:lnTo>
                    <a:lnTo>
                      <a:pt x="302" y="280"/>
                    </a:lnTo>
                    <a:lnTo>
                      <a:pt x="303" y="286"/>
                    </a:lnTo>
                    <a:lnTo>
                      <a:pt x="305" y="292"/>
                    </a:lnTo>
                    <a:lnTo>
                      <a:pt x="305" y="295"/>
                    </a:lnTo>
                    <a:lnTo>
                      <a:pt x="307" y="298"/>
                    </a:lnTo>
                    <a:lnTo>
                      <a:pt x="307" y="300"/>
                    </a:lnTo>
                    <a:lnTo>
                      <a:pt x="307" y="302"/>
                    </a:lnTo>
                    <a:lnTo>
                      <a:pt x="315" y="305"/>
                    </a:lnTo>
                    <a:lnTo>
                      <a:pt x="315" y="317"/>
                    </a:lnTo>
                    <a:lnTo>
                      <a:pt x="327" y="317"/>
                    </a:lnTo>
                    <a:lnTo>
                      <a:pt x="329" y="330"/>
                    </a:lnTo>
                    <a:lnTo>
                      <a:pt x="335" y="330"/>
                    </a:lnTo>
                    <a:lnTo>
                      <a:pt x="354" y="330"/>
                    </a:lnTo>
                    <a:lnTo>
                      <a:pt x="354" y="332"/>
                    </a:lnTo>
                    <a:lnTo>
                      <a:pt x="342" y="354"/>
                    </a:lnTo>
                    <a:lnTo>
                      <a:pt x="342" y="366"/>
                    </a:lnTo>
                    <a:lnTo>
                      <a:pt x="334" y="376"/>
                    </a:lnTo>
                    <a:lnTo>
                      <a:pt x="335" y="376"/>
                    </a:lnTo>
                    <a:lnTo>
                      <a:pt x="335" y="385"/>
                    </a:lnTo>
                    <a:lnTo>
                      <a:pt x="329" y="390"/>
                    </a:lnTo>
                    <a:lnTo>
                      <a:pt x="327" y="400"/>
                    </a:lnTo>
                    <a:lnTo>
                      <a:pt x="330" y="418"/>
                    </a:lnTo>
                    <a:lnTo>
                      <a:pt x="330" y="420"/>
                    </a:lnTo>
                    <a:lnTo>
                      <a:pt x="329" y="422"/>
                    </a:lnTo>
                    <a:lnTo>
                      <a:pt x="327" y="425"/>
                    </a:lnTo>
                    <a:lnTo>
                      <a:pt x="320" y="427"/>
                    </a:lnTo>
                    <a:lnTo>
                      <a:pt x="317" y="430"/>
                    </a:lnTo>
                    <a:lnTo>
                      <a:pt x="315" y="434"/>
                    </a:lnTo>
                    <a:lnTo>
                      <a:pt x="313" y="439"/>
                    </a:lnTo>
                    <a:lnTo>
                      <a:pt x="313" y="444"/>
                    </a:lnTo>
                    <a:lnTo>
                      <a:pt x="315" y="447"/>
                    </a:lnTo>
                    <a:lnTo>
                      <a:pt x="315" y="451"/>
                    </a:lnTo>
                    <a:lnTo>
                      <a:pt x="315" y="452"/>
                    </a:lnTo>
                    <a:lnTo>
                      <a:pt x="310" y="454"/>
                    </a:lnTo>
                    <a:lnTo>
                      <a:pt x="310" y="462"/>
                    </a:lnTo>
                    <a:lnTo>
                      <a:pt x="319" y="466"/>
                    </a:lnTo>
                    <a:lnTo>
                      <a:pt x="327" y="474"/>
                    </a:lnTo>
                    <a:lnTo>
                      <a:pt x="342" y="469"/>
                    </a:lnTo>
                    <a:lnTo>
                      <a:pt x="357" y="456"/>
                    </a:lnTo>
                    <a:lnTo>
                      <a:pt x="364" y="454"/>
                    </a:lnTo>
                    <a:lnTo>
                      <a:pt x="366" y="452"/>
                    </a:lnTo>
                    <a:lnTo>
                      <a:pt x="366" y="451"/>
                    </a:lnTo>
                    <a:lnTo>
                      <a:pt x="368" y="451"/>
                    </a:lnTo>
                    <a:lnTo>
                      <a:pt x="369" y="452"/>
                    </a:lnTo>
                    <a:lnTo>
                      <a:pt x="371" y="456"/>
                    </a:lnTo>
                    <a:lnTo>
                      <a:pt x="373" y="464"/>
                    </a:lnTo>
                    <a:lnTo>
                      <a:pt x="373" y="474"/>
                    </a:lnTo>
                    <a:lnTo>
                      <a:pt x="373" y="488"/>
                    </a:lnTo>
                    <a:lnTo>
                      <a:pt x="373" y="498"/>
                    </a:lnTo>
                    <a:lnTo>
                      <a:pt x="374" y="506"/>
                    </a:lnTo>
                    <a:lnTo>
                      <a:pt x="376" y="513"/>
                    </a:lnTo>
                    <a:lnTo>
                      <a:pt x="378" y="520"/>
                    </a:lnTo>
                    <a:lnTo>
                      <a:pt x="379" y="523"/>
                    </a:lnTo>
                    <a:lnTo>
                      <a:pt x="381" y="525"/>
                    </a:lnTo>
                    <a:lnTo>
                      <a:pt x="383" y="527"/>
                    </a:lnTo>
                    <a:lnTo>
                      <a:pt x="386" y="535"/>
                    </a:lnTo>
                    <a:lnTo>
                      <a:pt x="388" y="540"/>
                    </a:lnTo>
                    <a:lnTo>
                      <a:pt x="390" y="545"/>
                    </a:lnTo>
                    <a:lnTo>
                      <a:pt x="390" y="547"/>
                    </a:lnTo>
                    <a:lnTo>
                      <a:pt x="388" y="550"/>
                    </a:lnTo>
                    <a:lnTo>
                      <a:pt x="388" y="552"/>
                    </a:lnTo>
                    <a:lnTo>
                      <a:pt x="386" y="554"/>
                    </a:lnTo>
                    <a:lnTo>
                      <a:pt x="385" y="559"/>
                    </a:lnTo>
                    <a:lnTo>
                      <a:pt x="386" y="562"/>
                    </a:lnTo>
                    <a:lnTo>
                      <a:pt x="388" y="566"/>
                    </a:lnTo>
                    <a:lnTo>
                      <a:pt x="391" y="569"/>
                    </a:lnTo>
                    <a:lnTo>
                      <a:pt x="395" y="571"/>
                    </a:lnTo>
                    <a:lnTo>
                      <a:pt x="398" y="572"/>
                    </a:lnTo>
                    <a:lnTo>
                      <a:pt x="400" y="572"/>
                    </a:lnTo>
                    <a:lnTo>
                      <a:pt x="401" y="572"/>
                    </a:lnTo>
                    <a:lnTo>
                      <a:pt x="413" y="591"/>
                    </a:lnTo>
                    <a:lnTo>
                      <a:pt x="413" y="593"/>
                    </a:lnTo>
                    <a:lnTo>
                      <a:pt x="415" y="596"/>
                    </a:lnTo>
                    <a:lnTo>
                      <a:pt x="415" y="603"/>
                    </a:lnTo>
                    <a:lnTo>
                      <a:pt x="415" y="610"/>
                    </a:lnTo>
                    <a:lnTo>
                      <a:pt x="417" y="616"/>
                    </a:lnTo>
                    <a:lnTo>
                      <a:pt x="417" y="622"/>
                    </a:lnTo>
                    <a:lnTo>
                      <a:pt x="418" y="627"/>
                    </a:lnTo>
                    <a:lnTo>
                      <a:pt x="418" y="628"/>
                    </a:lnTo>
                    <a:lnTo>
                      <a:pt x="422" y="633"/>
                    </a:lnTo>
                    <a:lnTo>
                      <a:pt x="425" y="637"/>
                    </a:lnTo>
                    <a:lnTo>
                      <a:pt x="427" y="637"/>
                    </a:lnTo>
                    <a:lnTo>
                      <a:pt x="429" y="637"/>
                    </a:lnTo>
                    <a:lnTo>
                      <a:pt x="430" y="633"/>
                    </a:lnTo>
                    <a:lnTo>
                      <a:pt x="432" y="632"/>
                    </a:lnTo>
                    <a:lnTo>
                      <a:pt x="432" y="630"/>
                    </a:lnTo>
                    <a:lnTo>
                      <a:pt x="432" y="628"/>
                    </a:lnTo>
                    <a:lnTo>
                      <a:pt x="435" y="623"/>
                    </a:lnTo>
                    <a:lnTo>
                      <a:pt x="440" y="622"/>
                    </a:lnTo>
                    <a:lnTo>
                      <a:pt x="444" y="622"/>
                    </a:lnTo>
                    <a:lnTo>
                      <a:pt x="447" y="622"/>
                    </a:lnTo>
                    <a:lnTo>
                      <a:pt x="452" y="623"/>
                    </a:lnTo>
                    <a:lnTo>
                      <a:pt x="454" y="625"/>
                    </a:lnTo>
                    <a:lnTo>
                      <a:pt x="457" y="627"/>
                    </a:lnTo>
                    <a:lnTo>
                      <a:pt x="459" y="628"/>
                    </a:lnTo>
                    <a:lnTo>
                      <a:pt x="464" y="632"/>
                    </a:lnTo>
                    <a:lnTo>
                      <a:pt x="469" y="632"/>
                    </a:lnTo>
                    <a:lnTo>
                      <a:pt x="473" y="630"/>
                    </a:lnTo>
                    <a:lnTo>
                      <a:pt x="476" y="628"/>
                    </a:lnTo>
                    <a:lnTo>
                      <a:pt x="478" y="625"/>
                    </a:lnTo>
                    <a:lnTo>
                      <a:pt x="479" y="623"/>
                    </a:lnTo>
                    <a:lnTo>
                      <a:pt x="479" y="620"/>
                    </a:lnTo>
                    <a:lnTo>
                      <a:pt x="481" y="620"/>
                    </a:lnTo>
                    <a:lnTo>
                      <a:pt x="484" y="618"/>
                    </a:lnTo>
                    <a:lnTo>
                      <a:pt x="486" y="618"/>
                    </a:lnTo>
                    <a:lnTo>
                      <a:pt x="488" y="620"/>
                    </a:lnTo>
                    <a:lnTo>
                      <a:pt x="489" y="622"/>
                    </a:lnTo>
                    <a:lnTo>
                      <a:pt x="491" y="623"/>
                    </a:lnTo>
                    <a:lnTo>
                      <a:pt x="491" y="625"/>
                    </a:lnTo>
                    <a:lnTo>
                      <a:pt x="493" y="627"/>
                    </a:lnTo>
                    <a:lnTo>
                      <a:pt x="493" y="628"/>
                    </a:lnTo>
                    <a:lnTo>
                      <a:pt x="498" y="628"/>
                    </a:lnTo>
                    <a:lnTo>
                      <a:pt x="518" y="625"/>
                    </a:lnTo>
                    <a:lnTo>
                      <a:pt x="525" y="630"/>
                    </a:lnTo>
                    <a:lnTo>
                      <a:pt x="537" y="630"/>
                    </a:lnTo>
                    <a:lnTo>
                      <a:pt x="552" y="628"/>
                    </a:lnTo>
                    <a:lnTo>
                      <a:pt x="559" y="611"/>
                    </a:lnTo>
                    <a:lnTo>
                      <a:pt x="569" y="611"/>
                    </a:lnTo>
                    <a:lnTo>
                      <a:pt x="576" y="632"/>
                    </a:lnTo>
                    <a:lnTo>
                      <a:pt x="586" y="647"/>
                    </a:lnTo>
                    <a:lnTo>
                      <a:pt x="540" y="958"/>
                    </a:lnTo>
                    <a:lnTo>
                      <a:pt x="269" y="909"/>
                    </a:lnTo>
                    <a:lnTo>
                      <a:pt x="268" y="909"/>
                    </a:lnTo>
                    <a:lnTo>
                      <a:pt x="266" y="909"/>
                    </a:lnTo>
                    <a:lnTo>
                      <a:pt x="263" y="908"/>
                    </a:lnTo>
                    <a:lnTo>
                      <a:pt x="259" y="908"/>
                    </a:lnTo>
                    <a:lnTo>
                      <a:pt x="254" y="906"/>
                    </a:lnTo>
                    <a:lnTo>
                      <a:pt x="249" y="904"/>
                    </a:lnTo>
                    <a:lnTo>
                      <a:pt x="242" y="904"/>
                    </a:lnTo>
                    <a:lnTo>
                      <a:pt x="236" y="902"/>
                    </a:lnTo>
                    <a:lnTo>
                      <a:pt x="229" y="901"/>
                    </a:lnTo>
                    <a:lnTo>
                      <a:pt x="220" y="899"/>
                    </a:lnTo>
                    <a:lnTo>
                      <a:pt x="212" y="897"/>
                    </a:lnTo>
                    <a:lnTo>
                      <a:pt x="203" y="896"/>
                    </a:lnTo>
                    <a:lnTo>
                      <a:pt x="193" y="894"/>
                    </a:lnTo>
                    <a:lnTo>
                      <a:pt x="185" y="891"/>
                    </a:lnTo>
                    <a:lnTo>
                      <a:pt x="175" y="889"/>
                    </a:lnTo>
                    <a:lnTo>
                      <a:pt x="165" y="887"/>
                    </a:lnTo>
                    <a:lnTo>
                      <a:pt x="154" y="884"/>
                    </a:lnTo>
                    <a:lnTo>
                      <a:pt x="143" y="882"/>
                    </a:lnTo>
                    <a:lnTo>
                      <a:pt x="132" y="880"/>
                    </a:lnTo>
                    <a:lnTo>
                      <a:pt x="121" y="877"/>
                    </a:lnTo>
                    <a:lnTo>
                      <a:pt x="110" y="875"/>
                    </a:lnTo>
                    <a:lnTo>
                      <a:pt x="99" y="872"/>
                    </a:lnTo>
                    <a:lnTo>
                      <a:pt x="87" y="870"/>
                    </a:lnTo>
                    <a:lnTo>
                      <a:pt x="77" y="867"/>
                    </a:lnTo>
                    <a:lnTo>
                      <a:pt x="65" y="865"/>
                    </a:lnTo>
                    <a:lnTo>
                      <a:pt x="53" y="862"/>
                    </a:lnTo>
                    <a:lnTo>
                      <a:pt x="43" y="860"/>
                    </a:lnTo>
                    <a:lnTo>
                      <a:pt x="33" y="858"/>
                    </a:lnTo>
                    <a:lnTo>
                      <a:pt x="21" y="855"/>
                    </a:lnTo>
                    <a:lnTo>
                      <a:pt x="11" y="853"/>
                    </a:lnTo>
                    <a:lnTo>
                      <a:pt x="0" y="852"/>
                    </a:lnTo>
                    <a:lnTo>
                      <a:pt x="46" y="657"/>
                    </a:lnTo>
                    <a:lnTo>
                      <a:pt x="44" y="644"/>
                    </a:lnTo>
                    <a:lnTo>
                      <a:pt x="63" y="611"/>
                    </a:lnTo>
                    <a:lnTo>
                      <a:pt x="63" y="601"/>
                    </a:lnTo>
                    <a:lnTo>
                      <a:pt x="68" y="594"/>
                    </a:lnTo>
                    <a:lnTo>
                      <a:pt x="71" y="586"/>
                    </a:lnTo>
                    <a:lnTo>
                      <a:pt x="66" y="581"/>
                    </a:lnTo>
                    <a:lnTo>
                      <a:pt x="48" y="569"/>
                    </a:lnTo>
                    <a:lnTo>
                      <a:pt x="49" y="561"/>
                    </a:lnTo>
                    <a:lnTo>
                      <a:pt x="49" y="559"/>
                    </a:lnTo>
                    <a:lnTo>
                      <a:pt x="49" y="557"/>
                    </a:lnTo>
                    <a:lnTo>
                      <a:pt x="51" y="556"/>
                    </a:lnTo>
                    <a:lnTo>
                      <a:pt x="51" y="554"/>
                    </a:lnTo>
                    <a:lnTo>
                      <a:pt x="53" y="552"/>
                    </a:lnTo>
                    <a:lnTo>
                      <a:pt x="53" y="550"/>
                    </a:lnTo>
                    <a:lnTo>
                      <a:pt x="53" y="549"/>
                    </a:lnTo>
                    <a:lnTo>
                      <a:pt x="58" y="539"/>
                    </a:lnTo>
                    <a:lnTo>
                      <a:pt x="63" y="530"/>
                    </a:lnTo>
                    <a:lnTo>
                      <a:pt x="71" y="522"/>
                    </a:lnTo>
                    <a:lnTo>
                      <a:pt x="78" y="513"/>
                    </a:lnTo>
                    <a:lnTo>
                      <a:pt x="87" y="506"/>
                    </a:lnTo>
                    <a:lnTo>
                      <a:pt x="93" y="501"/>
                    </a:lnTo>
                    <a:lnTo>
                      <a:pt x="97" y="498"/>
                    </a:lnTo>
                    <a:lnTo>
                      <a:pt x="99" y="496"/>
                    </a:lnTo>
                    <a:lnTo>
                      <a:pt x="99" y="488"/>
                    </a:lnTo>
                    <a:lnTo>
                      <a:pt x="146" y="422"/>
                    </a:lnTo>
                    <a:lnTo>
                      <a:pt x="148" y="413"/>
                    </a:lnTo>
                    <a:lnTo>
                      <a:pt x="141" y="400"/>
                    </a:lnTo>
                    <a:lnTo>
                      <a:pt x="131" y="391"/>
                    </a:lnTo>
                    <a:lnTo>
                      <a:pt x="119" y="368"/>
                    </a:lnTo>
                    <a:lnTo>
                      <a:pt x="119" y="358"/>
                    </a:lnTo>
                    <a:lnTo>
                      <a:pt x="122" y="344"/>
                    </a:lnTo>
                    <a:lnTo>
                      <a:pt x="122" y="332"/>
                    </a:lnTo>
                    <a:lnTo>
                      <a:pt x="117" y="320"/>
                    </a:lnTo>
                    <a:lnTo>
                      <a:pt x="122" y="303"/>
                    </a:lnTo>
                    <a:lnTo>
                      <a:pt x="122" y="302"/>
                    </a:lnTo>
                    <a:lnTo>
                      <a:pt x="122" y="300"/>
                    </a:lnTo>
                    <a:lnTo>
                      <a:pt x="124" y="297"/>
                    </a:lnTo>
                    <a:lnTo>
                      <a:pt x="126" y="290"/>
                    </a:lnTo>
                    <a:lnTo>
                      <a:pt x="127" y="283"/>
                    </a:lnTo>
                    <a:lnTo>
                      <a:pt x="129" y="275"/>
                    </a:lnTo>
                    <a:lnTo>
                      <a:pt x="131" y="266"/>
                    </a:lnTo>
                    <a:lnTo>
                      <a:pt x="132" y="256"/>
                    </a:lnTo>
                    <a:lnTo>
                      <a:pt x="136" y="244"/>
                    </a:lnTo>
                    <a:lnTo>
                      <a:pt x="137" y="232"/>
                    </a:lnTo>
                    <a:lnTo>
                      <a:pt x="141" y="220"/>
                    </a:lnTo>
                    <a:lnTo>
                      <a:pt x="144" y="207"/>
                    </a:lnTo>
                    <a:lnTo>
                      <a:pt x="146" y="193"/>
                    </a:lnTo>
                    <a:lnTo>
                      <a:pt x="149" y="180"/>
                    </a:lnTo>
                    <a:lnTo>
                      <a:pt x="153" y="166"/>
                    </a:lnTo>
                    <a:lnTo>
                      <a:pt x="156" y="151"/>
                    </a:lnTo>
                    <a:lnTo>
                      <a:pt x="159" y="138"/>
                    </a:lnTo>
                    <a:lnTo>
                      <a:pt x="161" y="122"/>
                    </a:lnTo>
                    <a:lnTo>
                      <a:pt x="165" y="109"/>
                    </a:lnTo>
                    <a:lnTo>
                      <a:pt x="168" y="95"/>
                    </a:lnTo>
                    <a:lnTo>
                      <a:pt x="171" y="82"/>
                    </a:lnTo>
                    <a:lnTo>
                      <a:pt x="173" y="70"/>
                    </a:lnTo>
                    <a:lnTo>
                      <a:pt x="176" y="58"/>
                    </a:lnTo>
                    <a:lnTo>
                      <a:pt x="178" y="48"/>
                    </a:lnTo>
                    <a:lnTo>
                      <a:pt x="181" y="38"/>
                    </a:lnTo>
                    <a:lnTo>
                      <a:pt x="183" y="28"/>
                    </a:lnTo>
                    <a:lnTo>
                      <a:pt x="185" y="19"/>
                    </a:lnTo>
                    <a:lnTo>
                      <a:pt x="187" y="12"/>
                    </a:lnTo>
                    <a:lnTo>
                      <a:pt x="188" y="7"/>
                    </a:lnTo>
                    <a:lnTo>
                      <a:pt x="188" y="4"/>
                    </a:lnTo>
                    <a:lnTo>
                      <a:pt x="188" y="0"/>
                    </a:lnTo>
                    <a:lnTo>
                      <a:pt x="266" y="17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602" name="Freeform 117"/>
              <p:cNvSpPr>
                <a:spLocks/>
              </p:cNvSpPr>
              <p:nvPr/>
            </p:nvSpPr>
            <p:spPr bwMode="auto">
              <a:xfrm>
                <a:off x="1110" y="981"/>
                <a:ext cx="979" cy="621"/>
              </a:xfrm>
              <a:custGeom>
                <a:avLst/>
                <a:gdLst>
                  <a:gd name="T0" fmla="*/ 289 w 1007"/>
                  <a:gd name="T1" fmla="*/ 381 h 640"/>
                  <a:gd name="T2" fmla="*/ 357 w 1007"/>
                  <a:gd name="T3" fmla="*/ 389 h 640"/>
                  <a:gd name="T4" fmla="*/ 425 w 1007"/>
                  <a:gd name="T5" fmla="*/ 398 h 640"/>
                  <a:gd name="T6" fmla="*/ 489 w 1007"/>
                  <a:gd name="T7" fmla="*/ 406 h 640"/>
                  <a:gd name="T8" fmla="*/ 550 w 1007"/>
                  <a:gd name="T9" fmla="*/ 410 h 640"/>
                  <a:gd name="T10" fmla="*/ 600 w 1007"/>
                  <a:gd name="T11" fmla="*/ 415 h 640"/>
                  <a:gd name="T12" fmla="*/ 635 w 1007"/>
                  <a:gd name="T13" fmla="*/ 418 h 640"/>
                  <a:gd name="T14" fmla="*/ 651 w 1007"/>
                  <a:gd name="T15" fmla="*/ 420 h 640"/>
                  <a:gd name="T16" fmla="*/ 635 w 1007"/>
                  <a:gd name="T17" fmla="*/ 93 h 640"/>
                  <a:gd name="T18" fmla="*/ 534 w 1007"/>
                  <a:gd name="T19" fmla="*/ 82 h 640"/>
                  <a:gd name="T20" fmla="*/ 426 w 1007"/>
                  <a:gd name="T21" fmla="*/ 70 h 640"/>
                  <a:gd name="T22" fmla="*/ 317 w 1007"/>
                  <a:gd name="T23" fmla="*/ 54 h 640"/>
                  <a:gd name="T24" fmla="*/ 215 w 1007"/>
                  <a:gd name="T25" fmla="*/ 39 h 640"/>
                  <a:gd name="T26" fmla="*/ 126 w 1007"/>
                  <a:gd name="T27" fmla="*/ 17 h 640"/>
                  <a:gd name="T28" fmla="*/ 60 w 1007"/>
                  <a:gd name="T29" fmla="*/ 12 h 640"/>
                  <a:gd name="T30" fmla="*/ 20 w 1007"/>
                  <a:gd name="T31" fmla="*/ 2 h 640"/>
                  <a:gd name="T32" fmla="*/ 0 w 1007"/>
                  <a:gd name="T33" fmla="*/ 80 h 640"/>
                  <a:gd name="T34" fmla="*/ 13 w 1007"/>
                  <a:gd name="T35" fmla="*/ 120 h 640"/>
                  <a:gd name="T36" fmla="*/ 17 w 1007"/>
                  <a:gd name="T37" fmla="*/ 135 h 640"/>
                  <a:gd name="T38" fmla="*/ 17 w 1007"/>
                  <a:gd name="T39" fmla="*/ 139 h 640"/>
                  <a:gd name="T40" fmla="*/ 17 w 1007"/>
                  <a:gd name="T41" fmla="*/ 143 h 640"/>
                  <a:gd name="T42" fmla="*/ 31 w 1007"/>
                  <a:gd name="T43" fmla="*/ 148 h 640"/>
                  <a:gd name="T44" fmla="*/ 41 w 1007"/>
                  <a:gd name="T45" fmla="*/ 165 h 640"/>
                  <a:gd name="T46" fmla="*/ 44 w 1007"/>
                  <a:gd name="T47" fmla="*/ 180 h 640"/>
                  <a:gd name="T48" fmla="*/ 45 w 1007"/>
                  <a:gd name="T49" fmla="*/ 187 h 640"/>
                  <a:gd name="T50" fmla="*/ 60 w 1007"/>
                  <a:gd name="T51" fmla="*/ 206 h 640"/>
                  <a:gd name="T52" fmla="*/ 77 w 1007"/>
                  <a:gd name="T53" fmla="*/ 206 h 640"/>
                  <a:gd name="T54" fmla="*/ 63 w 1007"/>
                  <a:gd name="T55" fmla="*/ 236 h 640"/>
                  <a:gd name="T56" fmla="*/ 58 w 1007"/>
                  <a:gd name="T57" fmla="*/ 252 h 640"/>
                  <a:gd name="T58" fmla="*/ 58 w 1007"/>
                  <a:gd name="T59" fmla="*/ 268 h 640"/>
                  <a:gd name="T60" fmla="*/ 49 w 1007"/>
                  <a:gd name="T61" fmla="*/ 274 h 640"/>
                  <a:gd name="T62" fmla="*/ 49 w 1007"/>
                  <a:gd name="T63" fmla="*/ 285 h 640"/>
                  <a:gd name="T64" fmla="*/ 51 w 1007"/>
                  <a:gd name="T65" fmla="*/ 295 h 640"/>
                  <a:gd name="T66" fmla="*/ 83 w 1007"/>
                  <a:gd name="T67" fmla="*/ 286 h 640"/>
                  <a:gd name="T68" fmla="*/ 85 w 1007"/>
                  <a:gd name="T69" fmla="*/ 285 h 640"/>
                  <a:gd name="T70" fmla="*/ 88 w 1007"/>
                  <a:gd name="T71" fmla="*/ 300 h 640"/>
                  <a:gd name="T72" fmla="*/ 90 w 1007"/>
                  <a:gd name="T73" fmla="*/ 325 h 640"/>
                  <a:gd name="T74" fmla="*/ 95 w 1007"/>
                  <a:gd name="T75" fmla="*/ 334 h 640"/>
                  <a:gd name="T76" fmla="*/ 101 w 1007"/>
                  <a:gd name="T77" fmla="*/ 347 h 640"/>
                  <a:gd name="T78" fmla="*/ 98 w 1007"/>
                  <a:gd name="T79" fmla="*/ 352 h 640"/>
                  <a:gd name="T80" fmla="*/ 101 w 1007"/>
                  <a:gd name="T81" fmla="*/ 363 h 640"/>
                  <a:gd name="T82" fmla="*/ 109 w 1007"/>
                  <a:gd name="T83" fmla="*/ 364 h 640"/>
                  <a:gd name="T84" fmla="*/ 117 w 1007"/>
                  <a:gd name="T85" fmla="*/ 385 h 640"/>
                  <a:gd name="T86" fmla="*/ 119 w 1007"/>
                  <a:gd name="T87" fmla="*/ 399 h 640"/>
                  <a:gd name="T88" fmla="*/ 125 w 1007"/>
                  <a:gd name="T89" fmla="*/ 408 h 640"/>
                  <a:gd name="T90" fmla="*/ 129 w 1007"/>
                  <a:gd name="T91" fmla="*/ 402 h 640"/>
                  <a:gd name="T92" fmla="*/ 137 w 1007"/>
                  <a:gd name="T93" fmla="*/ 397 h 640"/>
                  <a:gd name="T94" fmla="*/ 145 w 1007"/>
                  <a:gd name="T95" fmla="*/ 399 h 640"/>
                  <a:gd name="T96" fmla="*/ 157 w 1007"/>
                  <a:gd name="T97" fmla="*/ 402 h 640"/>
                  <a:gd name="T98" fmla="*/ 160 w 1007"/>
                  <a:gd name="T99" fmla="*/ 396 h 640"/>
                  <a:gd name="T100" fmla="*/ 167 w 1007"/>
                  <a:gd name="T101" fmla="*/ 396 h 640"/>
                  <a:gd name="T102" fmla="*/ 170 w 1007"/>
                  <a:gd name="T103" fmla="*/ 399 h 640"/>
                  <a:gd name="T104" fmla="*/ 192 w 1007"/>
                  <a:gd name="T105" fmla="*/ 402 h 640"/>
                  <a:gd name="T106" fmla="*/ 221 w 1007"/>
                  <a:gd name="T107" fmla="*/ 389 h 640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1007"/>
                  <a:gd name="T163" fmla="*/ 0 h 640"/>
                  <a:gd name="T164" fmla="*/ 1007 w 1007"/>
                  <a:gd name="T165" fmla="*/ 640 h 640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1007" h="640">
                    <a:moveTo>
                      <a:pt x="358" y="569"/>
                    </a:moveTo>
                    <a:lnTo>
                      <a:pt x="380" y="572"/>
                    </a:lnTo>
                    <a:lnTo>
                      <a:pt x="404" y="576"/>
                    </a:lnTo>
                    <a:lnTo>
                      <a:pt x="428" y="581"/>
                    </a:lnTo>
                    <a:lnTo>
                      <a:pt x="453" y="584"/>
                    </a:lnTo>
                    <a:lnTo>
                      <a:pt x="477" y="588"/>
                    </a:lnTo>
                    <a:lnTo>
                      <a:pt x="502" y="591"/>
                    </a:lnTo>
                    <a:lnTo>
                      <a:pt x="528" y="594"/>
                    </a:lnTo>
                    <a:lnTo>
                      <a:pt x="553" y="598"/>
                    </a:lnTo>
                    <a:lnTo>
                      <a:pt x="578" y="601"/>
                    </a:lnTo>
                    <a:lnTo>
                      <a:pt x="605" y="603"/>
                    </a:lnTo>
                    <a:lnTo>
                      <a:pt x="631" y="606"/>
                    </a:lnTo>
                    <a:lnTo>
                      <a:pt x="655" y="610"/>
                    </a:lnTo>
                    <a:lnTo>
                      <a:pt x="680" y="613"/>
                    </a:lnTo>
                    <a:lnTo>
                      <a:pt x="704" y="615"/>
                    </a:lnTo>
                    <a:lnTo>
                      <a:pt x="727" y="618"/>
                    </a:lnTo>
                    <a:lnTo>
                      <a:pt x="751" y="620"/>
                    </a:lnTo>
                    <a:lnTo>
                      <a:pt x="775" y="621"/>
                    </a:lnTo>
                    <a:lnTo>
                      <a:pt x="797" y="625"/>
                    </a:lnTo>
                    <a:lnTo>
                      <a:pt x="817" y="627"/>
                    </a:lnTo>
                    <a:lnTo>
                      <a:pt x="837" y="628"/>
                    </a:lnTo>
                    <a:lnTo>
                      <a:pt x="856" y="630"/>
                    </a:lnTo>
                    <a:lnTo>
                      <a:pt x="873" y="632"/>
                    </a:lnTo>
                    <a:lnTo>
                      <a:pt x="890" y="633"/>
                    </a:lnTo>
                    <a:lnTo>
                      <a:pt x="905" y="635"/>
                    </a:lnTo>
                    <a:lnTo>
                      <a:pt x="919" y="635"/>
                    </a:lnTo>
                    <a:lnTo>
                      <a:pt x="930" y="637"/>
                    </a:lnTo>
                    <a:lnTo>
                      <a:pt x="941" y="637"/>
                    </a:lnTo>
                    <a:lnTo>
                      <a:pt x="949" y="638"/>
                    </a:lnTo>
                    <a:lnTo>
                      <a:pt x="957" y="638"/>
                    </a:lnTo>
                    <a:lnTo>
                      <a:pt x="963" y="638"/>
                    </a:lnTo>
                    <a:lnTo>
                      <a:pt x="966" y="640"/>
                    </a:lnTo>
                    <a:lnTo>
                      <a:pt x="1007" y="144"/>
                    </a:lnTo>
                    <a:lnTo>
                      <a:pt x="974" y="143"/>
                    </a:lnTo>
                    <a:lnTo>
                      <a:pt x="941" y="141"/>
                    </a:lnTo>
                    <a:lnTo>
                      <a:pt x="905" y="139"/>
                    </a:lnTo>
                    <a:lnTo>
                      <a:pt x="869" y="136"/>
                    </a:lnTo>
                    <a:lnTo>
                      <a:pt x="832" y="131"/>
                    </a:lnTo>
                    <a:lnTo>
                      <a:pt x="793" y="127"/>
                    </a:lnTo>
                    <a:lnTo>
                      <a:pt x="754" y="122"/>
                    </a:lnTo>
                    <a:lnTo>
                      <a:pt x="714" y="117"/>
                    </a:lnTo>
                    <a:lnTo>
                      <a:pt x="673" y="112"/>
                    </a:lnTo>
                    <a:lnTo>
                      <a:pt x="633" y="105"/>
                    </a:lnTo>
                    <a:lnTo>
                      <a:pt x="592" y="100"/>
                    </a:lnTo>
                    <a:lnTo>
                      <a:pt x="551" y="93"/>
                    </a:lnTo>
                    <a:lnTo>
                      <a:pt x="511" y="88"/>
                    </a:lnTo>
                    <a:lnTo>
                      <a:pt x="470" y="82"/>
                    </a:lnTo>
                    <a:lnTo>
                      <a:pt x="431" y="75"/>
                    </a:lnTo>
                    <a:lnTo>
                      <a:pt x="392" y="68"/>
                    </a:lnTo>
                    <a:lnTo>
                      <a:pt x="355" y="61"/>
                    </a:lnTo>
                    <a:lnTo>
                      <a:pt x="318" y="56"/>
                    </a:lnTo>
                    <a:lnTo>
                      <a:pt x="282" y="49"/>
                    </a:lnTo>
                    <a:lnTo>
                      <a:pt x="248" y="43"/>
                    </a:lnTo>
                    <a:lnTo>
                      <a:pt x="216" y="38"/>
                    </a:lnTo>
                    <a:lnTo>
                      <a:pt x="188" y="31"/>
                    </a:lnTo>
                    <a:lnTo>
                      <a:pt x="159" y="26"/>
                    </a:lnTo>
                    <a:lnTo>
                      <a:pt x="133" y="21"/>
                    </a:lnTo>
                    <a:lnTo>
                      <a:pt x="108" y="17"/>
                    </a:lnTo>
                    <a:lnTo>
                      <a:pt x="88" y="12"/>
                    </a:lnTo>
                    <a:lnTo>
                      <a:pt x="69" y="9"/>
                    </a:lnTo>
                    <a:lnTo>
                      <a:pt x="54" y="5"/>
                    </a:lnTo>
                    <a:lnTo>
                      <a:pt x="42" y="4"/>
                    </a:lnTo>
                    <a:lnTo>
                      <a:pt x="34" y="2"/>
                    </a:lnTo>
                    <a:lnTo>
                      <a:pt x="27" y="0"/>
                    </a:lnTo>
                    <a:lnTo>
                      <a:pt x="25" y="0"/>
                    </a:lnTo>
                    <a:lnTo>
                      <a:pt x="0" y="122"/>
                    </a:lnTo>
                    <a:lnTo>
                      <a:pt x="8" y="141"/>
                    </a:lnTo>
                    <a:lnTo>
                      <a:pt x="20" y="168"/>
                    </a:lnTo>
                    <a:lnTo>
                      <a:pt x="20" y="178"/>
                    </a:lnTo>
                    <a:lnTo>
                      <a:pt x="13" y="183"/>
                    </a:lnTo>
                    <a:lnTo>
                      <a:pt x="22" y="190"/>
                    </a:lnTo>
                    <a:lnTo>
                      <a:pt x="15" y="195"/>
                    </a:lnTo>
                    <a:lnTo>
                      <a:pt x="15" y="202"/>
                    </a:lnTo>
                    <a:lnTo>
                      <a:pt x="28" y="205"/>
                    </a:lnTo>
                    <a:lnTo>
                      <a:pt x="28" y="207"/>
                    </a:lnTo>
                    <a:lnTo>
                      <a:pt x="28" y="209"/>
                    </a:lnTo>
                    <a:lnTo>
                      <a:pt x="28" y="210"/>
                    </a:lnTo>
                    <a:lnTo>
                      <a:pt x="28" y="212"/>
                    </a:lnTo>
                    <a:lnTo>
                      <a:pt x="28" y="214"/>
                    </a:lnTo>
                    <a:lnTo>
                      <a:pt x="28" y="215"/>
                    </a:lnTo>
                    <a:lnTo>
                      <a:pt x="30" y="217"/>
                    </a:lnTo>
                    <a:lnTo>
                      <a:pt x="35" y="219"/>
                    </a:lnTo>
                    <a:lnTo>
                      <a:pt x="39" y="220"/>
                    </a:lnTo>
                    <a:lnTo>
                      <a:pt x="42" y="224"/>
                    </a:lnTo>
                    <a:lnTo>
                      <a:pt x="45" y="227"/>
                    </a:lnTo>
                    <a:lnTo>
                      <a:pt x="49" y="232"/>
                    </a:lnTo>
                    <a:lnTo>
                      <a:pt x="52" y="239"/>
                    </a:lnTo>
                    <a:lnTo>
                      <a:pt x="54" y="244"/>
                    </a:lnTo>
                    <a:lnTo>
                      <a:pt x="57" y="251"/>
                    </a:lnTo>
                    <a:lnTo>
                      <a:pt x="59" y="258"/>
                    </a:lnTo>
                    <a:lnTo>
                      <a:pt x="61" y="263"/>
                    </a:lnTo>
                    <a:lnTo>
                      <a:pt x="62" y="269"/>
                    </a:lnTo>
                    <a:lnTo>
                      <a:pt x="64" y="275"/>
                    </a:lnTo>
                    <a:lnTo>
                      <a:pt x="64" y="278"/>
                    </a:lnTo>
                    <a:lnTo>
                      <a:pt x="66" y="281"/>
                    </a:lnTo>
                    <a:lnTo>
                      <a:pt x="66" y="283"/>
                    </a:lnTo>
                    <a:lnTo>
                      <a:pt x="66" y="285"/>
                    </a:lnTo>
                    <a:lnTo>
                      <a:pt x="74" y="288"/>
                    </a:lnTo>
                    <a:lnTo>
                      <a:pt x="74" y="300"/>
                    </a:lnTo>
                    <a:lnTo>
                      <a:pt x="86" y="300"/>
                    </a:lnTo>
                    <a:lnTo>
                      <a:pt x="88" y="313"/>
                    </a:lnTo>
                    <a:lnTo>
                      <a:pt x="94" y="313"/>
                    </a:lnTo>
                    <a:lnTo>
                      <a:pt x="113" y="313"/>
                    </a:lnTo>
                    <a:lnTo>
                      <a:pt x="113" y="315"/>
                    </a:lnTo>
                    <a:lnTo>
                      <a:pt x="101" y="337"/>
                    </a:lnTo>
                    <a:lnTo>
                      <a:pt x="101" y="349"/>
                    </a:lnTo>
                    <a:lnTo>
                      <a:pt x="93" y="359"/>
                    </a:lnTo>
                    <a:lnTo>
                      <a:pt x="94" y="359"/>
                    </a:lnTo>
                    <a:lnTo>
                      <a:pt x="94" y="368"/>
                    </a:lnTo>
                    <a:lnTo>
                      <a:pt x="88" y="373"/>
                    </a:lnTo>
                    <a:lnTo>
                      <a:pt x="86" y="383"/>
                    </a:lnTo>
                    <a:lnTo>
                      <a:pt x="89" y="401"/>
                    </a:lnTo>
                    <a:lnTo>
                      <a:pt x="89" y="403"/>
                    </a:lnTo>
                    <a:lnTo>
                      <a:pt x="88" y="405"/>
                    </a:lnTo>
                    <a:lnTo>
                      <a:pt x="86" y="408"/>
                    </a:lnTo>
                    <a:lnTo>
                      <a:pt x="79" y="410"/>
                    </a:lnTo>
                    <a:lnTo>
                      <a:pt x="76" y="413"/>
                    </a:lnTo>
                    <a:lnTo>
                      <a:pt x="74" y="417"/>
                    </a:lnTo>
                    <a:lnTo>
                      <a:pt x="72" y="422"/>
                    </a:lnTo>
                    <a:lnTo>
                      <a:pt x="72" y="427"/>
                    </a:lnTo>
                    <a:lnTo>
                      <a:pt x="74" y="430"/>
                    </a:lnTo>
                    <a:lnTo>
                      <a:pt x="74" y="434"/>
                    </a:lnTo>
                    <a:lnTo>
                      <a:pt x="74" y="435"/>
                    </a:lnTo>
                    <a:lnTo>
                      <a:pt x="69" y="437"/>
                    </a:lnTo>
                    <a:lnTo>
                      <a:pt x="69" y="445"/>
                    </a:lnTo>
                    <a:lnTo>
                      <a:pt x="78" y="449"/>
                    </a:lnTo>
                    <a:lnTo>
                      <a:pt x="86" y="457"/>
                    </a:lnTo>
                    <a:lnTo>
                      <a:pt x="101" y="452"/>
                    </a:lnTo>
                    <a:lnTo>
                      <a:pt x="116" y="439"/>
                    </a:lnTo>
                    <a:lnTo>
                      <a:pt x="123" y="437"/>
                    </a:lnTo>
                    <a:lnTo>
                      <a:pt x="125" y="435"/>
                    </a:lnTo>
                    <a:lnTo>
                      <a:pt x="125" y="434"/>
                    </a:lnTo>
                    <a:lnTo>
                      <a:pt x="127" y="434"/>
                    </a:lnTo>
                    <a:lnTo>
                      <a:pt x="128" y="435"/>
                    </a:lnTo>
                    <a:lnTo>
                      <a:pt x="130" y="439"/>
                    </a:lnTo>
                    <a:lnTo>
                      <a:pt x="132" y="447"/>
                    </a:lnTo>
                    <a:lnTo>
                      <a:pt x="132" y="457"/>
                    </a:lnTo>
                    <a:lnTo>
                      <a:pt x="132" y="471"/>
                    </a:lnTo>
                    <a:lnTo>
                      <a:pt x="132" y="481"/>
                    </a:lnTo>
                    <a:lnTo>
                      <a:pt x="133" y="489"/>
                    </a:lnTo>
                    <a:lnTo>
                      <a:pt x="135" y="496"/>
                    </a:lnTo>
                    <a:lnTo>
                      <a:pt x="137" y="503"/>
                    </a:lnTo>
                    <a:lnTo>
                      <a:pt x="138" y="506"/>
                    </a:lnTo>
                    <a:lnTo>
                      <a:pt x="140" y="508"/>
                    </a:lnTo>
                    <a:lnTo>
                      <a:pt x="142" y="510"/>
                    </a:lnTo>
                    <a:lnTo>
                      <a:pt x="145" y="518"/>
                    </a:lnTo>
                    <a:lnTo>
                      <a:pt x="147" y="523"/>
                    </a:lnTo>
                    <a:lnTo>
                      <a:pt x="149" y="528"/>
                    </a:lnTo>
                    <a:lnTo>
                      <a:pt x="149" y="530"/>
                    </a:lnTo>
                    <a:lnTo>
                      <a:pt x="147" y="533"/>
                    </a:lnTo>
                    <a:lnTo>
                      <a:pt x="147" y="535"/>
                    </a:lnTo>
                    <a:lnTo>
                      <a:pt x="145" y="537"/>
                    </a:lnTo>
                    <a:lnTo>
                      <a:pt x="144" y="542"/>
                    </a:lnTo>
                    <a:lnTo>
                      <a:pt x="145" y="545"/>
                    </a:lnTo>
                    <a:lnTo>
                      <a:pt x="147" y="549"/>
                    </a:lnTo>
                    <a:lnTo>
                      <a:pt x="150" y="552"/>
                    </a:lnTo>
                    <a:lnTo>
                      <a:pt x="154" y="554"/>
                    </a:lnTo>
                    <a:lnTo>
                      <a:pt x="157" y="555"/>
                    </a:lnTo>
                    <a:lnTo>
                      <a:pt x="159" y="555"/>
                    </a:lnTo>
                    <a:lnTo>
                      <a:pt x="160" y="555"/>
                    </a:lnTo>
                    <a:lnTo>
                      <a:pt x="172" y="574"/>
                    </a:lnTo>
                    <a:lnTo>
                      <a:pt x="172" y="576"/>
                    </a:lnTo>
                    <a:lnTo>
                      <a:pt x="174" y="579"/>
                    </a:lnTo>
                    <a:lnTo>
                      <a:pt x="174" y="586"/>
                    </a:lnTo>
                    <a:lnTo>
                      <a:pt x="174" y="593"/>
                    </a:lnTo>
                    <a:lnTo>
                      <a:pt x="176" y="599"/>
                    </a:lnTo>
                    <a:lnTo>
                      <a:pt x="176" y="605"/>
                    </a:lnTo>
                    <a:lnTo>
                      <a:pt x="177" y="610"/>
                    </a:lnTo>
                    <a:lnTo>
                      <a:pt x="177" y="611"/>
                    </a:lnTo>
                    <a:lnTo>
                      <a:pt x="181" y="616"/>
                    </a:lnTo>
                    <a:lnTo>
                      <a:pt x="184" y="620"/>
                    </a:lnTo>
                    <a:lnTo>
                      <a:pt x="186" y="620"/>
                    </a:lnTo>
                    <a:lnTo>
                      <a:pt x="188" y="620"/>
                    </a:lnTo>
                    <a:lnTo>
                      <a:pt x="189" y="616"/>
                    </a:lnTo>
                    <a:lnTo>
                      <a:pt x="191" y="615"/>
                    </a:lnTo>
                    <a:lnTo>
                      <a:pt x="191" y="613"/>
                    </a:lnTo>
                    <a:lnTo>
                      <a:pt x="191" y="611"/>
                    </a:lnTo>
                    <a:lnTo>
                      <a:pt x="194" y="606"/>
                    </a:lnTo>
                    <a:lnTo>
                      <a:pt x="199" y="605"/>
                    </a:lnTo>
                    <a:lnTo>
                      <a:pt x="203" y="605"/>
                    </a:lnTo>
                    <a:lnTo>
                      <a:pt x="206" y="605"/>
                    </a:lnTo>
                    <a:lnTo>
                      <a:pt x="211" y="606"/>
                    </a:lnTo>
                    <a:lnTo>
                      <a:pt x="213" y="608"/>
                    </a:lnTo>
                    <a:lnTo>
                      <a:pt x="216" y="610"/>
                    </a:lnTo>
                    <a:lnTo>
                      <a:pt x="218" y="611"/>
                    </a:lnTo>
                    <a:lnTo>
                      <a:pt x="223" y="615"/>
                    </a:lnTo>
                    <a:lnTo>
                      <a:pt x="228" y="615"/>
                    </a:lnTo>
                    <a:lnTo>
                      <a:pt x="232" y="613"/>
                    </a:lnTo>
                    <a:lnTo>
                      <a:pt x="235" y="611"/>
                    </a:lnTo>
                    <a:lnTo>
                      <a:pt x="237" y="608"/>
                    </a:lnTo>
                    <a:lnTo>
                      <a:pt x="238" y="606"/>
                    </a:lnTo>
                    <a:lnTo>
                      <a:pt x="238" y="603"/>
                    </a:lnTo>
                    <a:lnTo>
                      <a:pt x="240" y="603"/>
                    </a:lnTo>
                    <a:lnTo>
                      <a:pt x="243" y="601"/>
                    </a:lnTo>
                    <a:lnTo>
                      <a:pt x="245" y="601"/>
                    </a:lnTo>
                    <a:lnTo>
                      <a:pt x="247" y="603"/>
                    </a:lnTo>
                    <a:lnTo>
                      <a:pt x="248" y="605"/>
                    </a:lnTo>
                    <a:lnTo>
                      <a:pt x="250" y="606"/>
                    </a:lnTo>
                    <a:lnTo>
                      <a:pt x="250" y="608"/>
                    </a:lnTo>
                    <a:lnTo>
                      <a:pt x="252" y="610"/>
                    </a:lnTo>
                    <a:lnTo>
                      <a:pt x="252" y="611"/>
                    </a:lnTo>
                    <a:lnTo>
                      <a:pt x="257" y="611"/>
                    </a:lnTo>
                    <a:lnTo>
                      <a:pt x="277" y="608"/>
                    </a:lnTo>
                    <a:lnTo>
                      <a:pt x="284" y="613"/>
                    </a:lnTo>
                    <a:lnTo>
                      <a:pt x="296" y="613"/>
                    </a:lnTo>
                    <a:lnTo>
                      <a:pt x="311" y="611"/>
                    </a:lnTo>
                    <a:lnTo>
                      <a:pt x="318" y="594"/>
                    </a:lnTo>
                    <a:lnTo>
                      <a:pt x="328" y="594"/>
                    </a:lnTo>
                    <a:lnTo>
                      <a:pt x="335" y="615"/>
                    </a:lnTo>
                    <a:lnTo>
                      <a:pt x="345" y="630"/>
                    </a:lnTo>
                    <a:lnTo>
                      <a:pt x="358" y="56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603" name="Freeform 118"/>
              <p:cNvSpPr>
                <a:spLocks/>
              </p:cNvSpPr>
              <p:nvPr/>
            </p:nvSpPr>
            <p:spPr bwMode="auto">
              <a:xfrm>
                <a:off x="528" y="1726"/>
                <a:ext cx="609" cy="942"/>
              </a:xfrm>
              <a:custGeom>
                <a:avLst/>
                <a:gdLst>
                  <a:gd name="T0" fmla="*/ 0 w 626"/>
                  <a:gd name="T1" fmla="*/ 243 h 970"/>
                  <a:gd name="T2" fmla="*/ 64 w 626"/>
                  <a:gd name="T3" fmla="*/ 2 h 970"/>
                  <a:gd name="T4" fmla="*/ 82 w 626"/>
                  <a:gd name="T5" fmla="*/ 8 h 970"/>
                  <a:gd name="T6" fmla="*/ 99 w 626"/>
                  <a:gd name="T7" fmla="*/ 15 h 970"/>
                  <a:gd name="T8" fmla="*/ 116 w 626"/>
                  <a:gd name="T9" fmla="*/ 17 h 970"/>
                  <a:gd name="T10" fmla="*/ 131 w 626"/>
                  <a:gd name="T11" fmla="*/ 17 h 970"/>
                  <a:gd name="T12" fmla="*/ 148 w 626"/>
                  <a:gd name="T13" fmla="*/ 18 h 970"/>
                  <a:gd name="T14" fmla="*/ 162 w 626"/>
                  <a:gd name="T15" fmla="*/ 25 h 970"/>
                  <a:gd name="T16" fmla="*/ 177 w 626"/>
                  <a:gd name="T17" fmla="*/ 30 h 970"/>
                  <a:gd name="T18" fmla="*/ 189 w 626"/>
                  <a:gd name="T19" fmla="*/ 35 h 970"/>
                  <a:gd name="T20" fmla="*/ 201 w 626"/>
                  <a:gd name="T21" fmla="*/ 37 h 970"/>
                  <a:gd name="T22" fmla="*/ 213 w 626"/>
                  <a:gd name="T23" fmla="*/ 39 h 970"/>
                  <a:gd name="T24" fmla="*/ 221 w 626"/>
                  <a:gd name="T25" fmla="*/ 41 h 970"/>
                  <a:gd name="T26" fmla="*/ 229 w 626"/>
                  <a:gd name="T27" fmla="*/ 43 h 970"/>
                  <a:gd name="T28" fmla="*/ 235 w 626"/>
                  <a:gd name="T29" fmla="*/ 44 h 970"/>
                  <a:gd name="T30" fmla="*/ 239 w 626"/>
                  <a:gd name="T31" fmla="*/ 44 h 970"/>
                  <a:gd name="T32" fmla="*/ 243 w 626"/>
                  <a:gd name="T33" fmla="*/ 45 h 970"/>
                  <a:gd name="T34" fmla="*/ 243 w 626"/>
                  <a:gd name="T35" fmla="*/ 45 h 970"/>
                  <a:gd name="T36" fmla="*/ 425 w 626"/>
                  <a:gd name="T37" fmla="*/ 83 h 970"/>
                  <a:gd name="T38" fmla="*/ 334 w 626"/>
                  <a:gd name="T39" fmla="*/ 552 h 970"/>
                  <a:gd name="T40" fmla="*/ 332 w 626"/>
                  <a:gd name="T41" fmla="*/ 555 h 970"/>
                  <a:gd name="T42" fmla="*/ 330 w 626"/>
                  <a:gd name="T43" fmla="*/ 564 h 970"/>
                  <a:gd name="T44" fmla="*/ 323 w 626"/>
                  <a:gd name="T45" fmla="*/ 570 h 970"/>
                  <a:gd name="T46" fmla="*/ 315 w 626"/>
                  <a:gd name="T47" fmla="*/ 566 h 970"/>
                  <a:gd name="T48" fmla="*/ 313 w 626"/>
                  <a:gd name="T49" fmla="*/ 564 h 970"/>
                  <a:gd name="T50" fmla="*/ 313 w 626"/>
                  <a:gd name="T51" fmla="*/ 562 h 970"/>
                  <a:gd name="T52" fmla="*/ 311 w 626"/>
                  <a:gd name="T53" fmla="*/ 557 h 970"/>
                  <a:gd name="T54" fmla="*/ 305 w 626"/>
                  <a:gd name="T55" fmla="*/ 555 h 970"/>
                  <a:gd name="T56" fmla="*/ 303 w 626"/>
                  <a:gd name="T57" fmla="*/ 555 h 970"/>
                  <a:gd name="T58" fmla="*/ 302 w 626"/>
                  <a:gd name="T59" fmla="*/ 554 h 970"/>
                  <a:gd name="T60" fmla="*/ 298 w 626"/>
                  <a:gd name="T61" fmla="*/ 554 h 970"/>
                  <a:gd name="T62" fmla="*/ 297 w 626"/>
                  <a:gd name="T63" fmla="*/ 555 h 970"/>
                  <a:gd name="T64" fmla="*/ 294 w 626"/>
                  <a:gd name="T65" fmla="*/ 555 h 970"/>
                  <a:gd name="T66" fmla="*/ 289 w 626"/>
                  <a:gd name="T67" fmla="*/ 555 h 970"/>
                  <a:gd name="T68" fmla="*/ 286 w 626"/>
                  <a:gd name="T69" fmla="*/ 555 h 970"/>
                  <a:gd name="T70" fmla="*/ 285 w 626"/>
                  <a:gd name="T71" fmla="*/ 559 h 970"/>
                  <a:gd name="T72" fmla="*/ 285 w 626"/>
                  <a:gd name="T73" fmla="*/ 562 h 970"/>
                  <a:gd name="T74" fmla="*/ 286 w 626"/>
                  <a:gd name="T75" fmla="*/ 566 h 970"/>
                  <a:gd name="T76" fmla="*/ 286 w 626"/>
                  <a:gd name="T77" fmla="*/ 572 h 970"/>
                  <a:gd name="T78" fmla="*/ 286 w 626"/>
                  <a:gd name="T79" fmla="*/ 580 h 970"/>
                  <a:gd name="T80" fmla="*/ 288 w 626"/>
                  <a:gd name="T81" fmla="*/ 587 h 970"/>
                  <a:gd name="T82" fmla="*/ 286 w 626"/>
                  <a:gd name="T83" fmla="*/ 596 h 970"/>
                  <a:gd name="T84" fmla="*/ 285 w 626"/>
                  <a:gd name="T85" fmla="*/ 602 h 970"/>
                  <a:gd name="T86" fmla="*/ 282 w 626"/>
                  <a:gd name="T87" fmla="*/ 607 h 970"/>
                  <a:gd name="T88" fmla="*/ 282 w 626"/>
                  <a:gd name="T89" fmla="*/ 612 h 970"/>
                  <a:gd name="T90" fmla="*/ 282 w 626"/>
                  <a:gd name="T91" fmla="*/ 620 h 970"/>
                  <a:gd name="T92" fmla="*/ 282 w 626"/>
                  <a:gd name="T93" fmla="*/ 629 h 970"/>
                  <a:gd name="T94" fmla="*/ 281 w 626"/>
                  <a:gd name="T95" fmla="*/ 637 h 970"/>
                  <a:gd name="T96" fmla="*/ 279 w 626"/>
                  <a:gd name="T97" fmla="*/ 637 h 970"/>
                  <a:gd name="T98" fmla="*/ 276 w 626"/>
                  <a:gd name="T99" fmla="*/ 640 h 970"/>
                  <a:gd name="T100" fmla="*/ 273 w 626"/>
                  <a:gd name="T101" fmla="*/ 643 h 970"/>
                  <a:gd name="T102" fmla="*/ 272 w 626"/>
                  <a:gd name="T103" fmla="*/ 644 h 970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w 626"/>
                  <a:gd name="T157" fmla="*/ 0 h 970"/>
                  <a:gd name="T158" fmla="*/ 626 w 626"/>
                  <a:gd name="T159" fmla="*/ 970 h 970"/>
                </a:gdLst>
                <a:ahLst/>
                <a:cxnLst>
                  <a:cxn ang="T104">
                    <a:pos x="T0" y="T1"/>
                  </a:cxn>
                  <a:cxn ang="T105">
                    <a:pos x="T2" y="T3"/>
                  </a:cxn>
                  <a:cxn ang="T106">
                    <a:pos x="T4" y="T5"/>
                  </a:cxn>
                  <a:cxn ang="T107">
                    <a:pos x="T6" y="T7"/>
                  </a:cxn>
                  <a:cxn ang="T108">
                    <a:pos x="T8" y="T9"/>
                  </a:cxn>
                  <a:cxn ang="T109">
                    <a:pos x="T10" y="T11"/>
                  </a:cxn>
                  <a:cxn ang="T110">
                    <a:pos x="T12" y="T13"/>
                  </a:cxn>
                  <a:cxn ang="T111">
                    <a:pos x="T14" y="T15"/>
                  </a:cxn>
                  <a:cxn ang="T112">
                    <a:pos x="T16" y="T17"/>
                  </a:cxn>
                  <a:cxn ang="T113">
                    <a:pos x="T18" y="T19"/>
                  </a:cxn>
                  <a:cxn ang="T114">
                    <a:pos x="T20" y="T21"/>
                  </a:cxn>
                  <a:cxn ang="T115">
                    <a:pos x="T22" y="T23"/>
                  </a:cxn>
                  <a:cxn ang="T116">
                    <a:pos x="T24" y="T25"/>
                  </a:cxn>
                  <a:cxn ang="T117">
                    <a:pos x="T26" y="T27"/>
                  </a:cxn>
                  <a:cxn ang="T118">
                    <a:pos x="T28" y="T29"/>
                  </a:cxn>
                  <a:cxn ang="T119">
                    <a:pos x="T30" y="T31"/>
                  </a:cxn>
                  <a:cxn ang="T120">
                    <a:pos x="T32" y="T33"/>
                  </a:cxn>
                  <a:cxn ang="T121">
                    <a:pos x="T34" y="T35"/>
                  </a:cxn>
                  <a:cxn ang="T122">
                    <a:pos x="T36" y="T37"/>
                  </a:cxn>
                  <a:cxn ang="T123">
                    <a:pos x="T38" y="T39"/>
                  </a:cxn>
                  <a:cxn ang="T124">
                    <a:pos x="T40" y="T41"/>
                  </a:cxn>
                  <a:cxn ang="T125">
                    <a:pos x="T42" y="T43"/>
                  </a:cxn>
                  <a:cxn ang="T126">
                    <a:pos x="T44" y="T45"/>
                  </a:cxn>
                  <a:cxn ang="T127">
                    <a:pos x="T46" y="T47"/>
                  </a:cxn>
                  <a:cxn ang="T128">
                    <a:pos x="T48" y="T49"/>
                  </a:cxn>
                  <a:cxn ang="T129">
                    <a:pos x="T50" y="T51"/>
                  </a:cxn>
                  <a:cxn ang="T130">
                    <a:pos x="T52" y="T53"/>
                  </a:cxn>
                  <a:cxn ang="T131">
                    <a:pos x="T54" y="T55"/>
                  </a:cxn>
                  <a:cxn ang="T132">
                    <a:pos x="T56" y="T57"/>
                  </a:cxn>
                  <a:cxn ang="T133">
                    <a:pos x="T58" y="T59"/>
                  </a:cxn>
                  <a:cxn ang="T134">
                    <a:pos x="T60" y="T61"/>
                  </a:cxn>
                  <a:cxn ang="T135">
                    <a:pos x="T62" y="T63"/>
                  </a:cxn>
                  <a:cxn ang="T136">
                    <a:pos x="T64" y="T65"/>
                  </a:cxn>
                  <a:cxn ang="T137">
                    <a:pos x="T66" y="T67"/>
                  </a:cxn>
                  <a:cxn ang="T138">
                    <a:pos x="T68" y="T69"/>
                  </a:cxn>
                  <a:cxn ang="T139">
                    <a:pos x="T70" y="T71"/>
                  </a:cxn>
                  <a:cxn ang="T140">
                    <a:pos x="T72" y="T73"/>
                  </a:cxn>
                  <a:cxn ang="T141">
                    <a:pos x="T74" y="T75"/>
                  </a:cxn>
                  <a:cxn ang="T142">
                    <a:pos x="T76" y="T77"/>
                  </a:cxn>
                  <a:cxn ang="T143">
                    <a:pos x="T78" y="T79"/>
                  </a:cxn>
                  <a:cxn ang="T144">
                    <a:pos x="T80" y="T81"/>
                  </a:cxn>
                  <a:cxn ang="T145">
                    <a:pos x="T82" y="T83"/>
                  </a:cxn>
                  <a:cxn ang="T146">
                    <a:pos x="T84" y="T85"/>
                  </a:cxn>
                  <a:cxn ang="T147">
                    <a:pos x="T86" y="T87"/>
                  </a:cxn>
                  <a:cxn ang="T148">
                    <a:pos x="T88" y="T89"/>
                  </a:cxn>
                  <a:cxn ang="T149">
                    <a:pos x="T90" y="T91"/>
                  </a:cxn>
                  <a:cxn ang="T150">
                    <a:pos x="T92" y="T93"/>
                  </a:cxn>
                  <a:cxn ang="T151">
                    <a:pos x="T94" y="T95"/>
                  </a:cxn>
                  <a:cxn ang="T152">
                    <a:pos x="T96" y="T97"/>
                  </a:cxn>
                  <a:cxn ang="T153">
                    <a:pos x="T98" y="T99"/>
                  </a:cxn>
                  <a:cxn ang="T154">
                    <a:pos x="T100" y="T101"/>
                  </a:cxn>
                  <a:cxn ang="T155">
                    <a:pos x="T102" y="T103"/>
                  </a:cxn>
                </a:cxnLst>
                <a:rect l="T156" t="T157" r="T158" b="T159"/>
                <a:pathLst>
                  <a:path w="626" h="970">
                    <a:moveTo>
                      <a:pt x="400" y="970"/>
                    </a:moveTo>
                    <a:lnTo>
                      <a:pt x="0" y="366"/>
                    </a:lnTo>
                    <a:lnTo>
                      <a:pt x="95" y="0"/>
                    </a:lnTo>
                    <a:lnTo>
                      <a:pt x="93" y="2"/>
                    </a:lnTo>
                    <a:lnTo>
                      <a:pt x="107" y="5"/>
                    </a:lnTo>
                    <a:lnTo>
                      <a:pt x="120" y="8"/>
                    </a:lnTo>
                    <a:lnTo>
                      <a:pt x="132" y="12"/>
                    </a:lnTo>
                    <a:lnTo>
                      <a:pt x="146" y="15"/>
                    </a:lnTo>
                    <a:lnTo>
                      <a:pt x="158" y="19"/>
                    </a:lnTo>
                    <a:lnTo>
                      <a:pt x="170" y="20"/>
                    </a:lnTo>
                    <a:lnTo>
                      <a:pt x="183" y="24"/>
                    </a:lnTo>
                    <a:lnTo>
                      <a:pt x="193" y="27"/>
                    </a:lnTo>
                    <a:lnTo>
                      <a:pt x="205" y="30"/>
                    </a:lnTo>
                    <a:lnTo>
                      <a:pt x="217" y="32"/>
                    </a:lnTo>
                    <a:lnTo>
                      <a:pt x="229" y="36"/>
                    </a:lnTo>
                    <a:lnTo>
                      <a:pt x="239" y="39"/>
                    </a:lnTo>
                    <a:lnTo>
                      <a:pt x="249" y="41"/>
                    </a:lnTo>
                    <a:lnTo>
                      <a:pt x="259" y="44"/>
                    </a:lnTo>
                    <a:lnTo>
                      <a:pt x="269" y="46"/>
                    </a:lnTo>
                    <a:lnTo>
                      <a:pt x="278" y="49"/>
                    </a:lnTo>
                    <a:lnTo>
                      <a:pt x="288" y="51"/>
                    </a:lnTo>
                    <a:lnTo>
                      <a:pt x="296" y="52"/>
                    </a:lnTo>
                    <a:lnTo>
                      <a:pt x="303" y="54"/>
                    </a:lnTo>
                    <a:lnTo>
                      <a:pt x="312" y="56"/>
                    </a:lnTo>
                    <a:lnTo>
                      <a:pt x="318" y="58"/>
                    </a:lnTo>
                    <a:lnTo>
                      <a:pt x="325" y="59"/>
                    </a:lnTo>
                    <a:lnTo>
                      <a:pt x="330" y="61"/>
                    </a:lnTo>
                    <a:lnTo>
                      <a:pt x="337" y="63"/>
                    </a:lnTo>
                    <a:lnTo>
                      <a:pt x="340" y="64"/>
                    </a:lnTo>
                    <a:lnTo>
                      <a:pt x="346" y="66"/>
                    </a:lnTo>
                    <a:lnTo>
                      <a:pt x="349" y="66"/>
                    </a:lnTo>
                    <a:lnTo>
                      <a:pt x="352" y="66"/>
                    </a:lnTo>
                    <a:lnTo>
                      <a:pt x="354" y="68"/>
                    </a:lnTo>
                    <a:lnTo>
                      <a:pt x="357" y="68"/>
                    </a:lnTo>
                    <a:lnTo>
                      <a:pt x="626" y="125"/>
                    </a:lnTo>
                    <a:lnTo>
                      <a:pt x="508" y="741"/>
                    </a:lnTo>
                    <a:lnTo>
                      <a:pt x="491" y="831"/>
                    </a:lnTo>
                    <a:lnTo>
                      <a:pt x="491" y="833"/>
                    </a:lnTo>
                    <a:lnTo>
                      <a:pt x="489" y="836"/>
                    </a:lnTo>
                    <a:lnTo>
                      <a:pt x="488" y="843"/>
                    </a:lnTo>
                    <a:lnTo>
                      <a:pt x="484" y="850"/>
                    </a:lnTo>
                    <a:lnTo>
                      <a:pt x="481" y="855"/>
                    </a:lnTo>
                    <a:lnTo>
                      <a:pt x="476" y="858"/>
                    </a:lnTo>
                    <a:lnTo>
                      <a:pt x="471" y="858"/>
                    </a:lnTo>
                    <a:lnTo>
                      <a:pt x="464" y="853"/>
                    </a:lnTo>
                    <a:lnTo>
                      <a:pt x="464" y="851"/>
                    </a:lnTo>
                    <a:lnTo>
                      <a:pt x="462" y="850"/>
                    </a:lnTo>
                    <a:lnTo>
                      <a:pt x="462" y="848"/>
                    </a:lnTo>
                    <a:lnTo>
                      <a:pt x="462" y="846"/>
                    </a:lnTo>
                    <a:lnTo>
                      <a:pt x="461" y="844"/>
                    </a:lnTo>
                    <a:lnTo>
                      <a:pt x="457" y="841"/>
                    </a:lnTo>
                    <a:lnTo>
                      <a:pt x="454" y="841"/>
                    </a:lnTo>
                    <a:lnTo>
                      <a:pt x="449" y="839"/>
                    </a:lnTo>
                    <a:lnTo>
                      <a:pt x="447" y="839"/>
                    </a:lnTo>
                    <a:lnTo>
                      <a:pt x="445" y="838"/>
                    </a:lnTo>
                    <a:lnTo>
                      <a:pt x="445" y="836"/>
                    </a:lnTo>
                    <a:lnTo>
                      <a:pt x="444" y="834"/>
                    </a:lnTo>
                    <a:lnTo>
                      <a:pt x="440" y="833"/>
                    </a:lnTo>
                    <a:lnTo>
                      <a:pt x="439" y="833"/>
                    </a:lnTo>
                    <a:lnTo>
                      <a:pt x="437" y="833"/>
                    </a:lnTo>
                    <a:lnTo>
                      <a:pt x="435" y="836"/>
                    </a:lnTo>
                    <a:lnTo>
                      <a:pt x="434" y="836"/>
                    </a:lnTo>
                    <a:lnTo>
                      <a:pt x="432" y="838"/>
                    </a:lnTo>
                    <a:lnTo>
                      <a:pt x="428" y="838"/>
                    </a:lnTo>
                    <a:lnTo>
                      <a:pt x="425" y="838"/>
                    </a:lnTo>
                    <a:lnTo>
                      <a:pt x="423" y="838"/>
                    </a:lnTo>
                    <a:lnTo>
                      <a:pt x="420" y="839"/>
                    </a:lnTo>
                    <a:lnTo>
                      <a:pt x="420" y="841"/>
                    </a:lnTo>
                    <a:lnTo>
                      <a:pt x="418" y="843"/>
                    </a:lnTo>
                    <a:lnTo>
                      <a:pt x="418" y="844"/>
                    </a:lnTo>
                    <a:lnTo>
                      <a:pt x="418" y="846"/>
                    </a:lnTo>
                    <a:lnTo>
                      <a:pt x="420" y="850"/>
                    </a:lnTo>
                    <a:lnTo>
                      <a:pt x="420" y="853"/>
                    </a:lnTo>
                    <a:lnTo>
                      <a:pt x="420" y="856"/>
                    </a:lnTo>
                    <a:lnTo>
                      <a:pt x="420" y="861"/>
                    </a:lnTo>
                    <a:lnTo>
                      <a:pt x="420" y="866"/>
                    </a:lnTo>
                    <a:lnTo>
                      <a:pt x="420" y="873"/>
                    </a:lnTo>
                    <a:lnTo>
                      <a:pt x="422" y="878"/>
                    </a:lnTo>
                    <a:lnTo>
                      <a:pt x="422" y="885"/>
                    </a:lnTo>
                    <a:lnTo>
                      <a:pt x="420" y="890"/>
                    </a:lnTo>
                    <a:lnTo>
                      <a:pt x="420" y="897"/>
                    </a:lnTo>
                    <a:lnTo>
                      <a:pt x="420" y="902"/>
                    </a:lnTo>
                    <a:lnTo>
                      <a:pt x="418" y="907"/>
                    </a:lnTo>
                    <a:lnTo>
                      <a:pt x="417" y="912"/>
                    </a:lnTo>
                    <a:lnTo>
                      <a:pt x="415" y="916"/>
                    </a:lnTo>
                    <a:lnTo>
                      <a:pt x="415" y="919"/>
                    </a:lnTo>
                    <a:lnTo>
                      <a:pt x="415" y="922"/>
                    </a:lnTo>
                    <a:lnTo>
                      <a:pt x="415" y="927"/>
                    </a:lnTo>
                    <a:lnTo>
                      <a:pt x="415" y="934"/>
                    </a:lnTo>
                    <a:lnTo>
                      <a:pt x="415" y="941"/>
                    </a:lnTo>
                    <a:lnTo>
                      <a:pt x="415" y="948"/>
                    </a:lnTo>
                    <a:lnTo>
                      <a:pt x="415" y="954"/>
                    </a:lnTo>
                    <a:lnTo>
                      <a:pt x="413" y="960"/>
                    </a:lnTo>
                    <a:lnTo>
                      <a:pt x="412" y="960"/>
                    </a:lnTo>
                    <a:lnTo>
                      <a:pt x="410" y="961"/>
                    </a:lnTo>
                    <a:lnTo>
                      <a:pt x="408" y="963"/>
                    </a:lnTo>
                    <a:lnTo>
                      <a:pt x="406" y="965"/>
                    </a:lnTo>
                    <a:lnTo>
                      <a:pt x="403" y="966"/>
                    </a:lnTo>
                    <a:lnTo>
                      <a:pt x="401" y="968"/>
                    </a:lnTo>
                    <a:lnTo>
                      <a:pt x="400" y="97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604" name="Freeform 119"/>
              <p:cNvSpPr>
                <a:spLocks/>
              </p:cNvSpPr>
              <p:nvPr/>
            </p:nvSpPr>
            <p:spPr bwMode="auto">
              <a:xfrm>
                <a:off x="846" y="2445"/>
                <a:ext cx="649" cy="757"/>
              </a:xfrm>
              <a:custGeom>
                <a:avLst/>
                <a:gdLst>
                  <a:gd name="T0" fmla="*/ 18 w 667"/>
                  <a:gd name="T1" fmla="*/ 337 h 780"/>
                  <a:gd name="T2" fmla="*/ 25 w 667"/>
                  <a:gd name="T3" fmla="*/ 334 h 780"/>
                  <a:gd name="T4" fmla="*/ 28 w 667"/>
                  <a:gd name="T5" fmla="*/ 326 h 780"/>
                  <a:gd name="T6" fmla="*/ 28 w 667"/>
                  <a:gd name="T7" fmla="*/ 319 h 780"/>
                  <a:gd name="T8" fmla="*/ 27 w 667"/>
                  <a:gd name="T9" fmla="*/ 316 h 780"/>
                  <a:gd name="T10" fmla="*/ 18 w 667"/>
                  <a:gd name="T11" fmla="*/ 299 h 780"/>
                  <a:gd name="T12" fmla="*/ 18 w 667"/>
                  <a:gd name="T13" fmla="*/ 285 h 780"/>
                  <a:gd name="T14" fmla="*/ 18 w 667"/>
                  <a:gd name="T15" fmla="*/ 284 h 780"/>
                  <a:gd name="T16" fmla="*/ 23 w 667"/>
                  <a:gd name="T17" fmla="*/ 280 h 780"/>
                  <a:gd name="T18" fmla="*/ 28 w 667"/>
                  <a:gd name="T19" fmla="*/ 279 h 780"/>
                  <a:gd name="T20" fmla="*/ 32 w 667"/>
                  <a:gd name="T21" fmla="*/ 277 h 780"/>
                  <a:gd name="T22" fmla="*/ 41 w 667"/>
                  <a:gd name="T23" fmla="*/ 270 h 780"/>
                  <a:gd name="T24" fmla="*/ 43 w 667"/>
                  <a:gd name="T25" fmla="*/ 261 h 780"/>
                  <a:gd name="T26" fmla="*/ 44 w 667"/>
                  <a:gd name="T27" fmla="*/ 253 h 780"/>
                  <a:gd name="T28" fmla="*/ 44 w 667"/>
                  <a:gd name="T29" fmla="*/ 248 h 780"/>
                  <a:gd name="T30" fmla="*/ 46 w 667"/>
                  <a:gd name="T31" fmla="*/ 238 h 780"/>
                  <a:gd name="T32" fmla="*/ 54 w 667"/>
                  <a:gd name="T33" fmla="*/ 230 h 780"/>
                  <a:gd name="T34" fmla="*/ 66 w 667"/>
                  <a:gd name="T35" fmla="*/ 226 h 780"/>
                  <a:gd name="T36" fmla="*/ 70 w 667"/>
                  <a:gd name="T37" fmla="*/ 226 h 780"/>
                  <a:gd name="T38" fmla="*/ 74 w 667"/>
                  <a:gd name="T39" fmla="*/ 214 h 780"/>
                  <a:gd name="T40" fmla="*/ 64 w 667"/>
                  <a:gd name="T41" fmla="*/ 186 h 780"/>
                  <a:gd name="T42" fmla="*/ 51 w 667"/>
                  <a:gd name="T43" fmla="*/ 161 h 780"/>
                  <a:gd name="T44" fmla="*/ 50 w 667"/>
                  <a:gd name="T45" fmla="*/ 150 h 780"/>
                  <a:gd name="T46" fmla="*/ 51 w 667"/>
                  <a:gd name="T47" fmla="*/ 148 h 780"/>
                  <a:gd name="T48" fmla="*/ 54 w 667"/>
                  <a:gd name="T49" fmla="*/ 146 h 780"/>
                  <a:gd name="T50" fmla="*/ 57 w 667"/>
                  <a:gd name="T51" fmla="*/ 144 h 780"/>
                  <a:gd name="T52" fmla="*/ 60 w 667"/>
                  <a:gd name="T53" fmla="*/ 140 h 780"/>
                  <a:gd name="T54" fmla="*/ 60 w 667"/>
                  <a:gd name="T55" fmla="*/ 132 h 780"/>
                  <a:gd name="T56" fmla="*/ 60 w 667"/>
                  <a:gd name="T57" fmla="*/ 123 h 780"/>
                  <a:gd name="T58" fmla="*/ 60 w 667"/>
                  <a:gd name="T59" fmla="*/ 116 h 780"/>
                  <a:gd name="T60" fmla="*/ 62 w 667"/>
                  <a:gd name="T61" fmla="*/ 112 h 780"/>
                  <a:gd name="T62" fmla="*/ 64 w 667"/>
                  <a:gd name="T63" fmla="*/ 106 h 780"/>
                  <a:gd name="T64" fmla="*/ 64 w 667"/>
                  <a:gd name="T65" fmla="*/ 99 h 780"/>
                  <a:gd name="T66" fmla="*/ 66 w 667"/>
                  <a:gd name="T67" fmla="*/ 90 h 780"/>
                  <a:gd name="T68" fmla="*/ 64 w 667"/>
                  <a:gd name="T69" fmla="*/ 82 h 780"/>
                  <a:gd name="T70" fmla="*/ 64 w 667"/>
                  <a:gd name="T71" fmla="*/ 76 h 780"/>
                  <a:gd name="T72" fmla="*/ 64 w 667"/>
                  <a:gd name="T73" fmla="*/ 72 h 780"/>
                  <a:gd name="T74" fmla="*/ 63 w 667"/>
                  <a:gd name="T75" fmla="*/ 68 h 780"/>
                  <a:gd name="T76" fmla="*/ 64 w 667"/>
                  <a:gd name="T77" fmla="*/ 66 h 780"/>
                  <a:gd name="T78" fmla="*/ 66 w 667"/>
                  <a:gd name="T79" fmla="*/ 64 h 780"/>
                  <a:gd name="T80" fmla="*/ 70 w 667"/>
                  <a:gd name="T81" fmla="*/ 64 h 780"/>
                  <a:gd name="T82" fmla="*/ 74 w 667"/>
                  <a:gd name="T83" fmla="*/ 63 h 780"/>
                  <a:gd name="T84" fmla="*/ 76 w 667"/>
                  <a:gd name="T85" fmla="*/ 61 h 780"/>
                  <a:gd name="T86" fmla="*/ 78 w 667"/>
                  <a:gd name="T87" fmla="*/ 61 h 780"/>
                  <a:gd name="T88" fmla="*/ 81 w 667"/>
                  <a:gd name="T89" fmla="*/ 63 h 780"/>
                  <a:gd name="T90" fmla="*/ 82 w 667"/>
                  <a:gd name="T91" fmla="*/ 65 h 780"/>
                  <a:gd name="T92" fmla="*/ 87 w 667"/>
                  <a:gd name="T93" fmla="*/ 66 h 780"/>
                  <a:gd name="T94" fmla="*/ 90 w 667"/>
                  <a:gd name="T95" fmla="*/ 68 h 780"/>
                  <a:gd name="T96" fmla="*/ 91 w 667"/>
                  <a:gd name="T97" fmla="*/ 71 h 780"/>
                  <a:gd name="T98" fmla="*/ 93 w 667"/>
                  <a:gd name="T99" fmla="*/ 73 h 780"/>
                  <a:gd name="T100" fmla="*/ 98 w 667"/>
                  <a:gd name="T101" fmla="*/ 78 h 780"/>
                  <a:gd name="T102" fmla="*/ 105 w 667"/>
                  <a:gd name="T103" fmla="*/ 76 h 780"/>
                  <a:gd name="T104" fmla="*/ 111 w 667"/>
                  <a:gd name="T105" fmla="*/ 68 h 780"/>
                  <a:gd name="T106" fmla="*/ 113 w 667"/>
                  <a:gd name="T107" fmla="*/ 61 h 780"/>
                  <a:gd name="T108" fmla="*/ 123 w 667"/>
                  <a:gd name="T109" fmla="*/ 0 h 780"/>
                  <a:gd name="T110" fmla="*/ 454 w 667"/>
                  <a:gd name="T111" fmla="*/ 53 h 780"/>
                  <a:gd name="T112" fmla="*/ 247 w 667"/>
                  <a:gd name="T113" fmla="*/ 495 h 780"/>
                  <a:gd name="T114" fmla="*/ 13 w 667"/>
                  <a:gd name="T115" fmla="*/ 337 h 780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667"/>
                  <a:gd name="T175" fmla="*/ 0 h 780"/>
                  <a:gd name="T176" fmla="*/ 667 w 667"/>
                  <a:gd name="T177" fmla="*/ 780 h 780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667" h="780">
                    <a:moveTo>
                      <a:pt x="13" y="513"/>
                    </a:moveTo>
                    <a:lnTo>
                      <a:pt x="29" y="513"/>
                    </a:lnTo>
                    <a:lnTo>
                      <a:pt x="34" y="511"/>
                    </a:lnTo>
                    <a:lnTo>
                      <a:pt x="39" y="508"/>
                    </a:lnTo>
                    <a:lnTo>
                      <a:pt x="41" y="503"/>
                    </a:lnTo>
                    <a:lnTo>
                      <a:pt x="42" y="496"/>
                    </a:lnTo>
                    <a:lnTo>
                      <a:pt x="42" y="491"/>
                    </a:lnTo>
                    <a:lnTo>
                      <a:pt x="42" y="486"/>
                    </a:lnTo>
                    <a:lnTo>
                      <a:pt x="42" y="483"/>
                    </a:lnTo>
                    <a:lnTo>
                      <a:pt x="41" y="481"/>
                    </a:lnTo>
                    <a:lnTo>
                      <a:pt x="24" y="472"/>
                    </a:lnTo>
                    <a:lnTo>
                      <a:pt x="29" y="455"/>
                    </a:lnTo>
                    <a:lnTo>
                      <a:pt x="27" y="444"/>
                    </a:lnTo>
                    <a:lnTo>
                      <a:pt x="30" y="433"/>
                    </a:lnTo>
                    <a:lnTo>
                      <a:pt x="32" y="432"/>
                    </a:lnTo>
                    <a:lnTo>
                      <a:pt x="35" y="430"/>
                    </a:lnTo>
                    <a:lnTo>
                      <a:pt x="37" y="427"/>
                    </a:lnTo>
                    <a:lnTo>
                      <a:pt x="41" y="425"/>
                    </a:lnTo>
                    <a:lnTo>
                      <a:pt x="42" y="423"/>
                    </a:lnTo>
                    <a:lnTo>
                      <a:pt x="44" y="422"/>
                    </a:lnTo>
                    <a:lnTo>
                      <a:pt x="46" y="420"/>
                    </a:lnTo>
                    <a:lnTo>
                      <a:pt x="51" y="415"/>
                    </a:lnTo>
                    <a:lnTo>
                      <a:pt x="56" y="410"/>
                    </a:lnTo>
                    <a:lnTo>
                      <a:pt x="57" y="403"/>
                    </a:lnTo>
                    <a:lnTo>
                      <a:pt x="59" y="396"/>
                    </a:lnTo>
                    <a:lnTo>
                      <a:pt x="61" y="389"/>
                    </a:lnTo>
                    <a:lnTo>
                      <a:pt x="61" y="384"/>
                    </a:lnTo>
                    <a:lnTo>
                      <a:pt x="61" y="379"/>
                    </a:lnTo>
                    <a:lnTo>
                      <a:pt x="61" y="378"/>
                    </a:lnTo>
                    <a:lnTo>
                      <a:pt x="63" y="369"/>
                    </a:lnTo>
                    <a:lnTo>
                      <a:pt x="66" y="361"/>
                    </a:lnTo>
                    <a:lnTo>
                      <a:pt x="73" y="354"/>
                    </a:lnTo>
                    <a:lnTo>
                      <a:pt x="81" y="349"/>
                    </a:lnTo>
                    <a:lnTo>
                      <a:pt x="88" y="345"/>
                    </a:lnTo>
                    <a:lnTo>
                      <a:pt x="95" y="344"/>
                    </a:lnTo>
                    <a:lnTo>
                      <a:pt x="100" y="344"/>
                    </a:lnTo>
                    <a:lnTo>
                      <a:pt x="101" y="342"/>
                    </a:lnTo>
                    <a:lnTo>
                      <a:pt x="108" y="334"/>
                    </a:lnTo>
                    <a:lnTo>
                      <a:pt x="108" y="325"/>
                    </a:lnTo>
                    <a:lnTo>
                      <a:pt x="91" y="301"/>
                    </a:lnTo>
                    <a:lnTo>
                      <a:pt x="93" y="283"/>
                    </a:lnTo>
                    <a:lnTo>
                      <a:pt x="81" y="257"/>
                    </a:lnTo>
                    <a:lnTo>
                      <a:pt x="76" y="244"/>
                    </a:lnTo>
                    <a:lnTo>
                      <a:pt x="73" y="229"/>
                    </a:lnTo>
                    <a:lnTo>
                      <a:pt x="74" y="227"/>
                    </a:lnTo>
                    <a:lnTo>
                      <a:pt x="76" y="225"/>
                    </a:lnTo>
                    <a:lnTo>
                      <a:pt x="79" y="224"/>
                    </a:lnTo>
                    <a:lnTo>
                      <a:pt x="81" y="222"/>
                    </a:lnTo>
                    <a:lnTo>
                      <a:pt x="83" y="220"/>
                    </a:lnTo>
                    <a:lnTo>
                      <a:pt x="85" y="219"/>
                    </a:lnTo>
                    <a:lnTo>
                      <a:pt x="86" y="219"/>
                    </a:lnTo>
                    <a:lnTo>
                      <a:pt x="88" y="213"/>
                    </a:lnTo>
                    <a:lnTo>
                      <a:pt x="88" y="207"/>
                    </a:lnTo>
                    <a:lnTo>
                      <a:pt x="88" y="200"/>
                    </a:lnTo>
                    <a:lnTo>
                      <a:pt x="88" y="193"/>
                    </a:lnTo>
                    <a:lnTo>
                      <a:pt x="88" y="186"/>
                    </a:lnTo>
                    <a:lnTo>
                      <a:pt x="88" y="181"/>
                    </a:lnTo>
                    <a:lnTo>
                      <a:pt x="88" y="178"/>
                    </a:lnTo>
                    <a:lnTo>
                      <a:pt x="88" y="175"/>
                    </a:lnTo>
                    <a:lnTo>
                      <a:pt x="90" y="171"/>
                    </a:lnTo>
                    <a:lnTo>
                      <a:pt x="91" y="166"/>
                    </a:lnTo>
                    <a:lnTo>
                      <a:pt x="93" y="161"/>
                    </a:lnTo>
                    <a:lnTo>
                      <a:pt x="93" y="156"/>
                    </a:lnTo>
                    <a:lnTo>
                      <a:pt x="93" y="149"/>
                    </a:lnTo>
                    <a:lnTo>
                      <a:pt x="95" y="144"/>
                    </a:lnTo>
                    <a:lnTo>
                      <a:pt x="95" y="137"/>
                    </a:lnTo>
                    <a:lnTo>
                      <a:pt x="93" y="132"/>
                    </a:lnTo>
                    <a:lnTo>
                      <a:pt x="93" y="125"/>
                    </a:lnTo>
                    <a:lnTo>
                      <a:pt x="93" y="120"/>
                    </a:lnTo>
                    <a:lnTo>
                      <a:pt x="93" y="115"/>
                    </a:lnTo>
                    <a:lnTo>
                      <a:pt x="93" y="112"/>
                    </a:lnTo>
                    <a:lnTo>
                      <a:pt x="93" y="109"/>
                    </a:lnTo>
                    <a:lnTo>
                      <a:pt x="91" y="105"/>
                    </a:lnTo>
                    <a:lnTo>
                      <a:pt x="91" y="103"/>
                    </a:lnTo>
                    <a:lnTo>
                      <a:pt x="91" y="102"/>
                    </a:lnTo>
                    <a:lnTo>
                      <a:pt x="93" y="100"/>
                    </a:lnTo>
                    <a:lnTo>
                      <a:pt x="93" y="98"/>
                    </a:lnTo>
                    <a:lnTo>
                      <a:pt x="96" y="97"/>
                    </a:lnTo>
                    <a:lnTo>
                      <a:pt x="98" y="97"/>
                    </a:lnTo>
                    <a:lnTo>
                      <a:pt x="101" y="97"/>
                    </a:lnTo>
                    <a:lnTo>
                      <a:pt x="105" y="97"/>
                    </a:lnTo>
                    <a:lnTo>
                      <a:pt x="107" y="95"/>
                    </a:lnTo>
                    <a:lnTo>
                      <a:pt x="108" y="95"/>
                    </a:lnTo>
                    <a:lnTo>
                      <a:pt x="110" y="92"/>
                    </a:lnTo>
                    <a:lnTo>
                      <a:pt x="112" y="92"/>
                    </a:lnTo>
                    <a:lnTo>
                      <a:pt x="113" y="92"/>
                    </a:lnTo>
                    <a:lnTo>
                      <a:pt x="117" y="93"/>
                    </a:lnTo>
                    <a:lnTo>
                      <a:pt x="118" y="95"/>
                    </a:lnTo>
                    <a:lnTo>
                      <a:pt x="118" y="97"/>
                    </a:lnTo>
                    <a:lnTo>
                      <a:pt x="120" y="98"/>
                    </a:lnTo>
                    <a:lnTo>
                      <a:pt x="122" y="98"/>
                    </a:lnTo>
                    <a:lnTo>
                      <a:pt x="127" y="100"/>
                    </a:lnTo>
                    <a:lnTo>
                      <a:pt x="130" y="100"/>
                    </a:lnTo>
                    <a:lnTo>
                      <a:pt x="134" y="103"/>
                    </a:lnTo>
                    <a:lnTo>
                      <a:pt x="135" y="105"/>
                    </a:lnTo>
                    <a:lnTo>
                      <a:pt x="135" y="107"/>
                    </a:lnTo>
                    <a:lnTo>
                      <a:pt x="135" y="109"/>
                    </a:lnTo>
                    <a:lnTo>
                      <a:pt x="137" y="110"/>
                    </a:lnTo>
                    <a:lnTo>
                      <a:pt x="137" y="112"/>
                    </a:lnTo>
                    <a:lnTo>
                      <a:pt x="144" y="117"/>
                    </a:lnTo>
                    <a:lnTo>
                      <a:pt x="149" y="117"/>
                    </a:lnTo>
                    <a:lnTo>
                      <a:pt x="154" y="114"/>
                    </a:lnTo>
                    <a:lnTo>
                      <a:pt x="157" y="109"/>
                    </a:lnTo>
                    <a:lnTo>
                      <a:pt x="161" y="102"/>
                    </a:lnTo>
                    <a:lnTo>
                      <a:pt x="162" y="95"/>
                    </a:lnTo>
                    <a:lnTo>
                      <a:pt x="164" y="92"/>
                    </a:lnTo>
                    <a:lnTo>
                      <a:pt x="164" y="90"/>
                    </a:lnTo>
                    <a:lnTo>
                      <a:pt x="181" y="0"/>
                    </a:lnTo>
                    <a:lnTo>
                      <a:pt x="667" y="81"/>
                    </a:lnTo>
                    <a:lnTo>
                      <a:pt x="570" y="780"/>
                    </a:lnTo>
                    <a:lnTo>
                      <a:pt x="362" y="753"/>
                    </a:lnTo>
                    <a:lnTo>
                      <a:pt x="0" y="542"/>
                    </a:lnTo>
                    <a:lnTo>
                      <a:pt x="13" y="513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605" name="Freeform 120"/>
              <p:cNvSpPr>
                <a:spLocks/>
              </p:cNvSpPr>
              <p:nvPr/>
            </p:nvSpPr>
            <p:spPr bwMode="auto">
              <a:xfrm>
                <a:off x="1495" y="2036"/>
                <a:ext cx="697" cy="552"/>
              </a:xfrm>
              <a:custGeom>
                <a:avLst/>
                <a:gdLst>
                  <a:gd name="T0" fmla="*/ 387 w 717"/>
                  <a:gd name="T1" fmla="*/ 376 h 568"/>
                  <a:gd name="T2" fmla="*/ 368 w 717"/>
                  <a:gd name="T3" fmla="*/ 375 h 568"/>
                  <a:gd name="T4" fmla="*/ 343 w 717"/>
                  <a:gd name="T5" fmla="*/ 374 h 568"/>
                  <a:gd name="T6" fmla="*/ 315 w 717"/>
                  <a:gd name="T7" fmla="*/ 372 h 568"/>
                  <a:gd name="T8" fmla="*/ 285 w 717"/>
                  <a:gd name="T9" fmla="*/ 369 h 568"/>
                  <a:gd name="T10" fmla="*/ 252 w 717"/>
                  <a:gd name="T11" fmla="*/ 364 h 568"/>
                  <a:gd name="T12" fmla="*/ 219 w 717"/>
                  <a:gd name="T13" fmla="*/ 362 h 568"/>
                  <a:gd name="T14" fmla="*/ 185 w 717"/>
                  <a:gd name="T15" fmla="*/ 359 h 568"/>
                  <a:gd name="T16" fmla="*/ 152 w 717"/>
                  <a:gd name="T17" fmla="*/ 354 h 568"/>
                  <a:gd name="T18" fmla="*/ 119 w 717"/>
                  <a:gd name="T19" fmla="*/ 351 h 568"/>
                  <a:gd name="T20" fmla="*/ 89 w 717"/>
                  <a:gd name="T21" fmla="*/ 347 h 568"/>
                  <a:gd name="T22" fmla="*/ 63 w 717"/>
                  <a:gd name="T23" fmla="*/ 344 h 568"/>
                  <a:gd name="T24" fmla="*/ 42 w 717"/>
                  <a:gd name="T25" fmla="*/ 342 h 568"/>
                  <a:gd name="T26" fmla="*/ 17 w 717"/>
                  <a:gd name="T27" fmla="*/ 340 h 568"/>
                  <a:gd name="T28" fmla="*/ 11 w 717"/>
                  <a:gd name="T29" fmla="*/ 336 h 568"/>
                  <a:gd name="T30" fmla="*/ 1 w 717"/>
                  <a:gd name="T31" fmla="*/ 336 h 568"/>
                  <a:gd name="T32" fmla="*/ 45 w 717"/>
                  <a:gd name="T33" fmla="*/ 0 h 568"/>
                  <a:gd name="T34" fmla="*/ 49 w 717"/>
                  <a:gd name="T35" fmla="*/ 2 h 568"/>
                  <a:gd name="T36" fmla="*/ 63 w 717"/>
                  <a:gd name="T37" fmla="*/ 5 h 568"/>
                  <a:gd name="T38" fmla="*/ 79 w 717"/>
                  <a:gd name="T39" fmla="*/ 7 h 568"/>
                  <a:gd name="T40" fmla="*/ 99 w 717"/>
                  <a:gd name="T41" fmla="*/ 10 h 568"/>
                  <a:gd name="T42" fmla="*/ 122 w 717"/>
                  <a:gd name="T43" fmla="*/ 15 h 568"/>
                  <a:gd name="T44" fmla="*/ 149 w 717"/>
                  <a:gd name="T45" fmla="*/ 17 h 568"/>
                  <a:gd name="T46" fmla="*/ 177 w 717"/>
                  <a:gd name="T47" fmla="*/ 17 h 568"/>
                  <a:gd name="T48" fmla="*/ 205 w 717"/>
                  <a:gd name="T49" fmla="*/ 17 h 568"/>
                  <a:gd name="T50" fmla="*/ 233 w 717"/>
                  <a:gd name="T51" fmla="*/ 20 h 568"/>
                  <a:gd name="T52" fmla="*/ 261 w 717"/>
                  <a:gd name="T53" fmla="*/ 23 h 568"/>
                  <a:gd name="T54" fmla="*/ 286 w 717"/>
                  <a:gd name="T55" fmla="*/ 26 h 568"/>
                  <a:gd name="T56" fmla="*/ 308 w 717"/>
                  <a:gd name="T57" fmla="*/ 32 h 568"/>
                  <a:gd name="T58" fmla="*/ 327 w 717"/>
                  <a:gd name="T59" fmla="*/ 33 h 568"/>
                  <a:gd name="T60" fmla="*/ 341 w 717"/>
                  <a:gd name="T61" fmla="*/ 37 h 568"/>
                  <a:gd name="T62" fmla="*/ 350 w 717"/>
                  <a:gd name="T63" fmla="*/ 38 h 568"/>
                  <a:gd name="T64" fmla="*/ 355 w 717"/>
                  <a:gd name="T65" fmla="*/ 38 h 568"/>
                  <a:gd name="T66" fmla="*/ 483 w 717"/>
                  <a:gd name="T67" fmla="*/ 44 h 568"/>
                  <a:gd name="T68" fmla="*/ 459 w 717"/>
                  <a:gd name="T69" fmla="*/ 381 h 568"/>
                  <a:gd name="T70" fmla="*/ 0 60000 65536"/>
                  <a:gd name="T71" fmla="*/ 0 60000 65536"/>
                  <a:gd name="T72" fmla="*/ 0 60000 65536"/>
                  <a:gd name="T73" fmla="*/ 0 60000 65536"/>
                  <a:gd name="T74" fmla="*/ 0 60000 65536"/>
                  <a:gd name="T75" fmla="*/ 0 60000 65536"/>
                  <a:gd name="T76" fmla="*/ 0 60000 65536"/>
                  <a:gd name="T77" fmla="*/ 0 60000 65536"/>
                  <a:gd name="T78" fmla="*/ 0 60000 65536"/>
                  <a:gd name="T79" fmla="*/ 0 60000 65536"/>
                  <a:gd name="T80" fmla="*/ 0 60000 65536"/>
                  <a:gd name="T81" fmla="*/ 0 60000 65536"/>
                  <a:gd name="T82" fmla="*/ 0 60000 65536"/>
                  <a:gd name="T83" fmla="*/ 0 60000 65536"/>
                  <a:gd name="T84" fmla="*/ 0 60000 65536"/>
                  <a:gd name="T85" fmla="*/ 0 60000 65536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w 717"/>
                  <a:gd name="T106" fmla="*/ 0 h 568"/>
                  <a:gd name="T107" fmla="*/ 717 w 717"/>
                  <a:gd name="T108" fmla="*/ 568 h 568"/>
                </a:gdLst>
                <a:ahLst/>
                <a:cxnLst>
                  <a:cxn ang="T70">
                    <a:pos x="T0" y="T1"/>
                  </a:cxn>
                  <a:cxn ang="T71">
                    <a:pos x="T2" y="T3"/>
                  </a:cxn>
                  <a:cxn ang="T72">
                    <a:pos x="T4" y="T5"/>
                  </a:cxn>
                  <a:cxn ang="T73">
                    <a:pos x="T6" y="T7"/>
                  </a:cxn>
                  <a:cxn ang="T74">
                    <a:pos x="T8" y="T9"/>
                  </a:cxn>
                  <a:cxn ang="T75">
                    <a:pos x="T10" y="T11"/>
                  </a:cxn>
                  <a:cxn ang="T76">
                    <a:pos x="T12" y="T13"/>
                  </a:cxn>
                  <a:cxn ang="T77">
                    <a:pos x="T14" y="T15"/>
                  </a:cxn>
                  <a:cxn ang="T78">
                    <a:pos x="T16" y="T17"/>
                  </a:cxn>
                  <a:cxn ang="T79">
                    <a:pos x="T18" y="T19"/>
                  </a:cxn>
                  <a:cxn ang="T80">
                    <a:pos x="T20" y="T21"/>
                  </a:cxn>
                  <a:cxn ang="T81">
                    <a:pos x="T22" y="T23"/>
                  </a:cxn>
                  <a:cxn ang="T82">
                    <a:pos x="T24" y="T25"/>
                  </a:cxn>
                  <a:cxn ang="T83">
                    <a:pos x="T26" y="T27"/>
                  </a:cxn>
                  <a:cxn ang="T84">
                    <a:pos x="T28" y="T29"/>
                  </a:cxn>
                  <a:cxn ang="T85">
                    <a:pos x="T30" y="T31"/>
                  </a:cxn>
                  <a:cxn ang="T86">
                    <a:pos x="T32" y="T33"/>
                  </a:cxn>
                  <a:cxn ang="T87">
                    <a:pos x="T34" y="T35"/>
                  </a:cxn>
                  <a:cxn ang="T88">
                    <a:pos x="T36" y="T37"/>
                  </a:cxn>
                  <a:cxn ang="T89">
                    <a:pos x="T38" y="T39"/>
                  </a:cxn>
                  <a:cxn ang="T90">
                    <a:pos x="T40" y="T41"/>
                  </a:cxn>
                  <a:cxn ang="T91">
                    <a:pos x="T42" y="T43"/>
                  </a:cxn>
                  <a:cxn ang="T92">
                    <a:pos x="T44" y="T45"/>
                  </a:cxn>
                  <a:cxn ang="T93">
                    <a:pos x="T46" y="T47"/>
                  </a:cxn>
                  <a:cxn ang="T94">
                    <a:pos x="T48" y="T49"/>
                  </a:cxn>
                  <a:cxn ang="T95">
                    <a:pos x="T50" y="T51"/>
                  </a:cxn>
                  <a:cxn ang="T96">
                    <a:pos x="T52" y="T53"/>
                  </a:cxn>
                  <a:cxn ang="T97">
                    <a:pos x="T54" y="T55"/>
                  </a:cxn>
                  <a:cxn ang="T98">
                    <a:pos x="T56" y="T57"/>
                  </a:cxn>
                  <a:cxn ang="T99">
                    <a:pos x="T58" y="T59"/>
                  </a:cxn>
                  <a:cxn ang="T100">
                    <a:pos x="T60" y="T61"/>
                  </a:cxn>
                  <a:cxn ang="T101">
                    <a:pos x="T62" y="T63"/>
                  </a:cxn>
                  <a:cxn ang="T102">
                    <a:pos x="T64" y="T65"/>
                  </a:cxn>
                  <a:cxn ang="T103">
                    <a:pos x="T66" y="T67"/>
                  </a:cxn>
                  <a:cxn ang="T104">
                    <a:pos x="T68" y="T69"/>
                  </a:cxn>
                </a:cxnLst>
                <a:rect l="T105" t="T106" r="T107" b="T108"/>
                <a:pathLst>
                  <a:path w="717" h="568">
                    <a:moveTo>
                      <a:pt x="587" y="562"/>
                    </a:moveTo>
                    <a:lnTo>
                      <a:pt x="575" y="562"/>
                    </a:lnTo>
                    <a:lnTo>
                      <a:pt x="561" y="562"/>
                    </a:lnTo>
                    <a:lnTo>
                      <a:pt x="546" y="560"/>
                    </a:lnTo>
                    <a:lnTo>
                      <a:pt x="528" y="560"/>
                    </a:lnTo>
                    <a:lnTo>
                      <a:pt x="509" y="558"/>
                    </a:lnTo>
                    <a:lnTo>
                      <a:pt x="489" y="557"/>
                    </a:lnTo>
                    <a:lnTo>
                      <a:pt x="468" y="555"/>
                    </a:lnTo>
                    <a:lnTo>
                      <a:pt x="446" y="552"/>
                    </a:lnTo>
                    <a:lnTo>
                      <a:pt x="423" y="550"/>
                    </a:lnTo>
                    <a:lnTo>
                      <a:pt x="399" y="548"/>
                    </a:lnTo>
                    <a:lnTo>
                      <a:pt x="374" y="545"/>
                    </a:lnTo>
                    <a:lnTo>
                      <a:pt x="350" y="543"/>
                    </a:lnTo>
                    <a:lnTo>
                      <a:pt x="325" y="540"/>
                    </a:lnTo>
                    <a:lnTo>
                      <a:pt x="299" y="538"/>
                    </a:lnTo>
                    <a:lnTo>
                      <a:pt x="274" y="535"/>
                    </a:lnTo>
                    <a:lnTo>
                      <a:pt x="250" y="531"/>
                    </a:lnTo>
                    <a:lnTo>
                      <a:pt x="225" y="530"/>
                    </a:lnTo>
                    <a:lnTo>
                      <a:pt x="201" y="526"/>
                    </a:lnTo>
                    <a:lnTo>
                      <a:pt x="177" y="523"/>
                    </a:lnTo>
                    <a:lnTo>
                      <a:pt x="155" y="521"/>
                    </a:lnTo>
                    <a:lnTo>
                      <a:pt x="133" y="518"/>
                    </a:lnTo>
                    <a:lnTo>
                      <a:pt x="113" y="516"/>
                    </a:lnTo>
                    <a:lnTo>
                      <a:pt x="93" y="513"/>
                    </a:lnTo>
                    <a:lnTo>
                      <a:pt x="74" y="511"/>
                    </a:lnTo>
                    <a:lnTo>
                      <a:pt x="59" y="509"/>
                    </a:lnTo>
                    <a:lnTo>
                      <a:pt x="44" y="508"/>
                    </a:lnTo>
                    <a:lnTo>
                      <a:pt x="30" y="506"/>
                    </a:lnTo>
                    <a:lnTo>
                      <a:pt x="20" y="504"/>
                    </a:lnTo>
                    <a:lnTo>
                      <a:pt x="11" y="502"/>
                    </a:lnTo>
                    <a:lnTo>
                      <a:pt x="5" y="502"/>
                    </a:lnTo>
                    <a:lnTo>
                      <a:pt x="1" y="502"/>
                    </a:lnTo>
                    <a:lnTo>
                      <a:pt x="0" y="502"/>
                    </a:lnTo>
                    <a:lnTo>
                      <a:pt x="66" y="0"/>
                    </a:lnTo>
                    <a:lnTo>
                      <a:pt x="69" y="2"/>
                    </a:lnTo>
                    <a:lnTo>
                      <a:pt x="74" y="2"/>
                    </a:lnTo>
                    <a:lnTo>
                      <a:pt x="83" y="3"/>
                    </a:lnTo>
                    <a:lnTo>
                      <a:pt x="93" y="5"/>
                    </a:lnTo>
                    <a:lnTo>
                      <a:pt x="103" y="5"/>
                    </a:lnTo>
                    <a:lnTo>
                      <a:pt x="116" y="7"/>
                    </a:lnTo>
                    <a:lnTo>
                      <a:pt x="132" y="8"/>
                    </a:lnTo>
                    <a:lnTo>
                      <a:pt x="147" y="10"/>
                    </a:lnTo>
                    <a:lnTo>
                      <a:pt x="164" y="13"/>
                    </a:lnTo>
                    <a:lnTo>
                      <a:pt x="182" y="15"/>
                    </a:lnTo>
                    <a:lnTo>
                      <a:pt x="201" y="17"/>
                    </a:lnTo>
                    <a:lnTo>
                      <a:pt x="221" y="18"/>
                    </a:lnTo>
                    <a:lnTo>
                      <a:pt x="242" y="22"/>
                    </a:lnTo>
                    <a:lnTo>
                      <a:pt x="262" y="24"/>
                    </a:lnTo>
                    <a:lnTo>
                      <a:pt x="282" y="27"/>
                    </a:lnTo>
                    <a:lnTo>
                      <a:pt x="304" y="29"/>
                    </a:lnTo>
                    <a:lnTo>
                      <a:pt x="325" y="30"/>
                    </a:lnTo>
                    <a:lnTo>
                      <a:pt x="347" y="34"/>
                    </a:lnTo>
                    <a:lnTo>
                      <a:pt x="367" y="35"/>
                    </a:lnTo>
                    <a:lnTo>
                      <a:pt x="387" y="37"/>
                    </a:lnTo>
                    <a:lnTo>
                      <a:pt x="406" y="39"/>
                    </a:lnTo>
                    <a:lnTo>
                      <a:pt x="424" y="40"/>
                    </a:lnTo>
                    <a:lnTo>
                      <a:pt x="441" y="44"/>
                    </a:lnTo>
                    <a:lnTo>
                      <a:pt x="457" y="46"/>
                    </a:lnTo>
                    <a:lnTo>
                      <a:pt x="472" y="47"/>
                    </a:lnTo>
                    <a:lnTo>
                      <a:pt x="485" y="47"/>
                    </a:lnTo>
                    <a:lnTo>
                      <a:pt x="497" y="49"/>
                    </a:lnTo>
                    <a:lnTo>
                      <a:pt x="507" y="51"/>
                    </a:lnTo>
                    <a:lnTo>
                      <a:pt x="516" y="51"/>
                    </a:lnTo>
                    <a:lnTo>
                      <a:pt x="521" y="52"/>
                    </a:lnTo>
                    <a:lnTo>
                      <a:pt x="526" y="52"/>
                    </a:lnTo>
                    <a:lnTo>
                      <a:pt x="524" y="52"/>
                    </a:lnTo>
                    <a:lnTo>
                      <a:pt x="717" y="64"/>
                    </a:lnTo>
                    <a:lnTo>
                      <a:pt x="710" y="189"/>
                    </a:lnTo>
                    <a:lnTo>
                      <a:pt x="683" y="568"/>
                    </a:lnTo>
                    <a:lnTo>
                      <a:pt x="587" y="562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606" name="Freeform 121"/>
              <p:cNvSpPr>
                <a:spLocks/>
              </p:cNvSpPr>
              <p:nvPr/>
            </p:nvSpPr>
            <p:spPr bwMode="auto">
              <a:xfrm>
                <a:off x="1401" y="2524"/>
                <a:ext cx="665" cy="694"/>
              </a:xfrm>
              <a:custGeom>
                <a:avLst/>
                <a:gdLst>
                  <a:gd name="T0" fmla="*/ 60 w 684"/>
                  <a:gd name="T1" fmla="*/ 470 h 715"/>
                  <a:gd name="T2" fmla="*/ 65 w 684"/>
                  <a:gd name="T3" fmla="*/ 433 h 715"/>
                  <a:gd name="T4" fmla="*/ 182 w 684"/>
                  <a:gd name="T5" fmla="*/ 449 h 715"/>
                  <a:gd name="T6" fmla="*/ 177 w 684"/>
                  <a:gd name="T7" fmla="*/ 439 h 715"/>
                  <a:gd name="T8" fmla="*/ 177 w 684"/>
                  <a:gd name="T9" fmla="*/ 428 h 715"/>
                  <a:gd name="T10" fmla="*/ 426 w 684"/>
                  <a:gd name="T11" fmla="*/ 452 h 715"/>
                  <a:gd name="T12" fmla="*/ 459 w 684"/>
                  <a:gd name="T13" fmla="*/ 80 h 715"/>
                  <a:gd name="T14" fmla="*/ 461 w 684"/>
                  <a:gd name="T15" fmla="*/ 41 h 715"/>
                  <a:gd name="T16" fmla="*/ 453 w 684"/>
                  <a:gd name="T17" fmla="*/ 41 h 715"/>
                  <a:gd name="T18" fmla="*/ 444 w 684"/>
                  <a:gd name="T19" fmla="*/ 41 h 715"/>
                  <a:gd name="T20" fmla="*/ 434 w 684"/>
                  <a:gd name="T21" fmla="*/ 40 h 715"/>
                  <a:gd name="T22" fmla="*/ 422 w 684"/>
                  <a:gd name="T23" fmla="*/ 40 h 715"/>
                  <a:gd name="T24" fmla="*/ 409 w 684"/>
                  <a:gd name="T25" fmla="*/ 39 h 715"/>
                  <a:gd name="T26" fmla="*/ 395 w 684"/>
                  <a:gd name="T27" fmla="*/ 39 h 715"/>
                  <a:gd name="T28" fmla="*/ 380 w 684"/>
                  <a:gd name="T29" fmla="*/ 38 h 715"/>
                  <a:gd name="T30" fmla="*/ 367 w 684"/>
                  <a:gd name="T31" fmla="*/ 36 h 715"/>
                  <a:gd name="T32" fmla="*/ 350 w 684"/>
                  <a:gd name="T33" fmla="*/ 34 h 715"/>
                  <a:gd name="T34" fmla="*/ 334 w 684"/>
                  <a:gd name="T35" fmla="*/ 32 h 715"/>
                  <a:gd name="T36" fmla="*/ 318 w 684"/>
                  <a:gd name="T37" fmla="*/ 29 h 715"/>
                  <a:gd name="T38" fmla="*/ 301 w 684"/>
                  <a:gd name="T39" fmla="*/ 27 h 715"/>
                  <a:gd name="T40" fmla="*/ 285 w 684"/>
                  <a:gd name="T41" fmla="*/ 24 h 715"/>
                  <a:gd name="T42" fmla="*/ 266 w 684"/>
                  <a:gd name="T43" fmla="*/ 22 h 715"/>
                  <a:gd name="T44" fmla="*/ 251 w 684"/>
                  <a:gd name="T45" fmla="*/ 19 h 715"/>
                  <a:gd name="T46" fmla="*/ 234 w 684"/>
                  <a:gd name="T47" fmla="*/ 17 h 715"/>
                  <a:gd name="T48" fmla="*/ 217 w 684"/>
                  <a:gd name="T49" fmla="*/ 17 h 715"/>
                  <a:gd name="T50" fmla="*/ 201 w 684"/>
                  <a:gd name="T51" fmla="*/ 17 h 715"/>
                  <a:gd name="T52" fmla="*/ 185 w 684"/>
                  <a:gd name="T53" fmla="*/ 17 h 715"/>
                  <a:gd name="T54" fmla="*/ 170 w 684"/>
                  <a:gd name="T55" fmla="*/ 17 h 715"/>
                  <a:gd name="T56" fmla="*/ 155 w 684"/>
                  <a:gd name="T57" fmla="*/ 16 h 715"/>
                  <a:gd name="T58" fmla="*/ 142 w 684"/>
                  <a:gd name="T59" fmla="*/ 14 h 715"/>
                  <a:gd name="T60" fmla="*/ 128 w 684"/>
                  <a:gd name="T61" fmla="*/ 11 h 715"/>
                  <a:gd name="T62" fmla="*/ 116 w 684"/>
                  <a:gd name="T63" fmla="*/ 9 h 715"/>
                  <a:gd name="T64" fmla="*/ 106 w 684"/>
                  <a:gd name="T65" fmla="*/ 7 h 715"/>
                  <a:gd name="T66" fmla="*/ 95 w 684"/>
                  <a:gd name="T67" fmla="*/ 6 h 715"/>
                  <a:gd name="T68" fmla="*/ 85 w 684"/>
                  <a:gd name="T69" fmla="*/ 4 h 715"/>
                  <a:gd name="T70" fmla="*/ 79 w 684"/>
                  <a:gd name="T71" fmla="*/ 2 h 715"/>
                  <a:gd name="T72" fmla="*/ 73 w 684"/>
                  <a:gd name="T73" fmla="*/ 0 h 715"/>
                  <a:gd name="T74" fmla="*/ 69 w 684"/>
                  <a:gd name="T75" fmla="*/ 0 h 715"/>
                  <a:gd name="T76" fmla="*/ 67 w 684"/>
                  <a:gd name="T77" fmla="*/ 0 h 715"/>
                  <a:gd name="T78" fmla="*/ 66 w 684"/>
                  <a:gd name="T79" fmla="*/ 0 h 715"/>
                  <a:gd name="T80" fmla="*/ 66 w 684"/>
                  <a:gd name="T81" fmla="*/ 0 h 715"/>
                  <a:gd name="T82" fmla="*/ 66 w 684"/>
                  <a:gd name="T83" fmla="*/ 0 h 715"/>
                  <a:gd name="T84" fmla="*/ 0 w 684"/>
                  <a:gd name="T85" fmla="*/ 460 h 715"/>
                  <a:gd name="T86" fmla="*/ 60 w 684"/>
                  <a:gd name="T87" fmla="*/ 470 h 715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w 684"/>
                  <a:gd name="T133" fmla="*/ 0 h 715"/>
                  <a:gd name="T134" fmla="*/ 684 w 684"/>
                  <a:gd name="T135" fmla="*/ 715 h 715"/>
                </a:gdLst>
                <a:ahLst/>
                <a:cxnLst>
                  <a:cxn ang="T88">
                    <a:pos x="T0" y="T1"/>
                  </a:cxn>
                  <a:cxn ang="T89">
                    <a:pos x="T2" y="T3"/>
                  </a:cxn>
                  <a:cxn ang="T90">
                    <a:pos x="T4" y="T5"/>
                  </a:cxn>
                  <a:cxn ang="T91">
                    <a:pos x="T6" y="T7"/>
                  </a:cxn>
                  <a:cxn ang="T92">
                    <a:pos x="T8" y="T9"/>
                  </a:cxn>
                  <a:cxn ang="T93">
                    <a:pos x="T10" y="T11"/>
                  </a:cxn>
                  <a:cxn ang="T94">
                    <a:pos x="T12" y="T13"/>
                  </a:cxn>
                  <a:cxn ang="T95">
                    <a:pos x="T14" y="T15"/>
                  </a:cxn>
                  <a:cxn ang="T96">
                    <a:pos x="T16" y="T17"/>
                  </a:cxn>
                  <a:cxn ang="T97">
                    <a:pos x="T18" y="T19"/>
                  </a:cxn>
                  <a:cxn ang="T98">
                    <a:pos x="T20" y="T21"/>
                  </a:cxn>
                  <a:cxn ang="T99">
                    <a:pos x="T22" y="T23"/>
                  </a:cxn>
                  <a:cxn ang="T100">
                    <a:pos x="T24" y="T25"/>
                  </a:cxn>
                  <a:cxn ang="T101">
                    <a:pos x="T26" y="T27"/>
                  </a:cxn>
                  <a:cxn ang="T102">
                    <a:pos x="T28" y="T29"/>
                  </a:cxn>
                  <a:cxn ang="T103">
                    <a:pos x="T30" y="T31"/>
                  </a:cxn>
                  <a:cxn ang="T104">
                    <a:pos x="T32" y="T33"/>
                  </a:cxn>
                  <a:cxn ang="T105">
                    <a:pos x="T34" y="T35"/>
                  </a:cxn>
                  <a:cxn ang="T106">
                    <a:pos x="T36" y="T37"/>
                  </a:cxn>
                  <a:cxn ang="T107">
                    <a:pos x="T38" y="T39"/>
                  </a:cxn>
                  <a:cxn ang="T108">
                    <a:pos x="T40" y="T41"/>
                  </a:cxn>
                  <a:cxn ang="T109">
                    <a:pos x="T42" y="T43"/>
                  </a:cxn>
                  <a:cxn ang="T110">
                    <a:pos x="T44" y="T45"/>
                  </a:cxn>
                  <a:cxn ang="T111">
                    <a:pos x="T46" y="T47"/>
                  </a:cxn>
                  <a:cxn ang="T112">
                    <a:pos x="T48" y="T49"/>
                  </a:cxn>
                  <a:cxn ang="T113">
                    <a:pos x="T50" y="T51"/>
                  </a:cxn>
                  <a:cxn ang="T114">
                    <a:pos x="T52" y="T53"/>
                  </a:cxn>
                  <a:cxn ang="T115">
                    <a:pos x="T54" y="T55"/>
                  </a:cxn>
                  <a:cxn ang="T116">
                    <a:pos x="T56" y="T57"/>
                  </a:cxn>
                  <a:cxn ang="T117">
                    <a:pos x="T58" y="T59"/>
                  </a:cxn>
                  <a:cxn ang="T118">
                    <a:pos x="T60" y="T61"/>
                  </a:cxn>
                  <a:cxn ang="T119">
                    <a:pos x="T62" y="T63"/>
                  </a:cxn>
                  <a:cxn ang="T120">
                    <a:pos x="T64" y="T65"/>
                  </a:cxn>
                  <a:cxn ang="T121">
                    <a:pos x="T66" y="T67"/>
                  </a:cxn>
                  <a:cxn ang="T122">
                    <a:pos x="T68" y="T69"/>
                  </a:cxn>
                  <a:cxn ang="T123">
                    <a:pos x="T70" y="T71"/>
                  </a:cxn>
                  <a:cxn ang="T124">
                    <a:pos x="T72" y="T73"/>
                  </a:cxn>
                  <a:cxn ang="T125">
                    <a:pos x="T74" y="T75"/>
                  </a:cxn>
                  <a:cxn ang="T126">
                    <a:pos x="T76" y="T77"/>
                  </a:cxn>
                  <a:cxn ang="T127">
                    <a:pos x="T78" y="T79"/>
                  </a:cxn>
                  <a:cxn ang="T128">
                    <a:pos x="T80" y="T81"/>
                  </a:cxn>
                  <a:cxn ang="T129">
                    <a:pos x="T82" y="T83"/>
                  </a:cxn>
                  <a:cxn ang="T130">
                    <a:pos x="T84" y="T85"/>
                  </a:cxn>
                  <a:cxn ang="T131">
                    <a:pos x="T86" y="T87"/>
                  </a:cxn>
                </a:cxnLst>
                <a:rect l="T132" t="T133" r="T134" b="T135"/>
                <a:pathLst>
                  <a:path w="684" h="715">
                    <a:moveTo>
                      <a:pt x="88" y="715"/>
                    </a:moveTo>
                    <a:lnTo>
                      <a:pt x="95" y="657"/>
                    </a:lnTo>
                    <a:lnTo>
                      <a:pt x="268" y="681"/>
                    </a:lnTo>
                    <a:lnTo>
                      <a:pt x="262" y="666"/>
                    </a:lnTo>
                    <a:lnTo>
                      <a:pt x="262" y="649"/>
                    </a:lnTo>
                    <a:lnTo>
                      <a:pt x="633" y="686"/>
                    </a:lnTo>
                    <a:lnTo>
                      <a:pt x="679" y="121"/>
                    </a:lnTo>
                    <a:lnTo>
                      <a:pt x="684" y="60"/>
                    </a:lnTo>
                    <a:lnTo>
                      <a:pt x="672" y="60"/>
                    </a:lnTo>
                    <a:lnTo>
                      <a:pt x="658" y="60"/>
                    </a:lnTo>
                    <a:lnTo>
                      <a:pt x="643" y="58"/>
                    </a:lnTo>
                    <a:lnTo>
                      <a:pt x="625" y="58"/>
                    </a:lnTo>
                    <a:lnTo>
                      <a:pt x="606" y="56"/>
                    </a:lnTo>
                    <a:lnTo>
                      <a:pt x="586" y="55"/>
                    </a:lnTo>
                    <a:lnTo>
                      <a:pt x="565" y="53"/>
                    </a:lnTo>
                    <a:lnTo>
                      <a:pt x="543" y="50"/>
                    </a:lnTo>
                    <a:lnTo>
                      <a:pt x="520" y="48"/>
                    </a:lnTo>
                    <a:lnTo>
                      <a:pt x="496" y="46"/>
                    </a:lnTo>
                    <a:lnTo>
                      <a:pt x="471" y="43"/>
                    </a:lnTo>
                    <a:lnTo>
                      <a:pt x="447" y="41"/>
                    </a:lnTo>
                    <a:lnTo>
                      <a:pt x="422" y="38"/>
                    </a:lnTo>
                    <a:lnTo>
                      <a:pt x="396" y="36"/>
                    </a:lnTo>
                    <a:lnTo>
                      <a:pt x="371" y="33"/>
                    </a:lnTo>
                    <a:lnTo>
                      <a:pt x="347" y="29"/>
                    </a:lnTo>
                    <a:lnTo>
                      <a:pt x="322" y="28"/>
                    </a:lnTo>
                    <a:lnTo>
                      <a:pt x="298" y="24"/>
                    </a:lnTo>
                    <a:lnTo>
                      <a:pt x="274" y="21"/>
                    </a:lnTo>
                    <a:lnTo>
                      <a:pt x="252" y="19"/>
                    </a:lnTo>
                    <a:lnTo>
                      <a:pt x="230" y="16"/>
                    </a:lnTo>
                    <a:lnTo>
                      <a:pt x="210" y="14"/>
                    </a:lnTo>
                    <a:lnTo>
                      <a:pt x="190" y="11"/>
                    </a:lnTo>
                    <a:lnTo>
                      <a:pt x="171" y="9"/>
                    </a:lnTo>
                    <a:lnTo>
                      <a:pt x="156" y="7"/>
                    </a:lnTo>
                    <a:lnTo>
                      <a:pt x="141" y="6"/>
                    </a:lnTo>
                    <a:lnTo>
                      <a:pt x="127" y="4"/>
                    </a:lnTo>
                    <a:lnTo>
                      <a:pt x="117" y="2"/>
                    </a:lnTo>
                    <a:lnTo>
                      <a:pt x="108" y="0"/>
                    </a:lnTo>
                    <a:lnTo>
                      <a:pt x="102" y="0"/>
                    </a:lnTo>
                    <a:lnTo>
                      <a:pt x="98" y="0"/>
                    </a:lnTo>
                    <a:lnTo>
                      <a:pt x="97" y="0"/>
                    </a:lnTo>
                    <a:lnTo>
                      <a:pt x="0" y="699"/>
                    </a:lnTo>
                    <a:lnTo>
                      <a:pt x="88" y="71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607" name="Freeform 122"/>
              <p:cNvSpPr>
                <a:spLocks/>
              </p:cNvSpPr>
              <p:nvPr/>
            </p:nvSpPr>
            <p:spPr bwMode="auto">
              <a:xfrm>
                <a:off x="2061" y="2582"/>
                <a:ext cx="827" cy="428"/>
              </a:xfrm>
              <a:custGeom>
                <a:avLst/>
                <a:gdLst>
                  <a:gd name="T0" fmla="*/ 203 w 851"/>
                  <a:gd name="T1" fmla="*/ 212 h 441"/>
                  <a:gd name="T2" fmla="*/ 234 w 851"/>
                  <a:gd name="T3" fmla="*/ 228 h 441"/>
                  <a:gd name="T4" fmla="*/ 266 w 851"/>
                  <a:gd name="T5" fmla="*/ 242 h 441"/>
                  <a:gd name="T6" fmla="*/ 271 w 851"/>
                  <a:gd name="T7" fmla="*/ 245 h 441"/>
                  <a:gd name="T8" fmla="*/ 277 w 851"/>
                  <a:gd name="T9" fmla="*/ 248 h 441"/>
                  <a:gd name="T10" fmla="*/ 285 w 851"/>
                  <a:gd name="T11" fmla="*/ 247 h 441"/>
                  <a:gd name="T12" fmla="*/ 297 w 851"/>
                  <a:gd name="T13" fmla="*/ 248 h 441"/>
                  <a:gd name="T14" fmla="*/ 303 w 851"/>
                  <a:gd name="T15" fmla="*/ 255 h 441"/>
                  <a:gd name="T16" fmla="*/ 315 w 851"/>
                  <a:gd name="T17" fmla="*/ 251 h 441"/>
                  <a:gd name="T18" fmla="*/ 332 w 851"/>
                  <a:gd name="T19" fmla="*/ 257 h 441"/>
                  <a:gd name="T20" fmla="*/ 347 w 851"/>
                  <a:gd name="T21" fmla="*/ 264 h 441"/>
                  <a:gd name="T22" fmla="*/ 367 w 851"/>
                  <a:gd name="T23" fmla="*/ 271 h 441"/>
                  <a:gd name="T24" fmla="*/ 367 w 851"/>
                  <a:gd name="T25" fmla="*/ 273 h 441"/>
                  <a:gd name="T26" fmla="*/ 369 w 851"/>
                  <a:gd name="T27" fmla="*/ 278 h 441"/>
                  <a:gd name="T28" fmla="*/ 380 w 851"/>
                  <a:gd name="T29" fmla="*/ 271 h 441"/>
                  <a:gd name="T30" fmla="*/ 384 w 851"/>
                  <a:gd name="T31" fmla="*/ 265 h 441"/>
                  <a:gd name="T32" fmla="*/ 385 w 851"/>
                  <a:gd name="T33" fmla="*/ 272 h 441"/>
                  <a:gd name="T34" fmla="*/ 389 w 851"/>
                  <a:gd name="T35" fmla="*/ 283 h 441"/>
                  <a:gd name="T36" fmla="*/ 392 w 851"/>
                  <a:gd name="T37" fmla="*/ 280 h 441"/>
                  <a:gd name="T38" fmla="*/ 392 w 851"/>
                  <a:gd name="T39" fmla="*/ 276 h 441"/>
                  <a:gd name="T40" fmla="*/ 425 w 851"/>
                  <a:gd name="T41" fmla="*/ 269 h 441"/>
                  <a:gd name="T42" fmla="*/ 423 w 851"/>
                  <a:gd name="T43" fmla="*/ 270 h 441"/>
                  <a:gd name="T44" fmla="*/ 425 w 851"/>
                  <a:gd name="T45" fmla="*/ 275 h 441"/>
                  <a:gd name="T46" fmla="*/ 438 w 851"/>
                  <a:gd name="T47" fmla="*/ 280 h 441"/>
                  <a:gd name="T48" fmla="*/ 446 w 851"/>
                  <a:gd name="T49" fmla="*/ 286 h 441"/>
                  <a:gd name="T50" fmla="*/ 452 w 851"/>
                  <a:gd name="T51" fmla="*/ 282 h 441"/>
                  <a:gd name="T52" fmla="*/ 465 w 851"/>
                  <a:gd name="T53" fmla="*/ 272 h 441"/>
                  <a:gd name="T54" fmla="*/ 476 w 851"/>
                  <a:gd name="T55" fmla="*/ 273 h 441"/>
                  <a:gd name="T56" fmla="*/ 479 w 851"/>
                  <a:gd name="T57" fmla="*/ 279 h 441"/>
                  <a:gd name="T58" fmla="*/ 479 w 851"/>
                  <a:gd name="T59" fmla="*/ 279 h 441"/>
                  <a:gd name="T60" fmla="*/ 479 w 851"/>
                  <a:gd name="T61" fmla="*/ 276 h 441"/>
                  <a:gd name="T62" fmla="*/ 487 w 851"/>
                  <a:gd name="T63" fmla="*/ 269 h 441"/>
                  <a:gd name="T64" fmla="*/ 489 w 851"/>
                  <a:gd name="T65" fmla="*/ 264 h 441"/>
                  <a:gd name="T66" fmla="*/ 492 w 851"/>
                  <a:gd name="T67" fmla="*/ 269 h 441"/>
                  <a:gd name="T68" fmla="*/ 504 w 851"/>
                  <a:gd name="T69" fmla="*/ 278 h 441"/>
                  <a:gd name="T70" fmla="*/ 506 w 851"/>
                  <a:gd name="T71" fmla="*/ 280 h 441"/>
                  <a:gd name="T72" fmla="*/ 509 w 851"/>
                  <a:gd name="T73" fmla="*/ 272 h 441"/>
                  <a:gd name="T74" fmla="*/ 520 w 851"/>
                  <a:gd name="T75" fmla="*/ 267 h 441"/>
                  <a:gd name="T76" fmla="*/ 527 w 851"/>
                  <a:gd name="T77" fmla="*/ 269 h 441"/>
                  <a:gd name="T78" fmla="*/ 546 w 851"/>
                  <a:gd name="T79" fmla="*/ 285 h 441"/>
                  <a:gd name="T80" fmla="*/ 569 w 851"/>
                  <a:gd name="T81" fmla="*/ 147 h 441"/>
                  <a:gd name="T82" fmla="*/ 555 w 851"/>
                  <a:gd name="T83" fmla="*/ 16 h 441"/>
                  <a:gd name="T84" fmla="*/ 546 w 851"/>
                  <a:gd name="T85" fmla="*/ 16 h 441"/>
                  <a:gd name="T86" fmla="*/ 519 w 851"/>
                  <a:gd name="T87" fmla="*/ 16 h 441"/>
                  <a:gd name="T88" fmla="*/ 477 w 851"/>
                  <a:gd name="T89" fmla="*/ 16 h 441"/>
                  <a:gd name="T90" fmla="*/ 427 w 851"/>
                  <a:gd name="T91" fmla="*/ 16 h 441"/>
                  <a:gd name="T92" fmla="*/ 368 w 851"/>
                  <a:gd name="T93" fmla="*/ 16 h 441"/>
                  <a:gd name="T94" fmla="*/ 306 w 851"/>
                  <a:gd name="T95" fmla="*/ 16 h 441"/>
                  <a:gd name="T96" fmla="*/ 244 w 851"/>
                  <a:gd name="T97" fmla="*/ 15 h 441"/>
                  <a:gd name="T98" fmla="*/ 185 w 851"/>
                  <a:gd name="T99" fmla="*/ 13 h 441"/>
                  <a:gd name="T100" fmla="*/ 133 w 851"/>
                  <a:gd name="T101" fmla="*/ 12 h 441"/>
                  <a:gd name="T102" fmla="*/ 88 w 851"/>
                  <a:gd name="T103" fmla="*/ 8 h 441"/>
                  <a:gd name="T104" fmla="*/ 5 w 851"/>
                  <a:gd name="T105" fmla="*/ 0 h 441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w 851"/>
                  <a:gd name="T160" fmla="*/ 0 h 441"/>
                  <a:gd name="T161" fmla="*/ 851 w 851"/>
                  <a:gd name="T162" fmla="*/ 441 h 441"/>
                </a:gdLst>
                <a:ahLst/>
                <a:cxnLst>
                  <a:cxn ang="T106">
                    <a:pos x="T0" y="T1"/>
                  </a:cxn>
                  <a:cxn ang="T107">
                    <a:pos x="T2" y="T3"/>
                  </a:cxn>
                  <a:cxn ang="T108">
                    <a:pos x="T4" y="T5"/>
                  </a:cxn>
                  <a:cxn ang="T109">
                    <a:pos x="T6" y="T7"/>
                  </a:cxn>
                  <a:cxn ang="T110">
                    <a:pos x="T8" y="T9"/>
                  </a:cxn>
                  <a:cxn ang="T111">
                    <a:pos x="T10" y="T11"/>
                  </a:cxn>
                  <a:cxn ang="T112">
                    <a:pos x="T12" y="T13"/>
                  </a:cxn>
                  <a:cxn ang="T113">
                    <a:pos x="T14" y="T15"/>
                  </a:cxn>
                  <a:cxn ang="T114">
                    <a:pos x="T16" y="T17"/>
                  </a:cxn>
                  <a:cxn ang="T115">
                    <a:pos x="T18" y="T19"/>
                  </a:cxn>
                  <a:cxn ang="T116">
                    <a:pos x="T20" y="T21"/>
                  </a:cxn>
                  <a:cxn ang="T117">
                    <a:pos x="T22" y="T23"/>
                  </a:cxn>
                  <a:cxn ang="T118">
                    <a:pos x="T24" y="T25"/>
                  </a:cxn>
                  <a:cxn ang="T119">
                    <a:pos x="T26" y="T27"/>
                  </a:cxn>
                  <a:cxn ang="T120">
                    <a:pos x="T28" y="T29"/>
                  </a:cxn>
                  <a:cxn ang="T121">
                    <a:pos x="T30" y="T31"/>
                  </a:cxn>
                  <a:cxn ang="T122">
                    <a:pos x="T32" y="T33"/>
                  </a:cxn>
                  <a:cxn ang="T123">
                    <a:pos x="T34" y="T35"/>
                  </a:cxn>
                  <a:cxn ang="T124">
                    <a:pos x="T36" y="T37"/>
                  </a:cxn>
                  <a:cxn ang="T125">
                    <a:pos x="T38" y="T39"/>
                  </a:cxn>
                  <a:cxn ang="T126">
                    <a:pos x="T40" y="T41"/>
                  </a:cxn>
                  <a:cxn ang="T127">
                    <a:pos x="T42" y="T43"/>
                  </a:cxn>
                  <a:cxn ang="T128">
                    <a:pos x="T44" y="T45"/>
                  </a:cxn>
                  <a:cxn ang="T129">
                    <a:pos x="T46" y="T47"/>
                  </a:cxn>
                  <a:cxn ang="T130">
                    <a:pos x="T48" y="T49"/>
                  </a:cxn>
                  <a:cxn ang="T131">
                    <a:pos x="T50" y="T51"/>
                  </a:cxn>
                  <a:cxn ang="T132">
                    <a:pos x="T52" y="T53"/>
                  </a:cxn>
                  <a:cxn ang="T133">
                    <a:pos x="T54" y="T55"/>
                  </a:cxn>
                  <a:cxn ang="T134">
                    <a:pos x="T56" y="T57"/>
                  </a:cxn>
                  <a:cxn ang="T135">
                    <a:pos x="T58" y="T59"/>
                  </a:cxn>
                  <a:cxn ang="T136">
                    <a:pos x="T60" y="T61"/>
                  </a:cxn>
                  <a:cxn ang="T137">
                    <a:pos x="T62" y="T63"/>
                  </a:cxn>
                  <a:cxn ang="T138">
                    <a:pos x="T64" y="T65"/>
                  </a:cxn>
                  <a:cxn ang="T139">
                    <a:pos x="T66" y="T67"/>
                  </a:cxn>
                  <a:cxn ang="T140">
                    <a:pos x="T68" y="T69"/>
                  </a:cxn>
                  <a:cxn ang="T141">
                    <a:pos x="T70" y="T71"/>
                  </a:cxn>
                  <a:cxn ang="T142">
                    <a:pos x="T72" y="T73"/>
                  </a:cxn>
                  <a:cxn ang="T143">
                    <a:pos x="T74" y="T75"/>
                  </a:cxn>
                  <a:cxn ang="T144">
                    <a:pos x="T76" y="T77"/>
                  </a:cxn>
                  <a:cxn ang="T145">
                    <a:pos x="T78" y="T79"/>
                  </a:cxn>
                  <a:cxn ang="T146">
                    <a:pos x="T80" y="T81"/>
                  </a:cxn>
                  <a:cxn ang="T147">
                    <a:pos x="T82" y="T83"/>
                  </a:cxn>
                  <a:cxn ang="T148">
                    <a:pos x="T84" y="T85"/>
                  </a:cxn>
                  <a:cxn ang="T149">
                    <a:pos x="T86" y="T87"/>
                  </a:cxn>
                  <a:cxn ang="T150">
                    <a:pos x="T88" y="T89"/>
                  </a:cxn>
                  <a:cxn ang="T151">
                    <a:pos x="T90" y="T91"/>
                  </a:cxn>
                  <a:cxn ang="T152">
                    <a:pos x="T92" y="T93"/>
                  </a:cxn>
                  <a:cxn ang="T153">
                    <a:pos x="T94" y="T95"/>
                  </a:cxn>
                  <a:cxn ang="T154">
                    <a:pos x="T96" y="T97"/>
                  </a:cxn>
                  <a:cxn ang="T155">
                    <a:pos x="T98" y="T99"/>
                  </a:cxn>
                  <a:cxn ang="T156">
                    <a:pos x="T100" y="T101"/>
                  </a:cxn>
                  <a:cxn ang="T157">
                    <a:pos x="T102" y="T103"/>
                  </a:cxn>
                  <a:cxn ang="T158">
                    <a:pos x="T104" y="T105"/>
                  </a:cxn>
                </a:cxnLst>
                <a:rect l="T159" t="T160" r="T161" b="T162"/>
                <a:pathLst>
                  <a:path w="851" h="441">
                    <a:moveTo>
                      <a:pt x="303" y="79"/>
                    </a:moveTo>
                    <a:lnTo>
                      <a:pt x="294" y="320"/>
                    </a:lnTo>
                    <a:lnTo>
                      <a:pt x="303" y="321"/>
                    </a:lnTo>
                    <a:lnTo>
                      <a:pt x="326" y="345"/>
                    </a:lnTo>
                    <a:lnTo>
                      <a:pt x="335" y="338"/>
                    </a:lnTo>
                    <a:lnTo>
                      <a:pt x="350" y="347"/>
                    </a:lnTo>
                    <a:lnTo>
                      <a:pt x="359" y="335"/>
                    </a:lnTo>
                    <a:lnTo>
                      <a:pt x="379" y="369"/>
                    </a:lnTo>
                    <a:lnTo>
                      <a:pt x="397" y="369"/>
                    </a:lnTo>
                    <a:lnTo>
                      <a:pt x="399" y="369"/>
                    </a:lnTo>
                    <a:lnTo>
                      <a:pt x="401" y="370"/>
                    </a:lnTo>
                    <a:lnTo>
                      <a:pt x="404" y="372"/>
                    </a:lnTo>
                    <a:lnTo>
                      <a:pt x="408" y="374"/>
                    </a:lnTo>
                    <a:lnTo>
                      <a:pt x="411" y="375"/>
                    </a:lnTo>
                    <a:lnTo>
                      <a:pt x="414" y="377"/>
                    </a:lnTo>
                    <a:lnTo>
                      <a:pt x="418" y="379"/>
                    </a:lnTo>
                    <a:lnTo>
                      <a:pt x="419" y="379"/>
                    </a:lnTo>
                    <a:lnTo>
                      <a:pt x="426" y="374"/>
                    </a:lnTo>
                    <a:lnTo>
                      <a:pt x="431" y="372"/>
                    </a:lnTo>
                    <a:lnTo>
                      <a:pt x="438" y="374"/>
                    </a:lnTo>
                    <a:lnTo>
                      <a:pt x="443" y="377"/>
                    </a:lnTo>
                    <a:lnTo>
                      <a:pt x="447" y="380"/>
                    </a:lnTo>
                    <a:lnTo>
                      <a:pt x="450" y="386"/>
                    </a:lnTo>
                    <a:lnTo>
                      <a:pt x="452" y="387"/>
                    </a:lnTo>
                    <a:lnTo>
                      <a:pt x="453" y="389"/>
                    </a:lnTo>
                    <a:lnTo>
                      <a:pt x="458" y="379"/>
                    </a:lnTo>
                    <a:lnTo>
                      <a:pt x="469" y="382"/>
                    </a:lnTo>
                    <a:lnTo>
                      <a:pt x="484" y="377"/>
                    </a:lnTo>
                    <a:lnTo>
                      <a:pt x="484" y="391"/>
                    </a:lnTo>
                    <a:lnTo>
                      <a:pt x="496" y="392"/>
                    </a:lnTo>
                    <a:lnTo>
                      <a:pt x="499" y="406"/>
                    </a:lnTo>
                    <a:lnTo>
                      <a:pt x="511" y="411"/>
                    </a:lnTo>
                    <a:lnTo>
                      <a:pt x="518" y="401"/>
                    </a:lnTo>
                    <a:lnTo>
                      <a:pt x="529" y="397"/>
                    </a:lnTo>
                    <a:lnTo>
                      <a:pt x="540" y="408"/>
                    </a:lnTo>
                    <a:lnTo>
                      <a:pt x="548" y="411"/>
                    </a:lnTo>
                    <a:lnTo>
                      <a:pt x="548" y="413"/>
                    </a:lnTo>
                    <a:lnTo>
                      <a:pt x="548" y="414"/>
                    </a:lnTo>
                    <a:lnTo>
                      <a:pt x="548" y="416"/>
                    </a:lnTo>
                    <a:lnTo>
                      <a:pt x="548" y="418"/>
                    </a:lnTo>
                    <a:lnTo>
                      <a:pt x="550" y="419"/>
                    </a:lnTo>
                    <a:lnTo>
                      <a:pt x="551" y="421"/>
                    </a:lnTo>
                    <a:lnTo>
                      <a:pt x="555" y="419"/>
                    </a:lnTo>
                    <a:lnTo>
                      <a:pt x="562" y="416"/>
                    </a:lnTo>
                    <a:lnTo>
                      <a:pt x="567" y="411"/>
                    </a:lnTo>
                    <a:lnTo>
                      <a:pt x="570" y="408"/>
                    </a:lnTo>
                    <a:lnTo>
                      <a:pt x="572" y="406"/>
                    </a:lnTo>
                    <a:lnTo>
                      <a:pt x="572" y="404"/>
                    </a:lnTo>
                    <a:lnTo>
                      <a:pt x="572" y="408"/>
                    </a:lnTo>
                    <a:lnTo>
                      <a:pt x="573" y="413"/>
                    </a:lnTo>
                    <a:lnTo>
                      <a:pt x="575" y="419"/>
                    </a:lnTo>
                    <a:lnTo>
                      <a:pt x="579" y="428"/>
                    </a:lnTo>
                    <a:lnTo>
                      <a:pt x="580" y="431"/>
                    </a:lnTo>
                    <a:lnTo>
                      <a:pt x="584" y="431"/>
                    </a:lnTo>
                    <a:lnTo>
                      <a:pt x="584" y="430"/>
                    </a:lnTo>
                    <a:lnTo>
                      <a:pt x="585" y="426"/>
                    </a:lnTo>
                    <a:lnTo>
                      <a:pt x="585" y="424"/>
                    </a:lnTo>
                    <a:lnTo>
                      <a:pt x="585" y="421"/>
                    </a:lnTo>
                    <a:lnTo>
                      <a:pt x="585" y="419"/>
                    </a:lnTo>
                    <a:lnTo>
                      <a:pt x="602" y="406"/>
                    </a:lnTo>
                    <a:lnTo>
                      <a:pt x="616" y="416"/>
                    </a:lnTo>
                    <a:lnTo>
                      <a:pt x="633" y="408"/>
                    </a:lnTo>
                    <a:lnTo>
                      <a:pt x="631" y="409"/>
                    </a:lnTo>
                    <a:lnTo>
                      <a:pt x="631" y="413"/>
                    </a:lnTo>
                    <a:lnTo>
                      <a:pt x="633" y="414"/>
                    </a:lnTo>
                    <a:lnTo>
                      <a:pt x="634" y="418"/>
                    </a:lnTo>
                    <a:lnTo>
                      <a:pt x="639" y="421"/>
                    </a:lnTo>
                    <a:lnTo>
                      <a:pt x="646" y="424"/>
                    </a:lnTo>
                    <a:lnTo>
                      <a:pt x="653" y="428"/>
                    </a:lnTo>
                    <a:lnTo>
                      <a:pt x="658" y="431"/>
                    </a:lnTo>
                    <a:lnTo>
                      <a:pt x="661" y="433"/>
                    </a:lnTo>
                    <a:lnTo>
                      <a:pt x="665" y="435"/>
                    </a:lnTo>
                    <a:lnTo>
                      <a:pt x="667" y="435"/>
                    </a:lnTo>
                    <a:lnTo>
                      <a:pt x="670" y="433"/>
                    </a:lnTo>
                    <a:lnTo>
                      <a:pt x="675" y="430"/>
                    </a:lnTo>
                    <a:lnTo>
                      <a:pt x="682" y="423"/>
                    </a:lnTo>
                    <a:lnTo>
                      <a:pt x="690" y="416"/>
                    </a:lnTo>
                    <a:lnTo>
                      <a:pt x="697" y="413"/>
                    </a:lnTo>
                    <a:lnTo>
                      <a:pt x="702" y="413"/>
                    </a:lnTo>
                    <a:lnTo>
                      <a:pt x="707" y="414"/>
                    </a:lnTo>
                    <a:lnTo>
                      <a:pt x="709" y="416"/>
                    </a:lnTo>
                    <a:lnTo>
                      <a:pt x="712" y="419"/>
                    </a:lnTo>
                    <a:lnTo>
                      <a:pt x="714" y="421"/>
                    </a:lnTo>
                    <a:lnTo>
                      <a:pt x="714" y="423"/>
                    </a:lnTo>
                    <a:lnTo>
                      <a:pt x="716" y="423"/>
                    </a:lnTo>
                    <a:lnTo>
                      <a:pt x="716" y="421"/>
                    </a:lnTo>
                    <a:lnTo>
                      <a:pt x="717" y="419"/>
                    </a:lnTo>
                    <a:lnTo>
                      <a:pt x="721" y="416"/>
                    </a:lnTo>
                    <a:lnTo>
                      <a:pt x="724" y="411"/>
                    </a:lnTo>
                    <a:lnTo>
                      <a:pt x="727" y="408"/>
                    </a:lnTo>
                    <a:lnTo>
                      <a:pt x="727" y="404"/>
                    </a:lnTo>
                    <a:lnTo>
                      <a:pt x="727" y="401"/>
                    </a:lnTo>
                    <a:lnTo>
                      <a:pt x="729" y="401"/>
                    </a:lnTo>
                    <a:lnTo>
                      <a:pt x="731" y="404"/>
                    </a:lnTo>
                    <a:lnTo>
                      <a:pt x="734" y="408"/>
                    </a:lnTo>
                    <a:lnTo>
                      <a:pt x="741" y="411"/>
                    </a:lnTo>
                    <a:lnTo>
                      <a:pt x="746" y="416"/>
                    </a:lnTo>
                    <a:lnTo>
                      <a:pt x="751" y="421"/>
                    </a:lnTo>
                    <a:lnTo>
                      <a:pt x="753" y="423"/>
                    </a:lnTo>
                    <a:lnTo>
                      <a:pt x="755" y="424"/>
                    </a:lnTo>
                    <a:lnTo>
                      <a:pt x="756" y="423"/>
                    </a:lnTo>
                    <a:lnTo>
                      <a:pt x="758" y="419"/>
                    </a:lnTo>
                    <a:lnTo>
                      <a:pt x="761" y="414"/>
                    </a:lnTo>
                    <a:lnTo>
                      <a:pt x="766" y="409"/>
                    </a:lnTo>
                    <a:lnTo>
                      <a:pt x="771" y="406"/>
                    </a:lnTo>
                    <a:lnTo>
                      <a:pt x="775" y="406"/>
                    </a:lnTo>
                    <a:lnTo>
                      <a:pt x="780" y="406"/>
                    </a:lnTo>
                    <a:lnTo>
                      <a:pt x="783" y="408"/>
                    </a:lnTo>
                    <a:lnTo>
                      <a:pt x="787" y="408"/>
                    </a:lnTo>
                    <a:lnTo>
                      <a:pt x="788" y="409"/>
                    </a:lnTo>
                    <a:lnTo>
                      <a:pt x="815" y="433"/>
                    </a:lnTo>
                    <a:lnTo>
                      <a:pt x="831" y="435"/>
                    </a:lnTo>
                    <a:lnTo>
                      <a:pt x="849" y="441"/>
                    </a:lnTo>
                    <a:lnTo>
                      <a:pt x="851" y="223"/>
                    </a:lnTo>
                    <a:lnTo>
                      <a:pt x="831" y="84"/>
                    </a:lnTo>
                    <a:lnTo>
                      <a:pt x="829" y="20"/>
                    </a:lnTo>
                    <a:lnTo>
                      <a:pt x="827" y="20"/>
                    </a:lnTo>
                    <a:lnTo>
                      <a:pt x="822" y="20"/>
                    </a:lnTo>
                    <a:lnTo>
                      <a:pt x="814" y="20"/>
                    </a:lnTo>
                    <a:lnTo>
                      <a:pt x="804" y="20"/>
                    </a:lnTo>
                    <a:lnTo>
                      <a:pt x="790" y="20"/>
                    </a:lnTo>
                    <a:lnTo>
                      <a:pt x="773" y="20"/>
                    </a:lnTo>
                    <a:lnTo>
                      <a:pt x="755" y="20"/>
                    </a:lnTo>
                    <a:lnTo>
                      <a:pt x="736" y="20"/>
                    </a:lnTo>
                    <a:lnTo>
                      <a:pt x="712" y="20"/>
                    </a:lnTo>
                    <a:lnTo>
                      <a:pt x="689" y="20"/>
                    </a:lnTo>
                    <a:lnTo>
                      <a:pt x="663" y="20"/>
                    </a:lnTo>
                    <a:lnTo>
                      <a:pt x="636" y="20"/>
                    </a:lnTo>
                    <a:lnTo>
                      <a:pt x="609" y="20"/>
                    </a:lnTo>
                    <a:lnTo>
                      <a:pt x="579" y="18"/>
                    </a:lnTo>
                    <a:lnTo>
                      <a:pt x="550" y="18"/>
                    </a:lnTo>
                    <a:lnTo>
                      <a:pt x="519" y="18"/>
                    </a:lnTo>
                    <a:lnTo>
                      <a:pt x="489" y="18"/>
                    </a:lnTo>
                    <a:lnTo>
                      <a:pt x="457" y="17"/>
                    </a:lnTo>
                    <a:lnTo>
                      <a:pt x="426" y="17"/>
                    </a:lnTo>
                    <a:lnTo>
                      <a:pt x="396" y="17"/>
                    </a:lnTo>
                    <a:lnTo>
                      <a:pt x="364" y="15"/>
                    </a:lnTo>
                    <a:lnTo>
                      <a:pt x="335" y="15"/>
                    </a:lnTo>
                    <a:lnTo>
                      <a:pt x="304" y="15"/>
                    </a:lnTo>
                    <a:lnTo>
                      <a:pt x="276" y="13"/>
                    </a:lnTo>
                    <a:lnTo>
                      <a:pt x="249" y="13"/>
                    </a:lnTo>
                    <a:lnTo>
                      <a:pt x="221" y="12"/>
                    </a:lnTo>
                    <a:lnTo>
                      <a:pt x="198" y="12"/>
                    </a:lnTo>
                    <a:lnTo>
                      <a:pt x="174" y="10"/>
                    </a:lnTo>
                    <a:lnTo>
                      <a:pt x="152" y="10"/>
                    </a:lnTo>
                    <a:lnTo>
                      <a:pt x="133" y="8"/>
                    </a:lnTo>
                    <a:lnTo>
                      <a:pt x="117" y="6"/>
                    </a:lnTo>
                    <a:lnTo>
                      <a:pt x="101" y="6"/>
                    </a:lnTo>
                    <a:lnTo>
                      <a:pt x="5" y="0"/>
                    </a:lnTo>
                    <a:lnTo>
                      <a:pt x="0" y="61"/>
                    </a:lnTo>
                    <a:lnTo>
                      <a:pt x="303" y="7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608" name="Freeform 123"/>
              <p:cNvSpPr>
                <a:spLocks/>
              </p:cNvSpPr>
              <p:nvPr/>
            </p:nvSpPr>
            <p:spPr bwMode="auto">
              <a:xfrm>
                <a:off x="1658" y="2620"/>
                <a:ext cx="1334" cy="1316"/>
              </a:xfrm>
              <a:custGeom>
                <a:avLst/>
                <a:gdLst>
                  <a:gd name="T0" fmla="*/ 522 w 1371"/>
                  <a:gd name="T1" fmla="*/ 189 h 1355"/>
                  <a:gd name="T2" fmla="*/ 569 w 1371"/>
                  <a:gd name="T3" fmla="*/ 212 h 1355"/>
                  <a:gd name="T4" fmla="*/ 614 w 1371"/>
                  <a:gd name="T5" fmla="*/ 210 h 1355"/>
                  <a:gd name="T6" fmla="*/ 658 w 1371"/>
                  <a:gd name="T7" fmla="*/ 236 h 1355"/>
                  <a:gd name="T8" fmla="*/ 674 w 1371"/>
                  <a:gd name="T9" fmla="*/ 231 h 1355"/>
                  <a:gd name="T10" fmla="*/ 695 w 1371"/>
                  <a:gd name="T11" fmla="*/ 229 h 1355"/>
                  <a:gd name="T12" fmla="*/ 729 w 1371"/>
                  <a:gd name="T13" fmla="*/ 244 h 1355"/>
                  <a:gd name="T14" fmla="*/ 767 w 1371"/>
                  <a:gd name="T15" fmla="*/ 234 h 1355"/>
                  <a:gd name="T16" fmla="*/ 775 w 1371"/>
                  <a:gd name="T17" fmla="*/ 236 h 1355"/>
                  <a:gd name="T18" fmla="*/ 796 w 1371"/>
                  <a:gd name="T19" fmla="*/ 240 h 1355"/>
                  <a:gd name="T20" fmla="*/ 818 w 1371"/>
                  <a:gd name="T21" fmla="*/ 231 h 1355"/>
                  <a:gd name="T22" fmla="*/ 894 w 1371"/>
                  <a:gd name="T23" fmla="*/ 303 h 1355"/>
                  <a:gd name="T24" fmla="*/ 931 w 1371"/>
                  <a:gd name="T25" fmla="*/ 458 h 1355"/>
                  <a:gd name="T26" fmla="*/ 923 w 1371"/>
                  <a:gd name="T27" fmla="*/ 500 h 1355"/>
                  <a:gd name="T28" fmla="*/ 925 w 1371"/>
                  <a:gd name="T29" fmla="*/ 533 h 1355"/>
                  <a:gd name="T30" fmla="*/ 913 w 1371"/>
                  <a:gd name="T31" fmla="*/ 574 h 1355"/>
                  <a:gd name="T32" fmla="*/ 894 w 1371"/>
                  <a:gd name="T33" fmla="*/ 585 h 1355"/>
                  <a:gd name="T34" fmla="*/ 867 w 1371"/>
                  <a:gd name="T35" fmla="*/ 592 h 1355"/>
                  <a:gd name="T36" fmla="*/ 853 w 1371"/>
                  <a:gd name="T37" fmla="*/ 594 h 1355"/>
                  <a:gd name="T38" fmla="*/ 853 w 1371"/>
                  <a:gd name="T39" fmla="*/ 583 h 1355"/>
                  <a:gd name="T40" fmla="*/ 841 w 1371"/>
                  <a:gd name="T41" fmla="*/ 579 h 1355"/>
                  <a:gd name="T42" fmla="*/ 833 w 1371"/>
                  <a:gd name="T43" fmla="*/ 582 h 1355"/>
                  <a:gd name="T44" fmla="*/ 829 w 1371"/>
                  <a:gd name="T45" fmla="*/ 591 h 1355"/>
                  <a:gd name="T46" fmla="*/ 840 w 1371"/>
                  <a:gd name="T47" fmla="*/ 610 h 1355"/>
                  <a:gd name="T48" fmla="*/ 811 w 1371"/>
                  <a:gd name="T49" fmla="*/ 644 h 1355"/>
                  <a:gd name="T50" fmla="*/ 773 w 1371"/>
                  <a:gd name="T51" fmla="*/ 666 h 1355"/>
                  <a:gd name="T52" fmla="*/ 739 w 1371"/>
                  <a:gd name="T53" fmla="*/ 687 h 1355"/>
                  <a:gd name="T54" fmla="*/ 770 w 1371"/>
                  <a:gd name="T55" fmla="*/ 665 h 1355"/>
                  <a:gd name="T56" fmla="*/ 751 w 1371"/>
                  <a:gd name="T57" fmla="*/ 672 h 1355"/>
                  <a:gd name="T58" fmla="*/ 747 w 1371"/>
                  <a:gd name="T59" fmla="*/ 663 h 1355"/>
                  <a:gd name="T60" fmla="*/ 719 w 1371"/>
                  <a:gd name="T61" fmla="*/ 666 h 1355"/>
                  <a:gd name="T62" fmla="*/ 729 w 1371"/>
                  <a:gd name="T63" fmla="*/ 684 h 1355"/>
                  <a:gd name="T64" fmla="*/ 716 w 1371"/>
                  <a:gd name="T65" fmla="*/ 694 h 1355"/>
                  <a:gd name="T66" fmla="*/ 704 w 1371"/>
                  <a:gd name="T67" fmla="*/ 682 h 1355"/>
                  <a:gd name="T68" fmla="*/ 695 w 1371"/>
                  <a:gd name="T69" fmla="*/ 702 h 1355"/>
                  <a:gd name="T70" fmla="*/ 684 w 1371"/>
                  <a:gd name="T71" fmla="*/ 718 h 1355"/>
                  <a:gd name="T72" fmla="*/ 669 w 1371"/>
                  <a:gd name="T73" fmla="*/ 733 h 1355"/>
                  <a:gd name="T74" fmla="*/ 654 w 1371"/>
                  <a:gd name="T75" fmla="*/ 779 h 1355"/>
                  <a:gd name="T76" fmla="*/ 646 w 1371"/>
                  <a:gd name="T77" fmla="*/ 769 h 1355"/>
                  <a:gd name="T78" fmla="*/ 653 w 1371"/>
                  <a:gd name="T79" fmla="*/ 795 h 1355"/>
                  <a:gd name="T80" fmla="*/ 654 w 1371"/>
                  <a:gd name="T81" fmla="*/ 897 h 1355"/>
                  <a:gd name="T82" fmla="*/ 623 w 1371"/>
                  <a:gd name="T83" fmla="*/ 881 h 1355"/>
                  <a:gd name="T84" fmla="*/ 595 w 1371"/>
                  <a:gd name="T85" fmla="*/ 881 h 1355"/>
                  <a:gd name="T86" fmla="*/ 535 w 1371"/>
                  <a:gd name="T87" fmla="*/ 853 h 1355"/>
                  <a:gd name="T88" fmla="*/ 522 w 1371"/>
                  <a:gd name="T89" fmla="*/ 841 h 1355"/>
                  <a:gd name="T90" fmla="*/ 509 w 1371"/>
                  <a:gd name="T91" fmla="*/ 806 h 1355"/>
                  <a:gd name="T92" fmla="*/ 504 w 1371"/>
                  <a:gd name="T93" fmla="*/ 781 h 1355"/>
                  <a:gd name="T94" fmla="*/ 487 w 1371"/>
                  <a:gd name="T95" fmla="*/ 748 h 1355"/>
                  <a:gd name="T96" fmla="*/ 463 w 1371"/>
                  <a:gd name="T97" fmla="*/ 718 h 1355"/>
                  <a:gd name="T98" fmla="*/ 444 w 1371"/>
                  <a:gd name="T99" fmla="*/ 693 h 1355"/>
                  <a:gd name="T100" fmla="*/ 361 w 1371"/>
                  <a:gd name="T101" fmla="*/ 569 h 1355"/>
                  <a:gd name="T102" fmla="*/ 323 w 1371"/>
                  <a:gd name="T103" fmla="*/ 563 h 1355"/>
                  <a:gd name="T104" fmla="*/ 297 w 1371"/>
                  <a:gd name="T105" fmla="*/ 557 h 1355"/>
                  <a:gd name="T106" fmla="*/ 282 w 1371"/>
                  <a:gd name="T107" fmla="*/ 562 h 1355"/>
                  <a:gd name="T108" fmla="*/ 251 w 1371"/>
                  <a:gd name="T109" fmla="*/ 600 h 1355"/>
                  <a:gd name="T110" fmla="*/ 238 w 1371"/>
                  <a:gd name="T111" fmla="*/ 614 h 1355"/>
                  <a:gd name="T112" fmla="*/ 215 w 1371"/>
                  <a:gd name="T113" fmla="*/ 619 h 1355"/>
                  <a:gd name="T114" fmla="*/ 177 w 1371"/>
                  <a:gd name="T115" fmla="*/ 594 h 1355"/>
                  <a:gd name="T116" fmla="*/ 143 w 1371"/>
                  <a:gd name="T117" fmla="*/ 567 h 1355"/>
                  <a:gd name="T118" fmla="*/ 124 w 1371"/>
                  <a:gd name="T119" fmla="*/ 510 h 1355"/>
                  <a:gd name="T120" fmla="*/ 88 w 1371"/>
                  <a:gd name="T121" fmla="*/ 458 h 1355"/>
                  <a:gd name="T122" fmla="*/ 6 w 1371"/>
                  <a:gd name="T123" fmla="*/ 372 h 1355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w 1371"/>
                  <a:gd name="T187" fmla="*/ 0 h 1355"/>
                  <a:gd name="T188" fmla="*/ 1371 w 1371"/>
                  <a:gd name="T189" fmla="*/ 1355 h 1355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T186" t="T187" r="T188" b="T189"/>
                <a:pathLst>
                  <a:path w="1371" h="1355">
                    <a:moveTo>
                      <a:pt x="6" y="560"/>
                    </a:moveTo>
                    <a:lnTo>
                      <a:pt x="0" y="545"/>
                    </a:lnTo>
                    <a:lnTo>
                      <a:pt x="0" y="528"/>
                    </a:lnTo>
                    <a:lnTo>
                      <a:pt x="371" y="565"/>
                    </a:lnTo>
                    <a:lnTo>
                      <a:pt x="417" y="0"/>
                    </a:lnTo>
                    <a:lnTo>
                      <a:pt x="720" y="18"/>
                    </a:lnTo>
                    <a:lnTo>
                      <a:pt x="711" y="259"/>
                    </a:lnTo>
                    <a:lnTo>
                      <a:pt x="720" y="260"/>
                    </a:lnTo>
                    <a:lnTo>
                      <a:pt x="743" y="284"/>
                    </a:lnTo>
                    <a:lnTo>
                      <a:pt x="752" y="277"/>
                    </a:lnTo>
                    <a:lnTo>
                      <a:pt x="767" y="286"/>
                    </a:lnTo>
                    <a:lnTo>
                      <a:pt x="776" y="274"/>
                    </a:lnTo>
                    <a:lnTo>
                      <a:pt x="796" y="308"/>
                    </a:lnTo>
                    <a:lnTo>
                      <a:pt x="814" y="308"/>
                    </a:lnTo>
                    <a:lnTo>
                      <a:pt x="816" y="308"/>
                    </a:lnTo>
                    <a:lnTo>
                      <a:pt x="818" y="309"/>
                    </a:lnTo>
                    <a:lnTo>
                      <a:pt x="821" y="311"/>
                    </a:lnTo>
                    <a:lnTo>
                      <a:pt x="825" y="313"/>
                    </a:lnTo>
                    <a:lnTo>
                      <a:pt x="828" y="314"/>
                    </a:lnTo>
                    <a:lnTo>
                      <a:pt x="831" y="316"/>
                    </a:lnTo>
                    <a:lnTo>
                      <a:pt x="835" y="318"/>
                    </a:lnTo>
                    <a:lnTo>
                      <a:pt x="836" y="318"/>
                    </a:lnTo>
                    <a:lnTo>
                      <a:pt x="843" y="313"/>
                    </a:lnTo>
                    <a:lnTo>
                      <a:pt x="848" y="311"/>
                    </a:lnTo>
                    <a:lnTo>
                      <a:pt x="855" y="313"/>
                    </a:lnTo>
                    <a:lnTo>
                      <a:pt x="860" y="316"/>
                    </a:lnTo>
                    <a:lnTo>
                      <a:pt x="864" y="319"/>
                    </a:lnTo>
                    <a:lnTo>
                      <a:pt x="867" y="325"/>
                    </a:lnTo>
                    <a:lnTo>
                      <a:pt x="869" y="326"/>
                    </a:lnTo>
                    <a:lnTo>
                      <a:pt x="870" y="328"/>
                    </a:lnTo>
                    <a:lnTo>
                      <a:pt x="875" y="318"/>
                    </a:lnTo>
                    <a:lnTo>
                      <a:pt x="886" y="321"/>
                    </a:lnTo>
                    <a:lnTo>
                      <a:pt x="901" y="316"/>
                    </a:lnTo>
                    <a:lnTo>
                      <a:pt x="901" y="330"/>
                    </a:lnTo>
                    <a:lnTo>
                      <a:pt x="913" y="331"/>
                    </a:lnTo>
                    <a:lnTo>
                      <a:pt x="916" y="345"/>
                    </a:lnTo>
                    <a:lnTo>
                      <a:pt x="928" y="350"/>
                    </a:lnTo>
                    <a:lnTo>
                      <a:pt x="935" y="340"/>
                    </a:lnTo>
                    <a:lnTo>
                      <a:pt x="946" y="336"/>
                    </a:lnTo>
                    <a:lnTo>
                      <a:pt x="957" y="347"/>
                    </a:lnTo>
                    <a:lnTo>
                      <a:pt x="965" y="350"/>
                    </a:lnTo>
                    <a:lnTo>
                      <a:pt x="965" y="352"/>
                    </a:lnTo>
                    <a:lnTo>
                      <a:pt x="965" y="353"/>
                    </a:lnTo>
                    <a:lnTo>
                      <a:pt x="965" y="355"/>
                    </a:lnTo>
                    <a:lnTo>
                      <a:pt x="965" y="357"/>
                    </a:lnTo>
                    <a:lnTo>
                      <a:pt x="967" y="358"/>
                    </a:lnTo>
                    <a:lnTo>
                      <a:pt x="968" y="360"/>
                    </a:lnTo>
                    <a:lnTo>
                      <a:pt x="972" y="358"/>
                    </a:lnTo>
                    <a:lnTo>
                      <a:pt x="979" y="355"/>
                    </a:lnTo>
                    <a:lnTo>
                      <a:pt x="984" y="350"/>
                    </a:lnTo>
                    <a:lnTo>
                      <a:pt x="987" y="347"/>
                    </a:lnTo>
                    <a:lnTo>
                      <a:pt x="989" y="345"/>
                    </a:lnTo>
                    <a:lnTo>
                      <a:pt x="989" y="343"/>
                    </a:lnTo>
                    <a:lnTo>
                      <a:pt x="989" y="347"/>
                    </a:lnTo>
                    <a:lnTo>
                      <a:pt x="990" y="352"/>
                    </a:lnTo>
                    <a:lnTo>
                      <a:pt x="992" y="358"/>
                    </a:lnTo>
                    <a:lnTo>
                      <a:pt x="996" y="367"/>
                    </a:lnTo>
                    <a:lnTo>
                      <a:pt x="997" y="370"/>
                    </a:lnTo>
                    <a:lnTo>
                      <a:pt x="1001" y="370"/>
                    </a:lnTo>
                    <a:lnTo>
                      <a:pt x="1001" y="369"/>
                    </a:lnTo>
                    <a:lnTo>
                      <a:pt x="1002" y="365"/>
                    </a:lnTo>
                    <a:lnTo>
                      <a:pt x="1002" y="363"/>
                    </a:lnTo>
                    <a:lnTo>
                      <a:pt x="1002" y="360"/>
                    </a:lnTo>
                    <a:lnTo>
                      <a:pt x="1002" y="358"/>
                    </a:lnTo>
                    <a:lnTo>
                      <a:pt x="1019" y="345"/>
                    </a:lnTo>
                    <a:lnTo>
                      <a:pt x="1033" y="355"/>
                    </a:lnTo>
                    <a:lnTo>
                      <a:pt x="1050" y="347"/>
                    </a:lnTo>
                    <a:lnTo>
                      <a:pt x="1048" y="348"/>
                    </a:lnTo>
                    <a:lnTo>
                      <a:pt x="1048" y="352"/>
                    </a:lnTo>
                    <a:lnTo>
                      <a:pt x="1050" y="353"/>
                    </a:lnTo>
                    <a:lnTo>
                      <a:pt x="1051" y="357"/>
                    </a:lnTo>
                    <a:lnTo>
                      <a:pt x="1056" y="360"/>
                    </a:lnTo>
                    <a:lnTo>
                      <a:pt x="1063" y="363"/>
                    </a:lnTo>
                    <a:lnTo>
                      <a:pt x="1070" y="367"/>
                    </a:lnTo>
                    <a:lnTo>
                      <a:pt x="1075" y="370"/>
                    </a:lnTo>
                    <a:lnTo>
                      <a:pt x="1078" y="372"/>
                    </a:lnTo>
                    <a:lnTo>
                      <a:pt x="1082" y="374"/>
                    </a:lnTo>
                    <a:lnTo>
                      <a:pt x="1084" y="374"/>
                    </a:lnTo>
                    <a:lnTo>
                      <a:pt x="1087" y="372"/>
                    </a:lnTo>
                    <a:lnTo>
                      <a:pt x="1092" y="369"/>
                    </a:lnTo>
                    <a:lnTo>
                      <a:pt x="1099" y="362"/>
                    </a:lnTo>
                    <a:lnTo>
                      <a:pt x="1107" y="355"/>
                    </a:lnTo>
                    <a:lnTo>
                      <a:pt x="1114" y="352"/>
                    </a:lnTo>
                    <a:lnTo>
                      <a:pt x="1119" y="352"/>
                    </a:lnTo>
                    <a:lnTo>
                      <a:pt x="1124" y="353"/>
                    </a:lnTo>
                    <a:lnTo>
                      <a:pt x="1126" y="355"/>
                    </a:lnTo>
                    <a:lnTo>
                      <a:pt x="1129" y="358"/>
                    </a:lnTo>
                    <a:lnTo>
                      <a:pt x="1131" y="360"/>
                    </a:lnTo>
                    <a:lnTo>
                      <a:pt x="1131" y="362"/>
                    </a:lnTo>
                    <a:lnTo>
                      <a:pt x="1133" y="362"/>
                    </a:lnTo>
                    <a:lnTo>
                      <a:pt x="1133" y="360"/>
                    </a:lnTo>
                    <a:lnTo>
                      <a:pt x="1134" y="358"/>
                    </a:lnTo>
                    <a:lnTo>
                      <a:pt x="1138" y="355"/>
                    </a:lnTo>
                    <a:lnTo>
                      <a:pt x="1141" y="350"/>
                    </a:lnTo>
                    <a:lnTo>
                      <a:pt x="1144" y="347"/>
                    </a:lnTo>
                    <a:lnTo>
                      <a:pt x="1144" y="343"/>
                    </a:lnTo>
                    <a:lnTo>
                      <a:pt x="1144" y="340"/>
                    </a:lnTo>
                    <a:lnTo>
                      <a:pt x="1146" y="340"/>
                    </a:lnTo>
                    <a:lnTo>
                      <a:pt x="1148" y="343"/>
                    </a:lnTo>
                    <a:lnTo>
                      <a:pt x="1151" y="347"/>
                    </a:lnTo>
                    <a:lnTo>
                      <a:pt x="1158" y="350"/>
                    </a:lnTo>
                    <a:lnTo>
                      <a:pt x="1163" y="355"/>
                    </a:lnTo>
                    <a:lnTo>
                      <a:pt x="1168" y="360"/>
                    </a:lnTo>
                    <a:lnTo>
                      <a:pt x="1170" y="362"/>
                    </a:lnTo>
                    <a:lnTo>
                      <a:pt x="1172" y="363"/>
                    </a:lnTo>
                    <a:lnTo>
                      <a:pt x="1173" y="362"/>
                    </a:lnTo>
                    <a:lnTo>
                      <a:pt x="1175" y="358"/>
                    </a:lnTo>
                    <a:lnTo>
                      <a:pt x="1178" y="353"/>
                    </a:lnTo>
                    <a:lnTo>
                      <a:pt x="1183" y="348"/>
                    </a:lnTo>
                    <a:lnTo>
                      <a:pt x="1188" y="345"/>
                    </a:lnTo>
                    <a:lnTo>
                      <a:pt x="1192" y="345"/>
                    </a:lnTo>
                    <a:lnTo>
                      <a:pt x="1197" y="345"/>
                    </a:lnTo>
                    <a:lnTo>
                      <a:pt x="1200" y="347"/>
                    </a:lnTo>
                    <a:lnTo>
                      <a:pt x="1204" y="347"/>
                    </a:lnTo>
                    <a:lnTo>
                      <a:pt x="1205" y="348"/>
                    </a:lnTo>
                    <a:lnTo>
                      <a:pt x="1232" y="372"/>
                    </a:lnTo>
                    <a:lnTo>
                      <a:pt x="1248" y="374"/>
                    </a:lnTo>
                    <a:lnTo>
                      <a:pt x="1266" y="380"/>
                    </a:lnTo>
                    <a:lnTo>
                      <a:pt x="1265" y="377"/>
                    </a:lnTo>
                    <a:lnTo>
                      <a:pt x="1276" y="392"/>
                    </a:lnTo>
                    <a:lnTo>
                      <a:pt x="1302" y="389"/>
                    </a:lnTo>
                    <a:lnTo>
                      <a:pt x="1312" y="391"/>
                    </a:lnTo>
                    <a:lnTo>
                      <a:pt x="1312" y="455"/>
                    </a:lnTo>
                    <a:lnTo>
                      <a:pt x="1317" y="580"/>
                    </a:lnTo>
                    <a:lnTo>
                      <a:pt x="1341" y="611"/>
                    </a:lnTo>
                    <a:lnTo>
                      <a:pt x="1341" y="641"/>
                    </a:lnTo>
                    <a:lnTo>
                      <a:pt x="1354" y="655"/>
                    </a:lnTo>
                    <a:lnTo>
                      <a:pt x="1361" y="675"/>
                    </a:lnTo>
                    <a:lnTo>
                      <a:pt x="1361" y="677"/>
                    </a:lnTo>
                    <a:lnTo>
                      <a:pt x="1363" y="678"/>
                    </a:lnTo>
                    <a:lnTo>
                      <a:pt x="1364" y="682"/>
                    </a:lnTo>
                    <a:lnTo>
                      <a:pt x="1366" y="687"/>
                    </a:lnTo>
                    <a:lnTo>
                      <a:pt x="1366" y="690"/>
                    </a:lnTo>
                    <a:lnTo>
                      <a:pt x="1368" y="695"/>
                    </a:lnTo>
                    <a:lnTo>
                      <a:pt x="1370" y="700"/>
                    </a:lnTo>
                    <a:lnTo>
                      <a:pt x="1371" y="705"/>
                    </a:lnTo>
                    <a:lnTo>
                      <a:pt x="1371" y="710"/>
                    </a:lnTo>
                    <a:lnTo>
                      <a:pt x="1371" y="717"/>
                    </a:lnTo>
                    <a:lnTo>
                      <a:pt x="1371" y="722"/>
                    </a:lnTo>
                    <a:lnTo>
                      <a:pt x="1370" y="727"/>
                    </a:lnTo>
                    <a:lnTo>
                      <a:pt x="1368" y="734"/>
                    </a:lnTo>
                    <a:lnTo>
                      <a:pt x="1366" y="739"/>
                    </a:lnTo>
                    <a:lnTo>
                      <a:pt x="1363" y="744"/>
                    </a:lnTo>
                    <a:lnTo>
                      <a:pt x="1356" y="753"/>
                    </a:lnTo>
                    <a:lnTo>
                      <a:pt x="1353" y="759"/>
                    </a:lnTo>
                    <a:lnTo>
                      <a:pt x="1351" y="765"/>
                    </a:lnTo>
                    <a:lnTo>
                      <a:pt x="1351" y="768"/>
                    </a:lnTo>
                    <a:lnTo>
                      <a:pt x="1353" y="771"/>
                    </a:lnTo>
                    <a:lnTo>
                      <a:pt x="1354" y="773"/>
                    </a:lnTo>
                    <a:lnTo>
                      <a:pt x="1356" y="775"/>
                    </a:lnTo>
                    <a:lnTo>
                      <a:pt x="1353" y="797"/>
                    </a:lnTo>
                    <a:lnTo>
                      <a:pt x="1356" y="798"/>
                    </a:lnTo>
                    <a:lnTo>
                      <a:pt x="1358" y="802"/>
                    </a:lnTo>
                    <a:lnTo>
                      <a:pt x="1361" y="807"/>
                    </a:lnTo>
                    <a:lnTo>
                      <a:pt x="1363" y="812"/>
                    </a:lnTo>
                    <a:lnTo>
                      <a:pt x="1363" y="819"/>
                    </a:lnTo>
                    <a:lnTo>
                      <a:pt x="1359" y="827"/>
                    </a:lnTo>
                    <a:lnTo>
                      <a:pt x="1353" y="836"/>
                    </a:lnTo>
                    <a:lnTo>
                      <a:pt x="1351" y="837"/>
                    </a:lnTo>
                    <a:lnTo>
                      <a:pt x="1348" y="836"/>
                    </a:lnTo>
                    <a:lnTo>
                      <a:pt x="1346" y="836"/>
                    </a:lnTo>
                    <a:lnTo>
                      <a:pt x="1329" y="854"/>
                    </a:lnTo>
                    <a:lnTo>
                      <a:pt x="1337" y="866"/>
                    </a:lnTo>
                    <a:lnTo>
                      <a:pt x="1339" y="875"/>
                    </a:lnTo>
                    <a:lnTo>
                      <a:pt x="1337" y="875"/>
                    </a:lnTo>
                    <a:lnTo>
                      <a:pt x="1334" y="875"/>
                    </a:lnTo>
                    <a:lnTo>
                      <a:pt x="1332" y="875"/>
                    </a:lnTo>
                    <a:lnTo>
                      <a:pt x="1329" y="875"/>
                    </a:lnTo>
                    <a:lnTo>
                      <a:pt x="1324" y="876"/>
                    </a:lnTo>
                    <a:lnTo>
                      <a:pt x="1319" y="878"/>
                    </a:lnTo>
                    <a:lnTo>
                      <a:pt x="1312" y="880"/>
                    </a:lnTo>
                    <a:lnTo>
                      <a:pt x="1305" y="883"/>
                    </a:lnTo>
                    <a:lnTo>
                      <a:pt x="1295" y="888"/>
                    </a:lnTo>
                    <a:lnTo>
                      <a:pt x="1285" y="893"/>
                    </a:lnTo>
                    <a:lnTo>
                      <a:pt x="1273" y="898"/>
                    </a:lnTo>
                    <a:lnTo>
                      <a:pt x="1260" y="905"/>
                    </a:lnTo>
                    <a:lnTo>
                      <a:pt x="1246" y="913"/>
                    </a:lnTo>
                    <a:lnTo>
                      <a:pt x="1251" y="905"/>
                    </a:lnTo>
                    <a:lnTo>
                      <a:pt x="1256" y="902"/>
                    </a:lnTo>
                    <a:lnTo>
                      <a:pt x="1268" y="895"/>
                    </a:lnTo>
                    <a:lnTo>
                      <a:pt x="1270" y="895"/>
                    </a:lnTo>
                    <a:lnTo>
                      <a:pt x="1271" y="893"/>
                    </a:lnTo>
                    <a:lnTo>
                      <a:pt x="1271" y="891"/>
                    </a:lnTo>
                    <a:lnTo>
                      <a:pt x="1268" y="890"/>
                    </a:lnTo>
                    <a:lnTo>
                      <a:pt x="1266" y="890"/>
                    </a:lnTo>
                    <a:lnTo>
                      <a:pt x="1263" y="890"/>
                    </a:lnTo>
                    <a:lnTo>
                      <a:pt x="1261" y="890"/>
                    </a:lnTo>
                    <a:lnTo>
                      <a:pt x="1260" y="890"/>
                    </a:lnTo>
                    <a:lnTo>
                      <a:pt x="1258" y="891"/>
                    </a:lnTo>
                    <a:lnTo>
                      <a:pt x="1256" y="891"/>
                    </a:lnTo>
                    <a:lnTo>
                      <a:pt x="1251" y="895"/>
                    </a:lnTo>
                    <a:lnTo>
                      <a:pt x="1249" y="895"/>
                    </a:lnTo>
                    <a:lnTo>
                      <a:pt x="1248" y="895"/>
                    </a:lnTo>
                    <a:lnTo>
                      <a:pt x="1246" y="895"/>
                    </a:lnTo>
                    <a:lnTo>
                      <a:pt x="1244" y="895"/>
                    </a:lnTo>
                    <a:lnTo>
                      <a:pt x="1243" y="893"/>
                    </a:lnTo>
                    <a:lnTo>
                      <a:pt x="1244" y="890"/>
                    </a:lnTo>
                    <a:lnTo>
                      <a:pt x="1246" y="886"/>
                    </a:lnTo>
                    <a:lnTo>
                      <a:pt x="1248" y="881"/>
                    </a:lnTo>
                    <a:lnTo>
                      <a:pt x="1249" y="878"/>
                    </a:lnTo>
                    <a:lnTo>
                      <a:pt x="1251" y="876"/>
                    </a:lnTo>
                    <a:lnTo>
                      <a:pt x="1253" y="875"/>
                    </a:lnTo>
                    <a:lnTo>
                      <a:pt x="1254" y="873"/>
                    </a:lnTo>
                    <a:lnTo>
                      <a:pt x="1254" y="871"/>
                    </a:lnTo>
                    <a:lnTo>
                      <a:pt x="1254" y="869"/>
                    </a:lnTo>
                    <a:lnTo>
                      <a:pt x="1253" y="868"/>
                    </a:lnTo>
                    <a:lnTo>
                      <a:pt x="1251" y="864"/>
                    </a:lnTo>
                    <a:lnTo>
                      <a:pt x="1249" y="864"/>
                    </a:lnTo>
                    <a:lnTo>
                      <a:pt x="1248" y="864"/>
                    </a:lnTo>
                    <a:lnTo>
                      <a:pt x="1243" y="868"/>
                    </a:lnTo>
                    <a:lnTo>
                      <a:pt x="1238" y="869"/>
                    </a:lnTo>
                    <a:lnTo>
                      <a:pt x="1234" y="871"/>
                    </a:lnTo>
                    <a:lnTo>
                      <a:pt x="1232" y="873"/>
                    </a:lnTo>
                    <a:lnTo>
                      <a:pt x="1232" y="875"/>
                    </a:lnTo>
                    <a:lnTo>
                      <a:pt x="1232" y="876"/>
                    </a:lnTo>
                    <a:lnTo>
                      <a:pt x="1232" y="878"/>
                    </a:lnTo>
                    <a:lnTo>
                      <a:pt x="1231" y="880"/>
                    </a:lnTo>
                    <a:lnTo>
                      <a:pt x="1229" y="880"/>
                    </a:lnTo>
                    <a:lnTo>
                      <a:pt x="1227" y="880"/>
                    </a:lnTo>
                    <a:lnTo>
                      <a:pt x="1224" y="878"/>
                    </a:lnTo>
                    <a:lnTo>
                      <a:pt x="1222" y="875"/>
                    </a:lnTo>
                    <a:lnTo>
                      <a:pt x="1219" y="873"/>
                    </a:lnTo>
                    <a:lnTo>
                      <a:pt x="1217" y="871"/>
                    </a:lnTo>
                    <a:lnTo>
                      <a:pt x="1216" y="869"/>
                    </a:lnTo>
                    <a:lnTo>
                      <a:pt x="1216" y="871"/>
                    </a:lnTo>
                    <a:lnTo>
                      <a:pt x="1217" y="875"/>
                    </a:lnTo>
                    <a:lnTo>
                      <a:pt x="1219" y="878"/>
                    </a:lnTo>
                    <a:lnTo>
                      <a:pt x="1219" y="881"/>
                    </a:lnTo>
                    <a:lnTo>
                      <a:pt x="1219" y="885"/>
                    </a:lnTo>
                    <a:lnTo>
                      <a:pt x="1217" y="886"/>
                    </a:lnTo>
                    <a:lnTo>
                      <a:pt x="1216" y="890"/>
                    </a:lnTo>
                    <a:lnTo>
                      <a:pt x="1216" y="891"/>
                    </a:lnTo>
                    <a:lnTo>
                      <a:pt x="1217" y="895"/>
                    </a:lnTo>
                    <a:lnTo>
                      <a:pt x="1221" y="898"/>
                    </a:lnTo>
                    <a:lnTo>
                      <a:pt x="1226" y="903"/>
                    </a:lnTo>
                    <a:lnTo>
                      <a:pt x="1231" y="907"/>
                    </a:lnTo>
                    <a:lnTo>
                      <a:pt x="1234" y="910"/>
                    </a:lnTo>
                    <a:lnTo>
                      <a:pt x="1236" y="913"/>
                    </a:lnTo>
                    <a:lnTo>
                      <a:pt x="1234" y="915"/>
                    </a:lnTo>
                    <a:lnTo>
                      <a:pt x="1234" y="917"/>
                    </a:lnTo>
                    <a:lnTo>
                      <a:pt x="1232" y="919"/>
                    </a:lnTo>
                    <a:lnTo>
                      <a:pt x="1231" y="919"/>
                    </a:lnTo>
                    <a:lnTo>
                      <a:pt x="1212" y="939"/>
                    </a:lnTo>
                    <a:lnTo>
                      <a:pt x="1202" y="937"/>
                    </a:lnTo>
                    <a:lnTo>
                      <a:pt x="1192" y="959"/>
                    </a:lnTo>
                    <a:lnTo>
                      <a:pt x="1202" y="957"/>
                    </a:lnTo>
                    <a:lnTo>
                      <a:pt x="1200" y="959"/>
                    </a:lnTo>
                    <a:lnTo>
                      <a:pt x="1199" y="961"/>
                    </a:lnTo>
                    <a:lnTo>
                      <a:pt x="1197" y="964"/>
                    </a:lnTo>
                    <a:lnTo>
                      <a:pt x="1194" y="966"/>
                    </a:lnTo>
                    <a:lnTo>
                      <a:pt x="1190" y="969"/>
                    </a:lnTo>
                    <a:lnTo>
                      <a:pt x="1185" y="973"/>
                    </a:lnTo>
                    <a:lnTo>
                      <a:pt x="1180" y="976"/>
                    </a:lnTo>
                    <a:lnTo>
                      <a:pt x="1177" y="981"/>
                    </a:lnTo>
                    <a:lnTo>
                      <a:pt x="1172" y="985"/>
                    </a:lnTo>
                    <a:lnTo>
                      <a:pt x="1165" y="988"/>
                    </a:lnTo>
                    <a:lnTo>
                      <a:pt x="1160" y="991"/>
                    </a:lnTo>
                    <a:lnTo>
                      <a:pt x="1155" y="995"/>
                    </a:lnTo>
                    <a:lnTo>
                      <a:pt x="1148" y="998"/>
                    </a:lnTo>
                    <a:lnTo>
                      <a:pt x="1143" y="1000"/>
                    </a:lnTo>
                    <a:lnTo>
                      <a:pt x="1136" y="1001"/>
                    </a:lnTo>
                    <a:lnTo>
                      <a:pt x="1134" y="1003"/>
                    </a:lnTo>
                    <a:lnTo>
                      <a:pt x="1129" y="1007"/>
                    </a:lnTo>
                    <a:lnTo>
                      <a:pt x="1124" y="1010"/>
                    </a:lnTo>
                    <a:lnTo>
                      <a:pt x="1117" y="1013"/>
                    </a:lnTo>
                    <a:lnTo>
                      <a:pt x="1111" y="1018"/>
                    </a:lnTo>
                    <a:lnTo>
                      <a:pt x="1106" y="1022"/>
                    </a:lnTo>
                    <a:lnTo>
                      <a:pt x="1102" y="1023"/>
                    </a:lnTo>
                    <a:lnTo>
                      <a:pt x="1100" y="1025"/>
                    </a:lnTo>
                    <a:lnTo>
                      <a:pt x="1099" y="1025"/>
                    </a:lnTo>
                    <a:lnTo>
                      <a:pt x="1094" y="1029"/>
                    </a:lnTo>
                    <a:lnTo>
                      <a:pt x="1089" y="1032"/>
                    </a:lnTo>
                    <a:lnTo>
                      <a:pt x="1084" y="1034"/>
                    </a:lnTo>
                    <a:lnTo>
                      <a:pt x="1078" y="1034"/>
                    </a:lnTo>
                    <a:lnTo>
                      <a:pt x="1080" y="1034"/>
                    </a:lnTo>
                    <a:lnTo>
                      <a:pt x="1085" y="1029"/>
                    </a:lnTo>
                    <a:lnTo>
                      <a:pt x="1099" y="1020"/>
                    </a:lnTo>
                    <a:lnTo>
                      <a:pt x="1100" y="1018"/>
                    </a:lnTo>
                    <a:lnTo>
                      <a:pt x="1102" y="1017"/>
                    </a:lnTo>
                    <a:lnTo>
                      <a:pt x="1107" y="1015"/>
                    </a:lnTo>
                    <a:lnTo>
                      <a:pt x="1112" y="1012"/>
                    </a:lnTo>
                    <a:lnTo>
                      <a:pt x="1119" y="1008"/>
                    </a:lnTo>
                    <a:lnTo>
                      <a:pt x="1124" y="1005"/>
                    </a:lnTo>
                    <a:lnTo>
                      <a:pt x="1131" y="1001"/>
                    </a:lnTo>
                    <a:lnTo>
                      <a:pt x="1136" y="998"/>
                    </a:lnTo>
                    <a:lnTo>
                      <a:pt x="1139" y="995"/>
                    </a:lnTo>
                    <a:lnTo>
                      <a:pt x="1141" y="993"/>
                    </a:lnTo>
                    <a:lnTo>
                      <a:pt x="1143" y="993"/>
                    </a:lnTo>
                    <a:lnTo>
                      <a:pt x="1141" y="993"/>
                    </a:lnTo>
                    <a:lnTo>
                      <a:pt x="1138" y="993"/>
                    </a:lnTo>
                    <a:lnTo>
                      <a:pt x="1131" y="996"/>
                    </a:lnTo>
                    <a:lnTo>
                      <a:pt x="1119" y="1001"/>
                    </a:lnTo>
                    <a:lnTo>
                      <a:pt x="1106" y="1008"/>
                    </a:lnTo>
                    <a:lnTo>
                      <a:pt x="1104" y="1008"/>
                    </a:lnTo>
                    <a:lnTo>
                      <a:pt x="1102" y="1010"/>
                    </a:lnTo>
                    <a:lnTo>
                      <a:pt x="1099" y="1012"/>
                    </a:lnTo>
                    <a:lnTo>
                      <a:pt x="1097" y="1013"/>
                    </a:lnTo>
                    <a:lnTo>
                      <a:pt x="1094" y="1015"/>
                    </a:lnTo>
                    <a:lnTo>
                      <a:pt x="1092" y="1015"/>
                    </a:lnTo>
                    <a:lnTo>
                      <a:pt x="1092" y="1012"/>
                    </a:lnTo>
                    <a:lnTo>
                      <a:pt x="1094" y="1008"/>
                    </a:lnTo>
                    <a:lnTo>
                      <a:pt x="1094" y="1007"/>
                    </a:lnTo>
                    <a:lnTo>
                      <a:pt x="1095" y="1005"/>
                    </a:lnTo>
                    <a:lnTo>
                      <a:pt x="1095" y="1003"/>
                    </a:lnTo>
                    <a:lnTo>
                      <a:pt x="1097" y="1000"/>
                    </a:lnTo>
                    <a:lnTo>
                      <a:pt x="1097" y="998"/>
                    </a:lnTo>
                    <a:lnTo>
                      <a:pt x="1099" y="995"/>
                    </a:lnTo>
                    <a:lnTo>
                      <a:pt x="1099" y="993"/>
                    </a:lnTo>
                    <a:lnTo>
                      <a:pt x="1087" y="1005"/>
                    </a:lnTo>
                    <a:lnTo>
                      <a:pt x="1078" y="1007"/>
                    </a:lnTo>
                    <a:lnTo>
                      <a:pt x="1075" y="1001"/>
                    </a:lnTo>
                    <a:lnTo>
                      <a:pt x="1077" y="1012"/>
                    </a:lnTo>
                    <a:lnTo>
                      <a:pt x="1067" y="1015"/>
                    </a:lnTo>
                    <a:lnTo>
                      <a:pt x="1065" y="1013"/>
                    </a:lnTo>
                    <a:lnTo>
                      <a:pt x="1062" y="1008"/>
                    </a:lnTo>
                    <a:lnTo>
                      <a:pt x="1056" y="1003"/>
                    </a:lnTo>
                    <a:lnTo>
                      <a:pt x="1051" y="1000"/>
                    </a:lnTo>
                    <a:lnTo>
                      <a:pt x="1048" y="998"/>
                    </a:lnTo>
                    <a:lnTo>
                      <a:pt x="1048" y="1000"/>
                    </a:lnTo>
                    <a:lnTo>
                      <a:pt x="1050" y="1007"/>
                    </a:lnTo>
                    <a:lnTo>
                      <a:pt x="1058" y="1020"/>
                    </a:lnTo>
                    <a:lnTo>
                      <a:pt x="1060" y="1020"/>
                    </a:lnTo>
                    <a:lnTo>
                      <a:pt x="1063" y="1023"/>
                    </a:lnTo>
                    <a:lnTo>
                      <a:pt x="1067" y="1023"/>
                    </a:lnTo>
                    <a:lnTo>
                      <a:pt x="1068" y="1025"/>
                    </a:lnTo>
                    <a:lnTo>
                      <a:pt x="1070" y="1029"/>
                    </a:lnTo>
                    <a:lnTo>
                      <a:pt x="1070" y="1032"/>
                    </a:lnTo>
                    <a:lnTo>
                      <a:pt x="1067" y="1035"/>
                    </a:lnTo>
                    <a:lnTo>
                      <a:pt x="1063" y="1037"/>
                    </a:lnTo>
                    <a:lnTo>
                      <a:pt x="1062" y="1039"/>
                    </a:lnTo>
                    <a:lnTo>
                      <a:pt x="1058" y="1040"/>
                    </a:lnTo>
                    <a:lnTo>
                      <a:pt x="1056" y="1042"/>
                    </a:lnTo>
                    <a:lnTo>
                      <a:pt x="1053" y="1044"/>
                    </a:lnTo>
                    <a:lnTo>
                      <a:pt x="1051" y="1045"/>
                    </a:lnTo>
                    <a:lnTo>
                      <a:pt x="1050" y="1045"/>
                    </a:lnTo>
                    <a:lnTo>
                      <a:pt x="1050" y="1047"/>
                    </a:lnTo>
                    <a:lnTo>
                      <a:pt x="1048" y="1047"/>
                    </a:lnTo>
                    <a:lnTo>
                      <a:pt x="1046" y="1047"/>
                    </a:lnTo>
                    <a:lnTo>
                      <a:pt x="1045" y="1047"/>
                    </a:lnTo>
                    <a:lnTo>
                      <a:pt x="1043" y="1045"/>
                    </a:lnTo>
                    <a:lnTo>
                      <a:pt x="1041" y="1044"/>
                    </a:lnTo>
                    <a:lnTo>
                      <a:pt x="1040" y="1039"/>
                    </a:lnTo>
                    <a:lnTo>
                      <a:pt x="1040" y="1034"/>
                    </a:lnTo>
                    <a:lnTo>
                      <a:pt x="1036" y="1030"/>
                    </a:lnTo>
                    <a:lnTo>
                      <a:pt x="1036" y="1027"/>
                    </a:lnTo>
                    <a:lnTo>
                      <a:pt x="1033" y="1027"/>
                    </a:lnTo>
                    <a:lnTo>
                      <a:pt x="1033" y="1025"/>
                    </a:lnTo>
                    <a:lnTo>
                      <a:pt x="1031" y="1025"/>
                    </a:lnTo>
                    <a:lnTo>
                      <a:pt x="1029" y="1025"/>
                    </a:lnTo>
                    <a:lnTo>
                      <a:pt x="1019" y="1013"/>
                    </a:lnTo>
                    <a:lnTo>
                      <a:pt x="1023" y="1027"/>
                    </a:lnTo>
                    <a:lnTo>
                      <a:pt x="1031" y="1037"/>
                    </a:lnTo>
                    <a:lnTo>
                      <a:pt x="1028" y="1040"/>
                    </a:lnTo>
                    <a:lnTo>
                      <a:pt x="1031" y="1056"/>
                    </a:lnTo>
                    <a:lnTo>
                      <a:pt x="1019" y="1069"/>
                    </a:lnTo>
                    <a:lnTo>
                      <a:pt x="1018" y="1057"/>
                    </a:lnTo>
                    <a:lnTo>
                      <a:pt x="1011" y="1067"/>
                    </a:lnTo>
                    <a:lnTo>
                      <a:pt x="1006" y="1064"/>
                    </a:lnTo>
                    <a:lnTo>
                      <a:pt x="984" y="1078"/>
                    </a:lnTo>
                    <a:lnTo>
                      <a:pt x="992" y="1086"/>
                    </a:lnTo>
                    <a:lnTo>
                      <a:pt x="996" y="1083"/>
                    </a:lnTo>
                    <a:lnTo>
                      <a:pt x="997" y="1081"/>
                    </a:lnTo>
                    <a:lnTo>
                      <a:pt x="1001" y="1078"/>
                    </a:lnTo>
                    <a:lnTo>
                      <a:pt x="1002" y="1076"/>
                    </a:lnTo>
                    <a:lnTo>
                      <a:pt x="1004" y="1078"/>
                    </a:lnTo>
                    <a:lnTo>
                      <a:pt x="1004" y="1081"/>
                    </a:lnTo>
                    <a:lnTo>
                      <a:pt x="1001" y="1089"/>
                    </a:lnTo>
                    <a:lnTo>
                      <a:pt x="999" y="1091"/>
                    </a:lnTo>
                    <a:lnTo>
                      <a:pt x="997" y="1095"/>
                    </a:lnTo>
                    <a:lnTo>
                      <a:pt x="996" y="1098"/>
                    </a:lnTo>
                    <a:lnTo>
                      <a:pt x="994" y="1100"/>
                    </a:lnTo>
                    <a:lnTo>
                      <a:pt x="992" y="1103"/>
                    </a:lnTo>
                    <a:lnTo>
                      <a:pt x="992" y="1105"/>
                    </a:lnTo>
                    <a:lnTo>
                      <a:pt x="985" y="1110"/>
                    </a:lnTo>
                    <a:lnTo>
                      <a:pt x="982" y="1103"/>
                    </a:lnTo>
                    <a:lnTo>
                      <a:pt x="952" y="1103"/>
                    </a:lnTo>
                    <a:lnTo>
                      <a:pt x="957" y="1110"/>
                    </a:lnTo>
                    <a:lnTo>
                      <a:pt x="962" y="1111"/>
                    </a:lnTo>
                    <a:lnTo>
                      <a:pt x="965" y="1120"/>
                    </a:lnTo>
                    <a:lnTo>
                      <a:pt x="972" y="1125"/>
                    </a:lnTo>
                    <a:lnTo>
                      <a:pt x="977" y="1123"/>
                    </a:lnTo>
                    <a:lnTo>
                      <a:pt x="963" y="1167"/>
                    </a:lnTo>
                    <a:lnTo>
                      <a:pt x="963" y="1169"/>
                    </a:lnTo>
                    <a:lnTo>
                      <a:pt x="962" y="1171"/>
                    </a:lnTo>
                    <a:lnTo>
                      <a:pt x="962" y="1172"/>
                    </a:lnTo>
                    <a:lnTo>
                      <a:pt x="960" y="1172"/>
                    </a:lnTo>
                    <a:lnTo>
                      <a:pt x="958" y="1174"/>
                    </a:lnTo>
                    <a:lnTo>
                      <a:pt x="957" y="1172"/>
                    </a:lnTo>
                    <a:lnTo>
                      <a:pt x="955" y="1169"/>
                    </a:lnTo>
                    <a:lnTo>
                      <a:pt x="955" y="1162"/>
                    </a:lnTo>
                    <a:lnTo>
                      <a:pt x="953" y="1159"/>
                    </a:lnTo>
                    <a:lnTo>
                      <a:pt x="953" y="1155"/>
                    </a:lnTo>
                    <a:lnTo>
                      <a:pt x="952" y="1154"/>
                    </a:lnTo>
                    <a:lnTo>
                      <a:pt x="950" y="1152"/>
                    </a:lnTo>
                    <a:lnTo>
                      <a:pt x="948" y="1154"/>
                    </a:lnTo>
                    <a:lnTo>
                      <a:pt x="948" y="1157"/>
                    </a:lnTo>
                    <a:lnTo>
                      <a:pt x="948" y="1164"/>
                    </a:lnTo>
                    <a:lnTo>
                      <a:pt x="946" y="1166"/>
                    </a:lnTo>
                    <a:lnTo>
                      <a:pt x="945" y="1169"/>
                    </a:lnTo>
                    <a:lnTo>
                      <a:pt x="941" y="1172"/>
                    </a:lnTo>
                    <a:lnTo>
                      <a:pt x="940" y="1172"/>
                    </a:lnTo>
                    <a:lnTo>
                      <a:pt x="930" y="1166"/>
                    </a:lnTo>
                    <a:lnTo>
                      <a:pt x="931" y="1174"/>
                    </a:lnTo>
                    <a:lnTo>
                      <a:pt x="928" y="1179"/>
                    </a:lnTo>
                    <a:lnTo>
                      <a:pt x="938" y="1184"/>
                    </a:lnTo>
                    <a:lnTo>
                      <a:pt x="957" y="1181"/>
                    </a:lnTo>
                    <a:lnTo>
                      <a:pt x="958" y="1198"/>
                    </a:lnTo>
                    <a:lnTo>
                      <a:pt x="948" y="1223"/>
                    </a:lnTo>
                    <a:lnTo>
                      <a:pt x="948" y="1233"/>
                    </a:lnTo>
                    <a:lnTo>
                      <a:pt x="962" y="1269"/>
                    </a:lnTo>
                    <a:lnTo>
                      <a:pt x="960" y="1291"/>
                    </a:lnTo>
                    <a:lnTo>
                      <a:pt x="970" y="1304"/>
                    </a:lnTo>
                    <a:lnTo>
                      <a:pt x="975" y="1325"/>
                    </a:lnTo>
                    <a:lnTo>
                      <a:pt x="982" y="1337"/>
                    </a:lnTo>
                    <a:lnTo>
                      <a:pt x="968" y="1347"/>
                    </a:lnTo>
                    <a:lnTo>
                      <a:pt x="962" y="1355"/>
                    </a:lnTo>
                    <a:lnTo>
                      <a:pt x="960" y="1353"/>
                    </a:lnTo>
                    <a:lnTo>
                      <a:pt x="958" y="1352"/>
                    </a:lnTo>
                    <a:lnTo>
                      <a:pt x="957" y="1350"/>
                    </a:lnTo>
                    <a:lnTo>
                      <a:pt x="953" y="1347"/>
                    </a:lnTo>
                    <a:lnTo>
                      <a:pt x="950" y="1343"/>
                    </a:lnTo>
                    <a:lnTo>
                      <a:pt x="946" y="1340"/>
                    </a:lnTo>
                    <a:lnTo>
                      <a:pt x="943" y="1338"/>
                    </a:lnTo>
                    <a:lnTo>
                      <a:pt x="938" y="1335"/>
                    </a:lnTo>
                    <a:lnTo>
                      <a:pt x="933" y="1331"/>
                    </a:lnTo>
                    <a:lnTo>
                      <a:pt x="926" y="1330"/>
                    </a:lnTo>
                    <a:lnTo>
                      <a:pt x="919" y="1326"/>
                    </a:lnTo>
                    <a:lnTo>
                      <a:pt x="913" y="1325"/>
                    </a:lnTo>
                    <a:lnTo>
                      <a:pt x="904" y="1325"/>
                    </a:lnTo>
                    <a:lnTo>
                      <a:pt x="896" y="1325"/>
                    </a:lnTo>
                    <a:lnTo>
                      <a:pt x="887" y="1325"/>
                    </a:lnTo>
                    <a:lnTo>
                      <a:pt x="886" y="1325"/>
                    </a:lnTo>
                    <a:lnTo>
                      <a:pt x="884" y="1325"/>
                    </a:lnTo>
                    <a:lnTo>
                      <a:pt x="882" y="1325"/>
                    </a:lnTo>
                    <a:lnTo>
                      <a:pt x="879" y="1325"/>
                    </a:lnTo>
                    <a:lnTo>
                      <a:pt x="877" y="1325"/>
                    </a:lnTo>
                    <a:lnTo>
                      <a:pt x="875" y="1326"/>
                    </a:lnTo>
                    <a:lnTo>
                      <a:pt x="874" y="1326"/>
                    </a:lnTo>
                    <a:lnTo>
                      <a:pt x="872" y="1326"/>
                    </a:lnTo>
                    <a:lnTo>
                      <a:pt x="836" y="1304"/>
                    </a:lnTo>
                    <a:lnTo>
                      <a:pt x="821" y="1304"/>
                    </a:lnTo>
                    <a:lnTo>
                      <a:pt x="821" y="1303"/>
                    </a:lnTo>
                    <a:lnTo>
                      <a:pt x="820" y="1301"/>
                    </a:lnTo>
                    <a:lnTo>
                      <a:pt x="820" y="1298"/>
                    </a:lnTo>
                    <a:lnTo>
                      <a:pt x="816" y="1294"/>
                    </a:lnTo>
                    <a:lnTo>
                      <a:pt x="811" y="1291"/>
                    </a:lnTo>
                    <a:lnTo>
                      <a:pt x="806" y="1287"/>
                    </a:lnTo>
                    <a:lnTo>
                      <a:pt x="798" y="1284"/>
                    </a:lnTo>
                    <a:lnTo>
                      <a:pt x="787" y="1284"/>
                    </a:lnTo>
                    <a:lnTo>
                      <a:pt x="786" y="1284"/>
                    </a:lnTo>
                    <a:lnTo>
                      <a:pt x="784" y="1284"/>
                    </a:lnTo>
                    <a:lnTo>
                      <a:pt x="781" y="1284"/>
                    </a:lnTo>
                    <a:lnTo>
                      <a:pt x="779" y="1284"/>
                    </a:lnTo>
                    <a:lnTo>
                      <a:pt x="777" y="1284"/>
                    </a:lnTo>
                    <a:lnTo>
                      <a:pt x="776" y="1284"/>
                    </a:lnTo>
                    <a:lnTo>
                      <a:pt x="774" y="1284"/>
                    </a:lnTo>
                    <a:lnTo>
                      <a:pt x="774" y="1269"/>
                    </a:lnTo>
                    <a:lnTo>
                      <a:pt x="767" y="1267"/>
                    </a:lnTo>
                    <a:lnTo>
                      <a:pt x="767" y="1265"/>
                    </a:lnTo>
                    <a:lnTo>
                      <a:pt x="767" y="1262"/>
                    </a:lnTo>
                    <a:lnTo>
                      <a:pt x="765" y="1257"/>
                    </a:lnTo>
                    <a:lnTo>
                      <a:pt x="764" y="1252"/>
                    </a:lnTo>
                    <a:lnTo>
                      <a:pt x="764" y="1247"/>
                    </a:lnTo>
                    <a:lnTo>
                      <a:pt x="762" y="1242"/>
                    </a:lnTo>
                    <a:lnTo>
                      <a:pt x="759" y="1237"/>
                    </a:lnTo>
                    <a:lnTo>
                      <a:pt x="757" y="1230"/>
                    </a:lnTo>
                    <a:lnTo>
                      <a:pt x="755" y="1225"/>
                    </a:lnTo>
                    <a:lnTo>
                      <a:pt x="754" y="1220"/>
                    </a:lnTo>
                    <a:lnTo>
                      <a:pt x="750" y="1216"/>
                    </a:lnTo>
                    <a:lnTo>
                      <a:pt x="748" y="1213"/>
                    </a:lnTo>
                    <a:lnTo>
                      <a:pt x="745" y="1210"/>
                    </a:lnTo>
                    <a:lnTo>
                      <a:pt x="743" y="1208"/>
                    </a:lnTo>
                    <a:lnTo>
                      <a:pt x="740" y="1208"/>
                    </a:lnTo>
                    <a:lnTo>
                      <a:pt x="738" y="1208"/>
                    </a:lnTo>
                    <a:lnTo>
                      <a:pt x="738" y="1205"/>
                    </a:lnTo>
                    <a:lnTo>
                      <a:pt x="738" y="1199"/>
                    </a:lnTo>
                    <a:lnTo>
                      <a:pt x="738" y="1193"/>
                    </a:lnTo>
                    <a:lnTo>
                      <a:pt x="738" y="1188"/>
                    </a:lnTo>
                    <a:lnTo>
                      <a:pt x="738" y="1181"/>
                    </a:lnTo>
                    <a:lnTo>
                      <a:pt x="738" y="1177"/>
                    </a:lnTo>
                    <a:lnTo>
                      <a:pt x="738" y="1176"/>
                    </a:lnTo>
                    <a:lnTo>
                      <a:pt x="728" y="1166"/>
                    </a:lnTo>
                    <a:lnTo>
                      <a:pt x="728" y="1164"/>
                    </a:lnTo>
                    <a:lnTo>
                      <a:pt x="728" y="1161"/>
                    </a:lnTo>
                    <a:lnTo>
                      <a:pt x="730" y="1154"/>
                    </a:lnTo>
                    <a:lnTo>
                      <a:pt x="730" y="1147"/>
                    </a:lnTo>
                    <a:lnTo>
                      <a:pt x="728" y="1140"/>
                    </a:lnTo>
                    <a:lnTo>
                      <a:pt x="726" y="1133"/>
                    </a:lnTo>
                    <a:lnTo>
                      <a:pt x="725" y="1128"/>
                    </a:lnTo>
                    <a:lnTo>
                      <a:pt x="720" y="1127"/>
                    </a:lnTo>
                    <a:lnTo>
                      <a:pt x="718" y="1127"/>
                    </a:lnTo>
                    <a:lnTo>
                      <a:pt x="715" y="1125"/>
                    </a:lnTo>
                    <a:lnTo>
                      <a:pt x="711" y="1123"/>
                    </a:lnTo>
                    <a:lnTo>
                      <a:pt x="708" y="1122"/>
                    </a:lnTo>
                    <a:lnTo>
                      <a:pt x="706" y="1118"/>
                    </a:lnTo>
                    <a:lnTo>
                      <a:pt x="703" y="1115"/>
                    </a:lnTo>
                    <a:lnTo>
                      <a:pt x="699" y="1111"/>
                    </a:lnTo>
                    <a:lnTo>
                      <a:pt x="696" y="1106"/>
                    </a:lnTo>
                    <a:lnTo>
                      <a:pt x="693" y="1103"/>
                    </a:lnTo>
                    <a:lnTo>
                      <a:pt x="689" y="1098"/>
                    </a:lnTo>
                    <a:lnTo>
                      <a:pt x="686" y="1091"/>
                    </a:lnTo>
                    <a:lnTo>
                      <a:pt x="682" y="1086"/>
                    </a:lnTo>
                    <a:lnTo>
                      <a:pt x="679" y="1081"/>
                    </a:lnTo>
                    <a:lnTo>
                      <a:pt x="676" y="1074"/>
                    </a:lnTo>
                    <a:lnTo>
                      <a:pt x="672" y="1069"/>
                    </a:lnTo>
                    <a:lnTo>
                      <a:pt x="669" y="1062"/>
                    </a:lnTo>
                    <a:lnTo>
                      <a:pt x="667" y="1061"/>
                    </a:lnTo>
                    <a:lnTo>
                      <a:pt x="666" y="1059"/>
                    </a:lnTo>
                    <a:lnTo>
                      <a:pt x="662" y="1056"/>
                    </a:lnTo>
                    <a:lnTo>
                      <a:pt x="660" y="1051"/>
                    </a:lnTo>
                    <a:lnTo>
                      <a:pt x="657" y="1047"/>
                    </a:lnTo>
                    <a:lnTo>
                      <a:pt x="654" y="1045"/>
                    </a:lnTo>
                    <a:lnTo>
                      <a:pt x="652" y="1044"/>
                    </a:lnTo>
                    <a:lnTo>
                      <a:pt x="652" y="1042"/>
                    </a:lnTo>
                    <a:lnTo>
                      <a:pt x="610" y="949"/>
                    </a:lnTo>
                    <a:lnTo>
                      <a:pt x="605" y="935"/>
                    </a:lnTo>
                    <a:lnTo>
                      <a:pt x="591" y="915"/>
                    </a:lnTo>
                    <a:lnTo>
                      <a:pt x="564" y="891"/>
                    </a:lnTo>
                    <a:lnTo>
                      <a:pt x="562" y="890"/>
                    </a:lnTo>
                    <a:lnTo>
                      <a:pt x="561" y="885"/>
                    </a:lnTo>
                    <a:lnTo>
                      <a:pt x="554" y="880"/>
                    </a:lnTo>
                    <a:lnTo>
                      <a:pt x="549" y="873"/>
                    </a:lnTo>
                    <a:lnTo>
                      <a:pt x="542" y="866"/>
                    </a:lnTo>
                    <a:lnTo>
                      <a:pt x="535" y="861"/>
                    </a:lnTo>
                    <a:lnTo>
                      <a:pt x="528" y="856"/>
                    </a:lnTo>
                    <a:lnTo>
                      <a:pt x="522" y="854"/>
                    </a:lnTo>
                    <a:lnTo>
                      <a:pt x="520" y="854"/>
                    </a:lnTo>
                    <a:lnTo>
                      <a:pt x="515" y="854"/>
                    </a:lnTo>
                    <a:lnTo>
                      <a:pt x="512" y="853"/>
                    </a:lnTo>
                    <a:lnTo>
                      <a:pt x="506" y="853"/>
                    </a:lnTo>
                    <a:lnTo>
                      <a:pt x="501" y="853"/>
                    </a:lnTo>
                    <a:lnTo>
                      <a:pt x="496" y="851"/>
                    </a:lnTo>
                    <a:lnTo>
                      <a:pt x="490" y="851"/>
                    </a:lnTo>
                    <a:lnTo>
                      <a:pt x="484" y="849"/>
                    </a:lnTo>
                    <a:lnTo>
                      <a:pt x="478" y="849"/>
                    </a:lnTo>
                    <a:lnTo>
                      <a:pt x="473" y="847"/>
                    </a:lnTo>
                    <a:lnTo>
                      <a:pt x="468" y="846"/>
                    </a:lnTo>
                    <a:lnTo>
                      <a:pt x="461" y="844"/>
                    </a:lnTo>
                    <a:lnTo>
                      <a:pt x="457" y="844"/>
                    </a:lnTo>
                    <a:lnTo>
                      <a:pt x="452" y="841"/>
                    </a:lnTo>
                    <a:lnTo>
                      <a:pt x="449" y="839"/>
                    </a:lnTo>
                    <a:lnTo>
                      <a:pt x="446" y="837"/>
                    </a:lnTo>
                    <a:lnTo>
                      <a:pt x="442" y="836"/>
                    </a:lnTo>
                    <a:lnTo>
                      <a:pt x="440" y="834"/>
                    </a:lnTo>
                    <a:lnTo>
                      <a:pt x="439" y="834"/>
                    </a:lnTo>
                    <a:lnTo>
                      <a:pt x="435" y="836"/>
                    </a:lnTo>
                    <a:lnTo>
                      <a:pt x="434" y="837"/>
                    </a:lnTo>
                    <a:lnTo>
                      <a:pt x="432" y="839"/>
                    </a:lnTo>
                    <a:lnTo>
                      <a:pt x="429" y="842"/>
                    </a:lnTo>
                    <a:lnTo>
                      <a:pt x="427" y="846"/>
                    </a:lnTo>
                    <a:lnTo>
                      <a:pt x="424" y="847"/>
                    </a:lnTo>
                    <a:lnTo>
                      <a:pt x="420" y="849"/>
                    </a:lnTo>
                    <a:lnTo>
                      <a:pt x="418" y="849"/>
                    </a:lnTo>
                    <a:lnTo>
                      <a:pt x="417" y="849"/>
                    </a:lnTo>
                    <a:lnTo>
                      <a:pt x="415" y="847"/>
                    </a:lnTo>
                    <a:lnTo>
                      <a:pt x="413" y="846"/>
                    </a:lnTo>
                    <a:lnTo>
                      <a:pt x="412" y="844"/>
                    </a:lnTo>
                    <a:lnTo>
                      <a:pt x="408" y="844"/>
                    </a:lnTo>
                    <a:lnTo>
                      <a:pt x="405" y="846"/>
                    </a:lnTo>
                    <a:lnTo>
                      <a:pt x="398" y="847"/>
                    </a:lnTo>
                    <a:lnTo>
                      <a:pt x="391" y="853"/>
                    </a:lnTo>
                    <a:lnTo>
                      <a:pt x="386" y="863"/>
                    </a:lnTo>
                    <a:lnTo>
                      <a:pt x="380" y="875"/>
                    </a:lnTo>
                    <a:lnTo>
                      <a:pt x="374" y="891"/>
                    </a:lnTo>
                    <a:lnTo>
                      <a:pt x="368" y="902"/>
                    </a:lnTo>
                    <a:lnTo>
                      <a:pt x="368" y="903"/>
                    </a:lnTo>
                    <a:lnTo>
                      <a:pt x="366" y="903"/>
                    </a:lnTo>
                    <a:lnTo>
                      <a:pt x="366" y="905"/>
                    </a:lnTo>
                    <a:lnTo>
                      <a:pt x="364" y="908"/>
                    </a:lnTo>
                    <a:lnTo>
                      <a:pt x="361" y="912"/>
                    </a:lnTo>
                    <a:lnTo>
                      <a:pt x="358" y="915"/>
                    </a:lnTo>
                    <a:lnTo>
                      <a:pt x="356" y="915"/>
                    </a:lnTo>
                    <a:lnTo>
                      <a:pt x="356" y="917"/>
                    </a:lnTo>
                    <a:lnTo>
                      <a:pt x="352" y="919"/>
                    </a:lnTo>
                    <a:lnTo>
                      <a:pt x="351" y="922"/>
                    </a:lnTo>
                    <a:lnTo>
                      <a:pt x="349" y="924"/>
                    </a:lnTo>
                    <a:lnTo>
                      <a:pt x="347" y="925"/>
                    </a:lnTo>
                    <a:lnTo>
                      <a:pt x="346" y="927"/>
                    </a:lnTo>
                    <a:lnTo>
                      <a:pt x="346" y="930"/>
                    </a:lnTo>
                    <a:lnTo>
                      <a:pt x="344" y="932"/>
                    </a:lnTo>
                    <a:lnTo>
                      <a:pt x="342" y="935"/>
                    </a:lnTo>
                    <a:lnTo>
                      <a:pt x="339" y="937"/>
                    </a:lnTo>
                    <a:lnTo>
                      <a:pt x="334" y="937"/>
                    </a:lnTo>
                    <a:lnTo>
                      <a:pt x="325" y="937"/>
                    </a:lnTo>
                    <a:lnTo>
                      <a:pt x="314" y="932"/>
                    </a:lnTo>
                    <a:lnTo>
                      <a:pt x="312" y="930"/>
                    </a:lnTo>
                    <a:lnTo>
                      <a:pt x="308" y="927"/>
                    </a:lnTo>
                    <a:lnTo>
                      <a:pt x="303" y="924"/>
                    </a:lnTo>
                    <a:lnTo>
                      <a:pt x="297" y="919"/>
                    </a:lnTo>
                    <a:lnTo>
                      <a:pt x="288" y="912"/>
                    </a:lnTo>
                    <a:lnTo>
                      <a:pt x="280" y="907"/>
                    </a:lnTo>
                    <a:lnTo>
                      <a:pt x="271" y="902"/>
                    </a:lnTo>
                    <a:lnTo>
                      <a:pt x="263" y="895"/>
                    </a:lnTo>
                    <a:lnTo>
                      <a:pt x="261" y="895"/>
                    </a:lnTo>
                    <a:lnTo>
                      <a:pt x="259" y="895"/>
                    </a:lnTo>
                    <a:lnTo>
                      <a:pt x="256" y="895"/>
                    </a:lnTo>
                    <a:lnTo>
                      <a:pt x="251" y="893"/>
                    </a:lnTo>
                    <a:lnTo>
                      <a:pt x="246" y="890"/>
                    </a:lnTo>
                    <a:lnTo>
                      <a:pt x="239" y="885"/>
                    </a:lnTo>
                    <a:lnTo>
                      <a:pt x="234" y="880"/>
                    </a:lnTo>
                    <a:lnTo>
                      <a:pt x="227" y="869"/>
                    </a:lnTo>
                    <a:lnTo>
                      <a:pt x="224" y="866"/>
                    </a:lnTo>
                    <a:lnTo>
                      <a:pt x="220" y="864"/>
                    </a:lnTo>
                    <a:lnTo>
                      <a:pt x="217" y="863"/>
                    </a:lnTo>
                    <a:lnTo>
                      <a:pt x="214" y="859"/>
                    </a:lnTo>
                    <a:lnTo>
                      <a:pt x="209" y="854"/>
                    </a:lnTo>
                    <a:lnTo>
                      <a:pt x="204" y="846"/>
                    </a:lnTo>
                    <a:lnTo>
                      <a:pt x="195" y="834"/>
                    </a:lnTo>
                    <a:lnTo>
                      <a:pt x="187" y="819"/>
                    </a:lnTo>
                    <a:lnTo>
                      <a:pt x="187" y="815"/>
                    </a:lnTo>
                    <a:lnTo>
                      <a:pt x="185" y="809"/>
                    </a:lnTo>
                    <a:lnTo>
                      <a:pt x="185" y="800"/>
                    </a:lnTo>
                    <a:lnTo>
                      <a:pt x="185" y="792"/>
                    </a:lnTo>
                    <a:lnTo>
                      <a:pt x="183" y="783"/>
                    </a:lnTo>
                    <a:lnTo>
                      <a:pt x="183" y="776"/>
                    </a:lnTo>
                    <a:lnTo>
                      <a:pt x="183" y="771"/>
                    </a:lnTo>
                    <a:lnTo>
                      <a:pt x="183" y="770"/>
                    </a:lnTo>
                    <a:lnTo>
                      <a:pt x="171" y="753"/>
                    </a:lnTo>
                    <a:lnTo>
                      <a:pt x="171" y="751"/>
                    </a:lnTo>
                    <a:lnTo>
                      <a:pt x="171" y="749"/>
                    </a:lnTo>
                    <a:lnTo>
                      <a:pt x="171" y="746"/>
                    </a:lnTo>
                    <a:lnTo>
                      <a:pt x="170" y="741"/>
                    </a:lnTo>
                    <a:lnTo>
                      <a:pt x="166" y="732"/>
                    </a:lnTo>
                    <a:lnTo>
                      <a:pt x="160" y="722"/>
                    </a:lnTo>
                    <a:lnTo>
                      <a:pt x="149" y="710"/>
                    </a:lnTo>
                    <a:lnTo>
                      <a:pt x="134" y="695"/>
                    </a:lnTo>
                    <a:lnTo>
                      <a:pt x="132" y="693"/>
                    </a:lnTo>
                    <a:lnTo>
                      <a:pt x="129" y="690"/>
                    </a:lnTo>
                    <a:lnTo>
                      <a:pt x="124" y="685"/>
                    </a:lnTo>
                    <a:lnTo>
                      <a:pt x="119" y="680"/>
                    </a:lnTo>
                    <a:lnTo>
                      <a:pt x="114" y="677"/>
                    </a:lnTo>
                    <a:lnTo>
                      <a:pt x="109" y="671"/>
                    </a:lnTo>
                    <a:lnTo>
                      <a:pt x="105" y="670"/>
                    </a:lnTo>
                    <a:lnTo>
                      <a:pt x="104" y="668"/>
                    </a:lnTo>
                    <a:lnTo>
                      <a:pt x="92" y="648"/>
                    </a:lnTo>
                    <a:lnTo>
                      <a:pt x="60" y="609"/>
                    </a:lnTo>
                    <a:lnTo>
                      <a:pt x="43" y="605"/>
                    </a:lnTo>
                    <a:lnTo>
                      <a:pt x="19" y="561"/>
                    </a:lnTo>
                    <a:lnTo>
                      <a:pt x="6" y="560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609" name="Freeform 124"/>
              <p:cNvSpPr>
                <a:spLocks/>
              </p:cNvSpPr>
              <p:nvPr/>
            </p:nvSpPr>
            <p:spPr bwMode="auto">
              <a:xfrm>
                <a:off x="2004" y="1844"/>
                <a:ext cx="789" cy="392"/>
              </a:xfrm>
              <a:custGeom>
                <a:avLst/>
                <a:gdLst>
                  <a:gd name="T0" fmla="*/ 533 w 811"/>
                  <a:gd name="T1" fmla="*/ 239 h 404"/>
                  <a:gd name="T2" fmla="*/ 531 w 811"/>
                  <a:gd name="T3" fmla="*/ 229 h 404"/>
                  <a:gd name="T4" fmla="*/ 528 w 811"/>
                  <a:gd name="T5" fmla="*/ 221 h 404"/>
                  <a:gd name="T6" fmla="*/ 526 w 811"/>
                  <a:gd name="T7" fmla="*/ 216 h 404"/>
                  <a:gd name="T8" fmla="*/ 520 w 811"/>
                  <a:gd name="T9" fmla="*/ 209 h 404"/>
                  <a:gd name="T10" fmla="*/ 518 w 811"/>
                  <a:gd name="T11" fmla="*/ 199 h 404"/>
                  <a:gd name="T12" fmla="*/ 520 w 811"/>
                  <a:gd name="T13" fmla="*/ 188 h 404"/>
                  <a:gd name="T14" fmla="*/ 520 w 811"/>
                  <a:gd name="T15" fmla="*/ 178 h 404"/>
                  <a:gd name="T16" fmla="*/ 521 w 811"/>
                  <a:gd name="T17" fmla="*/ 173 h 404"/>
                  <a:gd name="T18" fmla="*/ 516 w 811"/>
                  <a:gd name="T19" fmla="*/ 146 h 404"/>
                  <a:gd name="T20" fmla="*/ 508 w 811"/>
                  <a:gd name="T21" fmla="*/ 138 h 404"/>
                  <a:gd name="T22" fmla="*/ 505 w 811"/>
                  <a:gd name="T23" fmla="*/ 127 h 404"/>
                  <a:gd name="T24" fmla="*/ 506 w 811"/>
                  <a:gd name="T25" fmla="*/ 122 h 404"/>
                  <a:gd name="T26" fmla="*/ 504 w 811"/>
                  <a:gd name="T27" fmla="*/ 108 h 404"/>
                  <a:gd name="T28" fmla="*/ 501 w 811"/>
                  <a:gd name="T29" fmla="*/ 102 h 404"/>
                  <a:gd name="T30" fmla="*/ 493 w 811"/>
                  <a:gd name="T31" fmla="*/ 97 h 404"/>
                  <a:gd name="T32" fmla="*/ 490 w 811"/>
                  <a:gd name="T33" fmla="*/ 87 h 404"/>
                  <a:gd name="T34" fmla="*/ 489 w 811"/>
                  <a:gd name="T35" fmla="*/ 80 h 404"/>
                  <a:gd name="T36" fmla="*/ 486 w 811"/>
                  <a:gd name="T37" fmla="*/ 73 h 404"/>
                  <a:gd name="T38" fmla="*/ 484 w 811"/>
                  <a:gd name="T39" fmla="*/ 70 h 404"/>
                  <a:gd name="T40" fmla="*/ 478 w 811"/>
                  <a:gd name="T41" fmla="*/ 63 h 404"/>
                  <a:gd name="T42" fmla="*/ 474 w 811"/>
                  <a:gd name="T43" fmla="*/ 58 h 404"/>
                  <a:gd name="T44" fmla="*/ 469 w 811"/>
                  <a:gd name="T45" fmla="*/ 48 h 404"/>
                  <a:gd name="T46" fmla="*/ 459 w 811"/>
                  <a:gd name="T47" fmla="*/ 41 h 404"/>
                  <a:gd name="T48" fmla="*/ 450 w 811"/>
                  <a:gd name="T49" fmla="*/ 39 h 404"/>
                  <a:gd name="T50" fmla="*/ 441 w 811"/>
                  <a:gd name="T51" fmla="*/ 38 h 404"/>
                  <a:gd name="T52" fmla="*/ 398 w 811"/>
                  <a:gd name="T53" fmla="*/ 32 h 404"/>
                  <a:gd name="T54" fmla="*/ 391 w 811"/>
                  <a:gd name="T55" fmla="*/ 37 h 404"/>
                  <a:gd name="T56" fmla="*/ 384 w 811"/>
                  <a:gd name="T57" fmla="*/ 38 h 404"/>
                  <a:gd name="T58" fmla="*/ 378 w 811"/>
                  <a:gd name="T59" fmla="*/ 32 h 404"/>
                  <a:gd name="T60" fmla="*/ 364 w 811"/>
                  <a:gd name="T61" fmla="*/ 18 h 404"/>
                  <a:gd name="T62" fmla="*/ 355 w 811"/>
                  <a:gd name="T63" fmla="*/ 16 h 404"/>
                  <a:gd name="T64" fmla="*/ 348 w 811"/>
                  <a:gd name="T65" fmla="*/ 16 h 404"/>
                  <a:gd name="T66" fmla="*/ 328 w 811"/>
                  <a:gd name="T67" fmla="*/ 16 h 404"/>
                  <a:gd name="T68" fmla="*/ 295 w 811"/>
                  <a:gd name="T69" fmla="*/ 16 h 404"/>
                  <a:gd name="T70" fmla="*/ 258 w 811"/>
                  <a:gd name="T71" fmla="*/ 16 h 404"/>
                  <a:gd name="T72" fmla="*/ 214 w 811"/>
                  <a:gd name="T73" fmla="*/ 16 h 404"/>
                  <a:gd name="T74" fmla="*/ 167 w 811"/>
                  <a:gd name="T75" fmla="*/ 13 h 404"/>
                  <a:gd name="T76" fmla="*/ 123 w 811"/>
                  <a:gd name="T77" fmla="*/ 12 h 404"/>
                  <a:gd name="T78" fmla="*/ 84 w 811"/>
                  <a:gd name="T79" fmla="*/ 8 h 404"/>
                  <a:gd name="T80" fmla="*/ 50 w 811"/>
                  <a:gd name="T81" fmla="*/ 5 h 404"/>
                  <a:gd name="T82" fmla="*/ 23 w 811"/>
                  <a:gd name="T83" fmla="*/ 2 h 404"/>
                  <a:gd name="T84" fmla="*/ 2 w 811"/>
                  <a:gd name="T85" fmla="*/ 165 h 404"/>
                  <a:gd name="T86" fmla="*/ 126 w 811"/>
                  <a:gd name="T87" fmla="*/ 254 h 404"/>
                  <a:gd name="T88" fmla="*/ 153 w 811"/>
                  <a:gd name="T89" fmla="*/ 257 h 404"/>
                  <a:gd name="T90" fmla="*/ 189 w 811"/>
                  <a:gd name="T91" fmla="*/ 260 h 404"/>
                  <a:gd name="T92" fmla="*/ 234 w 811"/>
                  <a:gd name="T93" fmla="*/ 262 h 404"/>
                  <a:gd name="T94" fmla="*/ 289 w 811"/>
                  <a:gd name="T95" fmla="*/ 262 h 404"/>
                  <a:gd name="T96" fmla="*/ 343 w 811"/>
                  <a:gd name="T97" fmla="*/ 262 h 404"/>
                  <a:gd name="T98" fmla="*/ 400 w 811"/>
                  <a:gd name="T99" fmla="*/ 264 h 404"/>
                  <a:gd name="T100" fmla="*/ 449 w 811"/>
                  <a:gd name="T101" fmla="*/ 264 h 404"/>
                  <a:gd name="T102" fmla="*/ 492 w 811"/>
                  <a:gd name="T103" fmla="*/ 265 h 404"/>
                  <a:gd name="T104" fmla="*/ 528 w 811"/>
                  <a:gd name="T105" fmla="*/ 265 h 404"/>
                  <a:gd name="T106" fmla="*/ 547 w 811"/>
                  <a:gd name="T107" fmla="*/ 265 h 404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w 811"/>
                  <a:gd name="T163" fmla="*/ 0 h 404"/>
                  <a:gd name="T164" fmla="*/ 811 w 811"/>
                  <a:gd name="T165" fmla="*/ 404 h 404"/>
                </a:gdLst>
                <a:ahLst/>
                <a:cxnLst>
                  <a:cxn ang="T108">
                    <a:pos x="T0" y="T1"/>
                  </a:cxn>
                  <a:cxn ang="T109">
                    <a:pos x="T2" y="T3"/>
                  </a:cxn>
                  <a:cxn ang="T110">
                    <a:pos x="T4" y="T5"/>
                  </a:cxn>
                  <a:cxn ang="T111">
                    <a:pos x="T6" y="T7"/>
                  </a:cxn>
                  <a:cxn ang="T112">
                    <a:pos x="T8" y="T9"/>
                  </a:cxn>
                  <a:cxn ang="T113">
                    <a:pos x="T10" y="T11"/>
                  </a:cxn>
                  <a:cxn ang="T114">
                    <a:pos x="T12" y="T13"/>
                  </a:cxn>
                  <a:cxn ang="T115">
                    <a:pos x="T14" y="T15"/>
                  </a:cxn>
                  <a:cxn ang="T116">
                    <a:pos x="T16" y="T17"/>
                  </a:cxn>
                  <a:cxn ang="T117">
                    <a:pos x="T18" y="T19"/>
                  </a:cxn>
                  <a:cxn ang="T118">
                    <a:pos x="T20" y="T21"/>
                  </a:cxn>
                  <a:cxn ang="T119">
                    <a:pos x="T22" y="T23"/>
                  </a:cxn>
                  <a:cxn ang="T120">
                    <a:pos x="T24" y="T25"/>
                  </a:cxn>
                  <a:cxn ang="T121">
                    <a:pos x="T26" y="T27"/>
                  </a:cxn>
                  <a:cxn ang="T122">
                    <a:pos x="T28" y="T29"/>
                  </a:cxn>
                  <a:cxn ang="T123">
                    <a:pos x="T30" y="T31"/>
                  </a:cxn>
                  <a:cxn ang="T124">
                    <a:pos x="T32" y="T33"/>
                  </a:cxn>
                  <a:cxn ang="T125">
                    <a:pos x="T34" y="T35"/>
                  </a:cxn>
                  <a:cxn ang="T126">
                    <a:pos x="T36" y="T37"/>
                  </a:cxn>
                  <a:cxn ang="T127">
                    <a:pos x="T38" y="T39"/>
                  </a:cxn>
                  <a:cxn ang="T128">
                    <a:pos x="T40" y="T41"/>
                  </a:cxn>
                  <a:cxn ang="T129">
                    <a:pos x="T42" y="T43"/>
                  </a:cxn>
                  <a:cxn ang="T130">
                    <a:pos x="T44" y="T45"/>
                  </a:cxn>
                  <a:cxn ang="T131">
                    <a:pos x="T46" y="T47"/>
                  </a:cxn>
                  <a:cxn ang="T132">
                    <a:pos x="T48" y="T49"/>
                  </a:cxn>
                  <a:cxn ang="T133">
                    <a:pos x="T50" y="T51"/>
                  </a:cxn>
                  <a:cxn ang="T134">
                    <a:pos x="T52" y="T53"/>
                  </a:cxn>
                  <a:cxn ang="T135">
                    <a:pos x="T54" y="T55"/>
                  </a:cxn>
                  <a:cxn ang="T136">
                    <a:pos x="T56" y="T57"/>
                  </a:cxn>
                  <a:cxn ang="T137">
                    <a:pos x="T58" y="T59"/>
                  </a:cxn>
                  <a:cxn ang="T138">
                    <a:pos x="T60" y="T61"/>
                  </a:cxn>
                  <a:cxn ang="T139">
                    <a:pos x="T62" y="T63"/>
                  </a:cxn>
                  <a:cxn ang="T140">
                    <a:pos x="T64" y="T65"/>
                  </a:cxn>
                  <a:cxn ang="T141">
                    <a:pos x="T66" y="T67"/>
                  </a:cxn>
                  <a:cxn ang="T142">
                    <a:pos x="T68" y="T69"/>
                  </a:cxn>
                  <a:cxn ang="T143">
                    <a:pos x="T70" y="T71"/>
                  </a:cxn>
                  <a:cxn ang="T144">
                    <a:pos x="T72" y="T73"/>
                  </a:cxn>
                  <a:cxn ang="T145">
                    <a:pos x="T74" y="T75"/>
                  </a:cxn>
                  <a:cxn ang="T146">
                    <a:pos x="T76" y="T77"/>
                  </a:cxn>
                  <a:cxn ang="T147">
                    <a:pos x="T78" y="T79"/>
                  </a:cxn>
                  <a:cxn ang="T148">
                    <a:pos x="T80" y="T81"/>
                  </a:cxn>
                  <a:cxn ang="T149">
                    <a:pos x="T82" y="T83"/>
                  </a:cxn>
                  <a:cxn ang="T150">
                    <a:pos x="T84" y="T85"/>
                  </a:cxn>
                  <a:cxn ang="T151">
                    <a:pos x="T86" y="T87"/>
                  </a:cxn>
                  <a:cxn ang="T152">
                    <a:pos x="T88" y="T89"/>
                  </a:cxn>
                  <a:cxn ang="T153">
                    <a:pos x="T90" y="T91"/>
                  </a:cxn>
                  <a:cxn ang="T154">
                    <a:pos x="T92" y="T93"/>
                  </a:cxn>
                  <a:cxn ang="T155">
                    <a:pos x="T94" y="T95"/>
                  </a:cxn>
                  <a:cxn ang="T156">
                    <a:pos x="T96" y="T97"/>
                  </a:cxn>
                  <a:cxn ang="T157">
                    <a:pos x="T98" y="T99"/>
                  </a:cxn>
                  <a:cxn ang="T158">
                    <a:pos x="T100" y="T101"/>
                  </a:cxn>
                  <a:cxn ang="T159">
                    <a:pos x="T102" y="T103"/>
                  </a:cxn>
                  <a:cxn ang="T160">
                    <a:pos x="T104" y="T105"/>
                  </a:cxn>
                  <a:cxn ang="T161">
                    <a:pos x="T106" y="T107"/>
                  </a:cxn>
                </a:cxnLst>
                <a:rect l="T162" t="T163" r="T164" b="T165"/>
                <a:pathLst>
                  <a:path w="811" h="404">
                    <a:moveTo>
                      <a:pt x="811" y="404"/>
                    </a:moveTo>
                    <a:lnTo>
                      <a:pt x="799" y="376"/>
                    </a:lnTo>
                    <a:lnTo>
                      <a:pt x="785" y="364"/>
                    </a:lnTo>
                    <a:lnTo>
                      <a:pt x="782" y="352"/>
                    </a:lnTo>
                    <a:lnTo>
                      <a:pt x="782" y="350"/>
                    </a:lnTo>
                    <a:lnTo>
                      <a:pt x="780" y="348"/>
                    </a:lnTo>
                    <a:lnTo>
                      <a:pt x="779" y="345"/>
                    </a:lnTo>
                    <a:lnTo>
                      <a:pt x="777" y="342"/>
                    </a:lnTo>
                    <a:lnTo>
                      <a:pt x="775" y="337"/>
                    </a:lnTo>
                    <a:lnTo>
                      <a:pt x="774" y="333"/>
                    </a:lnTo>
                    <a:lnTo>
                      <a:pt x="772" y="330"/>
                    </a:lnTo>
                    <a:lnTo>
                      <a:pt x="769" y="326"/>
                    </a:lnTo>
                    <a:lnTo>
                      <a:pt x="767" y="323"/>
                    </a:lnTo>
                    <a:lnTo>
                      <a:pt x="765" y="318"/>
                    </a:lnTo>
                    <a:lnTo>
                      <a:pt x="765" y="313"/>
                    </a:lnTo>
                    <a:lnTo>
                      <a:pt x="763" y="308"/>
                    </a:lnTo>
                    <a:lnTo>
                      <a:pt x="763" y="303"/>
                    </a:lnTo>
                    <a:lnTo>
                      <a:pt x="763" y="298"/>
                    </a:lnTo>
                    <a:lnTo>
                      <a:pt x="763" y="291"/>
                    </a:lnTo>
                    <a:lnTo>
                      <a:pt x="765" y="286"/>
                    </a:lnTo>
                    <a:lnTo>
                      <a:pt x="765" y="281"/>
                    </a:lnTo>
                    <a:lnTo>
                      <a:pt x="765" y="276"/>
                    </a:lnTo>
                    <a:lnTo>
                      <a:pt x="765" y="272"/>
                    </a:lnTo>
                    <a:lnTo>
                      <a:pt x="767" y="269"/>
                    </a:lnTo>
                    <a:lnTo>
                      <a:pt x="767" y="266"/>
                    </a:lnTo>
                    <a:lnTo>
                      <a:pt x="767" y="264"/>
                    </a:lnTo>
                    <a:lnTo>
                      <a:pt x="760" y="255"/>
                    </a:lnTo>
                    <a:lnTo>
                      <a:pt x="758" y="223"/>
                    </a:lnTo>
                    <a:lnTo>
                      <a:pt x="755" y="218"/>
                    </a:lnTo>
                    <a:lnTo>
                      <a:pt x="750" y="215"/>
                    </a:lnTo>
                    <a:lnTo>
                      <a:pt x="747" y="210"/>
                    </a:lnTo>
                    <a:lnTo>
                      <a:pt x="743" y="205"/>
                    </a:lnTo>
                    <a:lnTo>
                      <a:pt x="743" y="200"/>
                    </a:lnTo>
                    <a:lnTo>
                      <a:pt x="743" y="194"/>
                    </a:lnTo>
                    <a:lnTo>
                      <a:pt x="743" y="191"/>
                    </a:lnTo>
                    <a:lnTo>
                      <a:pt x="743" y="188"/>
                    </a:lnTo>
                    <a:lnTo>
                      <a:pt x="745" y="186"/>
                    </a:lnTo>
                    <a:lnTo>
                      <a:pt x="743" y="178"/>
                    </a:lnTo>
                    <a:lnTo>
                      <a:pt x="743" y="169"/>
                    </a:lnTo>
                    <a:lnTo>
                      <a:pt x="741" y="164"/>
                    </a:lnTo>
                    <a:lnTo>
                      <a:pt x="738" y="159"/>
                    </a:lnTo>
                    <a:lnTo>
                      <a:pt x="736" y="156"/>
                    </a:lnTo>
                    <a:lnTo>
                      <a:pt x="735" y="154"/>
                    </a:lnTo>
                    <a:lnTo>
                      <a:pt x="733" y="152"/>
                    </a:lnTo>
                    <a:lnTo>
                      <a:pt x="731" y="150"/>
                    </a:lnTo>
                    <a:lnTo>
                      <a:pt x="726" y="147"/>
                    </a:lnTo>
                    <a:lnTo>
                      <a:pt x="725" y="144"/>
                    </a:lnTo>
                    <a:lnTo>
                      <a:pt x="721" y="139"/>
                    </a:lnTo>
                    <a:lnTo>
                      <a:pt x="721" y="134"/>
                    </a:lnTo>
                    <a:lnTo>
                      <a:pt x="719" y="130"/>
                    </a:lnTo>
                    <a:lnTo>
                      <a:pt x="719" y="125"/>
                    </a:lnTo>
                    <a:lnTo>
                      <a:pt x="719" y="123"/>
                    </a:lnTo>
                    <a:lnTo>
                      <a:pt x="714" y="110"/>
                    </a:lnTo>
                    <a:lnTo>
                      <a:pt x="713" y="108"/>
                    </a:lnTo>
                    <a:lnTo>
                      <a:pt x="711" y="105"/>
                    </a:lnTo>
                    <a:lnTo>
                      <a:pt x="708" y="103"/>
                    </a:lnTo>
                    <a:lnTo>
                      <a:pt x="706" y="100"/>
                    </a:lnTo>
                    <a:lnTo>
                      <a:pt x="703" y="95"/>
                    </a:lnTo>
                    <a:lnTo>
                      <a:pt x="699" y="93"/>
                    </a:lnTo>
                    <a:lnTo>
                      <a:pt x="697" y="90"/>
                    </a:lnTo>
                    <a:lnTo>
                      <a:pt x="696" y="88"/>
                    </a:lnTo>
                    <a:lnTo>
                      <a:pt x="694" y="84"/>
                    </a:lnTo>
                    <a:lnTo>
                      <a:pt x="692" y="79"/>
                    </a:lnTo>
                    <a:lnTo>
                      <a:pt x="689" y="74"/>
                    </a:lnTo>
                    <a:lnTo>
                      <a:pt x="686" y="69"/>
                    </a:lnTo>
                    <a:lnTo>
                      <a:pt x="681" y="64"/>
                    </a:lnTo>
                    <a:lnTo>
                      <a:pt x="675" y="61"/>
                    </a:lnTo>
                    <a:lnTo>
                      <a:pt x="667" y="59"/>
                    </a:lnTo>
                    <a:lnTo>
                      <a:pt x="665" y="59"/>
                    </a:lnTo>
                    <a:lnTo>
                      <a:pt x="662" y="57"/>
                    </a:lnTo>
                    <a:lnTo>
                      <a:pt x="659" y="56"/>
                    </a:lnTo>
                    <a:lnTo>
                      <a:pt x="659" y="54"/>
                    </a:lnTo>
                    <a:lnTo>
                      <a:pt x="648" y="54"/>
                    </a:lnTo>
                    <a:lnTo>
                      <a:pt x="637" y="44"/>
                    </a:lnTo>
                    <a:lnTo>
                      <a:pt x="584" y="44"/>
                    </a:lnTo>
                    <a:lnTo>
                      <a:pt x="584" y="46"/>
                    </a:lnTo>
                    <a:lnTo>
                      <a:pt x="582" y="47"/>
                    </a:lnTo>
                    <a:lnTo>
                      <a:pt x="579" y="51"/>
                    </a:lnTo>
                    <a:lnTo>
                      <a:pt x="576" y="52"/>
                    </a:lnTo>
                    <a:lnTo>
                      <a:pt x="572" y="56"/>
                    </a:lnTo>
                    <a:lnTo>
                      <a:pt x="569" y="56"/>
                    </a:lnTo>
                    <a:lnTo>
                      <a:pt x="565" y="54"/>
                    </a:lnTo>
                    <a:lnTo>
                      <a:pt x="562" y="51"/>
                    </a:lnTo>
                    <a:lnTo>
                      <a:pt x="560" y="49"/>
                    </a:lnTo>
                    <a:lnTo>
                      <a:pt x="555" y="46"/>
                    </a:lnTo>
                    <a:lnTo>
                      <a:pt x="549" y="42"/>
                    </a:lnTo>
                    <a:lnTo>
                      <a:pt x="542" y="37"/>
                    </a:lnTo>
                    <a:lnTo>
                      <a:pt x="535" y="32"/>
                    </a:lnTo>
                    <a:lnTo>
                      <a:pt x="528" y="29"/>
                    </a:lnTo>
                    <a:lnTo>
                      <a:pt x="523" y="25"/>
                    </a:lnTo>
                    <a:lnTo>
                      <a:pt x="521" y="25"/>
                    </a:lnTo>
                    <a:lnTo>
                      <a:pt x="520" y="25"/>
                    </a:lnTo>
                    <a:lnTo>
                      <a:pt x="516" y="25"/>
                    </a:lnTo>
                    <a:lnTo>
                      <a:pt x="511" y="24"/>
                    </a:lnTo>
                    <a:lnTo>
                      <a:pt x="503" y="24"/>
                    </a:lnTo>
                    <a:lnTo>
                      <a:pt x="493" y="24"/>
                    </a:lnTo>
                    <a:lnTo>
                      <a:pt x="481" y="24"/>
                    </a:lnTo>
                    <a:lnTo>
                      <a:pt x="467" y="24"/>
                    </a:lnTo>
                    <a:lnTo>
                      <a:pt x="450" y="22"/>
                    </a:lnTo>
                    <a:lnTo>
                      <a:pt x="433" y="22"/>
                    </a:lnTo>
                    <a:lnTo>
                      <a:pt x="417" y="20"/>
                    </a:lnTo>
                    <a:lnTo>
                      <a:pt x="398" y="20"/>
                    </a:lnTo>
                    <a:lnTo>
                      <a:pt x="378" y="20"/>
                    </a:lnTo>
                    <a:lnTo>
                      <a:pt x="357" y="18"/>
                    </a:lnTo>
                    <a:lnTo>
                      <a:pt x="335" y="18"/>
                    </a:lnTo>
                    <a:lnTo>
                      <a:pt x="313" y="17"/>
                    </a:lnTo>
                    <a:lnTo>
                      <a:pt x="291" y="15"/>
                    </a:lnTo>
                    <a:lnTo>
                      <a:pt x="269" y="15"/>
                    </a:lnTo>
                    <a:lnTo>
                      <a:pt x="247" y="13"/>
                    </a:lnTo>
                    <a:lnTo>
                      <a:pt x="225" y="13"/>
                    </a:lnTo>
                    <a:lnTo>
                      <a:pt x="203" y="12"/>
                    </a:lnTo>
                    <a:lnTo>
                      <a:pt x="181" y="12"/>
                    </a:lnTo>
                    <a:lnTo>
                      <a:pt x="161" y="10"/>
                    </a:lnTo>
                    <a:lnTo>
                      <a:pt x="142" y="8"/>
                    </a:lnTo>
                    <a:lnTo>
                      <a:pt x="122" y="8"/>
                    </a:lnTo>
                    <a:lnTo>
                      <a:pt x="105" y="7"/>
                    </a:lnTo>
                    <a:lnTo>
                      <a:pt x="88" y="7"/>
                    </a:lnTo>
                    <a:lnTo>
                      <a:pt x="73" y="5"/>
                    </a:lnTo>
                    <a:lnTo>
                      <a:pt x="59" y="3"/>
                    </a:lnTo>
                    <a:lnTo>
                      <a:pt x="48" y="3"/>
                    </a:lnTo>
                    <a:lnTo>
                      <a:pt x="37" y="2"/>
                    </a:lnTo>
                    <a:lnTo>
                      <a:pt x="31" y="2"/>
                    </a:lnTo>
                    <a:lnTo>
                      <a:pt x="24" y="0"/>
                    </a:lnTo>
                    <a:lnTo>
                      <a:pt x="2" y="250"/>
                    </a:lnTo>
                    <a:lnTo>
                      <a:pt x="0" y="250"/>
                    </a:lnTo>
                    <a:lnTo>
                      <a:pt x="193" y="262"/>
                    </a:lnTo>
                    <a:lnTo>
                      <a:pt x="186" y="387"/>
                    </a:lnTo>
                    <a:lnTo>
                      <a:pt x="197" y="389"/>
                    </a:lnTo>
                    <a:lnTo>
                      <a:pt x="208" y="391"/>
                    </a:lnTo>
                    <a:lnTo>
                      <a:pt x="224" y="392"/>
                    </a:lnTo>
                    <a:lnTo>
                      <a:pt x="239" y="392"/>
                    </a:lnTo>
                    <a:lnTo>
                      <a:pt x="257" y="394"/>
                    </a:lnTo>
                    <a:lnTo>
                      <a:pt x="278" y="396"/>
                    </a:lnTo>
                    <a:lnTo>
                      <a:pt x="298" y="396"/>
                    </a:lnTo>
                    <a:lnTo>
                      <a:pt x="322" y="398"/>
                    </a:lnTo>
                    <a:lnTo>
                      <a:pt x="345" y="398"/>
                    </a:lnTo>
                    <a:lnTo>
                      <a:pt x="371" y="399"/>
                    </a:lnTo>
                    <a:lnTo>
                      <a:pt x="396" y="399"/>
                    </a:lnTo>
                    <a:lnTo>
                      <a:pt x="423" y="399"/>
                    </a:lnTo>
                    <a:lnTo>
                      <a:pt x="450" y="401"/>
                    </a:lnTo>
                    <a:lnTo>
                      <a:pt x="477" y="401"/>
                    </a:lnTo>
                    <a:lnTo>
                      <a:pt x="505" y="401"/>
                    </a:lnTo>
                    <a:lnTo>
                      <a:pt x="532" y="401"/>
                    </a:lnTo>
                    <a:lnTo>
                      <a:pt x="559" y="403"/>
                    </a:lnTo>
                    <a:lnTo>
                      <a:pt x="586" y="403"/>
                    </a:lnTo>
                    <a:lnTo>
                      <a:pt x="611" y="403"/>
                    </a:lnTo>
                    <a:lnTo>
                      <a:pt x="637" y="403"/>
                    </a:lnTo>
                    <a:lnTo>
                      <a:pt x="660" y="403"/>
                    </a:lnTo>
                    <a:lnTo>
                      <a:pt x="684" y="403"/>
                    </a:lnTo>
                    <a:lnTo>
                      <a:pt x="704" y="404"/>
                    </a:lnTo>
                    <a:lnTo>
                      <a:pt x="725" y="404"/>
                    </a:lnTo>
                    <a:lnTo>
                      <a:pt x="743" y="404"/>
                    </a:lnTo>
                    <a:lnTo>
                      <a:pt x="760" y="404"/>
                    </a:lnTo>
                    <a:lnTo>
                      <a:pt x="775" y="404"/>
                    </a:lnTo>
                    <a:lnTo>
                      <a:pt x="787" y="404"/>
                    </a:lnTo>
                    <a:lnTo>
                      <a:pt x="797" y="404"/>
                    </a:lnTo>
                    <a:lnTo>
                      <a:pt x="804" y="404"/>
                    </a:lnTo>
                    <a:lnTo>
                      <a:pt x="809" y="404"/>
                    </a:lnTo>
                    <a:lnTo>
                      <a:pt x="811" y="404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610" name="Freeform 125"/>
              <p:cNvSpPr>
                <a:spLocks/>
              </p:cNvSpPr>
              <p:nvPr/>
            </p:nvSpPr>
            <p:spPr bwMode="auto">
              <a:xfrm>
                <a:off x="1384" y="1534"/>
                <a:ext cx="665" cy="553"/>
              </a:xfrm>
              <a:custGeom>
                <a:avLst/>
                <a:gdLst>
                  <a:gd name="T0" fmla="*/ 119 w 684"/>
                  <a:gd name="T1" fmla="*/ 340 h 570"/>
                  <a:gd name="T2" fmla="*/ 108 w 684"/>
                  <a:gd name="T3" fmla="*/ 337 h 570"/>
                  <a:gd name="T4" fmla="*/ 89 w 684"/>
                  <a:gd name="T5" fmla="*/ 333 h 570"/>
                  <a:gd name="T6" fmla="*/ 69 w 684"/>
                  <a:gd name="T7" fmla="*/ 330 h 570"/>
                  <a:gd name="T8" fmla="*/ 47 w 684"/>
                  <a:gd name="T9" fmla="*/ 327 h 570"/>
                  <a:gd name="T10" fmla="*/ 25 w 684"/>
                  <a:gd name="T11" fmla="*/ 324 h 570"/>
                  <a:gd name="T12" fmla="*/ 16 w 684"/>
                  <a:gd name="T13" fmla="*/ 322 h 570"/>
                  <a:gd name="T14" fmla="*/ 2 w 684"/>
                  <a:gd name="T15" fmla="*/ 320 h 570"/>
                  <a:gd name="T16" fmla="*/ 17 w 684"/>
                  <a:gd name="T17" fmla="*/ 244 h 570"/>
                  <a:gd name="T18" fmla="*/ 50 w 684"/>
                  <a:gd name="T19" fmla="*/ 0 h 570"/>
                  <a:gd name="T20" fmla="*/ 83 w 684"/>
                  <a:gd name="T21" fmla="*/ 7 h 570"/>
                  <a:gd name="T22" fmla="*/ 116 w 684"/>
                  <a:gd name="T23" fmla="*/ 15 h 570"/>
                  <a:gd name="T24" fmla="*/ 149 w 684"/>
                  <a:gd name="T25" fmla="*/ 16 h 570"/>
                  <a:gd name="T26" fmla="*/ 182 w 684"/>
                  <a:gd name="T27" fmla="*/ 16 h 570"/>
                  <a:gd name="T28" fmla="*/ 218 w 684"/>
                  <a:gd name="T29" fmla="*/ 20 h 570"/>
                  <a:gd name="T30" fmla="*/ 252 w 684"/>
                  <a:gd name="T31" fmla="*/ 27 h 570"/>
                  <a:gd name="T32" fmla="*/ 285 w 684"/>
                  <a:gd name="T33" fmla="*/ 32 h 570"/>
                  <a:gd name="T34" fmla="*/ 316 w 684"/>
                  <a:gd name="T35" fmla="*/ 36 h 570"/>
                  <a:gd name="T36" fmla="*/ 347 w 684"/>
                  <a:gd name="T37" fmla="*/ 39 h 570"/>
                  <a:gd name="T38" fmla="*/ 374 w 684"/>
                  <a:gd name="T39" fmla="*/ 40 h 570"/>
                  <a:gd name="T40" fmla="*/ 399 w 684"/>
                  <a:gd name="T41" fmla="*/ 42 h 570"/>
                  <a:gd name="T42" fmla="*/ 421 w 684"/>
                  <a:gd name="T43" fmla="*/ 44 h 570"/>
                  <a:gd name="T44" fmla="*/ 437 w 684"/>
                  <a:gd name="T45" fmla="*/ 45 h 570"/>
                  <a:gd name="T46" fmla="*/ 449 w 684"/>
                  <a:gd name="T47" fmla="*/ 45 h 570"/>
                  <a:gd name="T48" fmla="*/ 459 w 684"/>
                  <a:gd name="T49" fmla="*/ 45 h 570"/>
                  <a:gd name="T50" fmla="*/ 461 w 684"/>
                  <a:gd name="T51" fmla="*/ 46 h 570"/>
                  <a:gd name="T52" fmla="*/ 446 w 684"/>
                  <a:gd name="T53" fmla="*/ 210 h 570"/>
                  <a:gd name="T54" fmla="*/ 432 w 684"/>
                  <a:gd name="T55" fmla="*/ 373 h 570"/>
                  <a:gd name="T56" fmla="*/ 425 w 684"/>
                  <a:gd name="T57" fmla="*/ 372 h 570"/>
                  <a:gd name="T58" fmla="*/ 412 w 684"/>
                  <a:gd name="T59" fmla="*/ 372 h 570"/>
                  <a:gd name="T60" fmla="*/ 395 w 684"/>
                  <a:gd name="T61" fmla="*/ 371 h 570"/>
                  <a:gd name="T62" fmla="*/ 374 w 684"/>
                  <a:gd name="T63" fmla="*/ 368 h 570"/>
                  <a:gd name="T64" fmla="*/ 350 w 684"/>
                  <a:gd name="T65" fmla="*/ 364 h 570"/>
                  <a:gd name="T66" fmla="*/ 324 w 684"/>
                  <a:gd name="T67" fmla="*/ 362 h 570"/>
                  <a:gd name="T68" fmla="*/ 296 w 684"/>
                  <a:gd name="T69" fmla="*/ 360 h 570"/>
                  <a:gd name="T70" fmla="*/ 266 w 684"/>
                  <a:gd name="T71" fmla="*/ 357 h 570"/>
                  <a:gd name="T72" fmla="*/ 240 w 684"/>
                  <a:gd name="T73" fmla="*/ 353 h 570"/>
                  <a:gd name="T74" fmla="*/ 213 w 684"/>
                  <a:gd name="T75" fmla="*/ 350 h 570"/>
                  <a:gd name="T76" fmla="*/ 187 w 684"/>
                  <a:gd name="T77" fmla="*/ 348 h 570"/>
                  <a:gd name="T78" fmla="*/ 166 w 684"/>
                  <a:gd name="T79" fmla="*/ 344 h 570"/>
                  <a:gd name="T80" fmla="*/ 146 w 684"/>
                  <a:gd name="T81" fmla="*/ 342 h 570"/>
                  <a:gd name="T82" fmla="*/ 134 w 684"/>
                  <a:gd name="T83" fmla="*/ 341 h 570"/>
                  <a:gd name="T84" fmla="*/ 122 w 684"/>
                  <a:gd name="T85" fmla="*/ 340 h 570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w 684"/>
                  <a:gd name="T130" fmla="*/ 0 h 570"/>
                  <a:gd name="T131" fmla="*/ 684 w 684"/>
                  <a:gd name="T132" fmla="*/ 570 h 570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T129" t="T130" r="T131" b="T132"/>
                <a:pathLst>
                  <a:path w="684" h="570">
                    <a:moveTo>
                      <a:pt x="180" y="518"/>
                    </a:moveTo>
                    <a:lnTo>
                      <a:pt x="176" y="518"/>
                    </a:lnTo>
                    <a:lnTo>
                      <a:pt x="169" y="516"/>
                    </a:lnTo>
                    <a:lnTo>
                      <a:pt x="159" y="514"/>
                    </a:lnTo>
                    <a:lnTo>
                      <a:pt x="147" y="513"/>
                    </a:lnTo>
                    <a:lnTo>
                      <a:pt x="134" y="509"/>
                    </a:lnTo>
                    <a:lnTo>
                      <a:pt x="119" y="508"/>
                    </a:lnTo>
                    <a:lnTo>
                      <a:pt x="102" y="504"/>
                    </a:lnTo>
                    <a:lnTo>
                      <a:pt x="87" y="503"/>
                    </a:lnTo>
                    <a:lnTo>
                      <a:pt x="70" y="499"/>
                    </a:lnTo>
                    <a:lnTo>
                      <a:pt x="54" y="498"/>
                    </a:lnTo>
                    <a:lnTo>
                      <a:pt x="39" y="496"/>
                    </a:lnTo>
                    <a:lnTo>
                      <a:pt x="27" y="492"/>
                    </a:lnTo>
                    <a:lnTo>
                      <a:pt x="16" y="491"/>
                    </a:lnTo>
                    <a:lnTo>
                      <a:pt x="9" y="489"/>
                    </a:lnTo>
                    <a:lnTo>
                      <a:pt x="2" y="489"/>
                    </a:lnTo>
                    <a:lnTo>
                      <a:pt x="0" y="489"/>
                    </a:lnTo>
                    <a:lnTo>
                      <a:pt x="17" y="372"/>
                    </a:lnTo>
                    <a:lnTo>
                      <a:pt x="63" y="61"/>
                    </a:lnTo>
                    <a:lnTo>
                      <a:pt x="76" y="0"/>
                    </a:lnTo>
                    <a:lnTo>
                      <a:pt x="98" y="3"/>
                    </a:lnTo>
                    <a:lnTo>
                      <a:pt x="122" y="7"/>
                    </a:lnTo>
                    <a:lnTo>
                      <a:pt x="146" y="12"/>
                    </a:lnTo>
                    <a:lnTo>
                      <a:pt x="171" y="15"/>
                    </a:lnTo>
                    <a:lnTo>
                      <a:pt x="195" y="19"/>
                    </a:lnTo>
                    <a:lnTo>
                      <a:pt x="220" y="22"/>
                    </a:lnTo>
                    <a:lnTo>
                      <a:pt x="246" y="25"/>
                    </a:lnTo>
                    <a:lnTo>
                      <a:pt x="271" y="29"/>
                    </a:lnTo>
                    <a:lnTo>
                      <a:pt x="296" y="32"/>
                    </a:lnTo>
                    <a:lnTo>
                      <a:pt x="323" y="34"/>
                    </a:lnTo>
                    <a:lnTo>
                      <a:pt x="349" y="37"/>
                    </a:lnTo>
                    <a:lnTo>
                      <a:pt x="373" y="41"/>
                    </a:lnTo>
                    <a:lnTo>
                      <a:pt x="398" y="44"/>
                    </a:lnTo>
                    <a:lnTo>
                      <a:pt x="422" y="46"/>
                    </a:lnTo>
                    <a:lnTo>
                      <a:pt x="445" y="49"/>
                    </a:lnTo>
                    <a:lnTo>
                      <a:pt x="469" y="51"/>
                    </a:lnTo>
                    <a:lnTo>
                      <a:pt x="493" y="52"/>
                    </a:lnTo>
                    <a:lnTo>
                      <a:pt x="515" y="56"/>
                    </a:lnTo>
                    <a:lnTo>
                      <a:pt x="535" y="58"/>
                    </a:lnTo>
                    <a:lnTo>
                      <a:pt x="555" y="59"/>
                    </a:lnTo>
                    <a:lnTo>
                      <a:pt x="574" y="61"/>
                    </a:lnTo>
                    <a:lnTo>
                      <a:pt x="591" y="63"/>
                    </a:lnTo>
                    <a:lnTo>
                      <a:pt x="608" y="64"/>
                    </a:lnTo>
                    <a:lnTo>
                      <a:pt x="623" y="66"/>
                    </a:lnTo>
                    <a:lnTo>
                      <a:pt x="637" y="66"/>
                    </a:lnTo>
                    <a:lnTo>
                      <a:pt x="648" y="68"/>
                    </a:lnTo>
                    <a:lnTo>
                      <a:pt x="659" y="68"/>
                    </a:lnTo>
                    <a:lnTo>
                      <a:pt x="667" y="69"/>
                    </a:lnTo>
                    <a:lnTo>
                      <a:pt x="675" y="69"/>
                    </a:lnTo>
                    <a:lnTo>
                      <a:pt x="681" y="69"/>
                    </a:lnTo>
                    <a:lnTo>
                      <a:pt x="684" y="71"/>
                    </a:lnTo>
                    <a:lnTo>
                      <a:pt x="662" y="320"/>
                    </a:lnTo>
                    <a:lnTo>
                      <a:pt x="640" y="570"/>
                    </a:lnTo>
                    <a:lnTo>
                      <a:pt x="635" y="570"/>
                    </a:lnTo>
                    <a:lnTo>
                      <a:pt x="630" y="569"/>
                    </a:lnTo>
                    <a:lnTo>
                      <a:pt x="621" y="569"/>
                    </a:lnTo>
                    <a:lnTo>
                      <a:pt x="611" y="567"/>
                    </a:lnTo>
                    <a:lnTo>
                      <a:pt x="599" y="565"/>
                    </a:lnTo>
                    <a:lnTo>
                      <a:pt x="586" y="565"/>
                    </a:lnTo>
                    <a:lnTo>
                      <a:pt x="571" y="564"/>
                    </a:lnTo>
                    <a:lnTo>
                      <a:pt x="555" y="562"/>
                    </a:lnTo>
                    <a:lnTo>
                      <a:pt x="538" y="558"/>
                    </a:lnTo>
                    <a:lnTo>
                      <a:pt x="520" y="557"/>
                    </a:lnTo>
                    <a:lnTo>
                      <a:pt x="501" y="555"/>
                    </a:lnTo>
                    <a:lnTo>
                      <a:pt x="481" y="553"/>
                    </a:lnTo>
                    <a:lnTo>
                      <a:pt x="461" y="552"/>
                    </a:lnTo>
                    <a:lnTo>
                      <a:pt x="439" y="548"/>
                    </a:lnTo>
                    <a:lnTo>
                      <a:pt x="418" y="547"/>
                    </a:lnTo>
                    <a:lnTo>
                      <a:pt x="396" y="545"/>
                    </a:lnTo>
                    <a:lnTo>
                      <a:pt x="376" y="542"/>
                    </a:lnTo>
                    <a:lnTo>
                      <a:pt x="356" y="540"/>
                    </a:lnTo>
                    <a:lnTo>
                      <a:pt x="335" y="536"/>
                    </a:lnTo>
                    <a:lnTo>
                      <a:pt x="315" y="535"/>
                    </a:lnTo>
                    <a:lnTo>
                      <a:pt x="296" y="533"/>
                    </a:lnTo>
                    <a:lnTo>
                      <a:pt x="278" y="531"/>
                    </a:lnTo>
                    <a:lnTo>
                      <a:pt x="261" y="528"/>
                    </a:lnTo>
                    <a:lnTo>
                      <a:pt x="246" y="526"/>
                    </a:lnTo>
                    <a:lnTo>
                      <a:pt x="230" y="525"/>
                    </a:lnTo>
                    <a:lnTo>
                      <a:pt x="217" y="523"/>
                    </a:lnTo>
                    <a:lnTo>
                      <a:pt x="207" y="523"/>
                    </a:lnTo>
                    <a:lnTo>
                      <a:pt x="197" y="521"/>
                    </a:lnTo>
                    <a:lnTo>
                      <a:pt x="188" y="520"/>
                    </a:lnTo>
                    <a:lnTo>
                      <a:pt x="183" y="520"/>
                    </a:lnTo>
                    <a:lnTo>
                      <a:pt x="180" y="51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611" name="Group 126"/>
              <p:cNvGrpSpPr>
                <a:grpSpLocks/>
              </p:cNvGrpSpPr>
              <p:nvPr/>
            </p:nvGrpSpPr>
            <p:grpSpPr bwMode="auto">
              <a:xfrm>
                <a:off x="3179" y="1296"/>
                <a:ext cx="723" cy="681"/>
                <a:chOff x="3132" y="1095"/>
                <a:chExt cx="724" cy="681"/>
              </a:xfrm>
            </p:grpSpPr>
            <p:sp>
              <p:nvSpPr>
                <p:cNvPr id="675" name="Freeform 127"/>
                <p:cNvSpPr>
                  <a:spLocks/>
                </p:cNvSpPr>
                <p:nvPr/>
              </p:nvSpPr>
              <p:spPr bwMode="auto">
                <a:xfrm>
                  <a:off x="3132" y="1095"/>
                  <a:ext cx="548" cy="284"/>
                </a:xfrm>
                <a:custGeom>
                  <a:avLst/>
                  <a:gdLst>
                    <a:gd name="T0" fmla="*/ 12 w 564"/>
                    <a:gd name="T1" fmla="*/ 83 h 293"/>
                    <a:gd name="T2" fmla="*/ 17 w 564"/>
                    <a:gd name="T3" fmla="*/ 98 h 293"/>
                    <a:gd name="T4" fmla="*/ 27 w 564"/>
                    <a:gd name="T5" fmla="*/ 104 h 293"/>
                    <a:gd name="T6" fmla="*/ 45 w 564"/>
                    <a:gd name="T7" fmla="*/ 104 h 293"/>
                    <a:gd name="T8" fmla="*/ 79 w 564"/>
                    <a:gd name="T9" fmla="*/ 112 h 293"/>
                    <a:gd name="T10" fmla="*/ 104 w 564"/>
                    <a:gd name="T11" fmla="*/ 122 h 293"/>
                    <a:gd name="T12" fmla="*/ 137 w 564"/>
                    <a:gd name="T13" fmla="*/ 125 h 293"/>
                    <a:gd name="T14" fmla="*/ 149 w 564"/>
                    <a:gd name="T15" fmla="*/ 137 h 293"/>
                    <a:gd name="T16" fmla="*/ 156 w 564"/>
                    <a:gd name="T17" fmla="*/ 160 h 293"/>
                    <a:gd name="T18" fmla="*/ 154 w 564"/>
                    <a:gd name="T19" fmla="*/ 172 h 293"/>
                    <a:gd name="T20" fmla="*/ 168 w 564"/>
                    <a:gd name="T21" fmla="*/ 184 h 293"/>
                    <a:gd name="T22" fmla="*/ 178 w 564"/>
                    <a:gd name="T23" fmla="*/ 181 h 293"/>
                    <a:gd name="T24" fmla="*/ 182 w 564"/>
                    <a:gd name="T25" fmla="*/ 172 h 293"/>
                    <a:gd name="T26" fmla="*/ 193 w 564"/>
                    <a:gd name="T27" fmla="*/ 151 h 293"/>
                    <a:gd name="T28" fmla="*/ 200 w 564"/>
                    <a:gd name="T29" fmla="*/ 139 h 293"/>
                    <a:gd name="T30" fmla="*/ 206 w 564"/>
                    <a:gd name="T31" fmla="*/ 122 h 293"/>
                    <a:gd name="T32" fmla="*/ 206 w 564"/>
                    <a:gd name="T33" fmla="*/ 132 h 293"/>
                    <a:gd name="T34" fmla="*/ 218 w 564"/>
                    <a:gd name="T35" fmla="*/ 125 h 293"/>
                    <a:gd name="T36" fmla="*/ 229 w 564"/>
                    <a:gd name="T37" fmla="*/ 127 h 293"/>
                    <a:gd name="T38" fmla="*/ 224 w 564"/>
                    <a:gd name="T39" fmla="*/ 139 h 293"/>
                    <a:gd name="T40" fmla="*/ 229 w 564"/>
                    <a:gd name="T41" fmla="*/ 137 h 293"/>
                    <a:gd name="T42" fmla="*/ 244 w 564"/>
                    <a:gd name="T43" fmla="*/ 125 h 293"/>
                    <a:gd name="T44" fmla="*/ 250 w 564"/>
                    <a:gd name="T45" fmla="*/ 111 h 293"/>
                    <a:gd name="T46" fmla="*/ 287 w 564"/>
                    <a:gd name="T47" fmla="*/ 98 h 293"/>
                    <a:gd name="T48" fmla="*/ 315 w 564"/>
                    <a:gd name="T49" fmla="*/ 101 h 293"/>
                    <a:gd name="T50" fmla="*/ 335 w 564"/>
                    <a:gd name="T51" fmla="*/ 114 h 293"/>
                    <a:gd name="T52" fmla="*/ 334 w 564"/>
                    <a:gd name="T53" fmla="*/ 101 h 293"/>
                    <a:gd name="T54" fmla="*/ 341 w 564"/>
                    <a:gd name="T55" fmla="*/ 97 h 293"/>
                    <a:gd name="T56" fmla="*/ 351 w 564"/>
                    <a:gd name="T57" fmla="*/ 98 h 293"/>
                    <a:gd name="T58" fmla="*/ 373 w 564"/>
                    <a:gd name="T59" fmla="*/ 94 h 293"/>
                    <a:gd name="T60" fmla="*/ 360 w 564"/>
                    <a:gd name="T61" fmla="*/ 79 h 293"/>
                    <a:gd name="T62" fmla="*/ 357 w 564"/>
                    <a:gd name="T63" fmla="*/ 65 h 293"/>
                    <a:gd name="T64" fmla="*/ 347 w 564"/>
                    <a:gd name="T65" fmla="*/ 63 h 293"/>
                    <a:gd name="T66" fmla="*/ 331 w 564"/>
                    <a:gd name="T67" fmla="*/ 64 h 293"/>
                    <a:gd name="T68" fmla="*/ 309 w 564"/>
                    <a:gd name="T69" fmla="*/ 46 h 293"/>
                    <a:gd name="T70" fmla="*/ 304 w 564"/>
                    <a:gd name="T71" fmla="*/ 42 h 293"/>
                    <a:gd name="T72" fmla="*/ 290 w 564"/>
                    <a:gd name="T73" fmla="*/ 46 h 293"/>
                    <a:gd name="T74" fmla="*/ 264 w 564"/>
                    <a:gd name="T75" fmla="*/ 53 h 293"/>
                    <a:gd name="T76" fmla="*/ 247 w 564"/>
                    <a:gd name="T77" fmla="*/ 54 h 293"/>
                    <a:gd name="T78" fmla="*/ 212 w 564"/>
                    <a:gd name="T79" fmla="*/ 76 h 293"/>
                    <a:gd name="T80" fmla="*/ 203 w 564"/>
                    <a:gd name="T81" fmla="*/ 72 h 293"/>
                    <a:gd name="T82" fmla="*/ 190 w 564"/>
                    <a:gd name="T83" fmla="*/ 75 h 293"/>
                    <a:gd name="T84" fmla="*/ 170 w 564"/>
                    <a:gd name="T85" fmla="*/ 65 h 293"/>
                    <a:gd name="T86" fmla="*/ 151 w 564"/>
                    <a:gd name="T87" fmla="*/ 45 h 293"/>
                    <a:gd name="T88" fmla="*/ 127 w 564"/>
                    <a:gd name="T89" fmla="*/ 52 h 293"/>
                    <a:gd name="T90" fmla="*/ 130 w 564"/>
                    <a:gd name="T91" fmla="*/ 44 h 293"/>
                    <a:gd name="T92" fmla="*/ 117 w 564"/>
                    <a:gd name="T93" fmla="*/ 52 h 293"/>
                    <a:gd name="T94" fmla="*/ 113 w 564"/>
                    <a:gd name="T95" fmla="*/ 42 h 293"/>
                    <a:gd name="T96" fmla="*/ 108 w 564"/>
                    <a:gd name="T97" fmla="*/ 40 h 293"/>
                    <a:gd name="T98" fmla="*/ 111 w 564"/>
                    <a:gd name="T99" fmla="*/ 35 h 293"/>
                    <a:gd name="T100" fmla="*/ 113 w 564"/>
                    <a:gd name="T101" fmla="*/ 35 h 293"/>
                    <a:gd name="T102" fmla="*/ 114 w 564"/>
                    <a:gd name="T103" fmla="*/ 39 h 293"/>
                    <a:gd name="T104" fmla="*/ 117 w 564"/>
                    <a:gd name="T105" fmla="*/ 37 h 293"/>
                    <a:gd name="T106" fmla="*/ 142 w 564"/>
                    <a:gd name="T107" fmla="*/ 8 h 293"/>
                    <a:gd name="T108" fmla="*/ 152 w 564"/>
                    <a:gd name="T109" fmla="*/ 3 h 293"/>
                    <a:gd name="T110" fmla="*/ 132 w 564"/>
                    <a:gd name="T111" fmla="*/ 2 h 293"/>
                    <a:gd name="T112" fmla="*/ 104 w 564"/>
                    <a:gd name="T113" fmla="*/ 20 h 293"/>
                    <a:gd name="T114" fmla="*/ 87 w 564"/>
                    <a:gd name="T115" fmla="*/ 38 h 293"/>
                    <a:gd name="T116" fmla="*/ 74 w 564"/>
                    <a:gd name="T117" fmla="*/ 46 h 293"/>
                    <a:gd name="T118" fmla="*/ 55 w 564"/>
                    <a:gd name="T119" fmla="*/ 59 h 293"/>
                    <a:gd name="T120" fmla="*/ 42 w 564"/>
                    <a:gd name="T121" fmla="*/ 61 h 293"/>
                    <a:gd name="T122" fmla="*/ 17 w 564"/>
                    <a:gd name="T123" fmla="*/ 76 h 293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w 564"/>
                    <a:gd name="T187" fmla="*/ 0 h 293"/>
                    <a:gd name="T188" fmla="*/ 564 w 564"/>
                    <a:gd name="T189" fmla="*/ 293 h 293"/>
                  </a:gdLst>
                  <a:ahLst/>
                  <a:cxnLst>
                    <a:cxn ang="T124">
                      <a:pos x="T0" y="T1"/>
                    </a:cxn>
                    <a:cxn ang="T125">
                      <a:pos x="T2" y="T3"/>
                    </a:cxn>
                    <a:cxn ang="T126">
                      <a:pos x="T4" y="T5"/>
                    </a:cxn>
                    <a:cxn ang="T127">
                      <a:pos x="T6" y="T7"/>
                    </a:cxn>
                    <a:cxn ang="T128">
                      <a:pos x="T8" y="T9"/>
                    </a:cxn>
                    <a:cxn ang="T129">
                      <a:pos x="T10" y="T11"/>
                    </a:cxn>
                    <a:cxn ang="T130">
                      <a:pos x="T12" y="T13"/>
                    </a:cxn>
                    <a:cxn ang="T131">
                      <a:pos x="T14" y="T15"/>
                    </a:cxn>
                    <a:cxn ang="T132">
                      <a:pos x="T16" y="T17"/>
                    </a:cxn>
                    <a:cxn ang="T133">
                      <a:pos x="T18" y="T19"/>
                    </a:cxn>
                    <a:cxn ang="T134">
                      <a:pos x="T20" y="T21"/>
                    </a:cxn>
                    <a:cxn ang="T135">
                      <a:pos x="T22" y="T23"/>
                    </a:cxn>
                    <a:cxn ang="T136">
                      <a:pos x="T24" y="T25"/>
                    </a:cxn>
                    <a:cxn ang="T137">
                      <a:pos x="T26" y="T27"/>
                    </a:cxn>
                    <a:cxn ang="T138">
                      <a:pos x="T28" y="T29"/>
                    </a:cxn>
                    <a:cxn ang="T139">
                      <a:pos x="T30" y="T31"/>
                    </a:cxn>
                    <a:cxn ang="T140">
                      <a:pos x="T32" y="T33"/>
                    </a:cxn>
                    <a:cxn ang="T141">
                      <a:pos x="T34" y="T35"/>
                    </a:cxn>
                    <a:cxn ang="T142">
                      <a:pos x="T36" y="T37"/>
                    </a:cxn>
                    <a:cxn ang="T143">
                      <a:pos x="T38" y="T39"/>
                    </a:cxn>
                    <a:cxn ang="T144">
                      <a:pos x="T40" y="T41"/>
                    </a:cxn>
                    <a:cxn ang="T145">
                      <a:pos x="T42" y="T43"/>
                    </a:cxn>
                    <a:cxn ang="T146">
                      <a:pos x="T44" y="T45"/>
                    </a:cxn>
                    <a:cxn ang="T147">
                      <a:pos x="T46" y="T47"/>
                    </a:cxn>
                    <a:cxn ang="T148">
                      <a:pos x="T48" y="T49"/>
                    </a:cxn>
                    <a:cxn ang="T149">
                      <a:pos x="T50" y="T51"/>
                    </a:cxn>
                    <a:cxn ang="T150">
                      <a:pos x="T52" y="T53"/>
                    </a:cxn>
                    <a:cxn ang="T151">
                      <a:pos x="T54" y="T55"/>
                    </a:cxn>
                    <a:cxn ang="T152">
                      <a:pos x="T56" y="T57"/>
                    </a:cxn>
                    <a:cxn ang="T153">
                      <a:pos x="T58" y="T59"/>
                    </a:cxn>
                    <a:cxn ang="T154">
                      <a:pos x="T60" y="T61"/>
                    </a:cxn>
                    <a:cxn ang="T155">
                      <a:pos x="T62" y="T63"/>
                    </a:cxn>
                    <a:cxn ang="T156">
                      <a:pos x="T64" y="T65"/>
                    </a:cxn>
                    <a:cxn ang="T157">
                      <a:pos x="T66" y="T67"/>
                    </a:cxn>
                    <a:cxn ang="T158">
                      <a:pos x="T68" y="T69"/>
                    </a:cxn>
                    <a:cxn ang="T159">
                      <a:pos x="T70" y="T71"/>
                    </a:cxn>
                    <a:cxn ang="T160">
                      <a:pos x="T72" y="T73"/>
                    </a:cxn>
                    <a:cxn ang="T161">
                      <a:pos x="T74" y="T75"/>
                    </a:cxn>
                    <a:cxn ang="T162">
                      <a:pos x="T76" y="T77"/>
                    </a:cxn>
                    <a:cxn ang="T163">
                      <a:pos x="T78" y="T79"/>
                    </a:cxn>
                    <a:cxn ang="T164">
                      <a:pos x="T80" y="T81"/>
                    </a:cxn>
                    <a:cxn ang="T165">
                      <a:pos x="T82" y="T83"/>
                    </a:cxn>
                    <a:cxn ang="T166">
                      <a:pos x="T84" y="T85"/>
                    </a:cxn>
                    <a:cxn ang="T167">
                      <a:pos x="T86" y="T87"/>
                    </a:cxn>
                    <a:cxn ang="T168">
                      <a:pos x="T88" y="T89"/>
                    </a:cxn>
                    <a:cxn ang="T169">
                      <a:pos x="T90" y="T91"/>
                    </a:cxn>
                    <a:cxn ang="T170">
                      <a:pos x="T92" y="T93"/>
                    </a:cxn>
                    <a:cxn ang="T171">
                      <a:pos x="T94" y="T95"/>
                    </a:cxn>
                    <a:cxn ang="T172">
                      <a:pos x="T96" y="T97"/>
                    </a:cxn>
                    <a:cxn ang="T173">
                      <a:pos x="T98" y="T99"/>
                    </a:cxn>
                    <a:cxn ang="T174">
                      <a:pos x="T100" y="T101"/>
                    </a:cxn>
                    <a:cxn ang="T175">
                      <a:pos x="T102" y="T103"/>
                    </a:cxn>
                    <a:cxn ang="T176">
                      <a:pos x="T104" y="T105"/>
                    </a:cxn>
                    <a:cxn ang="T177">
                      <a:pos x="T106" y="T107"/>
                    </a:cxn>
                    <a:cxn ang="T178">
                      <a:pos x="T108" y="T109"/>
                    </a:cxn>
                    <a:cxn ang="T179">
                      <a:pos x="T110" y="T111"/>
                    </a:cxn>
                    <a:cxn ang="T180">
                      <a:pos x="T112" y="T113"/>
                    </a:cxn>
                    <a:cxn ang="T181">
                      <a:pos x="T114" y="T115"/>
                    </a:cxn>
                    <a:cxn ang="T182">
                      <a:pos x="T116" y="T117"/>
                    </a:cxn>
                    <a:cxn ang="T183">
                      <a:pos x="T118" y="T119"/>
                    </a:cxn>
                    <a:cxn ang="T184">
                      <a:pos x="T120" y="T121"/>
                    </a:cxn>
                    <a:cxn ang="T185">
                      <a:pos x="T122" y="T123"/>
                    </a:cxn>
                  </a:cxnLst>
                  <a:rect l="T186" t="T187" r="T188" b="T189"/>
                  <a:pathLst>
                    <a:path w="564" h="293">
                      <a:moveTo>
                        <a:pt x="0" y="129"/>
                      </a:moveTo>
                      <a:lnTo>
                        <a:pt x="2" y="129"/>
                      </a:lnTo>
                      <a:lnTo>
                        <a:pt x="4" y="129"/>
                      </a:lnTo>
                      <a:lnTo>
                        <a:pt x="6" y="129"/>
                      </a:lnTo>
                      <a:lnTo>
                        <a:pt x="9" y="129"/>
                      </a:lnTo>
                      <a:lnTo>
                        <a:pt x="12" y="129"/>
                      </a:lnTo>
                      <a:lnTo>
                        <a:pt x="17" y="130"/>
                      </a:lnTo>
                      <a:lnTo>
                        <a:pt x="21" y="135"/>
                      </a:lnTo>
                      <a:lnTo>
                        <a:pt x="26" y="140"/>
                      </a:lnTo>
                      <a:lnTo>
                        <a:pt x="29" y="149"/>
                      </a:lnTo>
                      <a:lnTo>
                        <a:pt x="31" y="151"/>
                      </a:lnTo>
                      <a:lnTo>
                        <a:pt x="31" y="152"/>
                      </a:lnTo>
                      <a:lnTo>
                        <a:pt x="34" y="154"/>
                      </a:lnTo>
                      <a:lnTo>
                        <a:pt x="36" y="156"/>
                      </a:lnTo>
                      <a:lnTo>
                        <a:pt x="38" y="157"/>
                      </a:lnTo>
                      <a:lnTo>
                        <a:pt x="39" y="159"/>
                      </a:lnTo>
                      <a:lnTo>
                        <a:pt x="41" y="159"/>
                      </a:lnTo>
                      <a:lnTo>
                        <a:pt x="41" y="161"/>
                      </a:lnTo>
                      <a:lnTo>
                        <a:pt x="44" y="161"/>
                      </a:lnTo>
                      <a:lnTo>
                        <a:pt x="48" y="161"/>
                      </a:lnTo>
                      <a:lnTo>
                        <a:pt x="53" y="161"/>
                      </a:lnTo>
                      <a:lnTo>
                        <a:pt x="60" y="162"/>
                      </a:lnTo>
                      <a:lnTo>
                        <a:pt x="66" y="162"/>
                      </a:lnTo>
                      <a:lnTo>
                        <a:pt x="75" y="164"/>
                      </a:lnTo>
                      <a:lnTo>
                        <a:pt x="83" y="166"/>
                      </a:lnTo>
                      <a:lnTo>
                        <a:pt x="92" y="168"/>
                      </a:lnTo>
                      <a:lnTo>
                        <a:pt x="100" y="169"/>
                      </a:lnTo>
                      <a:lnTo>
                        <a:pt x="109" y="171"/>
                      </a:lnTo>
                      <a:lnTo>
                        <a:pt x="117" y="174"/>
                      </a:lnTo>
                      <a:lnTo>
                        <a:pt x="126" y="176"/>
                      </a:lnTo>
                      <a:lnTo>
                        <a:pt x="132" y="179"/>
                      </a:lnTo>
                      <a:lnTo>
                        <a:pt x="139" y="183"/>
                      </a:lnTo>
                      <a:lnTo>
                        <a:pt x="146" y="186"/>
                      </a:lnTo>
                      <a:lnTo>
                        <a:pt x="148" y="186"/>
                      </a:lnTo>
                      <a:lnTo>
                        <a:pt x="154" y="188"/>
                      </a:lnTo>
                      <a:lnTo>
                        <a:pt x="165" y="190"/>
                      </a:lnTo>
                      <a:lnTo>
                        <a:pt x="175" y="190"/>
                      </a:lnTo>
                      <a:lnTo>
                        <a:pt x="185" y="191"/>
                      </a:lnTo>
                      <a:lnTo>
                        <a:pt x="193" y="193"/>
                      </a:lnTo>
                      <a:lnTo>
                        <a:pt x="200" y="193"/>
                      </a:lnTo>
                      <a:lnTo>
                        <a:pt x="204" y="193"/>
                      </a:lnTo>
                      <a:lnTo>
                        <a:pt x="207" y="198"/>
                      </a:lnTo>
                      <a:lnTo>
                        <a:pt x="210" y="210"/>
                      </a:lnTo>
                      <a:lnTo>
                        <a:pt x="212" y="210"/>
                      </a:lnTo>
                      <a:lnTo>
                        <a:pt x="214" y="210"/>
                      </a:lnTo>
                      <a:lnTo>
                        <a:pt x="219" y="210"/>
                      </a:lnTo>
                      <a:lnTo>
                        <a:pt x="222" y="212"/>
                      </a:lnTo>
                      <a:lnTo>
                        <a:pt x="227" y="215"/>
                      </a:lnTo>
                      <a:lnTo>
                        <a:pt x="231" y="222"/>
                      </a:lnTo>
                      <a:lnTo>
                        <a:pt x="234" y="230"/>
                      </a:lnTo>
                      <a:lnTo>
                        <a:pt x="236" y="242"/>
                      </a:lnTo>
                      <a:lnTo>
                        <a:pt x="236" y="244"/>
                      </a:lnTo>
                      <a:lnTo>
                        <a:pt x="234" y="247"/>
                      </a:lnTo>
                      <a:lnTo>
                        <a:pt x="234" y="250"/>
                      </a:lnTo>
                      <a:lnTo>
                        <a:pt x="234" y="256"/>
                      </a:lnTo>
                      <a:lnTo>
                        <a:pt x="232" y="259"/>
                      </a:lnTo>
                      <a:lnTo>
                        <a:pt x="232" y="262"/>
                      </a:lnTo>
                      <a:lnTo>
                        <a:pt x="231" y="266"/>
                      </a:lnTo>
                      <a:lnTo>
                        <a:pt x="253" y="266"/>
                      </a:lnTo>
                      <a:lnTo>
                        <a:pt x="253" y="267"/>
                      </a:lnTo>
                      <a:lnTo>
                        <a:pt x="251" y="269"/>
                      </a:lnTo>
                      <a:lnTo>
                        <a:pt x="251" y="274"/>
                      </a:lnTo>
                      <a:lnTo>
                        <a:pt x="251" y="279"/>
                      </a:lnTo>
                      <a:lnTo>
                        <a:pt x="251" y="284"/>
                      </a:lnTo>
                      <a:lnTo>
                        <a:pt x="253" y="288"/>
                      </a:lnTo>
                      <a:lnTo>
                        <a:pt x="256" y="291"/>
                      </a:lnTo>
                      <a:lnTo>
                        <a:pt x="261" y="293"/>
                      </a:lnTo>
                      <a:lnTo>
                        <a:pt x="266" y="279"/>
                      </a:lnTo>
                      <a:lnTo>
                        <a:pt x="266" y="281"/>
                      </a:lnTo>
                      <a:lnTo>
                        <a:pt x="266" y="279"/>
                      </a:lnTo>
                      <a:lnTo>
                        <a:pt x="266" y="278"/>
                      </a:lnTo>
                      <a:lnTo>
                        <a:pt x="268" y="274"/>
                      </a:lnTo>
                      <a:lnTo>
                        <a:pt x="270" y="271"/>
                      </a:lnTo>
                      <a:lnTo>
                        <a:pt x="271" y="266"/>
                      </a:lnTo>
                      <a:lnTo>
                        <a:pt x="275" y="261"/>
                      </a:lnTo>
                      <a:lnTo>
                        <a:pt x="276" y="256"/>
                      </a:lnTo>
                      <a:lnTo>
                        <a:pt x="280" y="250"/>
                      </a:lnTo>
                      <a:lnTo>
                        <a:pt x="283" y="245"/>
                      </a:lnTo>
                      <a:lnTo>
                        <a:pt x="286" y="239"/>
                      </a:lnTo>
                      <a:lnTo>
                        <a:pt x="288" y="234"/>
                      </a:lnTo>
                      <a:lnTo>
                        <a:pt x="292" y="228"/>
                      </a:lnTo>
                      <a:lnTo>
                        <a:pt x="293" y="225"/>
                      </a:lnTo>
                      <a:lnTo>
                        <a:pt x="297" y="220"/>
                      </a:lnTo>
                      <a:lnTo>
                        <a:pt x="298" y="218"/>
                      </a:lnTo>
                      <a:lnTo>
                        <a:pt x="298" y="217"/>
                      </a:lnTo>
                      <a:lnTo>
                        <a:pt x="300" y="215"/>
                      </a:lnTo>
                      <a:lnTo>
                        <a:pt x="300" y="206"/>
                      </a:lnTo>
                      <a:lnTo>
                        <a:pt x="302" y="198"/>
                      </a:lnTo>
                      <a:lnTo>
                        <a:pt x="303" y="193"/>
                      </a:lnTo>
                      <a:lnTo>
                        <a:pt x="305" y="191"/>
                      </a:lnTo>
                      <a:lnTo>
                        <a:pt x="307" y="188"/>
                      </a:lnTo>
                      <a:lnTo>
                        <a:pt x="308" y="188"/>
                      </a:lnTo>
                      <a:lnTo>
                        <a:pt x="310" y="188"/>
                      </a:lnTo>
                      <a:lnTo>
                        <a:pt x="308" y="191"/>
                      </a:lnTo>
                      <a:lnTo>
                        <a:pt x="308" y="195"/>
                      </a:lnTo>
                      <a:lnTo>
                        <a:pt x="308" y="198"/>
                      </a:lnTo>
                      <a:lnTo>
                        <a:pt x="308" y="203"/>
                      </a:lnTo>
                      <a:lnTo>
                        <a:pt x="308" y="206"/>
                      </a:lnTo>
                      <a:lnTo>
                        <a:pt x="308" y="210"/>
                      </a:lnTo>
                      <a:lnTo>
                        <a:pt x="310" y="213"/>
                      </a:lnTo>
                      <a:lnTo>
                        <a:pt x="327" y="201"/>
                      </a:lnTo>
                      <a:lnTo>
                        <a:pt x="327" y="193"/>
                      </a:lnTo>
                      <a:lnTo>
                        <a:pt x="336" y="191"/>
                      </a:lnTo>
                      <a:lnTo>
                        <a:pt x="341" y="186"/>
                      </a:lnTo>
                      <a:lnTo>
                        <a:pt x="346" y="191"/>
                      </a:lnTo>
                      <a:lnTo>
                        <a:pt x="344" y="191"/>
                      </a:lnTo>
                      <a:lnTo>
                        <a:pt x="344" y="193"/>
                      </a:lnTo>
                      <a:lnTo>
                        <a:pt x="342" y="196"/>
                      </a:lnTo>
                      <a:lnTo>
                        <a:pt x="341" y="198"/>
                      </a:lnTo>
                      <a:lnTo>
                        <a:pt x="339" y="201"/>
                      </a:lnTo>
                      <a:lnTo>
                        <a:pt x="336" y="205"/>
                      </a:lnTo>
                      <a:lnTo>
                        <a:pt x="336" y="208"/>
                      </a:lnTo>
                      <a:lnTo>
                        <a:pt x="336" y="210"/>
                      </a:lnTo>
                      <a:lnTo>
                        <a:pt x="336" y="215"/>
                      </a:lnTo>
                      <a:lnTo>
                        <a:pt x="336" y="218"/>
                      </a:lnTo>
                      <a:lnTo>
                        <a:pt x="337" y="218"/>
                      </a:lnTo>
                      <a:lnTo>
                        <a:pt x="339" y="217"/>
                      </a:lnTo>
                      <a:lnTo>
                        <a:pt x="341" y="215"/>
                      </a:lnTo>
                      <a:lnTo>
                        <a:pt x="342" y="213"/>
                      </a:lnTo>
                      <a:lnTo>
                        <a:pt x="342" y="212"/>
                      </a:lnTo>
                      <a:lnTo>
                        <a:pt x="344" y="210"/>
                      </a:lnTo>
                      <a:lnTo>
                        <a:pt x="354" y="198"/>
                      </a:lnTo>
                      <a:lnTo>
                        <a:pt x="356" y="198"/>
                      </a:lnTo>
                      <a:lnTo>
                        <a:pt x="359" y="196"/>
                      </a:lnTo>
                      <a:lnTo>
                        <a:pt x="363" y="193"/>
                      </a:lnTo>
                      <a:lnTo>
                        <a:pt x="364" y="193"/>
                      </a:lnTo>
                      <a:lnTo>
                        <a:pt x="363" y="188"/>
                      </a:lnTo>
                      <a:lnTo>
                        <a:pt x="363" y="183"/>
                      </a:lnTo>
                      <a:lnTo>
                        <a:pt x="364" y="179"/>
                      </a:lnTo>
                      <a:lnTo>
                        <a:pt x="366" y="176"/>
                      </a:lnTo>
                      <a:lnTo>
                        <a:pt x="369" y="174"/>
                      </a:lnTo>
                      <a:lnTo>
                        <a:pt x="373" y="173"/>
                      </a:lnTo>
                      <a:lnTo>
                        <a:pt x="374" y="173"/>
                      </a:lnTo>
                      <a:lnTo>
                        <a:pt x="376" y="171"/>
                      </a:lnTo>
                      <a:lnTo>
                        <a:pt x="400" y="173"/>
                      </a:lnTo>
                      <a:lnTo>
                        <a:pt x="400" y="168"/>
                      </a:lnTo>
                      <a:lnTo>
                        <a:pt x="417" y="168"/>
                      </a:lnTo>
                      <a:lnTo>
                        <a:pt x="429" y="151"/>
                      </a:lnTo>
                      <a:lnTo>
                        <a:pt x="468" y="154"/>
                      </a:lnTo>
                      <a:lnTo>
                        <a:pt x="471" y="157"/>
                      </a:lnTo>
                      <a:lnTo>
                        <a:pt x="474" y="159"/>
                      </a:lnTo>
                      <a:lnTo>
                        <a:pt x="479" y="162"/>
                      </a:lnTo>
                      <a:lnTo>
                        <a:pt x="486" y="168"/>
                      </a:lnTo>
                      <a:lnTo>
                        <a:pt x="493" y="171"/>
                      </a:lnTo>
                      <a:lnTo>
                        <a:pt x="498" y="174"/>
                      </a:lnTo>
                      <a:lnTo>
                        <a:pt x="501" y="176"/>
                      </a:lnTo>
                      <a:lnTo>
                        <a:pt x="503" y="174"/>
                      </a:lnTo>
                      <a:lnTo>
                        <a:pt x="503" y="173"/>
                      </a:lnTo>
                      <a:lnTo>
                        <a:pt x="501" y="171"/>
                      </a:lnTo>
                      <a:lnTo>
                        <a:pt x="501" y="166"/>
                      </a:lnTo>
                      <a:lnTo>
                        <a:pt x="500" y="162"/>
                      </a:lnTo>
                      <a:lnTo>
                        <a:pt x="500" y="157"/>
                      </a:lnTo>
                      <a:lnTo>
                        <a:pt x="501" y="154"/>
                      </a:lnTo>
                      <a:lnTo>
                        <a:pt x="501" y="152"/>
                      </a:lnTo>
                      <a:lnTo>
                        <a:pt x="505" y="151"/>
                      </a:lnTo>
                      <a:lnTo>
                        <a:pt x="506" y="149"/>
                      </a:lnTo>
                      <a:lnTo>
                        <a:pt x="508" y="149"/>
                      </a:lnTo>
                      <a:lnTo>
                        <a:pt x="510" y="149"/>
                      </a:lnTo>
                      <a:lnTo>
                        <a:pt x="510" y="152"/>
                      </a:lnTo>
                      <a:lnTo>
                        <a:pt x="513" y="154"/>
                      </a:lnTo>
                      <a:lnTo>
                        <a:pt x="517" y="154"/>
                      </a:lnTo>
                      <a:lnTo>
                        <a:pt x="520" y="154"/>
                      </a:lnTo>
                      <a:lnTo>
                        <a:pt x="525" y="152"/>
                      </a:lnTo>
                      <a:lnTo>
                        <a:pt x="528" y="151"/>
                      </a:lnTo>
                      <a:lnTo>
                        <a:pt x="532" y="151"/>
                      </a:lnTo>
                      <a:lnTo>
                        <a:pt x="532" y="149"/>
                      </a:lnTo>
                      <a:lnTo>
                        <a:pt x="562" y="149"/>
                      </a:lnTo>
                      <a:lnTo>
                        <a:pt x="564" y="144"/>
                      </a:lnTo>
                      <a:lnTo>
                        <a:pt x="559" y="144"/>
                      </a:lnTo>
                      <a:lnTo>
                        <a:pt x="550" y="129"/>
                      </a:lnTo>
                      <a:lnTo>
                        <a:pt x="537" y="129"/>
                      </a:lnTo>
                      <a:lnTo>
                        <a:pt x="537" y="127"/>
                      </a:lnTo>
                      <a:lnTo>
                        <a:pt x="537" y="125"/>
                      </a:lnTo>
                      <a:lnTo>
                        <a:pt x="537" y="124"/>
                      </a:lnTo>
                      <a:lnTo>
                        <a:pt x="535" y="120"/>
                      </a:lnTo>
                      <a:lnTo>
                        <a:pt x="535" y="118"/>
                      </a:lnTo>
                      <a:lnTo>
                        <a:pt x="535" y="117"/>
                      </a:lnTo>
                      <a:lnTo>
                        <a:pt x="535" y="115"/>
                      </a:lnTo>
                      <a:lnTo>
                        <a:pt x="535" y="105"/>
                      </a:lnTo>
                      <a:lnTo>
                        <a:pt x="534" y="100"/>
                      </a:lnTo>
                      <a:lnTo>
                        <a:pt x="530" y="96"/>
                      </a:lnTo>
                      <a:lnTo>
                        <a:pt x="527" y="95"/>
                      </a:lnTo>
                      <a:lnTo>
                        <a:pt x="523" y="95"/>
                      </a:lnTo>
                      <a:lnTo>
                        <a:pt x="520" y="95"/>
                      </a:lnTo>
                      <a:lnTo>
                        <a:pt x="518" y="96"/>
                      </a:lnTo>
                      <a:lnTo>
                        <a:pt x="513" y="102"/>
                      </a:lnTo>
                      <a:lnTo>
                        <a:pt x="508" y="102"/>
                      </a:lnTo>
                      <a:lnTo>
                        <a:pt x="505" y="102"/>
                      </a:lnTo>
                      <a:lnTo>
                        <a:pt x="501" y="102"/>
                      </a:lnTo>
                      <a:lnTo>
                        <a:pt x="500" y="100"/>
                      </a:lnTo>
                      <a:lnTo>
                        <a:pt x="496" y="98"/>
                      </a:lnTo>
                      <a:lnTo>
                        <a:pt x="496" y="96"/>
                      </a:lnTo>
                      <a:lnTo>
                        <a:pt x="496" y="95"/>
                      </a:lnTo>
                      <a:lnTo>
                        <a:pt x="490" y="102"/>
                      </a:lnTo>
                      <a:lnTo>
                        <a:pt x="468" y="100"/>
                      </a:lnTo>
                      <a:lnTo>
                        <a:pt x="466" y="95"/>
                      </a:lnTo>
                      <a:lnTo>
                        <a:pt x="462" y="73"/>
                      </a:lnTo>
                      <a:lnTo>
                        <a:pt x="466" y="68"/>
                      </a:lnTo>
                      <a:lnTo>
                        <a:pt x="464" y="61"/>
                      </a:lnTo>
                      <a:lnTo>
                        <a:pt x="462" y="63"/>
                      </a:lnTo>
                      <a:lnTo>
                        <a:pt x="459" y="63"/>
                      </a:lnTo>
                      <a:lnTo>
                        <a:pt x="456" y="64"/>
                      </a:lnTo>
                      <a:lnTo>
                        <a:pt x="452" y="66"/>
                      </a:lnTo>
                      <a:lnTo>
                        <a:pt x="449" y="66"/>
                      </a:lnTo>
                      <a:lnTo>
                        <a:pt x="447" y="68"/>
                      </a:lnTo>
                      <a:lnTo>
                        <a:pt x="440" y="71"/>
                      </a:lnTo>
                      <a:lnTo>
                        <a:pt x="434" y="73"/>
                      </a:lnTo>
                      <a:lnTo>
                        <a:pt x="427" y="74"/>
                      </a:lnTo>
                      <a:lnTo>
                        <a:pt x="420" y="78"/>
                      </a:lnTo>
                      <a:lnTo>
                        <a:pt x="413" y="78"/>
                      </a:lnTo>
                      <a:lnTo>
                        <a:pt x="407" y="80"/>
                      </a:lnTo>
                      <a:lnTo>
                        <a:pt x="402" y="81"/>
                      </a:lnTo>
                      <a:lnTo>
                        <a:pt x="395" y="81"/>
                      </a:lnTo>
                      <a:lnTo>
                        <a:pt x="390" y="83"/>
                      </a:lnTo>
                      <a:lnTo>
                        <a:pt x="383" y="83"/>
                      </a:lnTo>
                      <a:lnTo>
                        <a:pt x="380" y="83"/>
                      </a:lnTo>
                      <a:lnTo>
                        <a:pt x="374" y="83"/>
                      </a:lnTo>
                      <a:lnTo>
                        <a:pt x="371" y="83"/>
                      </a:lnTo>
                      <a:lnTo>
                        <a:pt x="369" y="83"/>
                      </a:lnTo>
                      <a:lnTo>
                        <a:pt x="368" y="83"/>
                      </a:lnTo>
                      <a:lnTo>
                        <a:pt x="330" y="118"/>
                      </a:lnTo>
                      <a:lnTo>
                        <a:pt x="324" y="117"/>
                      </a:lnTo>
                      <a:lnTo>
                        <a:pt x="317" y="117"/>
                      </a:lnTo>
                      <a:lnTo>
                        <a:pt x="315" y="117"/>
                      </a:lnTo>
                      <a:lnTo>
                        <a:pt x="312" y="117"/>
                      </a:lnTo>
                      <a:lnTo>
                        <a:pt x="308" y="117"/>
                      </a:lnTo>
                      <a:lnTo>
                        <a:pt x="307" y="117"/>
                      </a:lnTo>
                      <a:lnTo>
                        <a:pt x="305" y="112"/>
                      </a:lnTo>
                      <a:lnTo>
                        <a:pt x="303" y="110"/>
                      </a:lnTo>
                      <a:lnTo>
                        <a:pt x="300" y="108"/>
                      </a:lnTo>
                      <a:lnTo>
                        <a:pt x="297" y="110"/>
                      </a:lnTo>
                      <a:lnTo>
                        <a:pt x="292" y="112"/>
                      </a:lnTo>
                      <a:lnTo>
                        <a:pt x="288" y="113"/>
                      </a:lnTo>
                      <a:lnTo>
                        <a:pt x="286" y="115"/>
                      </a:lnTo>
                      <a:lnTo>
                        <a:pt x="285" y="115"/>
                      </a:lnTo>
                      <a:lnTo>
                        <a:pt x="266" y="115"/>
                      </a:lnTo>
                      <a:lnTo>
                        <a:pt x="263" y="108"/>
                      </a:lnTo>
                      <a:lnTo>
                        <a:pt x="263" y="107"/>
                      </a:lnTo>
                      <a:lnTo>
                        <a:pt x="261" y="105"/>
                      </a:lnTo>
                      <a:lnTo>
                        <a:pt x="258" y="102"/>
                      </a:lnTo>
                      <a:lnTo>
                        <a:pt x="254" y="100"/>
                      </a:lnTo>
                      <a:lnTo>
                        <a:pt x="253" y="96"/>
                      </a:lnTo>
                      <a:lnTo>
                        <a:pt x="249" y="93"/>
                      </a:lnTo>
                      <a:lnTo>
                        <a:pt x="246" y="90"/>
                      </a:lnTo>
                      <a:lnTo>
                        <a:pt x="244" y="88"/>
                      </a:lnTo>
                      <a:lnTo>
                        <a:pt x="236" y="78"/>
                      </a:lnTo>
                      <a:lnTo>
                        <a:pt x="226" y="71"/>
                      </a:lnTo>
                      <a:lnTo>
                        <a:pt x="217" y="69"/>
                      </a:lnTo>
                      <a:lnTo>
                        <a:pt x="209" y="69"/>
                      </a:lnTo>
                      <a:lnTo>
                        <a:pt x="200" y="73"/>
                      </a:lnTo>
                      <a:lnTo>
                        <a:pt x="195" y="76"/>
                      </a:lnTo>
                      <a:lnTo>
                        <a:pt x="192" y="78"/>
                      </a:lnTo>
                      <a:lnTo>
                        <a:pt x="190" y="80"/>
                      </a:lnTo>
                      <a:lnTo>
                        <a:pt x="190" y="78"/>
                      </a:lnTo>
                      <a:lnTo>
                        <a:pt x="192" y="74"/>
                      </a:lnTo>
                      <a:lnTo>
                        <a:pt x="192" y="73"/>
                      </a:lnTo>
                      <a:lnTo>
                        <a:pt x="193" y="71"/>
                      </a:lnTo>
                      <a:lnTo>
                        <a:pt x="193" y="68"/>
                      </a:lnTo>
                      <a:lnTo>
                        <a:pt x="193" y="66"/>
                      </a:lnTo>
                      <a:lnTo>
                        <a:pt x="188" y="68"/>
                      </a:lnTo>
                      <a:lnTo>
                        <a:pt x="183" y="69"/>
                      </a:lnTo>
                      <a:lnTo>
                        <a:pt x="180" y="74"/>
                      </a:lnTo>
                      <a:lnTo>
                        <a:pt x="176" y="80"/>
                      </a:lnTo>
                      <a:lnTo>
                        <a:pt x="173" y="85"/>
                      </a:lnTo>
                      <a:lnTo>
                        <a:pt x="171" y="88"/>
                      </a:lnTo>
                      <a:lnTo>
                        <a:pt x="170" y="91"/>
                      </a:lnTo>
                      <a:lnTo>
                        <a:pt x="168" y="64"/>
                      </a:lnTo>
                      <a:lnTo>
                        <a:pt x="168" y="66"/>
                      </a:lnTo>
                      <a:lnTo>
                        <a:pt x="166" y="66"/>
                      </a:lnTo>
                      <a:lnTo>
                        <a:pt x="165" y="66"/>
                      </a:lnTo>
                      <a:lnTo>
                        <a:pt x="163" y="64"/>
                      </a:lnTo>
                      <a:lnTo>
                        <a:pt x="163" y="63"/>
                      </a:lnTo>
                      <a:lnTo>
                        <a:pt x="161" y="61"/>
                      </a:lnTo>
                      <a:lnTo>
                        <a:pt x="163" y="56"/>
                      </a:lnTo>
                      <a:lnTo>
                        <a:pt x="163" y="52"/>
                      </a:lnTo>
                      <a:lnTo>
                        <a:pt x="165" y="49"/>
                      </a:lnTo>
                      <a:lnTo>
                        <a:pt x="166" y="49"/>
                      </a:lnTo>
                      <a:lnTo>
                        <a:pt x="166" y="51"/>
                      </a:lnTo>
                      <a:lnTo>
                        <a:pt x="168" y="52"/>
                      </a:lnTo>
                      <a:lnTo>
                        <a:pt x="168" y="54"/>
                      </a:lnTo>
                      <a:lnTo>
                        <a:pt x="168" y="52"/>
                      </a:lnTo>
                      <a:lnTo>
                        <a:pt x="168" y="51"/>
                      </a:lnTo>
                      <a:lnTo>
                        <a:pt x="168" y="49"/>
                      </a:lnTo>
                      <a:lnTo>
                        <a:pt x="166" y="47"/>
                      </a:lnTo>
                      <a:lnTo>
                        <a:pt x="168" y="49"/>
                      </a:lnTo>
                      <a:lnTo>
                        <a:pt x="168" y="54"/>
                      </a:lnTo>
                      <a:lnTo>
                        <a:pt x="170" y="59"/>
                      </a:lnTo>
                      <a:lnTo>
                        <a:pt x="171" y="61"/>
                      </a:lnTo>
                      <a:lnTo>
                        <a:pt x="173" y="61"/>
                      </a:lnTo>
                      <a:lnTo>
                        <a:pt x="175" y="61"/>
                      </a:lnTo>
                      <a:lnTo>
                        <a:pt x="175" y="58"/>
                      </a:lnTo>
                      <a:lnTo>
                        <a:pt x="176" y="56"/>
                      </a:lnTo>
                      <a:lnTo>
                        <a:pt x="176" y="54"/>
                      </a:lnTo>
                      <a:lnTo>
                        <a:pt x="185" y="46"/>
                      </a:lnTo>
                      <a:lnTo>
                        <a:pt x="187" y="37"/>
                      </a:lnTo>
                      <a:lnTo>
                        <a:pt x="207" y="19"/>
                      </a:lnTo>
                      <a:lnTo>
                        <a:pt x="214" y="8"/>
                      </a:lnTo>
                      <a:lnTo>
                        <a:pt x="212" y="8"/>
                      </a:lnTo>
                      <a:lnTo>
                        <a:pt x="212" y="10"/>
                      </a:lnTo>
                      <a:lnTo>
                        <a:pt x="214" y="10"/>
                      </a:lnTo>
                      <a:lnTo>
                        <a:pt x="222" y="7"/>
                      </a:lnTo>
                      <a:lnTo>
                        <a:pt x="226" y="5"/>
                      </a:lnTo>
                      <a:lnTo>
                        <a:pt x="227" y="3"/>
                      </a:lnTo>
                      <a:lnTo>
                        <a:pt x="224" y="2"/>
                      </a:lnTo>
                      <a:lnTo>
                        <a:pt x="219" y="2"/>
                      </a:lnTo>
                      <a:lnTo>
                        <a:pt x="215" y="0"/>
                      </a:lnTo>
                      <a:lnTo>
                        <a:pt x="210" y="0"/>
                      </a:lnTo>
                      <a:lnTo>
                        <a:pt x="209" y="0"/>
                      </a:lnTo>
                      <a:lnTo>
                        <a:pt x="197" y="2"/>
                      </a:lnTo>
                      <a:lnTo>
                        <a:pt x="185" y="5"/>
                      </a:lnTo>
                      <a:lnTo>
                        <a:pt x="176" y="12"/>
                      </a:lnTo>
                      <a:lnTo>
                        <a:pt x="168" y="19"/>
                      </a:lnTo>
                      <a:lnTo>
                        <a:pt x="163" y="25"/>
                      </a:lnTo>
                      <a:lnTo>
                        <a:pt x="158" y="30"/>
                      </a:lnTo>
                      <a:lnTo>
                        <a:pt x="154" y="34"/>
                      </a:lnTo>
                      <a:lnTo>
                        <a:pt x="154" y="36"/>
                      </a:lnTo>
                      <a:lnTo>
                        <a:pt x="146" y="37"/>
                      </a:lnTo>
                      <a:lnTo>
                        <a:pt x="141" y="41"/>
                      </a:lnTo>
                      <a:lnTo>
                        <a:pt x="136" y="46"/>
                      </a:lnTo>
                      <a:lnTo>
                        <a:pt x="132" y="51"/>
                      </a:lnTo>
                      <a:lnTo>
                        <a:pt x="131" y="56"/>
                      </a:lnTo>
                      <a:lnTo>
                        <a:pt x="127" y="61"/>
                      </a:lnTo>
                      <a:lnTo>
                        <a:pt x="126" y="64"/>
                      </a:lnTo>
                      <a:lnTo>
                        <a:pt x="122" y="66"/>
                      </a:lnTo>
                      <a:lnTo>
                        <a:pt x="119" y="68"/>
                      </a:lnTo>
                      <a:lnTo>
                        <a:pt x="114" y="69"/>
                      </a:lnTo>
                      <a:lnTo>
                        <a:pt x="109" y="73"/>
                      </a:lnTo>
                      <a:lnTo>
                        <a:pt x="104" y="78"/>
                      </a:lnTo>
                      <a:lnTo>
                        <a:pt x="99" y="81"/>
                      </a:lnTo>
                      <a:lnTo>
                        <a:pt x="95" y="85"/>
                      </a:lnTo>
                      <a:lnTo>
                        <a:pt x="92" y="88"/>
                      </a:lnTo>
                      <a:lnTo>
                        <a:pt x="92" y="90"/>
                      </a:lnTo>
                      <a:lnTo>
                        <a:pt x="83" y="90"/>
                      </a:lnTo>
                      <a:lnTo>
                        <a:pt x="73" y="90"/>
                      </a:lnTo>
                      <a:lnTo>
                        <a:pt x="73" y="91"/>
                      </a:lnTo>
                      <a:lnTo>
                        <a:pt x="70" y="91"/>
                      </a:lnTo>
                      <a:lnTo>
                        <a:pt x="66" y="91"/>
                      </a:lnTo>
                      <a:lnTo>
                        <a:pt x="65" y="93"/>
                      </a:lnTo>
                      <a:lnTo>
                        <a:pt x="60" y="93"/>
                      </a:lnTo>
                      <a:lnTo>
                        <a:pt x="56" y="95"/>
                      </a:lnTo>
                      <a:lnTo>
                        <a:pt x="55" y="96"/>
                      </a:lnTo>
                      <a:lnTo>
                        <a:pt x="53" y="96"/>
                      </a:lnTo>
                      <a:lnTo>
                        <a:pt x="46" y="105"/>
                      </a:lnTo>
                      <a:lnTo>
                        <a:pt x="38" y="112"/>
                      </a:lnTo>
                      <a:lnTo>
                        <a:pt x="29" y="117"/>
                      </a:lnTo>
                      <a:lnTo>
                        <a:pt x="21" y="120"/>
                      </a:lnTo>
                      <a:lnTo>
                        <a:pt x="12" y="124"/>
                      </a:lnTo>
                      <a:lnTo>
                        <a:pt x="7" y="127"/>
                      </a:lnTo>
                      <a:lnTo>
                        <a:pt x="2" y="127"/>
                      </a:lnTo>
                      <a:lnTo>
                        <a:pt x="0" y="129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76" name="Freeform 128"/>
                <p:cNvSpPr>
                  <a:spLocks/>
                </p:cNvSpPr>
                <p:nvPr/>
              </p:nvSpPr>
              <p:spPr bwMode="auto">
                <a:xfrm>
                  <a:off x="3490" y="1273"/>
                  <a:ext cx="366" cy="503"/>
                </a:xfrm>
                <a:custGeom>
                  <a:avLst/>
                  <a:gdLst>
                    <a:gd name="T0" fmla="*/ 211 w 377"/>
                    <a:gd name="T1" fmla="*/ 296 h 519"/>
                    <a:gd name="T2" fmla="*/ 216 w 377"/>
                    <a:gd name="T3" fmla="*/ 272 h 519"/>
                    <a:gd name="T4" fmla="*/ 230 w 377"/>
                    <a:gd name="T5" fmla="*/ 256 h 519"/>
                    <a:gd name="T6" fmla="*/ 236 w 377"/>
                    <a:gd name="T7" fmla="*/ 241 h 519"/>
                    <a:gd name="T8" fmla="*/ 237 w 377"/>
                    <a:gd name="T9" fmla="*/ 233 h 519"/>
                    <a:gd name="T10" fmla="*/ 244 w 377"/>
                    <a:gd name="T11" fmla="*/ 236 h 519"/>
                    <a:gd name="T12" fmla="*/ 248 w 377"/>
                    <a:gd name="T13" fmla="*/ 233 h 519"/>
                    <a:gd name="T14" fmla="*/ 250 w 377"/>
                    <a:gd name="T15" fmla="*/ 204 h 519"/>
                    <a:gd name="T16" fmla="*/ 229 w 377"/>
                    <a:gd name="T17" fmla="*/ 139 h 519"/>
                    <a:gd name="T18" fmla="*/ 214 w 377"/>
                    <a:gd name="T19" fmla="*/ 122 h 519"/>
                    <a:gd name="T20" fmla="*/ 204 w 377"/>
                    <a:gd name="T21" fmla="*/ 128 h 519"/>
                    <a:gd name="T22" fmla="*/ 192 w 377"/>
                    <a:gd name="T23" fmla="*/ 133 h 519"/>
                    <a:gd name="T24" fmla="*/ 186 w 377"/>
                    <a:gd name="T25" fmla="*/ 148 h 519"/>
                    <a:gd name="T26" fmla="*/ 176 w 377"/>
                    <a:gd name="T27" fmla="*/ 162 h 519"/>
                    <a:gd name="T28" fmla="*/ 172 w 377"/>
                    <a:gd name="T29" fmla="*/ 168 h 519"/>
                    <a:gd name="T30" fmla="*/ 166 w 377"/>
                    <a:gd name="T31" fmla="*/ 166 h 519"/>
                    <a:gd name="T32" fmla="*/ 153 w 377"/>
                    <a:gd name="T33" fmla="*/ 155 h 519"/>
                    <a:gd name="T34" fmla="*/ 156 w 377"/>
                    <a:gd name="T35" fmla="*/ 139 h 519"/>
                    <a:gd name="T36" fmla="*/ 164 w 377"/>
                    <a:gd name="T37" fmla="*/ 135 h 519"/>
                    <a:gd name="T38" fmla="*/ 182 w 377"/>
                    <a:gd name="T39" fmla="*/ 98 h 519"/>
                    <a:gd name="T40" fmla="*/ 182 w 377"/>
                    <a:gd name="T41" fmla="*/ 76 h 519"/>
                    <a:gd name="T42" fmla="*/ 173 w 377"/>
                    <a:gd name="T43" fmla="*/ 59 h 519"/>
                    <a:gd name="T44" fmla="*/ 169 w 377"/>
                    <a:gd name="T45" fmla="*/ 47 h 519"/>
                    <a:gd name="T46" fmla="*/ 178 w 377"/>
                    <a:gd name="T47" fmla="*/ 48 h 519"/>
                    <a:gd name="T48" fmla="*/ 164 w 377"/>
                    <a:gd name="T49" fmla="*/ 26 h 519"/>
                    <a:gd name="T50" fmla="*/ 140 w 377"/>
                    <a:gd name="T51" fmla="*/ 16 h 519"/>
                    <a:gd name="T52" fmla="*/ 91 w 377"/>
                    <a:gd name="T53" fmla="*/ 0 h 519"/>
                    <a:gd name="T54" fmla="*/ 77 w 377"/>
                    <a:gd name="T55" fmla="*/ 10 h 519"/>
                    <a:gd name="T56" fmla="*/ 71 w 377"/>
                    <a:gd name="T57" fmla="*/ 23 h 519"/>
                    <a:gd name="T58" fmla="*/ 79 w 377"/>
                    <a:gd name="T59" fmla="*/ 33 h 519"/>
                    <a:gd name="T60" fmla="*/ 72 w 377"/>
                    <a:gd name="T61" fmla="*/ 37 h 519"/>
                    <a:gd name="T62" fmla="*/ 57 w 377"/>
                    <a:gd name="T63" fmla="*/ 46 h 519"/>
                    <a:gd name="T64" fmla="*/ 59 w 377"/>
                    <a:gd name="T65" fmla="*/ 66 h 519"/>
                    <a:gd name="T66" fmla="*/ 55 w 377"/>
                    <a:gd name="T67" fmla="*/ 81 h 519"/>
                    <a:gd name="T68" fmla="*/ 47 w 377"/>
                    <a:gd name="T69" fmla="*/ 85 h 519"/>
                    <a:gd name="T70" fmla="*/ 47 w 377"/>
                    <a:gd name="T71" fmla="*/ 69 h 519"/>
                    <a:gd name="T72" fmla="*/ 44 w 377"/>
                    <a:gd name="T73" fmla="*/ 53 h 519"/>
                    <a:gd name="T74" fmla="*/ 42 w 377"/>
                    <a:gd name="T75" fmla="*/ 59 h 519"/>
                    <a:gd name="T76" fmla="*/ 36 w 377"/>
                    <a:gd name="T77" fmla="*/ 74 h 519"/>
                    <a:gd name="T78" fmla="*/ 25 w 377"/>
                    <a:gd name="T79" fmla="*/ 75 h 519"/>
                    <a:gd name="T80" fmla="*/ 18 w 377"/>
                    <a:gd name="T81" fmla="*/ 78 h 519"/>
                    <a:gd name="T82" fmla="*/ 17 w 377"/>
                    <a:gd name="T83" fmla="*/ 91 h 519"/>
                    <a:gd name="T84" fmla="*/ 17 w 377"/>
                    <a:gd name="T85" fmla="*/ 103 h 519"/>
                    <a:gd name="T86" fmla="*/ 17 w 377"/>
                    <a:gd name="T87" fmla="*/ 117 h 519"/>
                    <a:gd name="T88" fmla="*/ 10 w 377"/>
                    <a:gd name="T89" fmla="*/ 139 h 519"/>
                    <a:gd name="T90" fmla="*/ 3 w 377"/>
                    <a:gd name="T91" fmla="*/ 150 h 519"/>
                    <a:gd name="T92" fmla="*/ 10 w 377"/>
                    <a:gd name="T93" fmla="*/ 170 h 519"/>
                    <a:gd name="T94" fmla="*/ 3 w 377"/>
                    <a:gd name="T95" fmla="*/ 178 h 519"/>
                    <a:gd name="T96" fmla="*/ 17 w 377"/>
                    <a:gd name="T97" fmla="*/ 201 h 519"/>
                    <a:gd name="T98" fmla="*/ 17 w 377"/>
                    <a:gd name="T99" fmla="*/ 215 h 519"/>
                    <a:gd name="T100" fmla="*/ 30 w 377"/>
                    <a:gd name="T101" fmla="*/ 246 h 519"/>
                    <a:gd name="T102" fmla="*/ 28 w 377"/>
                    <a:gd name="T103" fmla="*/ 282 h 519"/>
                    <a:gd name="T104" fmla="*/ 17 w 377"/>
                    <a:gd name="T105" fmla="*/ 306 h 519"/>
                    <a:gd name="T106" fmla="*/ 17 w 377"/>
                    <a:gd name="T107" fmla="*/ 320 h 519"/>
                    <a:gd name="T108" fmla="*/ 3 w 377"/>
                    <a:gd name="T109" fmla="*/ 334 h 519"/>
                    <a:gd name="T110" fmla="*/ 201 w 377"/>
                    <a:gd name="T111" fmla="*/ 320 h 519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w 377"/>
                    <a:gd name="T169" fmla="*/ 0 h 519"/>
                    <a:gd name="T170" fmla="*/ 377 w 377"/>
                    <a:gd name="T171" fmla="*/ 519 h 519"/>
                  </a:gdLst>
                  <a:ahLst/>
                  <a:cxnLst>
                    <a:cxn ang="T112">
                      <a:pos x="T0" y="T1"/>
                    </a:cxn>
                    <a:cxn ang="T113">
                      <a:pos x="T2" y="T3"/>
                    </a:cxn>
                    <a:cxn ang="T114">
                      <a:pos x="T4" y="T5"/>
                    </a:cxn>
                    <a:cxn ang="T115">
                      <a:pos x="T6" y="T7"/>
                    </a:cxn>
                    <a:cxn ang="T116">
                      <a:pos x="T8" y="T9"/>
                    </a:cxn>
                    <a:cxn ang="T117">
                      <a:pos x="T10" y="T11"/>
                    </a:cxn>
                    <a:cxn ang="T118">
                      <a:pos x="T12" y="T13"/>
                    </a:cxn>
                    <a:cxn ang="T119">
                      <a:pos x="T14" y="T15"/>
                    </a:cxn>
                    <a:cxn ang="T120">
                      <a:pos x="T16" y="T17"/>
                    </a:cxn>
                    <a:cxn ang="T121">
                      <a:pos x="T18" y="T19"/>
                    </a:cxn>
                    <a:cxn ang="T122">
                      <a:pos x="T20" y="T21"/>
                    </a:cxn>
                    <a:cxn ang="T123">
                      <a:pos x="T22" y="T23"/>
                    </a:cxn>
                    <a:cxn ang="T124">
                      <a:pos x="T24" y="T25"/>
                    </a:cxn>
                    <a:cxn ang="T125">
                      <a:pos x="T26" y="T27"/>
                    </a:cxn>
                    <a:cxn ang="T126">
                      <a:pos x="T28" y="T29"/>
                    </a:cxn>
                    <a:cxn ang="T127">
                      <a:pos x="T30" y="T31"/>
                    </a:cxn>
                    <a:cxn ang="T128">
                      <a:pos x="T32" y="T33"/>
                    </a:cxn>
                    <a:cxn ang="T129">
                      <a:pos x="T34" y="T35"/>
                    </a:cxn>
                    <a:cxn ang="T130">
                      <a:pos x="T36" y="T37"/>
                    </a:cxn>
                    <a:cxn ang="T131">
                      <a:pos x="T38" y="T39"/>
                    </a:cxn>
                    <a:cxn ang="T132">
                      <a:pos x="T40" y="T41"/>
                    </a:cxn>
                    <a:cxn ang="T133">
                      <a:pos x="T42" y="T43"/>
                    </a:cxn>
                    <a:cxn ang="T134">
                      <a:pos x="T44" y="T45"/>
                    </a:cxn>
                    <a:cxn ang="T135">
                      <a:pos x="T46" y="T47"/>
                    </a:cxn>
                    <a:cxn ang="T136">
                      <a:pos x="T48" y="T49"/>
                    </a:cxn>
                    <a:cxn ang="T137">
                      <a:pos x="T50" y="T51"/>
                    </a:cxn>
                    <a:cxn ang="T138">
                      <a:pos x="T52" y="T53"/>
                    </a:cxn>
                    <a:cxn ang="T139">
                      <a:pos x="T54" y="T55"/>
                    </a:cxn>
                    <a:cxn ang="T140">
                      <a:pos x="T56" y="T57"/>
                    </a:cxn>
                    <a:cxn ang="T141">
                      <a:pos x="T58" y="T59"/>
                    </a:cxn>
                    <a:cxn ang="T142">
                      <a:pos x="T60" y="T61"/>
                    </a:cxn>
                    <a:cxn ang="T143">
                      <a:pos x="T62" y="T63"/>
                    </a:cxn>
                    <a:cxn ang="T144">
                      <a:pos x="T64" y="T65"/>
                    </a:cxn>
                    <a:cxn ang="T145">
                      <a:pos x="T66" y="T67"/>
                    </a:cxn>
                    <a:cxn ang="T146">
                      <a:pos x="T68" y="T69"/>
                    </a:cxn>
                    <a:cxn ang="T147">
                      <a:pos x="T70" y="T71"/>
                    </a:cxn>
                    <a:cxn ang="T148">
                      <a:pos x="T72" y="T73"/>
                    </a:cxn>
                    <a:cxn ang="T149">
                      <a:pos x="T74" y="T75"/>
                    </a:cxn>
                    <a:cxn ang="T150">
                      <a:pos x="T76" y="T77"/>
                    </a:cxn>
                    <a:cxn ang="T151">
                      <a:pos x="T78" y="T79"/>
                    </a:cxn>
                    <a:cxn ang="T152">
                      <a:pos x="T80" y="T81"/>
                    </a:cxn>
                    <a:cxn ang="T153">
                      <a:pos x="T82" y="T83"/>
                    </a:cxn>
                    <a:cxn ang="T154">
                      <a:pos x="T84" y="T85"/>
                    </a:cxn>
                    <a:cxn ang="T155">
                      <a:pos x="T86" y="T87"/>
                    </a:cxn>
                    <a:cxn ang="T156">
                      <a:pos x="T88" y="T89"/>
                    </a:cxn>
                    <a:cxn ang="T157">
                      <a:pos x="T90" y="T91"/>
                    </a:cxn>
                    <a:cxn ang="T158">
                      <a:pos x="T92" y="T93"/>
                    </a:cxn>
                    <a:cxn ang="T159">
                      <a:pos x="T94" y="T95"/>
                    </a:cxn>
                    <a:cxn ang="T160">
                      <a:pos x="T96" y="T97"/>
                    </a:cxn>
                    <a:cxn ang="T161">
                      <a:pos x="T98" y="T99"/>
                    </a:cxn>
                    <a:cxn ang="T162">
                      <a:pos x="T100" y="T101"/>
                    </a:cxn>
                    <a:cxn ang="T163">
                      <a:pos x="T102" y="T103"/>
                    </a:cxn>
                    <a:cxn ang="T164">
                      <a:pos x="T104" y="T105"/>
                    </a:cxn>
                    <a:cxn ang="T165">
                      <a:pos x="T106" y="T107"/>
                    </a:cxn>
                    <a:cxn ang="T166">
                      <a:pos x="T108" y="T109"/>
                    </a:cxn>
                    <a:cxn ang="T167">
                      <a:pos x="T110" y="T111"/>
                    </a:cxn>
                  </a:cxnLst>
                  <a:rect l="T168" t="T169" r="T170" b="T171"/>
                  <a:pathLst>
                    <a:path w="377" h="519">
                      <a:moveTo>
                        <a:pt x="304" y="496"/>
                      </a:moveTo>
                      <a:lnTo>
                        <a:pt x="304" y="489"/>
                      </a:lnTo>
                      <a:lnTo>
                        <a:pt x="308" y="480"/>
                      </a:lnTo>
                      <a:lnTo>
                        <a:pt x="311" y="472"/>
                      </a:lnTo>
                      <a:lnTo>
                        <a:pt x="314" y="465"/>
                      </a:lnTo>
                      <a:lnTo>
                        <a:pt x="320" y="458"/>
                      </a:lnTo>
                      <a:lnTo>
                        <a:pt x="325" y="453"/>
                      </a:lnTo>
                      <a:lnTo>
                        <a:pt x="326" y="450"/>
                      </a:lnTo>
                      <a:lnTo>
                        <a:pt x="328" y="448"/>
                      </a:lnTo>
                      <a:lnTo>
                        <a:pt x="326" y="438"/>
                      </a:lnTo>
                      <a:lnTo>
                        <a:pt x="326" y="430"/>
                      </a:lnTo>
                      <a:lnTo>
                        <a:pt x="328" y="421"/>
                      </a:lnTo>
                      <a:lnTo>
                        <a:pt x="330" y="416"/>
                      </a:lnTo>
                      <a:lnTo>
                        <a:pt x="333" y="411"/>
                      </a:lnTo>
                      <a:lnTo>
                        <a:pt x="336" y="408"/>
                      </a:lnTo>
                      <a:lnTo>
                        <a:pt x="338" y="406"/>
                      </a:lnTo>
                      <a:lnTo>
                        <a:pt x="340" y="406"/>
                      </a:lnTo>
                      <a:lnTo>
                        <a:pt x="348" y="396"/>
                      </a:lnTo>
                      <a:lnTo>
                        <a:pt x="350" y="386"/>
                      </a:lnTo>
                      <a:lnTo>
                        <a:pt x="350" y="384"/>
                      </a:lnTo>
                      <a:lnTo>
                        <a:pt x="350" y="382"/>
                      </a:lnTo>
                      <a:lnTo>
                        <a:pt x="352" y="381"/>
                      </a:lnTo>
                      <a:lnTo>
                        <a:pt x="352" y="379"/>
                      </a:lnTo>
                      <a:lnTo>
                        <a:pt x="355" y="375"/>
                      </a:lnTo>
                      <a:lnTo>
                        <a:pt x="355" y="372"/>
                      </a:lnTo>
                      <a:lnTo>
                        <a:pt x="353" y="370"/>
                      </a:lnTo>
                      <a:lnTo>
                        <a:pt x="355" y="365"/>
                      </a:lnTo>
                      <a:lnTo>
                        <a:pt x="355" y="362"/>
                      </a:lnTo>
                      <a:lnTo>
                        <a:pt x="358" y="360"/>
                      </a:lnTo>
                      <a:lnTo>
                        <a:pt x="360" y="360"/>
                      </a:lnTo>
                      <a:lnTo>
                        <a:pt x="364" y="359"/>
                      </a:lnTo>
                      <a:lnTo>
                        <a:pt x="365" y="360"/>
                      </a:lnTo>
                      <a:lnTo>
                        <a:pt x="367" y="360"/>
                      </a:lnTo>
                      <a:lnTo>
                        <a:pt x="369" y="360"/>
                      </a:lnTo>
                      <a:lnTo>
                        <a:pt x="369" y="365"/>
                      </a:lnTo>
                      <a:lnTo>
                        <a:pt x="370" y="367"/>
                      </a:lnTo>
                      <a:lnTo>
                        <a:pt x="372" y="367"/>
                      </a:lnTo>
                      <a:lnTo>
                        <a:pt x="372" y="365"/>
                      </a:lnTo>
                      <a:lnTo>
                        <a:pt x="374" y="364"/>
                      </a:lnTo>
                      <a:lnTo>
                        <a:pt x="374" y="362"/>
                      </a:lnTo>
                      <a:lnTo>
                        <a:pt x="375" y="360"/>
                      </a:lnTo>
                      <a:lnTo>
                        <a:pt x="377" y="316"/>
                      </a:lnTo>
                      <a:lnTo>
                        <a:pt x="377" y="318"/>
                      </a:lnTo>
                      <a:lnTo>
                        <a:pt x="377" y="316"/>
                      </a:lnTo>
                      <a:lnTo>
                        <a:pt x="372" y="293"/>
                      </a:lnTo>
                      <a:lnTo>
                        <a:pt x="365" y="271"/>
                      </a:lnTo>
                      <a:lnTo>
                        <a:pt x="360" y="254"/>
                      </a:lnTo>
                      <a:lnTo>
                        <a:pt x="355" y="237"/>
                      </a:lnTo>
                      <a:lnTo>
                        <a:pt x="350" y="225"/>
                      </a:lnTo>
                      <a:lnTo>
                        <a:pt x="345" y="215"/>
                      </a:lnTo>
                      <a:lnTo>
                        <a:pt x="340" y="206"/>
                      </a:lnTo>
                      <a:lnTo>
                        <a:pt x="336" y="199"/>
                      </a:lnTo>
                      <a:lnTo>
                        <a:pt x="333" y="196"/>
                      </a:lnTo>
                      <a:lnTo>
                        <a:pt x="330" y="193"/>
                      </a:lnTo>
                      <a:lnTo>
                        <a:pt x="326" y="191"/>
                      </a:lnTo>
                      <a:lnTo>
                        <a:pt x="323" y="189"/>
                      </a:lnTo>
                      <a:lnTo>
                        <a:pt x="321" y="189"/>
                      </a:lnTo>
                      <a:lnTo>
                        <a:pt x="318" y="191"/>
                      </a:lnTo>
                      <a:lnTo>
                        <a:pt x="316" y="191"/>
                      </a:lnTo>
                      <a:lnTo>
                        <a:pt x="314" y="193"/>
                      </a:lnTo>
                      <a:lnTo>
                        <a:pt x="311" y="194"/>
                      </a:lnTo>
                      <a:lnTo>
                        <a:pt x="308" y="198"/>
                      </a:lnTo>
                      <a:lnTo>
                        <a:pt x="303" y="199"/>
                      </a:lnTo>
                      <a:lnTo>
                        <a:pt x="299" y="201"/>
                      </a:lnTo>
                      <a:lnTo>
                        <a:pt x="296" y="203"/>
                      </a:lnTo>
                      <a:lnTo>
                        <a:pt x="294" y="205"/>
                      </a:lnTo>
                      <a:lnTo>
                        <a:pt x="292" y="205"/>
                      </a:lnTo>
                      <a:lnTo>
                        <a:pt x="292" y="206"/>
                      </a:lnTo>
                      <a:lnTo>
                        <a:pt x="287" y="210"/>
                      </a:lnTo>
                      <a:lnTo>
                        <a:pt x="284" y="218"/>
                      </a:lnTo>
                      <a:lnTo>
                        <a:pt x="284" y="221"/>
                      </a:lnTo>
                      <a:lnTo>
                        <a:pt x="282" y="225"/>
                      </a:lnTo>
                      <a:lnTo>
                        <a:pt x="281" y="230"/>
                      </a:lnTo>
                      <a:lnTo>
                        <a:pt x="277" y="233"/>
                      </a:lnTo>
                      <a:lnTo>
                        <a:pt x="276" y="238"/>
                      </a:lnTo>
                      <a:lnTo>
                        <a:pt x="272" y="242"/>
                      </a:lnTo>
                      <a:lnTo>
                        <a:pt x="269" y="242"/>
                      </a:lnTo>
                      <a:lnTo>
                        <a:pt x="269" y="247"/>
                      </a:lnTo>
                      <a:lnTo>
                        <a:pt x="267" y="250"/>
                      </a:lnTo>
                      <a:lnTo>
                        <a:pt x="265" y="254"/>
                      </a:lnTo>
                      <a:lnTo>
                        <a:pt x="264" y="255"/>
                      </a:lnTo>
                      <a:lnTo>
                        <a:pt x="262" y="257"/>
                      </a:lnTo>
                      <a:lnTo>
                        <a:pt x="260" y="259"/>
                      </a:lnTo>
                      <a:lnTo>
                        <a:pt x="259" y="259"/>
                      </a:lnTo>
                      <a:lnTo>
                        <a:pt x="255" y="259"/>
                      </a:lnTo>
                      <a:lnTo>
                        <a:pt x="254" y="257"/>
                      </a:lnTo>
                      <a:lnTo>
                        <a:pt x="252" y="257"/>
                      </a:lnTo>
                      <a:lnTo>
                        <a:pt x="250" y="257"/>
                      </a:lnTo>
                      <a:lnTo>
                        <a:pt x="247" y="255"/>
                      </a:lnTo>
                      <a:lnTo>
                        <a:pt x="238" y="255"/>
                      </a:lnTo>
                      <a:lnTo>
                        <a:pt x="235" y="250"/>
                      </a:lnTo>
                      <a:lnTo>
                        <a:pt x="232" y="245"/>
                      </a:lnTo>
                      <a:lnTo>
                        <a:pt x="232" y="240"/>
                      </a:lnTo>
                      <a:lnTo>
                        <a:pt x="232" y="233"/>
                      </a:lnTo>
                      <a:lnTo>
                        <a:pt x="233" y="228"/>
                      </a:lnTo>
                      <a:lnTo>
                        <a:pt x="233" y="225"/>
                      </a:lnTo>
                      <a:lnTo>
                        <a:pt x="235" y="223"/>
                      </a:lnTo>
                      <a:lnTo>
                        <a:pt x="235" y="218"/>
                      </a:lnTo>
                      <a:lnTo>
                        <a:pt x="237" y="215"/>
                      </a:lnTo>
                      <a:lnTo>
                        <a:pt x="238" y="213"/>
                      </a:lnTo>
                      <a:lnTo>
                        <a:pt x="242" y="211"/>
                      </a:lnTo>
                      <a:lnTo>
                        <a:pt x="243" y="210"/>
                      </a:lnTo>
                      <a:lnTo>
                        <a:pt x="247" y="210"/>
                      </a:lnTo>
                      <a:lnTo>
                        <a:pt x="248" y="208"/>
                      </a:lnTo>
                      <a:lnTo>
                        <a:pt x="259" y="198"/>
                      </a:lnTo>
                      <a:lnTo>
                        <a:pt x="262" y="176"/>
                      </a:lnTo>
                      <a:lnTo>
                        <a:pt x="276" y="164"/>
                      </a:lnTo>
                      <a:lnTo>
                        <a:pt x="276" y="162"/>
                      </a:lnTo>
                      <a:lnTo>
                        <a:pt x="276" y="159"/>
                      </a:lnTo>
                      <a:lnTo>
                        <a:pt x="276" y="152"/>
                      </a:lnTo>
                      <a:lnTo>
                        <a:pt x="276" y="147"/>
                      </a:lnTo>
                      <a:lnTo>
                        <a:pt x="276" y="140"/>
                      </a:lnTo>
                      <a:lnTo>
                        <a:pt x="276" y="133"/>
                      </a:lnTo>
                      <a:lnTo>
                        <a:pt x="276" y="128"/>
                      </a:lnTo>
                      <a:lnTo>
                        <a:pt x="276" y="127"/>
                      </a:lnTo>
                      <a:lnTo>
                        <a:pt x="276" y="118"/>
                      </a:lnTo>
                      <a:lnTo>
                        <a:pt x="274" y="110"/>
                      </a:lnTo>
                      <a:lnTo>
                        <a:pt x="272" y="105"/>
                      </a:lnTo>
                      <a:lnTo>
                        <a:pt x="269" y="100"/>
                      </a:lnTo>
                      <a:lnTo>
                        <a:pt x="267" y="96"/>
                      </a:lnTo>
                      <a:lnTo>
                        <a:pt x="264" y="93"/>
                      </a:lnTo>
                      <a:lnTo>
                        <a:pt x="262" y="91"/>
                      </a:lnTo>
                      <a:lnTo>
                        <a:pt x="260" y="89"/>
                      </a:lnTo>
                      <a:lnTo>
                        <a:pt x="255" y="86"/>
                      </a:lnTo>
                      <a:lnTo>
                        <a:pt x="254" y="83"/>
                      </a:lnTo>
                      <a:lnTo>
                        <a:pt x="254" y="79"/>
                      </a:lnTo>
                      <a:lnTo>
                        <a:pt x="254" y="76"/>
                      </a:lnTo>
                      <a:lnTo>
                        <a:pt x="255" y="74"/>
                      </a:lnTo>
                      <a:lnTo>
                        <a:pt x="257" y="73"/>
                      </a:lnTo>
                      <a:lnTo>
                        <a:pt x="259" y="71"/>
                      </a:lnTo>
                      <a:lnTo>
                        <a:pt x="260" y="71"/>
                      </a:lnTo>
                      <a:lnTo>
                        <a:pt x="265" y="76"/>
                      </a:lnTo>
                      <a:lnTo>
                        <a:pt x="269" y="76"/>
                      </a:lnTo>
                      <a:lnTo>
                        <a:pt x="270" y="76"/>
                      </a:lnTo>
                      <a:lnTo>
                        <a:pt x="270" y="74"/>
                      </a:lnTo>
                      <a:lnTo>
                        <a:pt x="270" y="73"/>
                      </a:lnTo>
                      <a:lnTo>
                        <a:pt x="269" y="71"/>
                      </a:lnTo>
                      <a:lnTo>
                        <a:pt x="269" y="69"/>
                      </a:lnTo>
                      <a:lnTo>
                        <a:pt x="267" y="67"/>
                      </a:lnTo>
                      <a:lnTo>
                        <a:pt x="248" y="40"/>
                      </a:lnTo>
                      <a:lnTo>
                        <a:pt x="240" y="39"/>
                      </a:lnTo>
                      <a:lnTo>
                        <a:pt x="232" y="37"/>
                      </a:lnTo>
                      <a:lnTo>
                        <a:pt x="225" y="35"/>
                      </a:lnTo>
                      <a:lnTo>
                        <a:pt x="220" y="34"/>
                      </a:lnTo>
                      <a:lnTo>
                        <a:pt x="215" y="32"/>
                      </a:lnTo>
                      <a:lnTo>
                        <a:pt x="211" y="29"/>
                      </a:lnTo>
                      <a:lnTo>
                        <a:pt x="210" y="27"/>
                      </a:lnTo>
                      <a:lnTo>
                        <a:pt x="208" y="27"/>
                      </a:lnTo>
                      <a:lnTo>
                        <a:pt x="193" y="27"/>
                      </a:lnTo>
                      <a:lnTo>
                        <a:pt x="179" y="12"/>
                      </a:lnTo>
                      <a:lnTo>
                        <a:pt x="152" y="10"/>
                      </a:lnTo>
                      <a:lnTo>
                        <a:pt x="138" y="0"/>
                      </a:lnTo>
                      <a:lnTo>
                        <a:pt x="130" y="0"/>
                      </a:lnTo>
                      <a:lnTo>
                        <a:pt x="125" y="3"/>
                      </a:lnTo>
                      <a:lnTo>
                        <a:pt x="115" y="1"/>
                      </a:lnTo>
                      <a:lnTo>
                        <a:pt x="115" y="3"/>
                      </a:lnTo>
                      <a:lnTo>
                        <a:pt x="115" y="7"/>
                      </a:lnTo>
                      <a:lnTo>
                        <a:pt x="115" y="10"/>
                      </a:lnTo>
                      <a:lnTo>
                        <a:pt x="115" y="12"/>
                      </a:lnTo>
                      <a:lnTo>
                        <a:pt x="108" y="17"/>
                      </a:lnTo>
                      <a:lnTo>
                        <a:pt x="105" y="22"/>
                      </a:lnTo>
                      <a:lnTo>
                        <a:pt x="103" y="27"/>
                      </a:lnTo>
                      <a:lnTo>
                        <a:pt x="105" y="32"/>
                      </a:lnTo>
                      <a:lnTo>
                        <a:pt x="106" y="37"/>
                      </a:lnTo>
                      <a:lnTo>
                        <a:pt x="110" y="40"/>
                      </a:lnTo>
                      <a:lnTo>
                        <a:pt x="111" y="42"/>
                      </a:lnTo>
                      <a:lnTo>
                        <a:pt x="113" y="44"/>
                      </a:lnTo>
                      <a:lnTo>
                        <a:pt x="116" y="44"/>
                      </a:lnTo>
                      <a:lnTo>
                        <a:pt x="120" y="45"/>
                      </a:lnTo>
                      <a:lnTo>
                        <a:pt x="120" y="47"/>
                      </a:lnTo>
                      <a:lnTo>
                        <a:pt x="120" y="49"/>
                      </a:lnTo>
                      <a:lnTo>
                        <a:pt x="120" y="51"/>
                      </a:lnTo>
                      <a:lnTo>
                        <a:pt x="118" y="52"/>
                      </a:lnTo>
                      <a:lnTo>
                        <a:pt x="116" y="52"/>
                      </a:lnTo>
                      <a:lnTo>
                        <a:pt x="116" y="54"/>
                      </a:lnTo>
                      <a:lnTo>
                        <a:pt x="108" y="54"/>
                      </a:lnTo>
                      <a:lnTo>
                        <a:pt x="101" y="56"/>
                      </a:lnTo>
                      <a:lnTo>
                        <a:pt x="96" y="59"/>
                      </a:lnTo>
                      <a:lnTo>
                        <a:pt x="91" y="62"/>
                      </a:lnTo>
                      <a:lnTo>
                        <a:pt x="89" y="67"/>
                      </a:lnTo>
                      <a:lnTo>
                        <a:pt x="86" y="71"/>
                      </a:lnTo>
                      <a:lnTo>
                        <a:pt x="86" y="73"/>
                      </a:lnTo>
                      <a:lnTo>
                        <a:pt x="86" y="74"/>
                      </a:lnTo>
                      <a:lnTo>
                        <a:pt x="88" y="79"/>
                      </a:lnTo>
                      <a:lnTo>
                        <a:pt x="88" y="86"/>
                      </a:lnTo>
                      <a:lnTo>
                        <a:pt x="89" y="91"/>
                      </a:lnTo>
                      <a:lnTo>
                        <a:pt x="89" y="96"/>
                      </a:lnTo>
                      <a:lnTo>
                        <a:pt x="89" y="101"/>
                      </a:lnTo>
                      <a:lnTo>
                        <a:pt x="89" y="106"/>
                      </a:lnTo>
                      <a:lnTo>
                        <a:pt x="88" y="110"/>
                      </a:lnTo>
                      <a:lnTo>
                        <a:pt x="86" y="115"/>
                      </a:lnTo>
                      <a:lnTo>
                        <a:pt x="86" y="118"/>
                      </a:lnTo>
                      <a:lnTo>
                        <a:pt x="84" y="123"/>
                      </a:lnTo>
                      <a:lnTo>
                        <a:pt x="83" y="127"/>
                      </a:lnTo>
                      <a:lnTo>
                        <a:pt x="83" y="128"/>
                      </a:lnTo>
                      <a:lnTo>
                        <a:pt x="81" y="132"/>
                      </a:lnTo>
                      <a:lnTo>
                        <a:pt x="79" y="133"/>
                      </a:lnTo>
                      <a:lnTo>
                        <a:pt x="72" y="132"/>
                      </a:lnTo>
                      <a:lnTo>
                        <a:pt x="66" y="130"/>
                      </a:lnTo>
                      <a:lnTo>
                        <a:pt x="66" y="128"/>
                      </a:lnTo>
                      <a:lnTo>
                        <a:pt x="67" y="125"/>
                      </a:lnTo>
                      <a:lnTo>
                        <a:pt x="67" y="118"/>
                      </a:lnTo>
                      <a:lnTo>
                        <a:pt x="69" y="113"/>
                      </a:lnTo>
                      <a:lnTo>
                        <a:pt x="71" y="106"/>
                      </a:lnTo>
                      <a:lnTo>
                        <a:pt x="71" y="100"/>
                      </a:lnTo>
                      <a:lnTo>
                        <a:pt x="71" y="95"/>
                      </a:lnTo>
                      <a:lnTo>
                        <a:pt x="71" y="93"/>
                      </a:lnTo>
                      <a:lnTo>
                        <a:pt x="69" y="86"/>
                      </a:lnTo>
                      <a:lnTo>
                        <a:pt x="67" y="83"/>
                      </a:lnTo>
                      <a:lnTo>
                        <a:pt x="66" y="81"/>
                      </a:lnTo>
                      <a:lnTo>
                        <a:pt x="64" y="83"/>
                      </a:lnTo>
                      <a:lnTo>
                        <a:pt x="64" y="84"/>
                      </a:lnTo>
                      <a:lnTo>
                        <a:pt x="62" y="88"/>
                      </a:lnTo>
                      <a:lnTo>
                        <a:pt x="62" y="89"/>
                      </a:lnTo>
                      <a:lnTo>
                        <a:pt x="61" y="91"/>
                      </a:lnTo>
                      <a:lnTo>
                        <a:pt x="61" y="93"/>
                      </a:lnTo>
                      <a:lnTo>
                        <a:pt x="59" y="98"/>
                      </a:lnTo>
                      <a:lnTo>
                        <a:pt x="56" y="101"/>
                      </a:lnTo>
                      <a:lnTo>
                        <a:pt x="54" y="106"/>
                      </a:lnTo>
                      <a:lnTo>
                        <a:pt x="52" y="110"/>
                      </a:lnTo>
                      <a:lnTo>
                        <a:pt x="50" y="113"/>
                      </a:lnTo>
                      <a:lnTo>
                        <a:pt x="49" y="113"/>
                      </a:lnTo>
                      <a:lnTo>
                        <a:pt x="44" y="111"/>
                      </a:lnTo>
                      <a:lnTo>
                        <a:pt x="40" y="111"/>
                      </a:lnTo>
                      <a:lnTo>
                        <a:pt x="39" y="113"/>
                      </a:lnTo>
                      <a:lnTo>
                        <a:pt x="39" y="115"/>
                      </a:lnTo>
                      <a:lnTo>
                        <a:pt x="39" y="117"/>
                      </a:lnTo>
                      <a:lnTo>
                        <a:pt x="32" y="120"/>
                      </a:lnTo>
                      <a:lnTo>
                        <a:pt x="32" y="122"/>
                      </a:lnTo>
                      <a:lnTo>
                        <a:pt x="32" y="125"/>
                      </a:lnTo>
                      <a:lnTo>
                        <a:pt x="30" y="128"/>
                      </a:lnTo>
                      <a:lnTo>
                        <a:pt x="30" y="133"/>
                      </a:lnTo>
                      <a:lnTo>
                        <a:pt x="30" y="137"/>
                      </a:lnTo>
                      <a:lnTo>
                        <a:pt x="30" y="139"/>
                      </a:lnTo>
                      <a:lnTo>
                        <a:pt x="30" y="140"/>
                      </a:lnTo>
                      <a:lnTo>
                        <a:pt x="23" y="144"/>
                      </a:lnTo>
                      <a:lnTo>
                        <a:pt x="20" y="147"/>
                      </a:lnTo>
                      <a:lnTo>
                        <a:pt x="18" y="150"/>
                      </a:lnTo>
                      <a:lnTo>
                        <a:pt x="17" y="152"/>
                      </a:lnTo>
                      <a:lnTo>
                        <a:pt x="15" y="155"/>
                      </a:lnTo>
                      <a:lnTo>
                        <a:pt x="17" y="159"/>
                      </a:lnTo>
                      <a:lnTo>
                        <a:pt x="17" y="161"/>
                      </a:lnTo>
                      <a:lnTo>
                        <a:pt x="18" y="162"/>
                      </a:lnTo>
                      <a:lnTo>
                        <a:pt x="20" y="166"/>
                      </a:lnTo>
                      <a:lnTo>
                        <a:pt x="20" y="171"/>
                      </a:lnTo>
                      <a:lnTo>
                        <a:pt x="20" y="176"/>
                      </a:lnTo>
                      <a:lnTo>
                        <a:pt x="20" y="181"/>
                      </a:lnTo>
                      <a:lnTo>
                        <a:pt x="18" y="186"/>
                      </a:lnTo>
                      <a:lnTo>
                        <a:pt x="17" y="193"/>
                      </a:lnTo>
                      <a:lnTo>
                        <a:pt x="15" y="198"/>
                      </a:lnTo>
                      <a:lnTo>
                        <a:pt x="13" y="203"/>
                      </a:lnTo>
                      <a:lnTo>
                        <a:pt x="12" y="210"/>
                      </a:lnTo>
                      <a:lnTo>
                        <a:pt x="10" y="215"/>
                      </a:lnTo>
                      <a:lnTo>
                        <a:pt x="8" y="220"/>
                      </a:lnTo>
                      <a:lnTo>
                        <a:pt x="6" y="225"/>
                      </a:lnTo>
                      <a:lnTo>
                        <a:pt x="5" y="228"/>
                      </a:lnTo>
                      <a:lnTo>
                        <a:pt x="3" y="232"/>
                      </a:lnTo>
                      <a:lnTo>
                        <a:pt x="3" y="233"/>
                      </a:lnTo>
                      <a:lnTo>
                        <a:pt x="5" y="238"/>
                      </a:lnTo>
                      <a:lnTo>
                        <a:pt x="6" y="245"/>
                      </a:lnTo>
                      <a:lnTo>
                        <a:pt x="8" y="250"/>
                      </a:lnTo>
                      <a:lnTo>
                        <a:pt x="8" y="255"/>
                      </a:lnTo>
                      <a:lnTo>
                        <a:pt x="10" y="260"/>
                      </a:lnTo>
                      <a:lnTo>
                        <a:pt x="10" y="264"/>
                      </a:lnTo>
                      <a:lnTo>
                        <a:pt x="10" y="267"/>
                      </a:lnTo>
                      <a:lnTo>
                        <a:pt x="6" y="269"/>
                      </a:lnTo>
                      <a:lnTo>
                        <a:pt x="5" y="271"/>
                      </a:lnTo>
                      <a:lnTo>
                        <a:pt x="3" y="274"/>
                      </a:lnTo>
                      <a:lnTo>
                        <a:pt x="3" y="277"/>
                      </a:lnTo>
                      <a:lnTo>
                        <a:pt x="5" y="282"/>
                      </a:lnTo>
                      <a:lnTo>
                        <a:pt x="6" y="287"/>
                      </a:lnTo>
                      <a:lnTo>
                        <a:pt x="8" y="294"/>
                      </a:lnTo>
                      <a:lnTo>
                        <a:pt x="12" y="299"/>
                      </a:lnTo>
                      <a:lnTo>
                        <a:pt x="15" y="306"/>
                      </a:lnTo>
                      <a:lnTo>
                        <a:pt x="17" y="311"/>
                      </a:lnTo>
                      <a:lnTo>
                        <a:pt x="20" y="318"/>
                      </a:lnTo>
                      <a:lnTo>
                        <a:pt x="23" y="323"/>
                      </a:lnTo>
                      <a:lnTo>
                        <a:pt x="25" y="326"/>
                      </a:lnTo>
                      <a:lnTo>
                        <a:pt x="27" y="330"/>
                      </a:lnTo>
                      <a:lnTo>
                        <a:pt x="28" y="333"/>
                      </a:lnTo>
                      <a:lnTo>
                        <a:pt x="30" y="333"/>
                      </a:lnTo>
                      <a:lnTo>
                        <a:pt x="34" y="338"/>
                      </a:lnTo>
                      <a:lnTo>
                        <a:pt x="37" y="345"/>
                      </a:lnTo>
                      <a:lnTo>
                        <a:pt x="39" y="353"/>
                      </a:lnTo>
                      <a:lnTo>
                        <a:pt x="42" y="362"/>
                      </a:lnTo>
                      <a:lnTo>
                        <a:pt x="42" y="370"/>
                      </a:lnTo>
                      <a:lnTo>
                        <a:pt x="44" y="381"/>
                      </a:lnTo>
                      <a:lnTo>
                        <a:pt x="44" y="391"/>
                      </a:lnTo>
                      <a:lnTo>
                        <a:pt x="44" y="401"/>
                      </a:lnTo>
                      <a:lnTo>
                        <a:pt x="44" y="411"/>
                      </a:lnTo>
                      <a:lnTo>
                        <a:pt x="44" y="419"/>
                      </a:lnTo>
                      <a:lnTo>
                        <a:pt x="44" y="428"/>
                      </a:lnTo>
                      <a:lnTo>
                        <a:pt x="42" y="436"/>
                      </a:lnTo>
                      <a:lnTo>
                        <a:pt x="42" y="441"/>
                      </a:lnTo>
                      <a:lnTo>
                        <a:pt x="40" y="447"/>
                      </a:lnTo>
                      <a:lnTo>
                        <a:pt x="40" y="450"/>
                      </a:lnTo>
                      <a:lnTo>
                        <a:pt x="40" y="452"/>
                      </a:lnTo>
                      <a:lnTo>
                        <a:pt x="32" y="463"/>
                      </a:lnTo>
                      <a:lnTo>
                        <a:pt x="27" y="474"/>
                      </a:lnTo>
                      <a:lnTo>
                        <a:pt x="23" y="480"/>
                      </a:lnTo>
                      <a:lnTo>
                        <a:pt x="23" y="487"/>
                      </a:lnTo>
                      <a:lnTo>
                        <a:pt x="23" y="491"/>
                      </a:lnTo>
                      <a:lnTo>
                        <a:pt x="23" y="494"/>
                      </a:lnTo>
                      <a:lnTo>
                        <a:pt x="23" y="496"/>
                      </a:lnTo>
                      <a:lnTo>
                        <a:pt x="18" y="502"/>
                      </a:lnTo>
                      <a:lnTo>
                        <a:pt x="15" y="506"/>
                      </a:lnTo>
                      <a:lnTo>
                        <a:pt x="12" y="511"/>
                      </a:lnTo>
                      <a:lnTo>
                        <a:pt x="8" y="513"/>
                      </a:lnTo>
                      <a:lnTo>
                        <a:pt x="6" y="516"/>
                      </a:lnTo>
                      <a:lnTo>
                        <a:pt x="3" y="518"/>
                      </a:lnTo>
                      <a:lnTo>
                        <a:pt x="3" y="519"/>
                      </a:lnTo>
                      <a:lnTo>
                        <a:pt x="1" y="519"/>
                      </a:lnTo>
                      <a:lnTo>
                        <a:pt x="0" y="519"/>
                      </a:lnTo>
                      <a:lnTo>
                        <a:pt x="184" y="497"/>
                      </a:lnTo>
                      <a:lnTo>
                        <a:pt x="188" y="514"/>
                      </a:lnTo>
                      <a:lnTo>
                        <a:pt x="304" y="496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612" name="Freeform 129"/>
              <p:cNvSpPr>
                <a:spLocks/>
              </p:cNvSpPr>
              <p:nvPr/>
            </p:nvSpPr>
            <p:spPr bwMode="auto">
              <a:xfrm>
                <a:off x="3986" y="2043"/>
                <a:ext cx="434" cy="427"/>
              </a:xfrm>
              <a:custGeom>
                <a:avLst/>
                <a:gdLst>
                  <a:gd name="T0" fmla="*/ 44 w 446"/>
                  <a:gd name="T1" fmla="*/ 263 h 440"/>
                  <a:gd name="T2" fmla="*/ 35 w 446"/>
                  <a:gd name="T3" fmla="*/ 261 h 440"/>
                  <a:gd name="T4" fmla="*/ 18 w 446"/>
                  <a:gd name="T5" fmla="*/ 234 h 440"/>
                  <a:gd name="T6" fmla="*/ 5 w 446"/>
                  <a:gd name="T7" fmla="*/ 218 h 440"/>
                  <a:gd name="T8" fmla="*/ 3 w 446"/>
                  <a:gd name="T9" fmla="*/ 201 h 440"/>
                  <a:gd name="T10" fmla="*/ 1 w 446"/>
                  <a:gd name="T11" fmla="*/ 196 h 440"/>
                  <a:gd name="T12" fmla="*/ 18 w 446"/>
                  <a:gd name="T13" fmla="*/ 195 h 440"/>
                  <a:gd name="T14" fmla="*/ 18 w 446"/>
                  <a:gd name="T15" fmla="*/ 167 h 440"/>
                  <a:gd name="T16" fmla="*/ 23 w 446"/>
                  <a:gd name="T17" fmla="*/ 160 h 440"/>
                  <a:gd name="T18" fmla="*/ 26 w 446"/>
                  <a:gd name="T19" fmla="*/ 148 h 440"/>
                  <a:gd name="T20" fmla="*/ 40 w 446"/>
                  <a:gd name="T21" fmla="*/ 148 h 440"/>
                  <a:gd name="T22" fmla="*/ 47 w 446"/>
                  <a:gd name="T23" fmla="*/ 148 h 440"/>
                  <a:gd name="T24" fmla="*/ 64 w 446"/>
                  <a:gd name="T25" fmla="*/ 110 h 440"/>
                  <a:gd name="T26" fmla="*/ 74 w 446"/>
                  <a:gd name="T27" fmla="*/ 110 h 440"/>
                  <a:gd name="T28" fmla="*/ 81 w 446"/>
                  <a:gd name="T29" fmla="*/ 103 h 440"/>
                  <a:gd name="T30" fmla="*/ 90 w 446"/>
                  <a:gd name="T31" fmla="*/ 90 h 440"/>
                  <a:gd name="T32" fmla="*/ 97 w 446"/>
                  <a:gd name="T33" fmla="*/ 72 h 440"/>
                  <a:gd name="T34" fmla="*/ 98 w 446"/>
                  <a:gd name="T35" fmla="*/ 59 h 440"/>
                  <a:gd name="T36" fmla="*/ 102 w 446"/>
                  <a:gd name="T37" fmla="*/ 37 h 440"/>
                  <a:gd name="T38" fmla="*/ 100 w 446"/>
                  <a:gd name="T39" fmla="*/ 10 h 440"/>
                  <a:gd name="T40" fmla="*/ 184 w 446"/>
                  <a:gd name="T41" fmla="*/ 62 h 440"/>
                  <a:gd name="T42" fmla="*/ 216 w 446"/>
                  <a:gd name="T43" fmla="*/ 80 h 440"/>
                  <a:gd name="T44" fmla="*/ 230 w 446"/>
                  <a:gd name="T45" fmla="*/ 65 h 440"/>
                  <a:gd name="T46" fmla="*/ 249 w 446"/>
                  <a:gd name="T47" fmla="*/ 66 h 440"/>
                  <a:gd name="T48" fmla="*/ 260 w 446"/>
                  <a:gd name="T49" fmla="*/ 53 h 440"/>
                  <a:gd name="T50" fmla="*/ 282 w 446"/>
                  <a:gd name="T51" fmla="*/ 55 h 440"/>
                  <a:gd name="T52" fmla="*/ 290 w 446"/>
                  <a:gd name="T53" fmla="*/ 55 h 440"/>
                  <a:gd name="T54" fmla="*/ 296 w 446"/>
                  <a:gd name="T55" fmla="*/ 62 h 440"/>
                  <a:gd name="T56" fmla="*/ 302 w 446"/>
                  <a:gd name="T57" fmla="*/ 79 h 440"/>
                  <a:gd name="T58" fmla="*/ 299 w 446"/>
                  <a:gd name="T59" fmla="*/ 86 h 440"/>
                  <a:gd name="T60" fmla="*/ 276 w 446"/>
                  <a:gd name="T61" fmla="*/ 80 h 440"/>
                  <a:gd name="T62" fmla="*/ 262 w 446"/>
                  <a:gd name="T63" fmla="*/ 74 h 440"/>
                  <a:gd name="T64" fmla="*/ 254 w 446"/>
                  <a:gd name="T65" fmla="*/ 107 h 440"/>
                  <a:gd name="T66" fmla="*/ 242 w 446"/>
                  <a:gd name="T67" fmla="*/ 119 h 440"/>
                  <a:gd name="T68" fmla="*/ 236 w 446"/>
                  <a:gd name="T69" fmla="*/ 134 h 440"/>
                  <a:gd name="T70" fmla="*/ 229 w 446"/>
                  <a:gd name="T71" fmla="*/ 129 h 440"/>
                  <a:gd name="T72" fmla="*/ 223 w 446"/>
                  <a:gd name="T73" fmla="*/ 143 h 440"/>
                  <a:gd name="T74" fmla="*/ 221 w 446"/>
                  <a:gd name="T75" fmla="*/ 149 h 440"/>
                  <a:gd name="T76" fmla="*/ 218 w 446"/>
                  <a:gd name="T77" fmla="*/ 159 h 440"/>
                  <a:gd name="T78" fmla="*/ 199 w 446"/>
                  <a:gd name="T79" fmla="*/ 160 h 440"/>
                  <a:gd name="T80" fmla="*/ 188 w 446"/>
                  <a:gd name="T81" fmla="*/ 160 h 440"/>
                  <a:gd name="T82" fmla="*/ 188 w 446"/>
                  <a:gd name="T83" fmla="*/ 176 h 440"/>
                  <a:gd name="T84" fmla="*/ 183 w 446"/>
                  <a:gd name="T85" fmla="*/ 189 h 440"/>
                  <a:gd name="T86" fmla="*/ 179 w 446"/>
                  <a:gd name="T87" fmla="*/ 195 h 440"/>
                  <a:gd name="T88" fmla="*/ 174 w 446"/>
                  <a:gd name="T89" fmla="*/ 212 h 440"/>
                  <a:gd name="T90" fmla="*/ 163 w 446"/>
                  <a:gd name="T91" fmla="*/ 232 h 440"/>
                  <a:gd name="T92" fmla="*/ 163 w 446"/>
                  <a:gd name="T93" fmla="*/ 239 h 440"/>
                  <a:gd name="T94" fmla="*/ 164 w 446"/>
                  <a:gd name="T95" fmla="*/ 253 h 440"/>
                  <a:gd name="T96" fmla="*/ 148 w 446"/>
                  <a:gd name="T97" fmla="*/ 259 h 440"/>
                  <a:gd name="T98" fmla="*/ 136 w 446"/>
                  <a:gd name="T99" fmla="*/ 267 h 440"/>
                  <a:gd name="T100" fmla="*/ 125 w 446"/>
                  <a:gd name="T101" fmla="*/ 268 h 440"/>
                  <a:gd name="T102" fmla="*/ 122 w 446"/>
                  <a:gd name="T103" fmla="*/ 276 h 440"/>
                  <a:gd name="T104" fmla="*/ 118 w 446"/>
                  <a:gd name="T105" fmla="*/ 279 h 440"/>
                  <a:gd name="T106" fmla="*/ 97 w 446"/>
                  <a:gd name="T107" fmla="*/ 280 h 440"/>
                  <a:gd name="T108" fmla="*/ 90 w 446"/>
                  <a:gd name="T109" fmla="*/ 285 h 440"/>
                  <a:gd name="T110" fmla="*/ 74 w 446"/>
                  <a:gd name="T111" fmla="*/ 288 h 440"/>
                  <a:gd name="T112" fmla="*/ 55 w 446"/>
                  <a:gd name="T113" fmla="*/ 279 h 440"/>
                  <a:gd name="T114" fmla="*/ 51 w 446"/>
                  <a:gd name="T115" fmla="*/ 265 h 440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446"/>
                  <a:gd name="T175" fmla="*/ 0 h 440"/>
                  <a:gd name="T176" fmla="*/ 446 w 446"/>
                  <a:gd name="T177" fmla="*/ 440 h 440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446" h="440">
                    <a:moveTo>
                      <a:pt x="76" y="404"/>
                    </a:moveTo>
                    <a:lnTo>
                      <a:pt x="64" y="404"/>
                    </a:lnTo>
                    <a:lnTo>
                      <a:pt x="64" y="402"/>
                    </a:lnTo>
                    <a:lnTo>
                      <a:pt x="62" y="401"/>
                    </a:lnTo>
                    <a:lnTo>
                      <a:pt x="62" y="399"/>
                    </a:lnTo>
                    <a:lnTo>
                      <a:pt x="61" y="397"/>
                    </a:lnTo>
                    <a:lnTo>
                      <a:pt x="57" y="397"/>
                    </a:lnTo>
                    <a:lnTo>
                      <a:pt x="54" y="396"/>
                    </a:lnTo>
                    <a:lnTo>
                      <a:pt x="49" y="396"/>
                    </a:lnTo>
                    <a:lnTo>
                      <a:pt x="49" y="394"/>
                    </a:lnTo>
                    <a:lnTo>
                      <a:pt x="45" y="389"/>
                    </a:lnTo>
                    <a:lnTo>
                      <a:pt x="40" y="384"/>
                    </a:lnTo>
                    <a:lnTo>
                      <a:pt x="35" y="375"/>
                    </a:lnTo>
                    <a:lnTo>
                      <a:pt x="28" y="367"/>
                    </a:lnTo>
                    <a:lnTo>
                      <a:pt x="22" y="357"/>
                    </a:lnTo>
                    <a:lnTo>
                      <a:pt x="13" y="348"/>
                    </a:lnTo>
                    <a:lnTo>
                      <a:pt x="5" y="338"/>
                    </a:lnTo>
                    <a:lnTo>
                      <a:pt x="5" y="335"/>
                    </a:lnTo>
                    <a:lnTo>
                      <a:pt x="5" y="331"/>
                    </a:lnTo>
                    <a:lnTo>
                      <a:pt x="6" y="326"/>
                    </a:lnTo>
                    <a:lnTo>
                      <a:pt x="6" y="323"/>
                    </a:lnTo>
                    <a:lnTo>
                      <a:pt x="6" y="318"/>
                    </a:lnTo>
                    <a:lnTo>
                      <a:pt x="5" y="311"/>
                    </a:lnTo>
                    <a:lnTo>
                      <a:pt x="3" y="306"/>
                    </a:lnTo>
                    <a:lnTo>
                      <a:pt x="0" y="303"/>
                    </a:lnTo>
                    <a:lnTo>
                      <a:pt x="0" y="299"/>
                    </a:lnTo>
                    <a:lnTo>
                      <a:pt x="0" y="297"/>
                    </a:lnTo>
                    <a:lnTo>
                      <a:pt x="1" y="297"/>
                    </a:lnTo>
                    <a:lnTo>
                      <a:pt x="1" y="299"/>
                    </a:lnTo>
                    <a:lnTo>
                      <a:pt x="3" y="299"/>
                    </a:lnTo>
                    <a:lnTo>
                      <a:pt x="6" y="303"/>
                    </a:lnTo>
                    <a:lnTo>
                      <a:pt x="13" y="301"/>
                    </a:lnTo>
                    <a:lnTo>
                      <a:pt x="18" y="297"/>
                    </a:lnTo>
                    <a:lnTo>
                      <a:pt x="23" y="292"/>
                    </a:lnTo>
                    <a:lnTo>
                      <a:pt x="28" y="287"/>
                    </a:lnTo>
                    <a:lnTo>
                      <a:pt x="32" y="281"/>
                    </a:lnTo>
                    <a:lnTo>
                      <a:pt x="34" y="277"/>
                    </a:lnTo>
                    <a:lnTo>
                      <a:pt x="35" y="275"/>
                    </a:lnTo>
                    <a:lnTo>
                      <a:pt x="32" y="253"/>
                    </a:lnTo>
                    <a:lnTo>
                      <a:pt x="34" y="252"/>
                    </a:lnTo>
                    <a:lnTo>
                      <a:pt x="34" y="250"/>
                    </a:lnTo>
                    <a:lnTo>
                      <a:pt x="35" y="247"/>
                    </a:lnTo>
                    <a:lnTo>
                      <a:pt x="37" y="243"/>
                    </a:lnTo>
                    <a:lnTo>
                      <a:pt x="39" y="242"/>
                    </a:lnTo>
                    <a:lnTo>
                      <a:pt x="39" y="238"/>
                    </a:lnTo>
                    <a:lnTo>
                      <a:pt x="40" y="230"/>
                    </a:lnTo>
                    <a:lnTo>
                      <a:pt x="40" y="225"/>
                    </a:lnTo>
                    <a:lnTo>
                      <a:pt x="44" y="221"/>
                    </a:lnTo>
                    <a:lnTo>
                      <a:pt x="45" y="221"/>
                    </a:lnTo>
                    <a:lnTo>
                      <a:pt x="49" y="221"/>
                    </a:lnTo>
                    <a:lnTo>
                      <a:pt x="50" y="221"/>
                    </a:lnTo>
                    <a:lnTo>
                      <a:pt x="52" y="223"/>
                    </a:lnTo>
                    <a:lnTo>
                      <a:pt x="54" y="225"/>
                    </a:lnTo>
                    <a:lnTo>
                      <a:pt x="57" y="233"/>
                    </a:lnTo>
                    <a:lnTo>
                      <a:pt x="61" y="235"/>
                    </a:lnTo>
                    <a:lnTo>
                      <a:pt x="62" y="233"/>
                    </a:lnTo>
                    <a:lnTo>
                      <a:pt x="66" y="230"/>
                    </a:lnTo>
                    <a:lnTo>
                      <a:pt x="67" y="225"/>
                    </a:lnTo>
                    <a:lnTo>
                      <a:pt x="67" y="221"/>
                    </a:lnTo>
                    <a:lnTo>
                      <a:pt x="67" y="216"/>
                    </a:lnTo>
                    <a:lnTo>
                      <a:pt x="69" y="216"/>
                    </a:lnTo>
                    <a:lnTo>
                      <a:pt x="71" y="189"/>
                    </a:lnTo>
                    <a:lnTo>
                      <a:pt x="93" y="167"/>
                    </a:lnTo>
                    <a:lnTo>
                      <a:pt x="93" y="169"/>
                    </a:lnTo>
                    <a:lnTo>
                      <a:pt x="94" y="171"/>
                    </a:lnTo>
                    <a:lnTo>
                      <a:pt x="98" y="171"/>
                    </a:lnTo>
                    <a:lnTo>
                      <a:pt x="101" y="169"/>
                    </a:lnTo>
                    <a:lnTo>
                      <a:pt x="105" y="169"/>
                    </a:lnTo>
                    <a:lnTo>
                      <a:pt x="108" y="167"/>
                    </a:lnTo>
                    <a:lnTo>
                      <a:pt x="110" y="165"/>
                    </a:lnTo>
                    <a:lnTo>
                      <a:pt x="110" y="164"/>
                    </a:lnTo>
                    <a:lnTo>
                      <a:pt x="111" y="164"/>
                    </a:lnTo>
                    <a:lnTo>
                      <a:pt x="113" y="160"/>
                    </a:lnTo>
                    <a:lnTo>
                      <a:pt x="118" y="155"/>
                    </a:lnTo>
                    <a:lnTo>
                      <a:pt x="122" y="150"/>
                    </a:lnTo>
                    <a:lnTo>
                      <a:pt x="125" y="147"/>
                    </a:lnTo>
                    <a:lnTo>
                      <a:pt x="130" y="142"/>
                    </a:lnTo>
                    <a:lnTo>
                      <a:pt x="132" y="138"/>
                    </a:lnTo>
                    <a:lnTo>
                      <a:pt x="133" y="137"/>
                    </a:lnTo>
                    <a:lnTo>
                      <a:pt x="138" y="130"/>
                    </a:lnTo>
                    <a:lnTo>
                      <a:pt x="142" y="125"/>
                    </a:lnTo>
                    <a:lnTo>
                      <a:pt x="144" y="120"/>
                    </a:lnTo>
                    <a:lnTo>
                      <a:pt x="144" y="115"/>
                    </a:lnTo>
                    <a:lnTo>
                      <a:pt x="144" y="111"/>
                    </a:lnTo>
                    <a:lnTo>
                      <a:pt x="142" y="108"/>
                    </a:lnTo>
                    <a:lnTo>
                      <a:pt x="142" y="106"/>
                    </a:lnTo>
                    <a:lnTo>
                      <a:pt x="142" y="105"/>
                    </a:lnTo>
                    <a:lnTo>
                      <a:pt x="142" y="103"/>
                    </a:lnTo>
                    <a:lnTo>
                      <a:pt x="142" y="96"/>
                    </a:lnTo>
                    <a:lnTo>
                      <a:pt x="144" y="89"/>
                    </a:lnTo>
                    <a:lnTo>
                      <a:pt x="144" y="79"/>
                    </a:lnTo>
                    <a:lnTo>
                      <a:pt x="145" y="69"/>
                    </a:lnTo>
                    <a:lnTo>
                      <a:pt x="147" y="61"/>
                    </a:lnTo>
                    <a:lnTo>
                      <a:pt x="147" y="55"/>
                    </a:lnTo>
                    <a:lnTo>
                      <a:pt x="149" y="52"/>
                    </a:lnTo>
                    <a:lnTo>
                      <a:pt x="152" y="47"/>
                    </a:lnTo>
                    <a:lnTo>
                      <a:pt x="152" y="40"/>
                    </a:lnTo>
                    <a:lnTo>
                      <a:pt x="152" y="32"/>
                    </a:lnTo>
                    <a:lnTo>
                      <a:pt x="150" y="23"/>
                    </a:lnTo>
                    <a:lnTo>
                      <a:pt x="149" y="15"/>
                    </a:lnTo>
                    <a:lnTo>
                      <a:pt x="147" y="10"/>
                    </a:lnTo>
                    <a:lnTo>
                      <a:pt x="145" y="5"/>
                    </a:lnTo>
                    <a:lnTo>
                      <a:pt x="144" y="3"/>
                    </a:lnTo>
                    <a:lnTo>
                      <a:pt x="155" y="0"/>
                    </a:lnTo>
                    <a:lnTo>
                      <a:pt x="174" y="111"/>
                    </a:lnTo>
                    <a:lnTo>
                      <a:pt x="269" y="93"/>
                    </a:lnTo>
                    <a:lnTo>
                      <a:pt x="279" y="154"/>
                    </a:lnTo>
                    <a:lnTo>
                      <a:pt x="314" y="121"/>
                    </a:lnTo>
                    <a:lnTo>
                      <a:pt x="314" y="123"/>
                    </a:lnTo>
                    <a:lnTo>
                      <a:pt x="316" y="123"/>
                    </a:lnTo>
                    <a:lnTo>
                      <a:pt x="318" y="123"/>
                    </a:lnTo>
                    <a:lnTo>
                      <a:pt x="321" y="121"/>
                    </a:lnTo>
                    <a:lnTo>
                      <a:pt x="326" y="116"/>
                    </a:lnTo>
                    <a:lnTo>
                      <a:pt x="331" y="110"/>
                    </a:lnTo>
                    <a:lnTo>
                      <a:pt x="338" y="98"/>
                    </a:lnTo>
                    <a:lnTo>
                      <a:pt x="340" y="98"/>
                    </a:lnTo>
                    <a:lnTo>
                      <a:pt x="343" y="99"/>
                    </a:lnTo>
                    <a:lnTo>
                      <a:pt x="348" y="101"/>
                    </a:lnTo>
                    <a:lnTo>
                      <a:pt x="353" y="101"/>
                    </a:lnTo>
                    <a:lnTo>
                      <a:pt x="358" y="101"/>
                    </a:lnTo>
                    <a:lnTo>
                      <a:pt x="365" y="99"/>
                    </a:lnTo>
                    <a:lnTo>
                      <a:pt x="370" y="94"/>
                    </a:lnTo>
                    <a:lnTo>
                      <a:pt x="375" y="88"/>
                    </a:lnTo>
                    <a:lnTo>
                      <a:pt x="377" y="86"/>
                    </a:lnTo>
                    <a:lnTo>
                      <a:pt x="377" y="84"/>
                    </a:lnTo>
                    <a:lnTo>
                      <a:pt x="380" y="81"/>
                    </a:lnTo>
                    <a:lnTo>
                      <a:pt x="384" y="79"/>
                    </a:lnTo>
                    <a:lnTo>
                      <a:pt x="389" y="77"/>
                    </a:lnTo>
                    <a:lnTo>
                      <a:pt x="394" y="77"/>
                    </a:lnTo>
                    <a:lnTo>
                      <a:pt x="402" y="79"/>
                    </a:lnTo>
                    <a:lnTo>
                      <a:pt x="413" y="83"/>
                    </a:lnTo>
                    <a:lnTo>
                      <a:pt x="414" y="83"/>
                    </a:lnTo>
                    <a:lnTo>
                      <a:pt x="416" y="83"/>
                    </a:lnTo>
                    <a:lnTo>
                      <a:pt x="418" y="83"/>
                    </a:lnTo>
                    <a:lnTo>
                      <a:pt x="419" y="83"/>
                    </a:lnTo>
                    <a:lnTo>
                      <a:pt x="423" y="83"/>
                    </a:lnTo>
                    <a:lnTo>
                      <a:pt x="424" y="83"/>
                    </a:lnTo>
                    <a:lnTo>
                      <a:pt x="426" y="83"/>
                    </a:lnTo>
                    <a:lnTo>
                      <a:pt x="428" y="89"/>
                    </a:lnTo>
                    <a:lnTo>
                      <a:pt x="430" y="91"/>
                    </a:lnTo>
                    <a:lnTo>
                      <a:pt x="433" y="93"/>
                    </a:lnTo>
                    <a:lnTo>
                      <a:pt x="436" y="96"/>
                    </a:lnTo>
                    <a:lnTo>
                      <a:pt x="441" y="99"/>
                    </a:lnTo>
                    <a:lnTo>
                      <a:pt x="445" y="105"/>
                    </a:lnTo>
                    <a:lnTo>
                      <a:pt x="446" y="110"/>
                    </a:lnTo>
                    <a:lnTo>
                      <a:pt x="446" y="115"/>
                    </a:lnTo>
                    <a:lnTo>
                      <a:pt x="443" y="120"/>
                    </a:lnTo>
                    <a:lnTo>
                      <a:pt x="443" y="121"/>
                    </a:lnTo>
                    <a:lnTo>
                      <a:pt x="443" y="125"/>
                    </a:lnTo>
                    <a:lnTo>
                      <a:pt x="443" y="128"/>
                    </a:lnTo>
                    <a:lnTo>
                      <a:pt x="441" y="130"/>
                    </a:lnTo>
                    <a:lnTo>
                      <a:pt x="438" y="132"/>
                    </a:lnTo>
                    <a:lnTo>
                      <a:pt x="433" y="133"/>
                    </a:lnTo>
                    <a:lnTo>
                      <a:pt x="424" y="130"/>
                    </a:lnTo>
                    <a:lnTo>
                      <a:pt x="411" y="125"/>
                    </a:lnTo>
                    <a:lnTo>
                      <a:pt x="409" y="123"/>
                    </a:lnTo>
                    <a:lnTo>
                      <a:pt x="406" y="121"/>
                    </a:lnTo>
                    <a:lnTo>
                      <a:pt x="401" y="120"/>
                    </a:lnTo>
                    <a:lnTo>
                      <a:pt x="396" y="118"/>
                    </a:lnTo>
                    <a:lnTo>
                      <a:pt x="392" y="115"/>
                    </a:lnTo>
                    <a:lnTo>
                      <a:pt x="387" y="113"/>
                    </a:lnTo>
                    <a:lnTo>
                      <a:pt x="384" y="111"/>
                    </a:lnTo>
                    <a:lnTo>
                      <a:pt x="380" y="145"/>
                    </a:lnTo>
                    <a:lnTo>
                      <a:pt x="375" y="150"/>
                    </a:lnTo>
                    <a:lnTo>
                      <a:pt x="375" y="152"/>
                    </a:lnTo>
                    <a:lnTo>
                      <a:pt x="374" y="157"/>
                    </a:lnTo>
                    <a:lnTo>
                      <a:pt x="372" y="162"/>
                    </a:lnTo>
                    <a:lnTo>
                      <a:pt x="369" y="169"/>
                    </a:lnTo>
                    <a:lnTo>
                      <a:pt x="365" y="176"/>
                    </a:lnTo>
                    <a:lnTo>
                      <a:pt x="362" y="179"/>
                    </a:lnTo>
                    <a:lnTo>
                      <a:pt x="358" y="182"/>
                    </a:lnTo>
                    <a:lnTo>
                      <a:pt x="355" y="181"/>
                    </a:lnTo>
                    <a:lnTo>
                      <a:pt x="355" y="182"/>
                    </a:lnTo>
                    <a:lnTo>
                      <a:pt x="355" y="186"/>
                    </a:lnTo>
                    <a:lnTo>
                      <a:pt x="353" y="189"/>
                    </a:lnTo>
                    <a:lnTo>
                      <a:pt x="352" y="194"/>
                    </a:lnTo>
                    <a:lnTo>
                      <a:pt x="350" y="199"/>
                    </a:lnTo>
                    <a:lnTo>
                      <a:pt x="347" y="203"/>
                    </a:lnTo>
                    <a:lnTo>
                      <a:pt x="345" y="203"/>
                    </a:lnTo>
                    <a:lnTo>
                      <a:pt x="342" y="199"/>
                    </a:lnTo>
                    <a:lnTo>
                      <a:pt x="340" y="199"/>
                    </a:lnTo>
                    <a:lnTo>
                      <a:pt x="338" y="198"/>
                    </a:lnTo>
                    <a:lnTo>
                      <a:pt x="336" y="196"/>
                    </a:lnTo>
                    <a:lnTo>
                      <a:pt x="333" y="196"/>
                    </a:lnTo>
                    <a:lnTo>
                      <a:pt x="331" y="198"/>
                    </a:lnTo>
                    <a:lnTo>
                      <a:pt x="328" y="199"/>
                    </a:lnTo>
                    <a:lnTo>
                      <a:pt x="326" y="206"/>
                    </a:lnTo>
                    <a:lnTo>
                      <a:pt x="326" y="216"/>
                    </a:lnTo>
                    <a:lnTo>
                      <a:pt x="326" y="218"/>
                    </a:lnTo>
                    <a:lnTo>
                      <a:pt x="326" y="220"/>
                    </a:lnTo>
                    <a:lnTo>
                      <a:pt x="325" y="223"/>
                    </a:lnTo>
                    <a:lnTo>
                      <a:pt x="325" y="225"/>
                    </a:lnTo>
                    <a:lnTo>
                      <a:pt x="323" y="226"/>
                    </a:lnTo>
                    <a:lnTo>
                      <a:pt x="323" y="228"/>
                    </a:lnTo>
                    <a:lnTo>
                      <a:pt x="323" y="230"/>
                    </a:lnTo>
                    <a:lnTo>
                      <a:pt x="323" y="231"/>
                    </a:lnTo>
                    <a:lnTo>
                      <a:pt x="321" y="235"/>
                    </a:lnTo>
                    <a:lnTo>
                      <a:pt x="320" y="242"/>
                    </a:lnTo>
                    <a:lnTo>
                      <a:pt x="318" y="247"/>
                    </a:lnTo>
                    <a:lnTo>
                      <a:pt x="313" y="250"/>
                    </a:lnTo>
                    <a:lnTo>
                      <a:pt x="308" y="252"/>
                    </a:lnTo>
                    <a:lnTo>
                      <a:pt x="301" y="250"/>
                    </a:lnTo>
                    <a:lnTo>
                      <a:pt x="291" y="243"/>
                    </a:lnTo>
                    <a:lnTo>
                      <a:pt x="289" y="242"/>
                    </a:lnTo>
                    <a:lnTo>
                      <a:pt x="286" y="240"/>
                    </a:lnTo>
                    <a:lnTo>
                      <a:pt x="282" y="238"/>
                    </a:lnTo>
                    <a:lnTo>
                      <a:pt x="279" y="238"/>
                    </a:lnTo>
                    <a:lnTo>
                      <a:pt x="276" y="240"/>
                    </a:lnTo>
                    <a:lnTo>
                      <a:pt x="274" y="243"/>
                    </a:lnTo>
                    <a:lnTo>
                      <a:pt x="274" y="250"/>
                    </a:lnTo>
                    <a:lnTo>
                      <a:pt x="276" y="260"/>
                    </a:lnTo>
                    <a:lnTo>
                      <a:pt x="276" y="262"/>
                    </a:lnTo>
                    <a:lnTo>
                      <a:pt x="276" y="265"/>
                    </a:lnTo>
                    <a:lnTo>
                      <a:pt x="274" y="267"/>
                    </a:lnTo>
                    <a:lnTo>
                      <a:pt x="272" y="269"/>
                    </a:lnTo>
                    <a:lnTo>
                      <a:pt x="272" y="272"/>
                    </a:lnTo>
                    <a:lnTo>
                      <a:pt x="270" y="274"/>
                    </a:lnTo>
                    <a:lnTo>
                      <a:pt x="270" y="275"/>
                    </a:lnTo>
                    <a:lnTo>
                      <a:pt x="269" y="275"/>
                    </a:lnTo>
                    <a:lnTo>
                      <a:pt x="267" y="287"/>
                    </a:lnTo>
                    <a:lnTo>
                      <a:pt x="265" y="289"/>
                    </a:lnTo>
                    <a:lnTo>
                      <a:pt x="264" y="291"/>
                    </a:lnTo>
                    <a:lnTo>
                      <a:pt x="264" y="292"/>
                    </a:lnTo>
                    <a:lnTo>
                      <a:pt x="262" y="296"/>
                    </a:lnTo>
                    <a:lnTo>
                      <a:pt x="260" y="301"/>
                    </a:lnTo>
                    <a:lnTo>
                      <a:pt x="259" y="308"/>
                    </a:lnTo>
                    <a:lnTo>
                      <a:pt x="259" y="314"/>
                    </a:lnTo>
                    <a:lnTo>
                      <a:pt x="259" y="318"/>
                    </a:lnTo>
                    <a:lnTo>
                      <a:pt x="255" y="321"/>
                    </a:lnTo>
                    <a:lnTo>
                      <a:pt x="252" y="326"/>
                    </a:lnTo>
                    <a:lnTo>
                      <a:pt x="248" y="331"/>
                    </a:lnTo>
                    <a:lnTo>
                      <a:pt x="245" y="336"/>
                    </a:lnTo>
                    <a:lnTo>
                      <a:pt x="242" y="341"/>
                    </a:lnTo>
                    <a:lnTo>
                      <a:pt x="240" y="347"/>
                    </a:lnTo>
                    <a:lnTo>
                      <a:pt x="238" y="352"/>
                    </a:lnTo>
                    <a:lnTo>
                      <a:pt x="238" y="353"/>
                    </a:lnTo>
                    <a:lnTo>
                      <a:pt x="238" y="355"/>
                    </a:lnTo>
                    <a:lnTo>
                      <a:pt x="238" y="357"/>
                    </a:lnTo>
                    <a:lnTo>
                      <a:pt x="238" y="360"/>
                    </a:lnTo>
                    <a:lnTo>
                      <a:pt x="238" y="362"/>
                    </a:lnTo>
                    <a:lnTo>
                      <a:pt x="238" y="363"/>
                    </a:lnTo>
                    <a:lnTo>
                      <a:pt x="238" y="365"/>
                    </a:lnTo>
                    <a:lnTo>
                      <a:pt x="243" y="369"/>
                    </a:lnTo>
                    <a:lnTo>
                      <a:pt x="237" y="377"/>
                    </a:lnTo>
                    <a:lnTo>
                      <a:pt x="242" y="384"/>
                    </a:lnTo>
                    <a:lnTo>
                      <a:pt x="225" y="396"/>
                    </a:lnTo>
                    <a:lnTo>
                      <a:pt x="223" y="396"/>
                    </a:lnTo>
                    <a:lnTo>
                      <a:pt x="220" y="394"/>
                    </a:lnTo>
                    <a:lnTo>
                      <a:pt x="216" y="394"/>
                    </a:lnTo>
                    <a:lnTo>
                      <a:pt x="211" y="394"/>
                    </a:lnTo>
                    <a:lnTo>
                      <a:pt x="208" y="396"/>
                    </a:lnTo>
                    <a:lnTo>
                      <a:pt x="203" y="401"/>
                    </a:lnTo>
                    <a:lnTo>
                      <a:pt x="201" y="407"/>
                    </a:lnTo>
                    <a:lnTo>
                      <a:pt x="199" y="406"/>
                    </a:lnTo>
                    <a:lnTo>
                      <a:pt x="198" y="404"/>
                    </a:lnTo>
                    <a:lnTo>
                      <a:pt x="194" y="404"/>
                    </a:lnTo>
                    <a:lnTo>
                      <a:pt x="189" y="402"/>
                    </a:lnTo>
                    <a:lnTo>
                      <a:pt x="186" y="402"/>
                    </a:lnTo>
                    <a:lnTo>
                      <a:pt x="184" y="404"/>
                    </a:lnTo>
                    <a:lnTo>
                      <a:pt x="184" y="407"/>
                    </a:lnTo>
                    <a:lnTo>
                      <a:pt x="186" y="414"/>
                    </a:lnTo>
                    <a:lnTo>
                      <a:pt x="186" y="416"/>
                    </a:lnTo>
                    <a:lnTo>
                      <a:pt x="184" y="418"/>
                    </a:lnTo>
                    <a:lnTo>
                      <a:pt x="182" y="418"/>
                    </a:lnTo>
                    <a:lnTo>
                      <a:pt x="179" y="419"/>
                    </a:lnTo>
                    <a:lnTo>
                      <a:pt x="176" y="421"/>
                    </a:lnTo>
                    <a:lnTo>
                      <a:pt x="174" y="423"/>
                    </a:lnTo>
                    <a:lnTo>
                      <a:pt x="172" y="423"/>
                    </a:lnTo>
                    <a:lnTo>
                      <a:pt x="171" y="424"/>
                    </a:lnTo>
                    <a:lnTo>
                      <a:pt x="167" y="426"/>
                    </a:lnTo>
                    <a:lnTo>
                      <a:pt x="162" y="428"/>
                    </a:lnTo>
                    <a:lnTo>
                      <a:pt x="155" y="429"/>
                    </a:lnTo>
                    <a:lnTo>
                      <a:pt x="150" y="429"/>
                    </a:lnTo>
                    <a:lnTo>
                      <a:pt x="145" y="429"/>
                    </a:lnTo>
                    <a:lnTo>
                      <a:pt x="142" y="428"/>
                    </a:lnTo>
                    <a:lnTo>
                      <a:pt x="140" y="423"/>
                    </a:lnTo>
                    <a:lnTo>
                      <a:pt x="138" y="426"/>
                    </a:lnTo>
                    <a:lnTo>
                      <a:pt x="135" y="429"/>
                    </a:lnTo>
                    <a:lnTo>
                      <a:pt x="132" y="433"/>
                    </a:lnTo>
                    <a:lnTo>
                      <a:pt x="127" y="438"/>
                    </a:lnTo>
                    <a:lnTo>
                      <a:pt x="122" y="440"/>
                    </a:lnTo>
                    <a:lnTo>
                      <a:pt x="116" y="440"/>
                    </a:lnTo>
                    <a:lnTo>
                      <a:pt x="110" y="438"/>
                    </a:lnTo>
                    <a:lnTo>
                      <a:pt x="108" y="438"/>
                    </a:lnTo>
                    <a:lnTo>
                      <a:pt x="105" y="438"/>
                    </a:lnTo>
                    <a:lnTo>
                      <a:pt x="101" y="436"/>
                    </a:lnTo>
                    <a:lnTo>
                      <a:pt x="98" y="435"/>
                    </a:lnTo>
                    <a:lnTo>
                      <a:pt x="93" y="433"/>
                    </a:lnTo>
                    <a:lnTo>
                      <a:pt x="88" y="428"/>
                    </a:lnTo>
                    <a:lnTo>
                      <a:pt x="83" y="423"/>
                    </a:lnTo>
                    <a:lnTo>
                      <a:pt x="79" y="416"/>
                    </a:lnTo>
                    <a:lnTo>
                      <a:pt x="78" y="413"/>
                    </a:lnTo>
                    <a:lnTo>
                      <a:pt x="78" y="409"/>
                    </a:lnTo>
                    <a:lnTo>
                      <a:pt x="78" y="406"/>
                    </a:lnTo>
                    <a:lnTo>
                      <a:pt x="76" y="404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613" name="Freeform 130"/>
              <p:cNvSpPr>
                <a:spLocks/>
              </p:cNvSpPr>
              <p:nvPr/>
            </p:nvSpPr>
            <p:spPr bwMode="auto">
              <a:xfrm>
                <a:off x="4583" y="2049"/>
                <a:ext cx="102" cy="170"/>
              </a:xfrm>
              <a:custGeom>
                <a:avLst/>
                <a:gdLst>
                  <a:gd name="T0" fmla="*/ 17 w 105"/>
                  <a:gd name="T1" fmla="*/ 16 h 175"/>
                  <a:gd name="T2" fmla="*/ 17 w 105"/>
                  <a:gd name="T3" fmla="*/ 17 h 175"/>
                  <a:gd name="T4" fmla="*/ 17 w 105"/>
                  <a:gd name="T5" fmla="*/ 17 h 175"/>
                  <a:gd name="T6" fmla="*/ 17 w 105"/>
                  <a:gd name="T7" fmla="*/ 20 h 175"/>
                  <a:gd name="T8" fmla="*/ 17 w 105"/>
                  <a:gd name="T9" fmla="*/ 22 h 175"/>
                  <a:gd name="T10" fmla="*/ 17 w 105"/>
                  <a:gd name="T11" fmla="*/ 24 h 175"/>
                  <a:gd name="T12" fmla="*/ 17 w 105"/>
                  <a:gd name="T13" fmla="*/ 32 h 175"/>
                  <a:gd name="T14" fmla="*/ 17 w 105"/>
                  <a:gd name="T15" fmla="*/ 39 h 175"/>
                  <a:gd name="T16" fmla="*/ 20 w 105"/>
                  <a:gd name="T17" fmla="*/ 42 h 175"/>
                  <a:gd name="T18" fmla="*/ 23 w 105"/>
                  <a:gd name="T19" fmla="*/ 42 h 175"/>
                  <a:gd name="T20" fmla="*/ 25 w 105"/>
                  <a:gd name="T21" fmla="*/ 43 h 175"/>
                  <a:gd name="T22" fmla="*/ 30 w 105"/>
                  <a:gd name="T23" fmla="*/ 45 h 175"/>
                  <a:gd name="T24" fmla="*/ 35 w 105"/>
                  <a:gd name="T25" fmla="*/ 48 h 175"/>
                  <a:gd name="T26" fmla="*/ 35 w 105"/>
                  <a:gd name="T27" fmla="*/ 54 h 175"/>
                  <a:gd name="T28" fmla="*/ 35 w 105"/>
                  <a:gd name="T29" fmla="*/ 59 h 175"/>
                  <a:gd name="T30" fmla="*/ 35 w 105"/>
                  <a:gd name="T31" fmla="*/ 59 h 175"/>
                  <a:gd name="T32" fmla="*/ 39 w 105"/>
                  <a:gd name="T33" fmla="*/ 63 h 175"/>
                  <a:gd name="T34" fmla="*/ 41 w 105"/>
                  <a:gd name="T35" fmla="*/ 67 h 175"/>
                  <a:gd name="T36" fmla="*/ 43 w 105"/>
                  <a:gd name="T37" fmla="*/ 70 h 175"/>
                  <a:gd name="T38" fmla="*/ 43 w 105"/>
                  <a:gd name="T39" fmla="*/ 71 h 175"/>
                  <a:gd name="T40" fmla="*/ 44 w 105"/>
                  <a:gd name="T41" fmla="*/ 71 h 175"/>
                  <a:gd name="T42" fmla="*/ 45 w 105"/>
                  <a:gd name="T43" fmla="*/ 74 h 175"/>
                  <a:gd name="T44" fmla="*/ 45 w 105"/>
                  <a:gd name="T45" fmla="*/ 75 h 175"/>
                  <a:gd name="T46" fmla="*/ 49 w 105"/>
                  <a:gd name="T47" fmla="*/ 80 h 175"/>
                  <a:gd name="T48" fmla="*/ 55 w 105"/>
                  <a:gd name="T49" fmla="*/ 82 h 175"/>
                  <a:gd name="T50" fmla="*/ 59 w 105"/>
                  <a:gd name="T51" fmla="*/ 82 h 175"/>
                  <a:gd name="T52" fmla="*/ 61 w 105"/>
                  <a:gd name="T53" fmla="*/ 82 h 175"/>
                  <a:gd name="T54" fmla="*/ 63 w 105"/>
                  <a:gd name="T55" fmla="*/ 90 h 175"/>
                  <a:gd name="T56" fmla="*/ 58 w 105"/>
                  <a:gd name="T57" fmla="*/ 94 h 175"/>
                  <a:gd name="T58" fmla="*/ 58 w 105"/>
                  <a:gd name="T59" fmla="*/ 94 h 175"/>
                  <a:gd name="T60" fmla="*/ 57 w 105"/>
                  <a:gd name="T61" fmla="*/ 95 h 175"/>
                  <a:gd name="T62" fmla="*/ 57 w 105"/>
                  <a:gd name="T63" fmla="*/ 96 h 175"/>
                  <a:gd name="T64" fmla="*/ 53 w 105"/>
                  <a:gd name="T65" fmla="*/ 99 h 175"/>
                  <a:gd name="T66" fmla="*/ 57 w 105"/>
                  <a:gd name="T67" fmla="*/ 100 h 175"/>
                  <a:gd name="T68" fmla="*/ 61 w 105"/>
                  <a:gd name="T69" fmla="*/ 99 h 175"/>
                  <a:gd name="T70" fmla="*/ 63 w 105"/>
                  <a:gd name="T71" fmla="*/ 98 h 175"/>
                  <a:gd name="T72" fmla="*/ 66 w 105"/>
                  <a:gd name="T73" fmla="*/ 96 h 175"/>
                  <a:gd name="T74" fmla="*/ 69 w 105"/>
                  <a:gd name="T75" fmla="*/ 99 h 175"/>
                  <a:gd name="T76" fmla="*/ 69 w 105"/>
                  <a:gd name="T77" fmla="*/ 104 h 175"/>
                  <a:gd name="T78" fmla="*/ 69 w 105"/>
                  <a:gd name="T79" fmla="*/ 109 h 175"/>
                  <a:gd name="T80" fmla="*/ 0 w 105"/>
                  <a:gd name="T81" fmla="*/ 17 h 175"/>
                  <a:gd name="T82" fmla="*/ 0 w 105"/>
                  <a:gd name="T83" fmla="*/ 17 h 175"/>
                  <a:gd name="T84" fmla="*/ 5 w 105"/>
                  <a:gd name="T85" fmla="*/ 7 h 175"/>
                  <a:gd name="T86" fmla="*/ 15 w 105"/>
                  <a:gd name="T87" fmla="*/ 0 h 175"/>
                  <a:gd name="T88" fmla="*/ 17 w 105"/>
                  <a:gd name="T89" fmla="*/ 0 h 175"/>
                  <a:gd name="T90" fmla="*/ 18 w 105"/>
                  <a:gd name="T91" fmla="*/ 2 h 175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w 105"/>
                  <a:gd name="T139" fmla="*/ 0 h 175"/>
                  <a:gd name="T140" fmla="*/ 105 w 105"/>
                  <a:gd name="T141" fmla="*/ 175 h 175"/>
                </a:gdLst>
                <a:ahLst/>
                <a:cxnLst>
                  <a:cxn ang="T92">
                    <a:pos x="T0" y="T1"/>
                  </a:cxn>
                  <a:cxn ang="T93">
                    <a:pos x="T2" y="T3"/>
                  </a:cxn>
                  <a:cxn ang="T94">
                    <a:pos x="T4" y="T5"/>
                  </a:cxn>
                  <a:cxn ang="T95">
                    <a:pos x="T6" y="T7"/>
                  </a:cxn>
                  <a:cxn ang="T96">
                    <a:pos x="T8" y="T9"/>
                  </a:cxn>
                  <a:cxn ang="T97">
                    <a:pos x="T10" y="T11"/>
                  </a:cxn>
                  <a:cxn ang="T98">
                    <a:pos x="T12" y="T13"/>
                  </a:cxn>
                  <a:cxn ang="T99">
                    <a:pos x="T14" y="T15"/>
                  </a:cxn>
                  <a:cxn ang="T100">
                    <a:pos x="T16" y="T17"/>
                  </a:cxn>
                  <a:cxn ang="T101">
                    <a:pos x="T18" y="T19"/>
                  </a:cxn>
                  <a:cxn ang="T102">
                    <a:pos x="T20" y="T21"/>
                  </a:cxn>
                  <a:cxn ang="T103">
                    <a:pos x="T22" y="T23"/>
                  </a:cxn>
                  <a:cxn ang="T104">
                    <a:pos x="T24" y="T25"/>
                  </a:cxn>
                  <a:cxn ang="T105">
                    <a:pos x="T26" y="T27"/>
                  </a:cxn>
                  <a:cxn ang="T106">
                    <a:pos x="T28" y="T29"/>
                  </a:cxn>
                  <a:cxn ang="T107">
                    <a:pos x="T30" y="T31"/>
                  </a:cxn>
                  <a:cxn ang="T108">
                    <a:pos x="T32" y="T33"/>
                  </a:cxn>
                  <a:cxn ang="T109">
                    <a:pos x="T34" y="T35"/>
                  </a:cxn>
                  <a:cxn ang="T110">
                    <a:pos x="T36" y="T37"/>
                  </a:cxn>
                  <a:cxn ang="T111">
                    <a:pos x="T38" y="T39"/>
                  </a:cxn>
                  <a:cxn ang="T112">
                    <a:pos x="T40" y="T41"/>
                  </a:cxn>
                  <a:cxn ang="T113">
                    <a:pos x="T42" y="T43"/>
                  </a:cxn>
                  <a:cxn ang="T114">
                    <a:pos x="T44" y="T45"/>
                  </a:cxn>
                  <a:cxn ang="T115">
                    <a:pos x="T46" y="T47"/>
                  </a:cxn>
                  <a:cxn ang="T116">
                    <a:pos x="T48" y="T49"/>
                  </a:cxn>
                  <a:cxn ang="T117">
                    <a:pos x="T50" y="T51"/>
                  </a:cxn>
                  <a:cxn ang="T118">
                    <a:pos x="T52" y="T53"/>
                  </a:cxn>
                  <a:cxn ang="T119">
                    <a:pos x="T54" y="T55"/>
                  </a:cxn>
                  <a:cxn ang="T120">
                    <a:pos x="T56" y="T57"/>
                  </a:cxn>
                  <a:cxn ang="T121">
                    <a:pos x="T58" y="T59"/>
                  </a:cxn>
                  <a:cxn ang="T122">
                    <a:pos x="T60" y="T61"/>
                  </a:cxn>
                  <a:cxn ang="T123">
                    <a:pos x="T62" y="T63"/>
                  </a:cxn>
                  <a:cxn ang="T124">
                    <a:pos x="T64" y="T65"/>
                  </a:cxn>
                  <a:cxn ang="T125">
                    <a:pos x="T66" y="T67"/>
                  </a:cxn>
                  <a:cxn ang="T126">
                    <a:pos x="T68" y="T69"/>
                  </a:cxn>
                  <a:cxn ang="T127">
                    <a:pos x="T70" y="T71"/>
                  </a:cxn>
                  <a:cxn ang="T128">
                    <a:pos x="T72" y="T73"/>
                  </a:cxn>
                  <a:cxn ang="T129">
                    <a:pos x="T74" y="T75"/>
                  </a:cxn>
                  <a:cxn ang="T130">
                    <a:pos x="T76" y="T77"/>
                  </a:cxn>
                  <a:cxn ang="T131">
                    <a:pos x="T78" y="T79"/>
                  </a:cxn>
                  <a:cxn ang="T132">
                    <a:pos x="T80" y="T81"/>
                  </a:cxn>
                  <a:cxn ang="T133">
                    <a:pos x="T82" y="T83"/>
                  </a:cxn>
                  <a:cxn ang="T134">
                    <a:pos x="T84" y="T85"/>
                  </a:cxn>
                  <a:cxn ang="T135">
                    <a:pos x="T86" y="T87"/>
                  </a:cxn>
                  <a:cxn ang="T136">
                    <a:pos x="T88" y="T89"/>
                  </a:cxn>
                  <a:cxn ang="T137">
                    <a:pos x="T90" y="T91"/>
                  </a:cxn>
                </a:cxnLst>
                <a:rect l="T138" t="T139" r="T140" b="T141"/>
                <a:pathLst>
                  <a:path w="105" h="175">
                    <a:moveTo>
                      <a:pt x="27" y="7"/>
                    </a:moveTo>
                    <a:lnTo>
                      <a:pt x="24" y="16"/>
                    </a:lnTo>
                    <a:lnTo>
                      <a:pt x="20" y="22"/>
                    </a:lnTo>
                    <a:lnTo>
                      <a:pt x="20" y="26"/>
                    </a:lnTo>
                    <a:lnTo>
                      <a:pt x="20" y="29"/>
                    </a:lnTo>
                    <a:lnTo>
                      <a:pt x="20" y="31"/>
                    </a:lnTo>
                    <a:lnTo>
                      <a:pt x="22" y="34"/>
                    </a:lnTo>
                    <a:lnTo>
                      <a:pt x="22" y="36"/>
                    </a:lnTo>
                    <a:lnTo>
                      <a:pt x="24" y="36"/>
                    </a:lnTo>
                    <a:lnTo>
                      <a:pt x="24" y="38"/>
                    </a:lnTo>
                    <a:lnTo>
                      <a:pt x="25" y="46"/>
                    </a:lnTo>
                    <a:lnTo>
                      <a:pt x="27" y="49"/>
                    </a:lnTo>
                    <a:lnTo>
                      <a:pt x="29" y="55"/>
                    </a:lnTo>
                    <a:lnTo>
                      <a:pt x="30" y="56"/>
                    </a:lnTo>
                    <a:lnTo>
                      <a:pt x="34" y="60"/>
                    </a:lnTo>
                    <a:lnTo>
                      <a:pt x="36" y="61"/>
                    </a:lnTo>
                    <a:lnTo>
                      <a:pt x="37" y="61"/>
                    </a:lnTo>
                    <a:lnTo>
                      <a:pt x="39" y="63"/>
                    </a:lnTo>
                    <a:lnTo>
                      <a:pt x="44" y="66"/>
                    </a:lnTo>
                    <a:lnTo>
                      <a:pt x="47" y="70"/>
                    </a:lnTo>
                    <a:lnTo>
                      <a:pt x="49" y="73"/>
                    </a:lnTo>
                    <a:lnTo>
                      <a:pt x="49" y="78"/>
                    </a:lnTo>
                    <a:lnTo>
                      <a:pt x="49" y="82"/>
                    </a:lnTo>
                    <a:lnTo>
                      <a:pt x="49" y="85"/>
                    </a:lnTo>
                    <a:lnTo>
                      <a:pt x="49" y="88"/>
                    </a:lnTo>
                    <a:lnTo>
                      <a:pt x="51" y="92"/>
                    </a:lnTo>
                    <a:lnTo>
                      <a:pt x="54" y="93"/>
                    </a:lnTo>
                    <a:lnTo>
                      <a:pt x="56" y="97"/>
                    </a:lnTo>
                    <a:lnTo>
                      <a:pt x="59" y="99"/>
                    </a:lnTo>
                    <a:lnTo>
                      <a:pt x="61" y="102"/>
                    </a:lnTo>
                    <a:lnTo>
                      <a:pt x="63" y="104"/>
                    </a:lnTo>
                    <a:lnTo>
                      <a:pt x="63" y="105"/>
                    </a:lnTo>
                    <a:lnTo>
                      <a:pt x="64" y="105"/>
                    </a:lnTo>
                    <a:lnTo>
                      <a:pt x="64" y="109"/>
                    </a:lnTo>
                    <a:lnTo>
                      <a:pt x="66" y="110"/>
                    </a:lnTo>
                    <a:lnTo>
                      <a:pt x="66" y="112"/>
                    </a:lnTo>
                    <a:lnTo>
                      <a:pt x="71" y="115"/>
                    </a:lnTo>
                    <a:lnTo>
                      <a:pt x="74" y="119"/>
                    </a:lnTo>
                    <a:lnTo>
                      <a:pt x="80" y="121"/>
                    </a:lnTo>
                    <a:lnTo>
                      <a:pt x="83" y="122"/>
                    </a:lnTo>
                    <a:lnTo>
                      <a:pt x="86" y="122"/>
                    </a:lnTo>
                    <a:lnTo>
                      <a:pt x="88" y="122"/>
                    </a:lnTo>
                    <a:lnTo>
                      <a:pt x="90" y="122"/>
                    </a:lnTo>
                    <a:lnTo>
                      <a:pt x="93" y="126"/>
                    </a:lnTo>
                    <a:lnTo>
                      <a:pt x="93" y="136"/>
                    </a:lnTo>
                    <a:lnTo>
                      <a:pt x="86" y="136"/>
                    </a:lnTo>
                    <a:lnTo>
                      <a:pt x="86" y="141"/>
                    </a:lnTo>
                    <a:lnTo>
                      <a:pt x="86" y="143"/>
                    </a:lnTo>
                    <a:lnTo>
                      <a:pt x="85" y="143"/>
                    </a:lnTo>
                    <a:lnTo>
                      <a:pt x="85" y="144"/>
                    </a:lnTo>
                    <a:lnTo>
                      <a:pt x="83" y="146"/>
                    </a:lnTo>
                    <a:lnTo>
                      <a:pt x="81" y="148"/>
                    </a:lnTo>
                    <a:lnTo>
                      <a:pt x="83" y="149"/>
                    </a:lnTo>
                    <a:lnTo>
                      <a:pt x="85" y="149"/>
                    </a:lnTo>
                    <a:lnTo>
                      <a:pt x="88" y="149"/>
                    </a:lnTo>
                    <a:lnTo>
                      <a:pt x="90" y="148"/>
                    </a:lnTo>
                    <a:lnTo>
                      <a:pt x="91" y="148"/>
                    </a:lnTo>
                    <a:lnTo>
                      <a:pt x="93" y="146"/>
                    </a:lnTo>
                    <a:lnTo>
                      <a:pt x="98" y="144"/>
                    </a:lnTo>
                    <a:lnTo>
                      <a:pt x="100" y="144"/>
                    </a:lnTo>
                    <a:lnTo>
                      <a:pt x="102" y="148"/>
                    </a:lnTo>
                    <a:lnTo>
                      <a:pt x="102" y="149"/>
                    </a:lnTo>
                    <a:lnTo>
                      <a:pt x="102" y="154"/>
                    </a:lnTo>
                    <a:lnTo>
                      <a:pt x="105" y="158"/>
                    </a:lnTo>
                    <a:lnTo>
                      <a:pt x="103" y="163"/>
                    </a:lnTo>
                    <a:lnTo>
                      <a:pt x="41" y="175"/>
                    </a:lnTo>
                    <a:lnTo>
                      <a:pt x="0" y="21"/>
                    </a:lnTo>
                    <a:lnTo>
                      <a:pt x="0" y="22"/>
                    </a:lnTo>
                    <a:lnTo>
                      <a:pt x="2" y="12"/>
                    </a:lnTo>
                    <a:lnTo>
                      <a:pt x="5" y="7"/>
                    </a:lnTo>
                    <a:lnTo>
                      <a:pt x="10" y="4"/>
                    </a:lnTo>
                    <a:lnTo>
                      <a:pt x="15" y="0"/>
                    </a:lnTo>
                    <a:lnTo>
                      <a:pt x="22" y="0"/>
                    </a:lnTo>
                    <a:lnTo>
                      <a:pt x="27" y="0"/>
                    </a:lnTo>
                    <a:lnTo>
                      <a:pt x="30" y="0"/>
                    </a:lnTo>
                    <a:lnTo>
                      <a:pt x="32" y="2"/>
                    </a:lnTo>
                    <a:lnTo>
                      <a:pt x="27" y="7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614" name="Group 131"/>
              <p:cNvGrpSpPr>
                <a:grpSpLocks/>
              </p:cNvGrpSpPr>
              <p:nvPr/>
            </p:nvGrpSpPr>
            <p:grpSpPr bwMode="auto">
              <a:xfrm>
                <a:off x="3980" y="2710"/>
                <a:ext cx="478" cy="363"/>
                <a:chOff x="3916" y="2758"/>
                <a:chExt cx="478" cy="363"/>
              </a:xfrm>
            </p:grpSpPr>
            <p:sp>
              <p:nvSpPr>
                <p:cNvPr id="668" name="Freeform 132"/>
                <p:cNvSpPr>
                  <a:spLocks/>
                </p:cNvSpPr>
                <p:nvPr/>
              </p:nvSpPr>
              <p:spPr bwMode="auto">
                <a:xfrm>
                  <a:off x="4222" y="3072"/>
                  <a:ext cx="15" cy="16"/>
                </a:xfrm>
                <a:custGeom>
                  <a:avLst/>
                  <a:gdLst>
                    <a:gd name="T0" fmla="*/ 1 w 15"/>
                    <a:gd name="T1" fmla="*/ 5 h 17"/>
                    <a:gd name="T2" fmla="*/ 5 w 15"/>
                    <a:gd name="T3" fmla="*/ 2 h 17"/>
                    <a:gd name="T4" fmla="*/ 6 w 15"/>
                    <a:gd name="T5" fmla="*/ 0 h 17"/>
                    <a:gd name="T6" fmla="*/ 10 w 15"/>
                    <a:gd name="T7" fmla="*/ 0 h 17"/>
                    <a:gd name="T8" fmla="*/ 12 w 15"/>
                    <a:gd name="T9" fmla="*/ 0 h 17"/>
                    <a:gd name="T10" fmla="*/ 13 w 15"/>
                    <a:gd name="T11" fmla="*/ 2 h 17"/>
                    <a:gd name="T12" fmla="*/ 13 w 15"/>
                    <a:gd name="T13" fmla="*/ 2 h 17"/>
                    <a:gd name="T14" fmla="*/ 15 w 15"/>
                    <a:gd name="T15" fmla="*/ 3 h 17"/>
                    <a:gd name="T16" fmla="*/ 15 w 15"/>
                    <a:gd name="T17" fmla="*/ 5 h 17"/>
                    <a:gd name="T18" fmla="*/ 15 w 15"/>
                    <a:gd name="T19" fmla="*/ 7 h 17"/>
                    <a:gd name="T20" fmla="*/ 13 w 15"/>
                    <a:gd name="T21" fmla="*/ 8 h 17"/>
                    <a:gd name="T22" fmla="*/ 13 w 15"/>
                    <a:gd name="T23" fmla="*/ 8 h 17"/>
                    <a:gd name="T24" fmla="*/ 12 w 15"/>
                    <a:gd name="T25" fmla="*/ 8 h 17"/>
                    <a:gd name="T26" fmla="*/ 10 w 15"/>
                    <a:gd name="T27" fmla="*/ 8 h 17"/>
                    <a:gd name="T28" fmla="*/ 6 w 15"/>
                    <a:gd name="T29" fmla="*/ 8 h 17"/>
                    <a:gd name="T30" fmla="*/ 3 w 15"/>
                    <a:gd name="T31" fmla="*/ 8 h 17"/>
                    <a:gd name="T32" fmla="*/ 1 w 15"/>
                    <a:gd name="T33" fmla="*/ 8 h 17"/>
                    <a:gd name="T34" fmla="*/ 1 w 15"/>
                    <a:gd name="T35" fmla="*/ 8 h 17"/>
                    <a:gd name="T36" fmla="*/ 0 w 15"/>
                    <a:gd name="T37" fmla="*/ 8 h 17"/>
                    <a:gd name="T38" fmla="*/ 0 w 15"/>
                    <a:gd name="T39" fmla="*/ 8 h 17"/>
                    <a:gd name="T40" fmla="*/ 0 w 15"/>
                    <a:gd name="T41" fmla="*/ 8 h 17"/>
                    <a:gd name="T42" fmla="*/ 0 w 15"/>
                    <a:gd name="T43" fmla="*/ 8 h 17"/>
                    <a:gd name="T44" fmla="*/ 0 w 15"/>
                    <a:gd name="T45" fmla="*/ 8 h 17"/>
                    <a:gd name="T46" fmla="*/ 1 w 15"/>
                    <a:gd name="T47" fmla="*/ 7 h 17"/>
                    <a:gd name="T48" fmla="*/ 1 w 15"/>
                    <a:gd name="T49" fmla="*/ 5 h 17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w 15"/>
                    <a:gd name="T76" fmla="*/ 0 h 17"/>
                    <a:gd name="T77" fmla="*/ 15 w 15"/>
                    <a:gd name="T78" fmla="*/ 17 h 17"/>
                  </a:gdLst>
                  <a:ahLst/>
                  <a:cxnLst>
                    <a:cxn ang="T50">
                      <a:pos x="T0" y="T1"/>
                    </a:cxn>
                    <a:cxn ang="T51">
                      <a:pos x="T2" y="T3"/>
                    </a:cxn>
                    <a:cxn ang="T52">
                      <a:pos x="T4" y="T5"/>
                    </a:cxn>
                    <a:cxn ang="T53">
                      <a:pos x="T6" y="T7"/>
                    </a:cxn>
                    <a:cxn ang="T54">
                      <a:pos x="T8" y="T9"/>
                    </a:cxn>
                    <a:cxn ang="T55">
                      <a:pos x="T10" y="T11"/>
                    </a:cxn>
                    <a:cxn ang="T56">
                      <a:pos x="T12" y="T13"/>
                    </a:cxn>
                    <a:cxn ang="T57">
                      <a:pos x="T14" y="T15"/>
                    </a:cxn>
                    <a:cxn ang="T58">
                      <a:pos x="T16" y="T17"/>
                    </a:cxn>
                    <a:cxn ang="T59">
                      <a:pos x="T18" y="T19"/>
                    </a:cxn>
                    <a:cxn ang="T60">
                      <a:pos x="T20" y="T21"/>
                    </a:cxn>
                    <a:cxn ang="T61">
                      <a:pos x="T22" y="T23"/>
                    </a:cxn>
                    <a:cxn ang="T62">
                      <a:pos x="T24" y="T25"/>
                    </a:cxn>
                    <a:cxn ang="T63">
                      <a:pos x="T26" y="T27"/>
                    </a:cxn>
                    <a:cxn ang="T64">
                      <a:pos x="T28" y="T29"/>
                    </a:cxn>
                    <a:cxn ang="T65">
                      <a:pos x="T30" y="T31"/>
                    </a:cxn>
                    <a:cxn ang="T66">
                      <a:pos x="T32" y="T33"/>
                    </a:cxn>
                    <a:cxn ang="T67">
                      <a:pos x="T34" y="T35"/>
                    </a:cxn>
                    <a:cxn ang="T68">
                      <a:pos x="T36" y="T37"/>
                    </a:cxn>
                    <a:cxn ang="T69">
                      <a:pos x="T38" y="T39"/>
                    </a:cxn>
                    <a:cxn ang="T70">
                      <a:pos x="T40" y="T41"/>
                    </a:cxn>
                    <a:cxn ang="T71">
                      <a:pos x="T42" y="T43"/>
                    </a:cxn>
                    <a:cxn ang="T72">
                      <a:pos x="T44" y="T45"/>
                    </a:cxn>
                    <a:cxn ang="T73">
                      <a:pos x="T46" y="T47"/>
                    </a:cxn>
                    <a:cxn ang="T74">
                      <a:pos x="T48" y="T49"/>
                    </a:cxn>
                  </a:cxnLst>
                  <a:rect l="T75" t="T76" r="T77" b="T78"/>
                  <a:pathLst>
                    <a:path w="15" h="17">
                      <a:moveTo>
                        <a:pt x="1" y="5"/>
                      </a:moveTo>
                      <a:lnTo>
                        <a:pt x="5" y="2"/>
                      </a:lnTo>
                      <a:lnTo>
                        <a:pt x="6" y="0"/>
                      </a:lnTo>
                      <a:lnTo>
                        <a:pt x="10" y="0"/>
                      </a:lnTo>
                      <a:lnTo>
                        <a:pt x="12" y="0"/>
                      </a:lnTo>
                      <a:lnTo>
                        <a:pt x="13" y="2"/>
                      </a:lnTo>
                      <a:lnTo>
                        <a:pt x="15" y="3"/>
                      </a:lnTo>
                      <a:lnTo>
                        <a:pt x="15" y="5"/>
                      </a:lnTo>
                      <a:lnTo>
                        <a:pt x="15" y="7"/>
                      </a:lnTo>
                      <a:lnTo>
                        <a:pt x="13" y="8"/>
                      </a:lnTo>
                      <a:lnTo>
                        <a:pt x="13" y="10"/>
                      </a:lnTo>
                      <a:lnTo>
                        <a:pt x="12" y="12"/>
                      </a:lnTo>
                      <a:lnTo>
                        <a:pt x="10" y="15"/>
                      </a:lnTo>
                      <a:lnTo>
                        <a:pt x="6" y="17"/>
                      </a:lnTo>
                      <a:lnTo>
                        <a:pt x="3" y="17"/>
                      </a:lnTo>
                      <a:lnTo>
                        <a:pt x="1" y="17"/>
                      </a:lnTo>
                      <a:lnTo>
                        <a:pt x="0" y="15"/>
                      </a:lnTo>
                      <a:lnTo>
                        <a:pt x="0" y="13"/>
                      </a:lnTo>
                      <a:lnTo>
                        <a:pt x="0" y="12"/>
                      </a:lnTo>
                      <a:lnTo>
                        <a:pt x="0" y="10"/>
                      </a:lnTo>
                      <a:lnTo>
                        <a:pt x="0" y="8"/>
                      </a:lnTo>
                      <a:lnTo>
                        <a:pt x="1" y="7"/>
                      </a:lnTo>
                      <a:lnTo>
                        <a:pt x="1" y="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69" name="Freeform 133"/>
                <p:cNvSpPr>
                  <a:spLocks/>
                </p:cNvSpPr>
                <p:nvPr/>
              </p:nvSpPr>
              <p:spPr bwMode="auto">
                <a:xfrm>
                  <a:off x="4206" y="3072"/>
                  <a:ext cx="11" cy="12"/>
                </a:xfrm>
                <a:custGeom>
                  <a:avLst/>
                  <a:gdLst>
                    <a:gd name="T0" fmla="*/ 0 w 11"/>
                    <a:gd name="T1" fmla="*/ 6 h 13"/>
                    <a:gd name="T2" fmla="*/ 0 w 11"/>
                    <a:gd name="T3" fmla="*/ 3 h 13"/>
                    <a:gd name="T4" fmla="*/ 2 w 11"/>
                    <a:gd name="T5" fmla="*/ 2 h 13"/>
                    <a:gd name="T6" fmla="*/ 4 w 11"/>
                    <a:gd name="T7" fmla="*/ 0 h 13"/>
                    <a:gd name="T8" fmla="*/ 6 w 11"/>
                    <a:gd name="T9" fmla="*/ 0 h 13"/>
                    <a:gd name="T10" fmla="*/ 7 w 11"/>
                    <a:gd name="T11" fmla="*/ 0 h 13"/>
                    <a:gd name="T12" fmla="*/ 9 w 11"/>
                    <a:gd name="T13" fmla="*/ 2 h 13"/>
                    <a:gd name="T14" fmla="*/ 11 w 11"/>
                    <a:gd name="T15" fmla="*/ 3 h 13"/>
                    <a:gd name="T16" fmla="*/ 11 w 11"/>
                    <a:gd name="T17" fmla="*/ 6 h 13"/>
                    <a:gd name="T18" fmla="*/ 11 w 11"/>
                    <a:gd name="T19" fmla="*/ 6 h 13"/>
                    <a:gd name="T20" fmla="*/ 9 w 11"/>
                    <a:gd name="T21" fmla="*/ 6 h 13"/>
                    <a:gd name="T22" fmla="*/ 7 w 11"/>
                    <a:gd name="T23" fmla="*/ 6 h 13"/>
                    <a:gd name="T24" fmla="*/ 6 w 11"/>
                    <a:gd name="T25" fmla="*/ 6 h 13"/>
                    <a:gd name="T26" fmla="*/ 4 w 11"/>
                    <a:gd name="T27" fmla="*/ 6 h 13"/>
                    <a:gd name="T28" fmla="*/ 2 w 11"/>
                    <a:gd name="T29" fmla="*/ 6 h 13"/>
                    <a:gd name="T30" fmla="*/ 0 w 11"/>
                    <a:gd name="T31" fmla="*/ 6 h 13"/>
                    <a:gd name="T32" fmla="*/ 0 w 11"/>
                    <a:gd name="T33" fmla="*/ 6 h 13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1"/>
                    <a:gd name="T52" fmla="*/ 0 h 13"/>
                    <a:gd name="T53" fmla="*/ 11 w 11"/>
                    <a:gd name="T54" fmla="*/ 13 h 13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1" h="13">
                      <a:moveTo>
                        <a:pt x="0" y="7"/>
                      </a:moveTo>
                      <a:lnTo>
                        <a:pt x="0" y="3"/>
                      </a:lnTo>
                      <a:lnTo>
                        <a:pt x="2" y="2"/>
                      </a:lnTo>
                      <a:lnTo>
                        <a:pt x="4" y="0"/>
                      </a:lnTo>
                      <a:lnTo>
                        <a:pt x="6" y="0"/>
                      </a:lnTo>
                      <a:lnTo>
                        <a:pt x="7" y="0"/>
                      </a:lnTo>
                      <a:lnTo>
                        <a:pt x="9" y="2"/>
                      </a:lnTo>
                      <a:lnTo>
                        <a:pt x="11" y="3"/>
                      </a:lnTo>
                      <a:lnTo>
                        <a:pt x="11" y="7"/>
                      </a:lnTo>
                      <a:lnTo>
                        <a:pt x="11" y="10"/>
                      </a:lnTo>
                      <a:lnTo>
                        <a:pt x="9" y="12"/>
                      </a:lnTo>
                      <a:lnTo>
                        <a:pt x="7" y="13"/>
                      </a:lnTo>
                      <a:lnTo>
                        <a:pt x="6" y="13"/>
                      </a:lnTo>
                      <a:lnTo>
                        <a:pt x="4" y="13"/>
                      </a:lnTo>
                      <a:lnTo>
                        <a:pt x="2" y="12"/>
                      </a:lnTo>
                      <a:lnTo>
                        <a:pt x="0" y="10"/>
                      </a:lnTo>
                      <a:lnTo>
                        <a:pt x="0" y="7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70" name="Freeform 134"/>
                <p:cNvSpPr>
                  <a:spLocks/>
                </p:cNvSpPr>
                <p:nvPr/>
              </p:nvSpPr>
              <p:spPr bwMode="auto">
                <a:xfrm>
                  <a:off x="4212" y="3098"/>
                  <a:ext cx="13" cy="16"/>
                </a:xfrm>
                <a:custGeom>
                  <a:avLst/>
                  <a:gdLst>
                    <a:gd name="T0" fmla="*/ 1 w 13"/>
                    <a:gd name="T1" fmla="*/ 5 h 17"/>
                    <a:gd name="T2" fmla="*/ 3 w 13"/>
                    <a:gd name="T3" fmla="*/ 2 h 17"/>
                    <a:gd name="T4" fmla="*/ 6 w 13"/>
                    <a:gd name="T5" fmla="*/ 0 h 17"/>
                    <a:gd name="T6" fmla="*/ 8 w 13"/>
                    <a:gd name="T7" fmla="*/ 0 h 17"/>
                    <a:gd name="T8" fmla="*/ 11 w 13"/>
                    <a:gd name="T9" fmla="*/ 0 h 17"/>
                    <a:gd name="T10" fmla="*/ 13 w 13"/>
                    <a:gd name="T11" fmla="*/ 0 h 17"/>
                    <a:gd name="T12" fmla="*/ 13 w 13"/>
                    <a:gd name="T13" fmla="*/ 2 h 17"/>
                    <a:gd name="T14" fmla="*/ 13 w 13"/>
                    <a:gd name="T15" fmla="*/ 3 h 17"/>
                    <a:gd name="T16" fmla="*/ 13 w 13"/>
                    <a:gd name="T17" fmla="*/ 5 h 17"/>
                    <a:gd name="T18" fmla="*/ 13 w 13"/>
                    <a:gd name="T19" fmla="*/ 5 h 17"/>
                    <a:gd name="T20" fmla="*/ 13 w 13"/>
                    <a:gd name="T21" fmla="*/ 8 h 17"/>
                    <a:gd name="T22" fmla="*/ 13 w 13"/>
                    <a:gd name="T23" fmla="*/ 8 h 17"/>
                    <a:gd name="T24" fmla="*/ 11 w 13"/>
                    <a:gd name="T25" fmla="*/ 8 h 17"/>
                    <a:gd name="T26" fmla="*/ 10 w 13"/>
                    <a:gd name="T27" fmla="*/ 8 h 17"/>
                    <a:gd name="T28" fmla="*/ 6 w 13"/>
                    <a:gd name="T29" fmla="*/ 8 h 17"/>
                    <a:gd name="T30" fmla="*/ 5 w 13"/>
                    <a:gd name="T31" fmla="*/ 8 h 17"/>
                    <a:gd name="T32" fmla="*/ 1 w 13"/>
                    <a:gd name="T33" fmla="*/ 8 h 17"/>
                    <a:gd name="T34" fmla="*/ 1 w 13"/>
                    <a:gd name="T35" fmla="*/ 8 h 17"/>
                    <a:gd name="T36" fmla="*/ 0 w 13"/>
                    <a:gd name="T37" fmla="*/ 8 h 17"/>
                    <a:gd name="T38" fmla="*/ 0 w 13"/>
                    <a:gd name="T39" fmla="*/ 8 h 17"/>
                    <a:gd name="T40" fmla="*/ 0 w 13"/>
                    <a:gd name="T41" fmla="*/ 8 h 17"/>
                    <a:gd name="T42" fmla="*/ 0 w 13"/>
                    <a:gd name="T43" fmla="*/ 8 h 17"/>
                    <a:gd name="T44" fmla="*/ 0 w 13"/>
                    <a:gd name="T45" fmla="*/ 8 h 17"/>
                    <a:gd name="T46" fmla="*/ 0 w 13"/>
                    <a:gd name="T47" fmla="*/ 7 h 17"/>
                    <a:gd name="T48" fmla="*/ 1 w 13"/>
                    <a:gd name="T49" fmla="*/ 5 h 17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w 13"/>
                    <a:gd name="T76" fmla="*/ 0 h 17"/>
                    <a:gd name="T77" fmla="*/ 13 w 13"/>
                    <a:gd name="T78" fmla="*/ 17 h 17"/>
                  </a:gdLst>
                  <a:ahLst/>
                  <a:cxnLst>
                    <a:cxn ang="T50">
                      <a:pos x="T0" y="T1"/>
                    </a:cxn>
                    <a:cxn ang="T51">
                      <a:pos x="T2" y="T3"/>
                    </a:cxn>
                    <a:cxn ang="T52">
                      <a:pos x="T4" y="T5"/>
                    </a:cxn>
                    <a:cxn ang="T53">
                      <a:pos x="T6" y="T7"/>
                    </a:cxn>
                    <a:cxn ang="T54">
                      <a:pos x="T8" y="T9"/>
                    </a:cxn>
                    <a:cxn ang="T55">
                      <a:pos x="T10" y="T11"/>
                    </a:cxn>
                    <a:cxn ang="T56">
                      <a:pos x="T12" y="T13"/>
                    </a:cxn>
                    <a:cxn ang="T57">
                      <a:pos x="T14" y="T15"/>
                    </a:cxn>
                    <a:cxn ang="T58">
                      <a:pos x="T16" y="T17"/>
                    </a:cxn>
                    <a:cxn ang="T59">
                      <a:pos x="T18" y="T19"/>
                    </a:cxn>
                    <a:cxn ang="T60">
                      <a:pos x="T20" y="T21"/>
                    </a:cxn>
                    <a:cxn ang="T61">
                      <a:pos x="T22" y="T23"/>
                    </a:cxn>
                    <a:cxn ang="T62">
                      <a:pos x="T24" y="T25"/>
                    </a:cxn>
                    <a:cxn ang="T63">
                      <a:pos x="T26" y="T27"/>
                    </a:cxn>
                    <a:cxn ang="T64">
                      <a:pos x="T28" y="T29"/>
                    </a:cxn>
                    <a:cxn ang="T65">
                      <a:pos x="T30" y="T31"/>
                    </a:cxn>
                    <a:cxn ang="T66">
                      <a:pos x="T32" y="T33"/>
                    </a:cxn>
                    <a:cxn ang="T67">
                      <a:pos x="T34" y="T35"/>
                    </a:cxn>
                    <a:cxn ang="T68">
                      <a:pos x="T36" y="T37"/>
                    </a:cxn>
                    <a:cxn ang="T69">
                      <a:pos x="T38" y="T39"/>
                    </a:cxn>
                    <a:cxn ang="T70">
                      <a:pos x="T40" y="T41"/>
                    </a:cxn>
                    <a:cxn ang="T71">
                      <a:pos x="T42" y="T43"/>
                    </a:cxn>
                    <a:cxn ang="T72">
                      <a:pos x="T44" y="T45"/>
                    </a:cxn>
                    <a:cxn ang="T73">
                      <a:pos x="T46" y="T47"/>
                    </a:cxn>
                    <a:cxn ang="T74">
                      <a:pos x="T48" y="T49"/>
                    </a:cxn>
                  </a:cxnLst>
                  <a:rect l="T75" t="T76" r="T77" b="T78"/>
                  <a:pathLst>
                    <a:path w="13" h="17">
                      <a:moveTo>
                        <a:pt x="1" y="5"/>
                      </a:moveTo>
                      <a:lnTo>
                        <a:pt x="3" y="2"/>
                      </a:lnTo>
                      <a:lnTo>
                        <a:pt x="6" y="0"/>
                      </a:lnTo>
                      <a:lnTo>
                        <a:pt x="8" y="0"/>
                      </a:lnTo>
                      <a:lnTo>
                        <a:pt x="11" y="0"/>
                      </a:lnTo>
                      <a:lnTo>
                        <a:pt x="13" y="0"/>
                      </a:lnTo>
                      <a:lnTo>
                        <a:pt x="13" y="2"/>
                      </a:lnTo>
                      <a:lnTo>
                        <a:pt x="13" y="3"/>
                      </a:lnTo>
                      <a:lnTo>
                        <a:pt x="13" y="5"/>
                      </a:lnTo>
                      <a:lnTo>
                        <a:pt x="13" y="8"/>
                      </a:lnTo>
                      <a:lnTo>
                        <a:pt x="11" y="10"/>
                      </a:lnTo>
                      <a:lnTo>
                        <a:pt x="10" y="14"/>
                      </a:lnTo>
                      <a:lnTo>
                        <a:pt x="6" y="15"/>
                      </a:lnTo>
                      <a:lnTo>
                        <a:pt x="5" y="17"/>
                      </a:lnTo>
                      <a:lnTo>
                        <a:pt x="1" y="17"/>
                      </a:lnTo>
                      <a:lnTo>
                        <a:pt x="1" y="15"/>
                      </a:lnTo>
                      <a:lnTo>
                        <a:pt x="0" y="14"/>
                      </a:lnTo>
                      <a:lnTo>
                        <a:pt x="0" y="12"/>
                      </a:lnTo>
                      <a:lnTo>
                        <a:pt x="0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1" y="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71" name="Freeform 135"/>
                <p:cNvSpPr>
                  <a:spLocks/>
                </p:cNvSpPr>
                <p:nvPr/>
              </p:nvSpPr>
              <p:spPr bwMode="auto">
                <a:xfrm>
                  <a:off x="3916" y="2758"/>
                  <a:ext cx="478" cy="363"/>
                </a:xfrm>
                <a:custGeom>
                  <a:avLst/>
                  <a:gdLst>
                    <a:gd name="T0" fmla="*/ 178 w 492"/>
                    <a:gd name="T1" fmla="*/ 243 h 374"/>
                    <a:gd name="T2" fmla="*/ 178 w 492"/>
                    <a:gd name="T3" fmla="*/ 240 h 374"/>
                    <a:gd name="T4" fmla="*/ 178 w 492"/>
                    <a:gd name="T5" fmla="*/ 229 h 374"/>
                    <a:gd name="T6" fmla="*/ 162 w 492"/>
                    <a:gd name="T7" fmla="*/ 208 h 374"/>
                    <a:gd name="T8" fmla="*/ 154 w 492"/>
                    <a:gd name="T9" fmla="*/ 202 h 374"/>
                    <a:gd name="T10" fmla="*/ 142 w 492"/>
                    <a:gd name="T11" fmla="*/ 177 h 374"/>
                    <a:gd name="T12" fmla="*/ 130 w 492"/>
                    <a:gd name="T13" fmla="*/ 173 h 374"/>
                    <a:gd name="T14" fmla="*/ 122 w 492"/>
                    <a:gd name="T15" fmla="*/ 168 h 374"/>
                    <a:gd name="T16" fmla="*/ 112 w 492"/>
                    <a:gd name="T17" fmla="*/ 156 h 374"/>
                    <a:gd name="T18" fmla="*/ 106 w 492"/>
                    <a:gd name="T19" fmla="*/ 144 h 374"/>
                    <a:gd name="T20" fmla="*/ 95 w 492"/>
                    <a:gd name="T21" fmla="*/ 139 h 374"/>
                    <a:gd name="T22" fmla="*/ 91 w 492"/>
                    <a:gd name="T23" fmla="*/ 137 h 374"/>
                    <a:gd name="T24" fmla="*/ 86 w 492"/>
                    <a:gd name="T25" fmla="*/ 132 h 374"/>
                    <a:gd name="T26" fmla="*/ 79 w 492"/>
                    <a:gd name="T27" fmla="*/ 120 h 374"/>
                    <a:gd name="T28" fmla="*/ 73 w 492"/>
                    <a:gd name="T29" fmla="*/ 120 h 374"/>
                    <a:gd name="T30" fmla="*/ 63 w 492"/>
                    <a:gd name="T31" fmla="*/ 114 h 374"/>
                    <a:gd name="T32" fmla="*/ 55 w 492"/>
                    <a:gd name="T33" fmla="*/ 104 h 374"/>
                    <a:gd name="T34" fmla="*/ 47 w 492"/>
                    <a:gd name="T35" fmla="*/ 96 h 374"/>
                    <a:gd name="T36" fmla="*/ 40 w 492"/>
                    <a:gd name="T37" fmla="*/ 79 h 374"/>
                    <a:gd name="T38" fmla="*/ 38 w 492"/>
                    <a:gd name="T39" fmla="*/ 74 h 374"/>
                    <a:gd name="T40" fmla="*/ 32 w 492"/>
                    <a:gd name="T41" fmla="*/ 73 h 374"/>
                    <a:gd name="T42" fmla="*/ 17 w 492"/>
                    <a:gd name="T43" fmla="*/ 70 h 374"/>
                    <a:gd name="T44" fmla="*/ 17 w 492"/>
                    <a:gd name="T45" fmla="*/ 67 h 374"/>
                    <a:gd name="T46" fmla="*/ 0 w 492"/>
                    <a:gd name="T47" fmla="*/ 56 h 374"/>
                    <a:gd name="T48" fmla="*/ 17 w 492"/>
                    <a:gd name="T49" fmla="*/ 37 h 374"/>
                    <a:gd name="T50" fmla="*/ 17 w 492"/>
                    <a:gd name="T51" fmla="*/ 37 h 374"/>
                    <a:gd name="T52" fmla="*/ 17 w 492"/>
                    <a:gd name="T53" fmla="*/ 28 h 374"/>
                    <a:gd name="T54" fmla="*/ 38 w 492"/>
                    <a:gd name="T55" fmla="*/ 17 h 374"/>
                    <a:gd name="T56" fmla="*/ 57 w 492"/>
                    <a:gd name="T57" fmla="*/ 15 h 374"/>
                    <a:gd name="T58" fmla="*/ 138 w 492"/>
                    <a:gd name="T59" fmla="*/ 1 h 374"/>
                    <a:gd name="T60" fmla="*/ 144 w 492"/>
                    <a:gd name="T61" fmla="*/ 0 h 374"/>
                    <a:gd name="T62" fmla="*/ 162 w 492"/>
                    <a:gd name="T63" fmla="*/ 12 h 374"/>
                    <a:gd name="T64" fmla="*/ 329 w 492"/>
                    <a:gd name="T65" fmla="*/ 77 h 374"/>
                    <a:gd name="T66" fmla="*/ 326 w 492"/>
                    <a:gd name="T67" fmla="*/ 79 h 374"/>
                    <a:gd name="T68" fmla="*/ 317 w 492"/>
                    <a:gd name="T69" fmla="*/ 85 h 374"/>
                    <a:gd name="T70" fmla="*/ 306 w 492"/>
                    <a:gd name="T71" fmla="*/ 100 h 374"/>
                    <a:gd name="T72" fmla="*/ 295 w 492"/>
                    <a:gd name="T73" fmla="*/ 120 h 374"/>
                    <a:gd name="T74" fmla="*/ 292 w 492"/>
                    <a:gd name="T75" fmla="*/ 125 h 374"/>
                    <a:gd name="T76" fmla="*/ 289 w 492"/>
                    <a:gd name="T77" fmla="*/ 123 h 374"/>
                    <a:gd name="T78" fmla="*/ 288 w 492"/>
                    <a:gd name="T79" fmla="*/ 131 h 374"/>
                    <a:gd name="T80" fmla="*/ 293 w 492"/>
                    <a:gd name="T81" fmla="*/ 134 h 374"/>
                    <a:gd name="T82" fmla="*/ 295 w 492"/>
                    <a:gd name="T83" fmla="*/ 139 h 374"/>
                    <a:gd name="T84" fmla="*/ 288 w 492"/>
                    <a:gd name="T85" fmla="*/ 148 h 374"/>
                    <a:gd name="T86" fmla="*/ 282 w 492"/>
                    <a:gd name="T87" fmla="*/ 149 h 374"/>
                    <a:gd name="T88" fmla="*/ 269 w 492"/>
                    <a:gd name="T89" fmla="*/ 164 h 374"/>
                    <a:gd name="T90" fmla="*/ 265 w 492"/>
                    <a:gd name="T91" fmla="*/ 172 h 374"/>
                    <a:gd name="T92" fmla="*/ 259 w 492"/>
                    <a:gd name="T93" fmla="*/ 177 h 374"/>
                    <a:gd name="T94" fmla="*/ 251 w 492"/>
                    <a:gd name="T95" fmla="*/ 182 h 374"/>
                    <a:gd name="T96" fmla="*/ 233 w 492"/>
                    <a:gd name="T97" fmla="*/ 196 h 374"/>
                    <a:gd name="T98" fmla="*/ 214 w 492"/>
                    <a:gd name="T99" fmla="*/ 207 h 374"/>
                    <a:gd name="T100" fmla="*/ 203 w 492"/>
                    <a:gd name="T101" fmla="*/ 229 h 374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w 492"/>
                    <a:gd name="T154" fmla="*/ 0 h 374"/>
                    <a:gd name="T155" fmla="*/ 492 w 492"/>
                    <a:gd name="T156" fmla="*/ 374 h 374"/>
                  </a:gdLst>
                  <a:ahLst/>
                  <a:cxnLst>
                    <a:cxn ang="T102">
                      <a:pos x="T0" y="T1"/>
                    </a:cxn>
                    <a:cxn ang="T103">
                      <a:pos x="T2" y="T3"/>
                    </a:cxn>
                    <a:cxn ang="T104">
                      <a:pos x="T4" y="T5"/>
                    </a:cxn>
                    <a:cxn ang="T105">
                      <a:pos x="T6" y="T7"/>
                    </a:cxn>
                    <a:cxn ang="T106">
                      <a:pos x="T8" y="T9"/>
                    </a:cxn>
                    <a:cxn ang="T107">
                      <a:pos x="T10" y="T11"/>
                    </a:cxn>
                    <a:cxn ang="T108">
                      <a:pos x="T12" y="T13"/>
                    </a:cxn>
                    <a:cxn ang="T109">
                      <a:pos x="T14" y="T15"/>
                    </a:cxn>
                    <a:cxn ang="T110">
                      <a:pos x="T16" y="T17"/>
                    </a:cxn>
                    <a:cxn ang="T111">
                      <a:pos x="T18" y="T19"/>
                    </a:cxn>
                    <a:cxn ang="T112">
                      <a:pos x="T20" y="T21"/>
                    </a:cxn>
                    <a:cxn ang="T113">
                      <a:pos x="T22" y="T23"/>
                    </a:cxn>
                    <a:cxn ang="T114">
                      <a:pos x="T24" y="T25"/>
                    </a:cxn>
                    <a:cxn ang="T115">
                      <a:pos x="T26" y="T27"/>
                    </a:cxn>
                    <a:cxn ang="T116">
                      <a:pos x="T28" y="T29"/>
                    </a:cxn>
                    <a:cxn ang="T117">
                      <a:pos x="T30" y="T31"/>
                    </a:cxn>
                    <a:cxn ang="T118">
                      <a:pos x="T32" y="T33"/>
                    </a:cxn>
                    <a:cxn ang="T119">
                      <a:pos x="T34" y="T35"/>
                    </a:cxn>
                    <a:cxn ang="T120">
                      <a:pos x="T36" y="T37"/>
                    </a:cxn>
                    <a:cxn ang="T121">
                      <a:pos x="T38" y="T39"/>
                    </a:cxn>
                    <a:cxn ang="T122">
                      <a:pos x="T40" y="T41"/>
                    </a:cxn>
                    <a:cxn ang="T123">
                      <a:pos x="T42" y="T43"/>
                    </a:cxn>
                    <a:cxn ang="T124">
                      <a:pos x="T44" y="T45"/>
                    </a:cxn>
                    <a:cxn ang="T125">
                      <a:pos x="T46" y="T47"/>
                    </a:cxn>
                    <a:cxn ang="T126">
                      <a:pos x="T48" y="T49"/>
                    </a:cxn>
                    <a:cxn ang="T127">
                      <a:pos x="T50" y="T51"/>
                    </a:cxn>
                    <a:cxn ang="T128">
                      <a:pos x="T52" y="T53"/>
                    </a:cxn>
                    <a:cxn ang="T129">
                      <a:pos x="T54" y="T55"/>
                    </a:cxn>
                    <a:cxn ang="T130">
                      <a:pos x="T56" y="T57"/>
                    </a:cxn>
                    <a:cxn ang="T131">
                      <a:pos x="T58" y="T59"/>
                    </a:cxn>
                    <a:cxn ang="T132">
                      <a:pos x="T60" y="T61"/>
                    </a:cxn>
                    <a:cxn ang="T133">
                      <a:pos x="T62" y="T63"/>
                    </a:cxn>
                    <a:cxn ang="T134">
                      <a:pos x="T64" y="T65"/>
                    </a:cxn>
                    <a:cxn ang="T135">
                      <a:pos x="T66" y="T67"/>
                    </a:cxn>
                    <a:cxn ang="T136">
                      <a:pos x="T68" y="T69"/>
                    </a:cxn>
                    <a:cxn ang="T137">
                      <a:pos x="T70" y="T71"/>
                    </a:cxn>
                    <a:cxn ang="T138">
                      <a:pos x="T72" y="T73"/>
                    </a:cxn>
                    <a:cxn ang="T139">
                      <a:pos x="T74" y="T75"/>
                    </a:cxn>
                    <a:cxn ang="T140">
                      <a:pos x="T76" y="T77"/>
                    </a:cxn>
                    <a:cxn ang="T141">
                      <a:pos x="T78" y="T79"/>
                    </a:cxn>
                    <a:cxn ang="T142">
                      <a:pos x="T80" y="T81"/>
                    </a:cxn>
                    <a:cxn ang="T143">
                      <a:pos x="T82" y="T83"/>
                    </a:cxn>
                    <a:cxn ang="T144">
                      <a:pos x="T84" y="T85"/>
                    </a:cxn>
                    <a:cxn ang="T145">
                      <a:pos x="T86" y="T87"/>
                    </a:cxn>
                    <a:cxn ang="T146">
                      <a:pos x="T88" y="T89"/>
                    </a:cxn>
                    <a:cxn ang="T147">
                      <a:pos x="T90" y="T91"/>
                    </a:cxn>
                    <a:cxn ang="T148">
                      <a:pos x="T92" y="T93"/>
                    </a:cxn>
                    <a:cxn ang="T149">
                      <a:pos x="T94" y="T95"/>
                    </a:cxn>
                    <a:cxn ang="T150">
                      <a:pos x="T96" y="T97"/>
                    </a:cxn>
                    <a:cxn ang="T151">
                      <a:pos x="T98" y="T99"/>
                    </a:cxn>
                    <a:cxn ang="T152">
                      <a:pos x="T100" y="T101"/>
                    </a:cxn>
                  </a:cxnLst>
                  <a:rect l="T153" t="T154" r="T155" b="T156"/>
                  <a:pathLst>
                    <a:path w="492" h="374">
                      <a:moveTo>
                        <a:pt x="269" y="374"/>
                      </a:moveTo>
                      <a:lnTo>
                        <a:pt x="269" y="374"/>
                      </a:lnTo>
                      <a:lnTo>
                        <a:pt x="269" y="372"/>
                      </a:lnTo>
                      <a:lnTo>
                        <a:pt x="267" y="370"/>
                      </a:lnTo>
                      <a:lnTo>
                        <a:pt x="267" y="369"/>
                      </a:lnTo>
                      <a:lnTo>
                        <a:pt x="267" y="367"/>
                      </a:lnTo>
                      <a:lnTo>
                        <a:pt x="267" y="365"/>
                      </a:lnTo>
                      <a:lnTo>
                        <a:pt x="267" y="364"/>
                      </a:lnTo>
                      <a:lnTo>
                        <a:pt x="267" y="362"/>
                      </a:lnTo>
                      <a:lnTo>
                        <a:pt x="266" y="348"/>
                      </a:lnTo>
                      <a:lnTo>
                        <a:pt x="261" y="338"/>
                      </a:lnTo>
                      <a:lnTo>
                        <a:pt x="255" y="330"/>
                      </a:lnTo>
                      <a:lnTo>
                        <a:pt x="249" y="321"/>
                      </a:lnTo>
                      <a:lnTo>
                        <a:pt x="242" y="316"/>
                      </a:lnTo>
                      <a:lnTo>
                        <a:pt x="235" y="313"/>
                      </a:lnTo>
                      <a:lnTo>
                        <a:pt x="232" y="309"/>
                      </a:lnTo>
                      <a:lnTo>
                        <a:pt x="230" y="308"/>
                      </a:lnTo>
                      <a:lnTo>
                        <a:pt x="228" y="292"/>
                      </a:lnTo>
                      <a:lnTo>
                        <a:pt x="225" y="282"/>
                      </a:lnTo>
                      <a:lnTo>
                        <a:pt x="218" y="274"/>
                      </a:lnTo>
                      <a:lnTo>
                        <a:pt x="211" y="269"/>
                      </a:lnTo>
                      <a:lnTo>
                        <a:pt x="205" y="265"/>
                      </a:lnTo>
                      <a:lnTo>
                        <a:pt x="200" y="264"/>
                      </a:lnTo>
                      <a:lnTo>
                        <a:pt x="195" y="262"/>
                      </a:lnTo>
                      <a:lnTo>
                        <a:pt x="193" y="262"/>
                      </a:lnTo>
                      <a:lnTo>
                        <a:pt x="193" y="260"/>
                      </a:lnTo>
                      <a:lnTo>
                        <a:pt x="189" y="259"/>
                      </a:lnTo>
                      <a:lnTo>
                        <a:pt x="184" y="254"/>
                      </a:lnTo>
                      <a:lnTo>
                        <a:pt x="179" y="250"/>
                      </a:lnTo>
                      <a:lnTo>
                        <a:pt x="174" y="245"/>
                      </a:lnTo>
                      <a:lnTo>
                        <a:pt x="171" y="240"/>
                      </a:lnTo>
                      <a:lnTo>
                        <a:pt x="167" y="237"/>
                      </a:lnTo>
                      <a:lnTo>
                        <a:pt x="166" y="233"/>
                      </a:lnTo>
                      <a:lnTo>
                        <a:pt x="162" y="225"/>
                      </a:lnTo>
                      <a:lnTo>
                        <a:pt x="157" y="218"/>
                      </a:lnTo>
                      <a:lnTo>
                        <a:pt x="154" y="213"/>
                      </a:lnTo>
                      <a:lnTo>
                        <a:pt x="149" y="211"/>
                      </a:lnTo>
                      <a:lnTo>
                        <a:pt x="145" y="210"/>
                      </a:lnTo>
                      <a:lnTo>
                        <a:pt x="142" y="210"/>
                      </a:lnTo>
                      <a:lnTo>
                        <a:pt x="139" y="210"/>
                      </a:lnTo>
                      <a:lnTo>
                        <a:pt x="137" y="208"/>
                      </a:lnTo>
                      <a:lnTo>
                        <a:pt x="135" y="204"/>
                      </a:lnTo>
                      <a:lnTo>
                        <a:pt x="132" y="203"/>
                      </a:lnTo>
                      <a:lnTo>
                        <a:pt x="130" y="199"/>
                      </a:lnTo>
                      <a:lnTo>
                        <a:pt x="127" y="193"/>
                      </a:lnTo>
                      <a:lnTo>
                        <a:pt x="123" y="188"/>
                      </a:lnTo>
                      <a:lnTo>
                        <a:pt x="120" y="184"/>
                      </a:lnTo>
                      <a:lnTo>
                        <a:pt x="117" y="182"/>
                      </a:lnTo>
                      <a:lnTo>
                        <a:pt x="113" y="181"/>
                      </a:lnTo>
                      <a:lnTo>
                        <a:pt x="112" y="182"/>
                      </a:lnTo>
                      <a:lnTo>
                        <a:pt x="108" y="182"/>
                      </a:lnTo>
                      <a:lnTo>
                        <a:pt x="101" y="181"/>
                      </a:lnTo>
                      <a:lnTo>
                        <a:pt x="96" y="179"/>
                      </a:lnTo>
                      <a:lnTo>
                        <a:pt x="93" y="174"/>
                      </a:lnTo>
                      <a:lnTo>
                        <a:pt x="90" y="169"/>
                      </a:lnTo>
                      <a:lnTo>
                        <a:pt x="86" y="164"/>
                      </a:lnTo>
                      <a:lnTo>
                        <a:pt x="85" y="160"/>
                      </a:lnTo>
                      <a:lnTo>
                        <a:pt x="83" y="157"/>
                      </a:lnTo>
                      <a:lnTo>
                        <a:pt x="83" y="155"/>
                      </a:lnTo>
                      <a:lnTo>
                        <a:pt x="78" y="152"/>
                      </a:lnTo>
                      <a:lnTo>
                        <a:pt x="71" y="145"/>
                      </a:lnTo>
                      <a:lnTo>
                        <a:pt x="66" y="138"/>
                      </a:lnTo>
                      <a:lnTo>
                        <a:pt x="61" y="132"/>
                      </a:lnTo>
                      <a:lnTo>
                        <a:pt x="57" y="125"/>
                      </a:lnTo>
                      <a:lnTo>
                        <a:pt x="56" y="118"/>
                      </a:lnTo>
                      <a:lnTo>
                        <a:pt x="52" y="115"/>
                      </a:lnTo>
                      <a:lnTo>
                        <a:pt x="52" y="113"/>
                      </a:lnTo>
                      <a:lnTo>
                        <a:pt x="52" y="111"/>
                      </a:lnTo>
                      <a:lnTo>
                        <a:pt x="49" y="111"/>
                      </a:lnTo>
                      <a:lnTo>
                        <a:pt x="47" y="111"/>
                      </a:lnTo>
                      <a:lnTo>
                        <a:pt x="46" y="110"/>
                      </a:lnTo>
                      <a:lnTo>
                        <a:pt x="39" y="110"/>
                      </a:lnTo>
                      <a:lnTo>
                        <a:pt x="32" y="108"/>
                      </a:lnTo>
                      <a:lnTo>
                        <a:pt x="27" y="106"/>
                      </a:lnTo>
                      <a:lnTo>
                        <a:pt x="24" y="105"/>
                      </a:lnTo>
                      <a:lnTo>
                        <a:pt x="20" y="103"/>
                      </a:lnTo>
                      <a:lnTo>
                        <a:pt x="19" y="101"/>
                      </a:lnTo>
                      <a:lnTo>
                        <a:pt x="17" y="100"/>
                      </a:lnTo>
                      <a:lnTo>
                        <a:pt x="5" y="98"/>
                      </a:lnTo>
                      <a:lnTo>
                        <a:pt x="0" y="93"/>
                      </a:lnTo>
                      <a:lnTo>
                        <a:pt x="0" y="84"/>
                      </a:lnTo>
                      <a:lnTo>
                        <a:pt x="2" y="74"/>
                      </a:lnTo>
                      <a:lnTo>
                        <a:pt x="7" y="66"/>
                      </a:lnTo>
                      <a:lnTo>
                        <a:pt x="13" y="57"/>
                      </a:lnTo>
                      <a:lnTo>
                        <a:pt x="17" y="52"/>
                      </a:lnTo>
                      <a:lnTo>
                        <a:pt x="19" y="50"/>
                      </a:lnTo>
                      <a:lnTo>
                        <a:pt x="20" y="52"/>
                      </a:lnTo>
                      <a:lnTo>
                        <a:pt x="22" y="50"/>
                      </a:lnTo>
                      <a:lnTo>
                        <a:pt x="24" y="49"/>
                      </a:lnTo>
                      <a:lnTo>
                        <a:pt x="27" y="45"/>
                      </a:lnTo>
                      <a:lnTo>
                        <a:pt x="30" y="42"/>
                      </a:lnTo>
                      <a:lnTo>
                        <a:pt x="35" y="39"/>
                      </a:lnTo>
                      <a:lnTo>
                        <a:pt x="41" y="35"/>
                      </a:lnTo>
                      <a:lnTo>
                        <a:pt x="47" y="32"/>
                      </a:lnTo>
                      <a:lnTo>
                        <a:pt x="52" y="28"/>
                      </a:lnTo>
                      <a:lnTo>
                        <a:pt x="61" y="23"/>
                      </a:lnTo>
                      <a:lnTo>
                        <a:pt x="68" y="20"/>
                      </a:lnTo>
                      <a:lnTo>
                        <a:pt x="76" y="17"/>
                      </a:lnTo>
                      <a:lnTo>
                        <a:pt x="85" y="15"/>
                      </a:lnTo>
                      <a:lnTo>
                        <a:pt x="95" y="13"/>
                      </a:lnTo>
                      <a:lnTo>
                        <a:pt x="105" y="10"/>
                      </a:lnTo>
                      <a:lnTo>
                        <a:pt x="113" y="10"/>
                      </a:lnTo>
                      <a:lnTo>
                        <a:pt x="206" y="1"/>
                      </a:lnTo>
                      <a:lnTo>
                        <a:pt x="208" y="1"/>
                      </a:lnTo>
                      <a:lnTo>
                        <a:pt x="210" y="0"/>
                      </a:lnTo>
                      <a:lnTo>
                        <a:pt x="215" y="0"/>
                      </a:lnTo>
                      <a:lnTo>
                        <a:pt x="222" y="0"/>
                      </a:lnTo>
                      <a:lnTo>
                        <a:pt x="228" y="1"/>
                      </a:lnTo>
                      <a:lnTo>
                        <a:pt x="235" y="5"/>
                      </a:lnTo>
                      <a:lnTo>
                        <a:pt x="242" y="12"/>
                      </a:lnTo>
                      <a:lnTo>
                        <a:pt x="250" y="23"/>
                      </a:lnTo>
                      <a:lnTo>
                        <a:pt x="254" y="37"/>
                      </a:lnTo>
                      <a:lnTo>
                        <a:pt x="362" y="20"/>
                      </a:lnTo>
                      <a:lnTo>
                        <a:pt x="492" y="115"/>
                      </a:lnTo>
                      <a:lnTo>
                        <a:pt x="491" y="115"/>
                      </a:lnTo>
                      <a:lnTo>
                        <a:pt x="489" y="118"/>
                      </a:lnTo>
                      <a:lnTo>
                        <a:pt x="486" y="120"/>
                      </a:lnTo>
                      <a:lnTo>
                        <a:pt x="484" y="122"/>
                      </a:lnTo>
                      <a:lnTo>
                        <a:pt x="481" y="125"/>
                      </a:lnTo>
                      <a:lnTo>
                        <a:pt x="475" y="130"/>
                      </a:lnTo>
                      <a:lnTo>
                        <a:pt x="472" y="133"/>
                      </a:lnTo>
                      <a:lnTo>
                        <a:pt x="467" y="140"/>
                      </a:lnTo>
                      <a:lnTo>
                        <a:pt x="464" y="145"/>
                      </a:lnTo>
                      <a:lnTo>
                        <a:pt x="459" y="150"/>
                      </a:lnTo>
                      <a:lnTo>
                        <a:pt x="455" y="159"/>
                      </a:lnTo>
                      <a:lnTo>
                        <a:pt x="450" y="166"/>
                      </a:lnTo>
                      <a:lnTo>
                        <a:pt x="447" y="174"/>
                      </a:lnTo>
                      <a:lnTo>
                        <a:pt x="443" y="182"/>
                      </a:lnTo>
                      <a:lnTo>
                        <a:pt x="440" y="191"/>
                      </a:lnTo>
                      <a:lnTo>
                        <a:pt x="437" y="189"/>
                      </a:lnTo>
                      <a:lnTo>
                        <a:pt x="435" y="188"/>
                      </a:lnTo>
                      <a:lnTo>
                        <a:pt x="435" y="186"/>
                      </a:lnTo>
                      <a:lnTo>
                        <a:pt x="433" y="186"/>
                      </a:lnTo>
                      <a:lnTo>
                        <a:pt x="433" y="188"/>
                      </a:lnTo>
                      <a:lnTo>
                        <a:pt x="431" y="191"/>
                      </a:lnTo>
                      <a:lnTo>
                        <a:pt x="431" y="194"/>
                      </a:lnTo>
                      <a:lnTo>
                        <a:pt x="431" y="198"/>
                      </a:lnTo>
                      <a:lnTo>
                        <a:pt x="433" y="199"/>
                      </a:lnTo>
                      <a:lnTo>
                        <a:pt x="435" y="201"/>
                      </a:lnTo>
                      <a:lnTo>
                        <a:pt x="440" y="203"/>
                      </a:lnTo>
                      <a:lnTo>
                        <a:pt x="442" y="203"/>
                      </a:lnTo>
                      <a:lnTo>
                        <a:pt x="442" y="204"/>
                      </a:lnTo>
                      <a:lnTo>
                        <a:pt x="443" y="206"/>
                      </a:lnTo>
                      <a:lnTo>
                        <a:pt x="443" y="210"/>
                      </a:lnTo>
                      <a:lnTo>
                        <a:pt x="443" y="213"/>
                      </a:lnTo>
                      <a:lnTo>
                        <a:pt x="440" y="216"/>
                      </a:lnTo>
                      <a:lnTo>
                        <a:pt x="437" y="221"/>
                      </a:lnTo>
                      <a:lnTo>
                        <a:pt x="431" y="225"/>
                      </a:lnTo>
                      <a:lnTo>
                        <a:pt x="430" y="225"/>
                      </a:lnTo>
                      <a:lnTo>
                        <a:pt x="428" y="225"/>
                      </a:lnTo>
                      <a:lnTo>
                        <a:pt x="423" y="228"/>
                      </a:lnTo>
                      <a:lnTo>
                        <a:pt x="418" y="230"/>
                      </a:lnTo>
                      <a:lnTo>
                        <a:pt x="413" y="235"/>
                      </a:lnTo>
                      <a:lnTo>
                        <a:pt x="408" y="240"/>
                      </a:lnTo>
                      <a:lnTo>
                        <a:pt x="403" y="248"/>
                      </a:lnTo>
                      <a:lnTo>
                        <a:pt x="398" y="259"/>
                      </a:lnTo>
                      <a:lnTo>
                        <a:pt x="396" y="260"/>
                      </a:lnTo>
                      <a:lnTo>
                        <a:pt x="394" y="262"/>
                      </a:lnTo>
                      <a:lnTo>
                        <a:pt x="393" y="265"/>
                      </a:lnTo>
                      <a:lnTo>
                        <a:pt x="391" y="267"/>
                      </a:lnTo>
                      <a:lnTo>
                        <a:pt x="389" y="269"/>
                      </a:lnTo>
                      <a:lnTo>
                        <a:pt x="387" y="270"/>
                      </a:lnTo>
                      <a:lnTo>
                        <a:pt x="376" y="272"/>
                      </a:lnTo>
                      <a:lnTo>
                        <a:pt x="376" y="277"/>
                      </a:lnTo>
                      <a:lnTo>
                        <a:pt x="384" y="279"/>
                      </a:lnTo>
                      <a:lnTo>
                        <a:pt x="359" y="299"/>
                      </a:lnTo>
                      <a:lnTo>
                        <a:pt x="354" y="291"/>
                      </a:lnTo>
                      <a:lnTo>
                        <a:pt x="349" y="299"/>
                      </a:lnTo>
                      <a:lnTo>
                        <a:pt x="354" y="304"/>
                      </a:lnTo>
                      <a:lnTo>
                        <a:pt x="343" y="316"/>
                      </a:lnTo>
                      <a:lnTo>
                        <a:pt x="335" y="314"/>
                      </a:lnTo>
                      <a:lnTo>
                        <a:pt x="320" y="314"/>
                      </a:lnTo>
                      <a:lnTo>
                        <a:pt x="305" y="316"/>
                      </a:lnTo>
                      <a:lnTo>
                        <a:pt x="296" y="320"/>
                      </a:lnTo>
                      <a:lnTo>
                        <a:pt x="291" y="336"/>
                      </a:lnTo>
                      <a:lnTo>
                        <a:pt x="303" y="348"/>
                      </a:lnTo>
                      <a:lnTo>
                        <a:pt x="289" y="374"/>
                      </a:lnTo>
                      <a:lnTo>
                        <a:pt x="281" y="372"/>
                      </a:lnTo>
                      <a:lnTo>
                        <a:pt x="269" y="374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72" name="Freeform 136"/>
                <p:cNvSpPr>
                  <a:spLocks/>
                </p:cNvSpPr>
                <p:nvPr/>
              </p:nvSpPr>
              <p:spPr bwMode="auto">
                <a:xfrm>
                  <a:off x="4222" y="3072"/>
                  <a:ext cx="15" cy="16"/>
                </a:xfrm>
                <a:custGeom>
                  <a:avLst/>
                  <a:gdLst>
                    <a:gd name="T0" fmla="*/ 1 w 15"/>
                    <a:gd name="T1" fmla="*/ 5 h 17"/>
                    <a:gd name="T2" fmla="*/ 1 w 15"/>
                    <a:gd name="T3" fmla="*/ 5 h 17"/>
                    <a:gd name="T4" fmla="*/ 5 w 15"/>
                    <a:gd name="T5" fmla="*/ 2 h 17"/>
                    <a:gd name="T6" fmla="*/ 6 w 15"/>
                    <a:gd name="T7" fmla="*/ 0 h 17"/>
                    <a:gd name="T8" fmla="*/ 10 w 15"/>
                    <a:gd name="T9" fmla="*/ 0 h 17"/>
                    <a:gd name="T10" fmla="*/ 12 w 15"/>
                    <a:gd name="T11" fmla="*/ 0 h 17"/>
                    <a:gd name="T12" fmla="*/ 12 w 15"/>
                    <a:gd name="T13" fmla="*/ 0 h 17"/>
                    <a:gd name="T14" fmla="*/ 13 w 15"/>
                    <a:gd name="T15" fmla="*/ 2 h 17"/>
                    <a:gd name="T16" fmla="*/ 13 w 15"/>
                    <a:gd name="T17" fmla="*/ 2 h 17"/>
                    <a:gd name="T18" fmla="*/ 15 w 15"/>
                    <a:gd name="T19" fmla="*/ 3 h 17"/>
                    <a:gd name="T20" fmla="*/ 15 w 15"/>
                    <a:gd name="T21" fmla="*/ 5 h 17"/>
                    <a:gd name="T22" fmla="*/ 15 w 15"/>
                    <a:gd name="T23" fmla="*/ 7 h 17"/>
                    <a:gd name="T24" fmla="*/ 13 w 15"/>
                    <a:gd name="T25" fmla="*/ 8 h 17"/>
                    <a:gd name="T26" fmla="*/ 13 w 15"/>
                    <a:gd name="T27" fmla="*/ 8 h 17"/>
                    <a:gd name="T28" fmla="*/ 12 w 15"/>
                    <a:gd name="T29" fmla="*/ 8 h 17"/>
                    <a:gd name="T30" fmla="*/ 12 w 15"/>
                    <a:gd name="T31" fmla="*/ 8 h 17"/>
                    <a:gd name="T32" fmla="*/ 10 w 15"/>
                    <a:gd name="T33" fmla="*/ 8 h 17"/>
                    <a:gd name="T34" fmla="*/ 6 w 15"/>
                    <a:gd name="T35" fmla="*/ 8 h 17"/>
                    <a:gd name="T36" fmla="*/ 3 w 15"/>
                    <a:gd name="T37" fmla="*/ 8 h 17"/>
                    <a:gd name="T38" fmla="*/ 1 w 15"/>
                    <a:gd name="T39" fmla="*/ 8 h 17"/>
                    <a:gd name="T40" fmla="*/ 1 w 15"/>
                    <a:gd name="T41" fmla="*/ 8 h 17"/>
                    <a:gd name="T42" fmla="*/ 1 w 15"/>
                    <a:gd name="T43" fmla="*/ 8 h 17"/>
                    <a:gd name="T44" fmla="*/ 0 w 15"/>
                    <a:gd name="T45" fmla="*/ 8 h 17"/>
                    <a:gd name="T46" fmla="*/ 0 w 15"/>
                    <a:gd name="T47" fmla="*/ 8 h 17"/>
                    <a:gd name="T48" fmla="*/ 0 w 15"/>
                    <a:gd name="T49" fmla="*/ 8 h 17"/>
                    <a:gd name="T50" fmla="*/ 0 w 15"/>
                    <a:gd name="T51" fmla="*/ 8 h 17"/>
                    <a:gd name="T52" fmla="*/ 0 w 15"/>
                    <a:gd name="T53" fmla="*/ 8 h 17"/>
                    <a:gd name="T54" fmla="*/ 1 w 15"/>
                    <a:gd name="T55" fmla="*/ 7 h 17"/>
                    <a:gd name="T56" fmla="*/ 1 w 15"/>
                    <a:gd name="T57" fmla="*/ 5 h 17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w 15"/>
                    <a:gd name="T88" fmla="*/ 0 h 17"/>
                    <a:gd name="T89" fmla="*/ 15 w 15"/>
                    <a:gd name="T90" fmla="*/ 17 h 17"/>
                  </a:gdLst>
                  <a:ahLst/>
                  <a:cxnLst>
                    <a:cxn ang="T58">
                      <a:pos x="T0" y="T1"/>
                    </a:cxn>
                    <a:cxn ang="T59">
                      <a:pos x="T2" y="T3"/>
                    </a:cxn>
                    <a:cxn ang="T60">
                      <a:pos x="T4" y="T5"/>
                    </a:cxn>
                    <a:cxn ang="T61">
                      <a:pos x="T6" y="T7"/>
                    </a:cxn>
                    <a:cxn ang="T62">
                      <a:pos x="T8" y="T9"/>
                    </a:cxn>
                    <a:cxn ang="T63">
                      <a:pos x="T10" y="T11"/>
                    </a:cxn>
                    <a:cxn ang="T64">
                      <a:pos x="T12" y="T13"/>
                    </a:cxn>
                    <a:cxn ang="T65">
                      <a:pos x="T14" y="T15"/>
                    </a:cxn>
                    <a:cxn ang="T66">
                      <a:pos x="T16" y="T17"/>
                    </a:cxn>
                    <a:cxn ang="T67">
                      <a:pos x="T18" y="T19"/>
                    </a:cxn>
                    <a:cxn ang="T68">
                      <a:pos x="T20" y="T21"/>
                    </a:cxn>
                    <a:cxn ang="T69">
                      <a:pos x="T22" y="T23"/>
                    </a:cxn>
                    <a:cxn ang="T70">
                      <a:pos x="T24" y="T25"/>
                    </a:cxn>
                    <a:cxn ang="T71">
                      <a:pos x="T26" y="T27"/>
                    </a:cxn>
                    <a:cxn ang="T72">
                      <a:pos x="T28" y="T29"/>
                    </a:cxn>
                    <a:cxn ang="T73">
                      <a:pos x="T30" y="T31"/>
                    </a:cxn>
                    <a:cxn ang="T74">
                      <a:pos x="T32" y="T33"/>
                    </a:cxn>
                    <a:cxn ang="T75">
                      <a:pos x="T34" y="T35"/>
                    </a:cxn>
                    <a:cxn ang="T76">
                      <a:pos x="T36" y="T37"/>
                    </a:cxn>
                    <a:cxn ang="T77">
                      <a:pos x="T38" y="T39"/>
                    </a:cxn>
                    <a:cxn ang="T78">
                      <a:pos x="T40" y="T41"/>
                    </a:cxn>
                    <a:cxn ang="T79">
                      <a:pos x="T42" y="T43"/>
                    </a:cxn>
                    <a:cxn ang="T80">
                      <a:pos x="T44" y="T45"/>
                    </a:cxn>
                    <a:cxn ang="T81">
                      <a:pos x="T46" y="T47"/>
                    </a:cxn>
                    <a:cxn ang="T82">
                      <a:pos x="T48" y="T49"/>
                    </a:cxn>
                    <a:cxn ang="T83">
                      <a:pos x="T50" y="T51"/>
                    </a:cxn>
                    <a:cxn ang="T84">
                      <a:pos x="T52" y="T53"/>
                    </a:cxn>
                    <a:cxn ang="T85">
                      <a:pos x="T54" y="T55"/>
                    </a:cxn>
                    <a:cxn ang="T86">
                      <a:pos x="T56" y="T57"/>
                    </a:cxn>
                  </a:cxnLst>
                  <a:rect l="T87" t="T88" r="T89" b="T90"/>
                  <a:pathLst>
                    <a:path w="15" h="17">
                      <a:moveTo>
                        <a:pt x="1" y="5"/>
                      </a:moveTo>
                      <a:lnTo>
                        <a:pt x="1" y="5"/>
                      </a:lnTo>
                      <a:lnTo>
                        <a:pt x="5" y="2"/>
                      </a:lnTo>
                      <a:lnTo>
                        <a:pt x="6" y="0"/>
                      </a:lnTo>
                      <a:lnTo>
                        <a:pt x="10" y="0"/>
                      </a:lnTo>
                      <a:lnTo>
                        <a:pt x="12" y="0"/>
                      </a:lnTo>
                      <a:lnTo>
                        <a:pt x="13" y="2"/>
                      </a:lnTo>
                      <a:lnTo>
                        <a:pt x="15" y="3"/>
                      </a:lnTo>
                      <a:lnTo>
                        <a:pt x="15" y="5"/>
                      </a:lnTo>
                      <a:lnTo>
                        <a:pt x="15" y="7"/>
                      </a:lnTo>
                      <a:lnTo>
                        <a:pt x="13" y="8"/>
                      </a:lnTo>
                      <a:lnTo>
                        <a:pt x="13" y="10"/>
                      </a:lnTo>
                      <a:lnTo>
                        <a:pt x="12" y="12"/>
                      </a:lnTo>
                      <a:lnTo>
                        <a:pt x="10" y="15"/>
                      </a:lnTo>
                      <a:lnTo>
                        <a:pt x="6" y="17"/>
                      </a:lnTo>
                      <a:lnTo>
                        <a:pt x="3" y="17"/>
                      </a:lnTo>
                      <a:lnTo>
                        <a:pt x="1" y="17"/>
                      </a:lnTo>
                      <a:lnTo>
                        <a:pt x="0" y="15"/>
                      </a:lnTo>
                      <a:lnTo>
                        <a:pt x="0" y="13"/>
                      </a:lnTo>
                      <a:lnTo>
                        <a:pt x="0" y="12"/>
                      </a:lnTo>
                      <a:lnTo>
                        <a:pt x="0" y="10"/>
                      </a:lnTo>
                      <a:lnTo>
                        <a:pt x="0" y="8"/>
                      </a:lnTo>
                      <a:lnTo>
                        <a:pt x="1" y="7"/>
                      </a:lnTo>
                      <a:lnTo>
                        <a:pt x="1" y="5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73" name="Freeform 137"/>
                <p:cNvSpPr>
                  <a:spLocks/>
                </p:cNvSpPr>
                <p:nvPr/>
              </p:nvSpPr>
              <p:spPr bwMode="auto">
                <a:xfrm>
                  <a:off x="4206" y="3072"/>
                  <a:ext cx="11" cy="12"/>
                </a:xfrm>
                <a:custGeom>
                  <a:avLst/>
                  <a:gdLst>
                    <a:gd name="T0" fmla="*/ 0 w 11"/>
                    <a:gd name="T1" fmla="*/ 6 h 13"/>
                    <a:gd name="T2" fmla="*/ 0 w 11"/>
                    <a:gd name="T3" fmla="*/ 6 h 13"/>
                    <a:gd name="T4" fmla="*/ 0 w 11"/>
                    <a:gd name="T5" fmla="*/ 3 h 13"/>
                    <a:gd name="T6" fmla="*/ 2 w 11"/>
                    <a:gd name="T7" fmla="*/ 2 h 13"/>
                    <a:gd name="T8" fmla="*/ 4 w 11"/>
                    <a:gd name="T9" fmla="*/ 0 h 13"/>
                    <a:gd name="T10" fmla="*/ 6 w 11"/>
                    <a:gd name="T11" fmla="*/ 0 h 13"/>
                    <a:gd name="T12" fmla="*/ 6 w 11"/>
                    <a:gd name="T13" fmla="*/ 0 h 13"/>
                    <a:gd name="T14" fmla="*/ 7 w 11"/>
                    <a:gd name="T15" fmla="*/ 0 h 13"/>
                    <a:gd name="T16" fmla="*/ 9 w 11"/>
                    <a:gd name="T17" fmla="*/ 2 h 13"/>
                    <a:gd name="T18" fmla="*/ 11 w 11"/>
                    <a:gd name="T19" fmla="*/ 3 h 13"/>
                    <a:gd name="T20" fmla="*/ 11 w 11"/>
                    <a:gd name="T21" fmla="*/ 6 h 13"/>
                    <a:gd name="T22" fmla="*/ 11 w 11"/>
                    <a:gd name="T23" fmla="*/ 6 h 13"/>
                    <a:gd name="T24" fmla="*/ 11 w 11"/>
                    <a:gd name="T25" fmla="*/ 6 h 13"/>
                    <a:gd name="T26" fmla="*/ 9 w 11"/>
                    <a:gd name="T27" fmla="*/ 6 h 13"/>
                    <a:gd name="T28" fmla="*/ 7 w 11"/>
                    <a:gd name="T29" fmla="*/ 6 h 13"/>
                    <a:gd name="T30" fmla="*/ 6 w 11"/>
                    <a:gd name="T31" fmla="*/ 6 h 13"/>
                    <a:gd name="T32" fmla="*/ 6 w 11"/>
                    <a:gd name="T33" fmla="*/ 6 h 13"/>
                    <a:gd name="T34" fmla="*/ 4 w 11"/>
                    <a:gd name="T35" fmla="*/ 6 h 13"/>
                    <a:gd name="T36" fmla="*/ 2 w 11"/>
                    <a:gd name="T37" fmla="*/ 6 h 13"/>
                    <a:gd name="T38" fmla="*/ 0 w 11"/>
                    <a:gd name="T39" fmla="*/ 6 h 13"/>
                    <a:gd name="T40" fmla="*/ 0 w 11"/>
                    <a:gd name="T41" fmla="*/ 6 h 13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1"/>
                    <a:gd name="T64" fmla="*/ 0 h 13"/>
                    <a:gd name="T65" fmla="*/ 11 w 11"/>
                    <a:gd name="T66" fmla="*/ 13 h 13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1" h="13">
                      <a:moveTo>
                        <a:pt x="0" y="7"/>
                      </a:moveTo>
                      <a:lnTo>
                        <a:pt x="0" y="7"/>
                      </a:lnTo>
                      <a:lnTo>
                        <a:pt x="0" y="3"/>
                      </a:lnTo>
                      <a:lnTo>
                        <a:pt x="2" y="2"/>
                      </a:lnTo>
                      <a:lnTo>
                        <a:pt x="4" y="0"/>
                      </a:lnTo>
                      <a:lnTo>
                        <a:pt x="6" y="0"/>
                      </a:lnTo>
                      <a:lnTo>
                        <a:pt x="7" y="0"/>
                      </a:lnTo>
                      <a:lnTo>
                        <a:pt x="9" y="2"/>
                      </a:lnTo>
                      <a:lnTo>
                        <a:pt x="11" y="3"/>
                      </a:lnTo>
                      <a:lnTo>
                        <a:pt x="11" y="7"/>
                      </a:lnTo>
                      <a:lnTo>
                        <a:pt x="11" y="10"/>
                      </a:lnTo>
                      <a:lnTo>
                        <a:pt x="9" y="12"/>
                      </a:lnTo>
                      <a:lnTo>
                        <a:pt x="7" y="13"/>
                      </a:lnTo>
                      <a:lnTo>
                        <a:pt x="6" y="13"/>
                      </a:lnTo>
                      <a:lnTo>
                        <a:pt x="4" y="13"/>
                      </a:lnTo>
                      <a:lnTo>
                        <a:pt x="2" y="12"/>
                      </a:lnTo>
                      <a:lnTo>
                        <a:pt x="0" y="10"/>
                      </a:lnTo>
                      <a:lnTo>
                        <a:pt x="0" y="7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74" name="Freeform 138"/>
                <p:cNvSpPr>
                  <a:spLocks/>
                </p:cNvSpPr>
                <p:nvPr/>
              </p:nvSpPr>
              <p:spPr bwMode="auto">
                <a:xfrm>
                  <a:off x="4212" y="3098"/>
                  <a:ext cx="13" cy="16"/>
                </a:xfrm>
                <a:custGeom>
                  <a:avLst/>
                  <a:gdLst>
                    <a:gd name="T0" fmla="*/ 1 w 13"/>
                    <a:gd name="T1" fmla="*/ 5 h 17"/>
                    <a:gd name="T2" fmla="*/ 1 w 13"/>
                    <a:gd name="T3" fmla="*/ 5 h 17"/>
                    <a:gd name="T4" fmla="*/ 3 w 13"/>
                    <a:gd name="T5" fmla="*/ 2 h 17"/>
                    <a:gd name="T6" fmla="*/ 6 w 13"/>
                    <a:gd name="T7" fmla="*/ 0 h 17"/>
                    <a:gd name="T8" fmla="*/ 8 w 13"/>
                    <a:gd name="T9" fmla="*/ 0 h 17"/>
                    <a:gd name="T10" fmla="*/ 11 w 13"/>
                    <a:gd name="T11" fmla="*/ 0 h 17"/>
                    <a:gd name="T12" fmla="*/ 11 w 13"/>
                    <a:gd name="T13" fmla="*/ 0 h 17"/>
                    <a:gd name="T14" fmla="*/ 13 w 13"/>
                    <a:gd name="T15" fmla="*/ 0 h 17"/>
                    <a:gd name="T16" fmla="*/ 13 w 13"/>
                    <a:gd name="T17" fmla="*/ 2 h 17"/>
                    <a:gd name="T18" fmla="*/ 13 w 13"/>
                    <a:gd name="T19" fmla="*/ 3 h 17"/>
                    <a:gd name="T20" fmla="*/ 13 w 13"/>
                    <a:gd name="T21" fmla="*/ 5 h 17"/>
                    <a:gd name="T22" fmla="*/ 13 w 13"/>
                    <a:gd name="T23" fmla="*/ 5 h 17"/>
                    <a:gd name="T24" fmla="*/ 13 w 13"/>
                    <a:gd name="T25" fmla="*/ 8 h 17"/>
                    <a:gd name="T26" fmla="*/ 13 w 13"/>
                    <a:gd name="T27" fmla="*/ 8 h 17"/>
                    <a:gd name="T28" fmla="*/ 11 w 13"/>
                    <a:gd name="T29" fmla="*/ 8 h 17"/>
                    <a:gd name="T30" fmla="*/ 11 w 13"/>
                    <a:gd name="T31" fmla="*/ 8 h 17"/>
                    <a:gd name="T32" fmla="*/ 10 w 13"/>
                    <a:gd name="T33" fmla="*/ 8 h 17"/>
                    <a:gd name="T34" fmla="*/ 6 w 13"/>
                    <a:gd name="T35" fmla="*/ 8 h 17"/>
                    <a:gd name="T36" fmla="*/ 5 w 13"/>
                    <a:gd name="T37" fmla="*/ 8 h 17"/>
                    <a:gd name="T38" fmla="*/ 1 w 13"/>
                    <a:gd name="T39" fmla="*/ 8 h 17"/>
                    <a:gd name="T40" fmla="*/ 1 w 13"/>
                    <a:gd name="T41" fmla="*/ 8 h 17"/>
                    <a:gd name="T42" fmla="*/ 1 w 13"/>
                    <a:gd name="T43" fmla="*/ 8 h 17"/>
                    <a:gd name="T44" fmla="*/ 0 w 13"/>
                    <a:gd name="T45" fmla="*/ 8 h 17"/>
                    <a:gd name="T46" fmla="*/ 0 w 13"/>
                    <a:gd name="T47" fmla="*/ 8 h 17"/>
                    <a:gd name="T48" fmla="*/ 0 w 13"/>
                    <a:gd name="T49" fmla="*/ 8 h 17"/>
                    <a:gd name="T50" fmla="*/ 0 w 13"/>
                    <a:gd name="T51" fmla="*/ 8 h 17"/>
                    <a:gd name="T52" fmla="*/ 0 w 13"/>
                    <a:gd name="T53" fmla="*/ 8 h 17"/>
                    <a:gd name="T54" fmla="*/ 0 w 13"/>
                    <a:gd name="T55" fmla="*/ 7 h 17"/>
                    <a:gd name="T56" fmla="*/ 1 w 13"/>
                    <a:gd name="T57" fmla="*/ 5 h 17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w 13"/>
                    <a:gd name="T88" fmla="*/ 0 h 17"/>
                    <a:gd name="T89" fmla="*/ 13 w 13"/>
                    <a:gd name="T90" fmla="*/ 17 h 17"/>
                  </a:gdLst>
                  <a:ahLst/>
                  <a:cxnLst>
                    <a:cxn ang="T58">
                      <a:pos x="T0" y="T1"/>
                    </a:cxn>
                    <a:cxn ang="T59">
                      <a:pos x="T2" y="T3"/>
                    </a:cxn>
                    <a:cxn ang="T60">
                      <a:pos x="T4" y="T5"/>
                    </a:cxn>
                    <a:cxn ang="T61">
                      <a:pos x="T6" y="T7"/>
                    </a:cxn>
                    <a:cxn ang="T62">
                      <a:pos x="T8" y="T9"/>
                    </a:cxn>
                    <a:cxn ang="T63">
                      <a:pos x="T10" y="T11"/>
                    </a:cxn>
                    <a:cxn ang="T64">
                      <a:pos x="T12" y="T13"/>
                    </a:cxn>
                    <a:cxn ang="T65">
                      <a:pos x="T14" y="T15"/>
                    </a:cxn>
                    <a:cxn ang="T66">
                      <a:pos x="T16" y="T17"/>
                    </a:cxn>
                    <a:cxn ang="T67">
                      <a:pos x="T18" y="T19"/>
                    </a:cxn>
                    <a:cxn ang="T68">
                      <a:pos x="T20" y="T21"/>
                    </a:cxn>
                    <a:cxn ang="T69">
                      <a:pos x="T22" y="T23"/>
                    </a:cxn>
                    <a:cxn ang="T70">
                      <a:pos x="T24" y="T25"/>
                    </a:cxn>
                    <a:cxn ang="T71">
                      <a:pos x="T26" y="T27"/>
                    </a:cxn>
                    <a:cxn ang="T72">
                      <a:pos x="T28" y="T29"/>
                    </a:cxn>
                    <a:cxn ang="T73">
                      <a:pos x="T30" y="T31"/>
                    </a:cxn>
                    <a:cxn ang="T74">
                      <a:pos x="T32" y="T33"/>
                    </a:cxn>
                    <a:cxn ang="T75">
                      <a:pos x="T34" y="T35"/>
                    </a:cxn>
                    <a:cxn ang="T76">
                      <a:pos x="T36" y="T37"/>
                    </a:cxn>
                    <a:cxn ang="T77">
                      <a:pos x="T38" y="T39"/>
                    </a:cxn>
                    <a:cxn ang="T78">
                      <a:pos x="T40" y="T41"/>
                    </a:cxn>
                    <a:cxn ang="T79">
                      <a:pos x="T42" y="T43"/>
                    </a:cxn>
                    <a:cxn ang="T80">
                      <a:pos x="T44" y="T45"/>
                    </a:cxn>
                    <a:cxn ang="T81">
                      <a:pos x="T46" y="T47"/>
                    </a:cxn>
                    <a:cxn ang="T82">
                      <a:pos x="T48" y="T49"/>
                    </a:cxn>
                    <a:cxn ang="T83">
                      <a:pos x="T50" y="T51"/>
                    </a:cxn>
                    <a:cxn ang="T84">
                      <a:pos x="T52" y="T53"/>
                    </a:cxn>
                    <a:cxn ang="T85">
                      <a:pos x="T54" y="T55"/>
                    </a:cxn>
                    <a:cxn ang="T86">
                      <a:pos x="T56" y="T57"/>
                    </a:cxn>
                  </a:cxnLst>
                  <a:rect l="T87" t="T88" r="T89" b="T90"/>
                  <a:pathLst>
                    <a:path w="13" h="17">
                      <a:moveTo>
                        <a:pt x="1" y="5"/>
                      </a:moveTo>
                      <a:lnTo>
                        <a:pt x="1" y="5"/>
                      </a:lnTo>
                      <a:lnTo>
                        <a:pt x="3" y="2"/>
                      </a:lnTo>
                      <a:lnTo>
                        <a:pt x="6" y="0"/>
                      </a:lnTo>
                      <a:lnTo>
                        <a:pt x="8" y="0"/>
                      </a:lnTo>
                      <a:lnTo>
                        <a:pt x="11" y="0"/>
                      </a:lnTo>
                      <a:lnTo>
                        <a:pt x="13" y="0"/>
                      </a:lnTo>
                      <a:lnTo>
                        <a:pt x="13" y="2"/>
                      </a:lnTo>
                      <a:lnTo>
                        <a:pt x="13" y="3"/>
                      </a:lnTo>
                      <a:lnTo>
                        <a:pt x="13" y="5"/>
                      </a:lnTo>
                      <a:lnTo>
                        <a:pt x="13" y="8"/>
                      </a:lnTo>
                      <a:lnTo>
                        <a:pt x="11" y="10"/>
                      </a:lnTo>
                      <a:lnTo>
                        <a:pt x="10" y="14"/>
                      </a:lnTo>
                      <a:lnTo>
                        <a:pt x="6" y="15"/>
                      </a:lnTo>
                      <a:lnTo>
                        <a:pt x="5" y="17"/>
                      </a:lnTo>
                      <a:lnTo>
                        <a:pt x="1" y="17"/>
                      </a:lnTo>
                      <a:lnTo>
                        <a:pt x="1" y="15"/>
                      </a:lnTo>
                      <a:lnTo>
                        <a:pt x="0" y="14"/>
                      </a:lnTo>
                      <a:lnTo>
                        <a:pt x="0" y="12"/>
                      </a:lnTo>
                      <a:lnTo>
                        <a:pt x="0" y="10"/>
                      </a:lnTo>
                      <a:lnTo>
                        <a:pt x="0" y="8"/>
                      </a:lnTo>
                      <a:lnTo>
                        <a:pt x="0" y="7"/>
                      </a:lnTo>
                      <a:lnTo>
                        <a:pt x="1" y="5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615" name="Group 139"/>
              <p:cNvGrpSpPr>
                <a:grpSpLocks/>
              </p:cNvGrpSpPr>
              <p:nvPr/>
            </p:nvGrpSpPr>
            <p:grpSpPr bwMode="auto">
              <a:xfrm>
                <a:off x="1186" y="3709"/>
                <a:ext cx="274" cy="176"/>
                <a:chOff x="1338" y="3375"/>
                <a:chExt cx="282" cy="181"/>
              </a:xfrm>
            </p:grpSpPr>
            <p:sp>
              <p:nvSpPr>
                <p:cNvPr id="652" name="Freeform 140"/>
                <p:cNvSpPr>
                  <a:spLocks/>
                </p:cNvSpPr>
                <p:nvPr/>
              </p:nvSpPr>
              <p:spPr bwMode="auto">
                <a:xfrm>
                  <a:off x="1361" y="3375"/>
                  <a:ext cx="26" cy="18"/>
                </a:xfrm>
                <a:custGeom>
                  <a:avLst/>
                  <a:gdLst>
                    <a:gd name="T0" fmla="*/ 0 w 26"/>
                    <a:gd name="T1" fmla="*/ 8 h 18"/>
                    <a:gd name="T2" fmla="*/ 0 w 26"/>
                    <a:gd name="T3" fmla="*/ 8 h 18"/>
                    <a:gd name="T4" fmla="*/ 2 w 26"/>
                    <a:gd name="T5" fmla="*/ 6 h 18"/>
                    <a:gd name="T6" fmla="*/ 2 w 26"/>
                    <a:gd name="T7" fmla="*/ 6 h 18"/>
                    <a:gd name="T8" fmla="*/ 5 w 26"/>
                    <a:gd name="T9" fmla="*/ 3 h 18"/>
                    <a:gd name="T10" fmla="*/ 9 w 26"/>
                    <a:gd name="T11" fmla="*/ 3 h 18"/>
                    <a:gd name="T12" fmla="*/ 12 w 26"/>
                    <a:gd name="T13" fmla="*/ 1 h 18"/>
                    <a:gd name="T14" fmla="*/ 17 w 26"/>
                    <a:gd name="T15" fmla="*/ 0 h 18"/>
                    <a:gd name="T16" fmla="*/ 22 w 26"/>
                    <a:gd name="T17" fmla="*/ 0 h 18"/>
                    <a:gd name="T18" fmla="*/ 24 w 26"/>
                    <a:gd name="T19" fmla="*/ 0 h 18"/>
                    <a:gd name="T20" fmla="*/ 24 w 26"/>
                    <a:gd name="T21" fmla="*/ 3 h 18"/>
                    <a:gd name="T22" fmla="*/ 24 w 26"/>
                    <a:gd name="T23" fmla="*/ 6 h 18"/>
                    <a:gd name="T24" fmla="*/ 26 w 26"/>
                    <a:gd name="T25" fmla="*/ 6 h 18"/>
                    <a:gd name="T26" fmla="*/ 21 w 26"/>
                    <a:gd name="T27" fmla="*/ 18 h 18"/>
                    <a:gd name="T28" fmla="*/ 4 w 26"/>
                    <a:gd name="T29" fmla="*/ 13 h 18"/>
                    <a:gd name="T30" fmla="*/ 0 w 26"/>
                    <a:gd name="T31" fmla="*/ 8 h 18"/>
                    <a:gd name="T32" fmla="*/ 0 60000 65536"/>
                    <a:gd name="T33" fmla="*/ 0 60000 65536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w 26"/>
                    <a:gd name="T49" fmla="*/ 0 h 18"/>
                    <a:gd name="T50" fmla="*/ 26 w 26"/>
                    <a:gd name="T51" fmla="*/ 18 h 18"/>
                  </a:gdLst>
                  <a:ahLst/>
                  <a:cxnLst>
                    <a:cxn ang="T32">
                      <a:pos x="T0" y="T1"/>
                    </a:cxn>
                    <a:cxn ang="T33">
                      <a:pos x="T2" y="T3"/>
                    </a:cxn>
                    <a:cxn ang="T34">
                      <a:pos x="T4" y="T5"/>
                    </a:cxn>
                    <a:cxn ang="T35">
                      <a:pos x="T6" y="T7"/>
                    </a:cxn>
                    <a:cxn ang="T36">
                      <a:pos x="T8" y="T9"/>
                    </a:cxn>
                    <a:cxn ang="T37">
                      <a:pos x="T10" y="T11"/>
                    </a:cxn>
                    <a:cxn ang="T38">
                      <a:pos x="T12" y="T13"/>
                    </a:cxn>
                    <a:cxn ang="T39">
                      <a:pos x="T14" y="T15"/>
                    </a:cxn>
                    <a:cxn ang="T40">
                      <a:pos x="T16" y="T17"/>
                    </a:cxn>
                    <a:cxn ang="T41">
                      <a:pos x="T18" y="T19"/>
                    </a:cxn>
                    <a:cxn ang="T42">
                      <a:pos x="T20" y="T21"/>
                    </a:cxn>
                    <a:cxn ang="T43">
                      <a:pos x="T22" y="T23"/>
                    </a:cxn>
                    <a:cxn ang="T44">
                      <a:pos x="T24" y="T25"/>
                    </a:cxn>
                    <a:cxn ang="T45">
                      <a:pos x="T26" y="T27"/>
                    </a:cxn>
                    <a:cxn ang="T46">
                      <a:pos x="T28" y="T29"/>
                    </a:cxn>
                    <a:cxn ang="T47">
                      <a:pos x="T30" y="T31"/>
                    </a:cxn>
                  </a:cxnLst>
                  <a:rect l="T48" t="T49" r="T50" b="T51"/>
                  <a:pathLst>
                    <a:path w="26" h="18">
                      <a:moveTo>
                        <a:pt x="0" y="8"/>
                      </a:moveTo>
                      <a:lnTo>
                        <a:pt x="0" y="8"/>
                      </a:lnTo>
                      <a:lnTo>
                        <a:pt x="2" y="6"/>
                      </a:lnTo>
                      <a:lnTo>
                        <a:pt x="5" y="3"/>
                      </a:lnTo>
                      <a:lnTo>
                        <a:pt x="9" y="3"/>
                      </a:lnTo>
                      <a:lnTo>
                        <a:pt x="12" y="1"/>
                      </a:lnTo>
                      <a:lnTo>
                        <a:pt x="17" y="0"/>
                      </a:lnTo>
                      <a:lnTo>
                        <a:pt x="22" y="0"/>
                      </a:lnTo>
                      <a:lnTo>
                        <a:pt x="24" y="0"/>
                      </a:lnTo>
                      <a:lnTo>
                        <a:pt x="24" y="3"/>
                      </a:lnTo>
                      <a:lnTo>
                        <a:pt x="24" y="6"/>
                      </a:lnTo>
                      <a:lnTo>
                        <a:pt x="26" y="6"/>
                      </a:lnTo>
                      <a:lnTo>
                        <a:pt x="21" y="18"/>
                      </a:lnTo>
                      <a:lnTo>
                        <a:pt x="4" y="13"/>
                      </a:lnTo>
                      <a:lnTo>
                        <a:pt x="0" y="8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53" name="Freeform 141"/>
                <p:cNvSpPr>
                  <a:spLocks/>
                </p:cNvSpPr>
                <p:nvPr/>
              </p:nvSpPr>
              <p:spPr bwMode="auto">
                <a:xfrm>
                  <a:off x="1361" y="3375"/>
                  <a:ext cx="26" cy="18"/>
                </a:xfrm>
                <a:custGeom>
                  <a:avLst/>
                  <a:gdLst>
                    <a:gd name="T0" fmla="*/ 0 w 26"/>
                    <a:gd name="T1" fmla="*/ 8 h 18"/>
                    <a:gd name="T2" fmla="*/ 0 w 26"/>
                    <a:gd name="T3" fmla="*/ 8 h 18"/>
                    <a:gd name="T4" fmla="*/ 0 w 26"/>
                    <a:gd name="T5" fmla="*/ 8 h 18"/>
                    <a:gd name="T6" fmla="*/ 2 w 26"/>
                    <a:gd name="T7" fmla="*/ 6 h 18"/>
                    <a:gd name="T8" fmla="*/ 2 w 26"/>
                    <a:gd name="T9" fmla="*/ 6 h 18"/>
                    <a:gd name="T10" fmla="*/ 5 w 26"/>
                    <a:gd name="T11" fmla="*/ 3 h 18"/>
                    <a:gd name="T12" fmla="*/ 9 w 26"/>
                    <a:gd name="T13" fmla="*/ 3 h 18"/>
                    <a:gd name="T14" fmla="*/ 12 w 26"/>
                    <a:gd name="T15" fmla="*/ 1 h 18"/>
                    <a:gd name="T16" fmla="*/ 17 w 26"/>
                    <a:gd name="T17" fmla="*/ 0 h 18"/>
                    <a:gd name="T18" fmla="*/ 22 w 26"/>
                    <a:gd name="T19" fmla="*/ 0 h 18"/>
                    <a:gd name="T20" fmla="*/ 22 w 26"/>
                    <a:gd name="T21" fmla="*/ 0 h 18"/>
                    <a:gd name="T22" fmla="*/ 24 w 26"/>
                    <a:gd name="T23" fmla="*/ 0 h 18"/>
                    <a:gd name="T24" fmla="*/ 24 w 26"/>
                    <a:gd name="T25" fmla="*/ 3 h 18"/>
                    <a:gd name="T26" fmla="*/ 24 w 26"/>
                    <a:gd name="T27" fmla="*/ 6 h 18"/>
                    <a:gd name="T28" fmla="*/ 26 w 26"/>
                    <a:gd name="T29" fmla="*/ 6 h 18"/>
                    <a:gd name="T30" fmla="*/ 21 w 26"/>
                    <a:gd name="T31" fmla="*/ 18 h 18"/>
                    <a:gd name="T32" fmla="*/ 4 w 26"/>
                    <a:gd name="T33" fmla="*/ 13 h 18"/>
                    <a:gd name="T34" fmla="*/ 0 w 26"/>
                    <a:gd name="T35" fmla="*/ 8 h 18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w 26"/>
                    <a:gd name="T55" fmla="*/ 0 h 18"/>
                    <a:gd name="T56" fmla="*/ 26 w 26"/>
                    <a:gd name="T57" fmla="*/ 18 h 18"/>
                  </a:gdLst>
                  <a:ahLst/>
                  <a:cxnLst>
                    <a:cxn ang="T36">
                      <a:pos x="T0" y="T1"/>
                    </a:cxn>
                    <a:cxn ang="T37">
                      <a:pos x="T2" y="T3"/>
                    </a:cxn>
                    <a:cxn ang="T38">
                      <a:pos x="T4" y="T5"/>
                    </a:cxn>
                    <a:cxn ang="T39">
                      <a:pos x="T6" y="T7"/>
                    </a:cxn>
                    <a:cxn ang="T40">
                      <a:pos x="T8" y="T9"/>
                    </a:cxn>
                    <a:cxn ang="T41">
                      <a:pos x="T10" y="T11"/>
                    </a:cxn>
                    <a:cxn ang="T42">
                      <a:pos x="T12" y="T13"/>
                    </a:cxn>
                    <a:cxn ang="T43">
                      <a:pos x="T14" y="T15"/>
                    </a:cxn>
                    <a:cxn ang="T44">
                      <a:pos x="T16" y="T17"/>
                    </a:cxn>
                    <a:cxn ang="T45">
                      <a:pos x="T18" y="T19"/>
                    </a:cxn>
                    <a:cxn ang="T46">
                      <a:pos x="T20" y="T21"/>
                    </a:cxn>
                    <a:cxn ang="T47">
                      <a:pos x="T22" y="T23"/>
                    </a:cxn>
                    <a:cxn ang="T48">
                      <a:pos x="T24" y="T25"/>
                    </a:cxn>
                    <a:cxn ang="T49">
                      <a:pos x="T26" y="T27"/>
                    </a:cxn>
                    <a:cxn ang="T50">
                      <a:pos x="T28" y="T29"/>
                    </a:cxn>
                    <a:cxn ang="T51">
                      <a:pos x="T30" y="T31"/>
                    </a:cxn>
                    <a:cxn ang="T52">
                      <a:pos x="T32" y="T33"/>
                    </a:cxn>
                    <a:cxn ang="T53">
                      <a:pos x="T34" y="T35"/>
                    </a:cxn>
                  </a:cxnLst>
                  <a:rect l="T54" t="T55" r="T56" b="T57"/>
                  <a:pathLst>
                    <a:path w="26" h="18">
                      <a:moveTo>
                        <a:pt x="0" y="8"/>
                      </a:moveTo>
                      <a:lnTo>
                        <a:pt x="0" y="8"/>
                      </a:lnTo>
                      <a:lnTo>
                        <a:pt x="2" y="6"/>
                      </a:lnTo>
                      <a:lnTo>
                        <a:pt x="5" y="3"/>
                      </a:lnTo>
                      <a:lnTo>
                        <a:pt x="9" y="3"/>
                      </a:lnTo>
                      <a:lnTo>
                        <a:pt x="12" y="1"/>
                      </a:lnTo>
                      <a:lnTo>
                        <a:pt x="17" y="0"/>
                      </a:lnTo>
                      <a:lnTo>
                        <a:pt x="22" y="0"/>
                      </a:lnTo>
                      <a:lnTo>
                        <a:pt x="24" y="0"/>
                      </a:lnTo>
                      <a:lnTo>
                        <a:pt x="24" y="3"/>
                      </a:lnTo>
                      <a:lnTo>
                        <a:pt x="24" y="6"/>
                      </a:lnTo>
                      <a:lnTo>
                        <a:pt x="26" y="6"/>
                      </a:lnTo>
                      <a:lnTo>
                        <a:pt x="21" y="18"/>
                      </a:lnTo>
                      <a:lnTo>
                        <a:pt x="4" y="13"/>
                      </a:lnTo>
                      <a:lnTo>
                        <a:pt x="0" y="8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54" name="Freeform 142"/>
                <p:cNvSpPr>
                  <a:spLocks/>
                </p:cNvSpPr>
                <p:nvPr/>
              </p:nvSpPr>
              <p:spPr bwMode="auto">
                <a:xfrm>
                  <a:off x="1441" y="3403"/>
                  <a:ext cx="30" cy="24"/>
                </a:xfrm>
                <a:custGeom>
                  <a:avLst/>
                  <a:gdLst>
                    <a:gd name="T0" fmla="*/ 0 w 30"/>
                    <a:gd name="T1" fmla="*/ 5 h 24"/>
                    <a:gd name="T2" fmla="*/ 8 w 30"/>
                    <a:gd name="T3" fmla="*/ 5 h 24"/>
                    <a:gd name="T4" fmla="*/ 8 w 30"/>
                    <a:gd name="T5" fmla="*/ 5 h 24"/>
                    <a:gd name="T6" fmla="*/ 8 w 30"/>
                    <a:gd name="T7" fmla="*/ 4 h 24"/>
                    <a:gd name="T8" fmla="*/ 8 w 30"/>
                    <a:gd name="T9" fmla="*/ 2 h 24"/>
                    <a:gd name="T10" fmla="*/ 10 w 30"/>
                    <a:gd name="T11" fmla="*/ 0 h 24"/>
                    <a:gd name="T12" fmla="*/ 10 w 30"/>
                    <a:gd name="T13" fmla="*/ 0 h 24"/>
                    <a:gd name="T14" fmla="*/ 12 w 30"/>
                    <a:gd name="T15" fmla="*/ 0 h 24"/>
                    <a:gd name="T16" fmla="*/ 13 w 30"/>
                    <a:gd name="T17" fmla="*/ 2 h 24"/>
                    <a:gd name="T18" fmla="*/ 17 w 30"/>
                    <a:gd name="T19" fmla="*/ 5 h 24"/>
                    <a:gd name="T20" fmla="*/ 17 w 30"/>
                    <a:gd name="T21" fmla="*/ 7 h 24"/>
                    <a:gd name="T22" fmla="*/ 18 w 30"/>
                    <a:gd name="T23" fmla="*/ 9 h 24"/>
                    <a:gd name="T24" fmla="*/ 22 w 30"/>
                    <a:gd name="T25" fmla="*/ 12 h 24"/>
                    <a:gd name="T26" fmla="*/ 27 w 30"/>
                    <a:gd name="T27" fmla="*/ 16 h 24"/>
                    <a:gd name="T28" fmla="*/ 27 w 30"/>
                    <a:gd name="T29" fmla="*/ 17 h 24"/>
                    <a:gd name="T30" fmla="*/ 29 w 30"/>
                    <a:gd name="T31" fmla="*/ 19 h 24"/>
                    <a:gd name="T32" fmla="*/ 30 w 30"/>
                    <a:gd name="T33" fmla="*/ 21 h 24"/>
                    <a:gd name="T34" fmla="*/ 30 w 30"/>
                    <a:gd name="T35" fmla="*/ 22 h 24"/>
                    <a:gd name="T36" fmla="*/ 30 w 30"/>
                    <a:gd name="T37" fmla="*/ 24 h 24"/>
                    <a:gd name="T38" fmla="*/ 27 w 30"/>
                    <a:gd name="T39" fmla="*/ 24 h 24"/>
                    <a:gd name="T40" fmla="*/ 22 w 30"/>
                    <a:gd name="T41" fmla="*/ 24 h 24"/>
                    <a:gd name="T42" fmla="*/ 15 w 30"/>
                    <a:gd name="T43" fmla="*/ 21 h 24"/>
                    <a:gd name="T44" fmla="*/ 13 w 30"/>
                    <a:gd name="T45" fmla="*/ 21 h 24"/>
                    <a:gd name="T46" fmla="*/ 10 w 30"/>
                    <a:gd name="T47" fmla="*/ 21 h 24"/>
                    <a:gd name="T48" fmla="*/ 8 w 30"/>
                    <a:gd name="T49" fmla="*/ 22 h 24"/>
                    <a:gd name="T50" fmla="*/ 8 w 30"/>
                    <a:gd name="T51" fmla="*/ 22 h 24"/>
                    <a:gd name="T52" fmla="*/ 1 w 30"/>
                    <a:gd name="T53" fmla="*/ 14 h 24"/>
                    <a:gd name="T54" fmla="*/ 0 w 30"/>
                    <a:gd name="T55" fmla="*/ 5 h 24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w 30"/>
                    <a:gd name="T85" fmla="*/ 0 h 24"/>
                    <a:gd name="T86" fmla="*/ 30 w 30"/>
                    <a:gd name="T87" fmla="*/ 24 h 24"/>
                  </a:gdLst>
                  <a:ahLst/>
                  <a:cxnLst>
                    <a:cxn ang="T56">
                      <a:pos x="T0" y="T1"/>
                    </a:cxn>
                    <a:cxn ang="T57">
                      <a:pos x="T2" y="T3"/>
                    </a:cxn>
                    <a:cxn ang="T58">
                      <a:pos x="T4" y="T5"/>
                    </a:cxn>
                    <a:cxn ang="T59">
                      <a:pos x="T6" y="T7"/>
                    </a:cxn>
                    <a:cxn ang="T60">
                      <a:pos x="T8" y="T9"/>
                    </a:cxn>
                    <a:cxn ang="T61">
                      <a:pos x="T10" y="T11"/>
                    </a:cxn>
                    <a:cxn ang="T62">
                      <a:pos x="T12" y="T13"/>
                    </a:cxn>
                    <a:cxn ang="T63">
                      <a:pos x="T14" y="T15"/>
                    </a:cxn>
                    <a:cxn ang="T64">
                      <a:pos x="T16" y="T17"/>
                    </a:cxn>
                    <a:cxn ang="T65">
                      <a:pos x="T18" y="T19"/>
                    </a:cxn>
                    <a:cxn ang="T66">
                      <a:pos x="T20" y="T21"/>
                    </a:cxn>
                    <a:cxn ang="T67">
                      <a:pos x="T22" y="T23"/>
                    </a:cxn>
                    <a:cxn ang="T68">
                      <a:pos x="T24" y="T25"/>
                    </a:cxn>
                    <a:cxn ang="T69">
                      <a:pos x="T26" y="T27"/>
                    </a:cxn>
                    <a:cxn ang="T70">
                      <a:pos x="T28" y="T29"/>
                    </a:cxn>
                    <a:cxn ang="T71">
                      <a:pos x="T30" y="T31"/>
                    </a:cxn>
                    <a:cxn ang="T72">
                      <a:pos x="T32" y="T33"/>
                    </a:cxn>
                    <a:cxn ang="T73">
                      <a:pos x="T34" y="T35"/>
                    </a:cxn>
                    <a:cxn ang="T74">
                      <a:pos x="T36" y="T37"/>
                    </a:cxn>
                    <a:cxn ang="T75">
                      <a:pos x="T38" y="T39"/>
                    </a:cxn>
                    <a:cxn ang="T76">
                      <a:pos x="T40" y="T41"/>
                    </a:cxn>
                    <a:cxn ang="T77">
                      <a:pos x="T42" y="T43"/>
                    </a:cxn>
                    <a:cxn ang="T78">
                      <a:pos x="T44" y="T45"/>
                    </a:cxn>
                    <a:cxn ang="T79">
                      <a:pos x="T46" y="T47"/>
                    </a:cxn>
                    <a:cxn ang="T80">
                      <a:pos x="T48" y="T49"/>
                    </a:cxn>
                    <a:cxn ang="T81">
                      <a:pos x="T50" y="T51"/>
                    </a:cxn>
                    <a:cxn ang="T82">
                      <a:pos x="T52" y="T53"/>
                    </a:cxn>
                    <a:cxn ang="T83">
                      <a:pos x="T54" y="T55"/>
                    </a:cxn>
                  </a:cxnLst>
                  <a:rect l="T84" t="T85" r="T86" b="T87"/>
                  <a:pathLst>
                    <a:path w="30" h="24">
                      <a:moveTo>
                        <a:pt x="0" y="5"/>
                      </a:moveTo>
                      <a:lnTo>
                        <a:pt x="8" y="5"/>
                      </a:lnTo>
                      <a:lnTo>
                        <a:pt x="8" y="4"/>
                      </a:lnTo>
                      <a:lnTo>
                        <a:pt x="8" y="2"/>
                      </a:lnTo>
                      <a:lnTo>
                        <a:pt x="10" y="0"/>
                      </a:lnTo>
                      <a:lnTo>
                        <a:pt x="12" y="0"/>
                      </a:lnTo>
                      <a:lnTo>
                        <a:pt x="13" y="2"/>
                      </a:lnTo>
                      <a:lnTo>
                        <a:pt x="17" y="5"/>
                      </a:lnTo>
                      <a:lnTo>
                        <a:pt x="17" y="7"/>
                      </a:lnTo>
                      <a:lnTo>
                        <a:pt x="18" y="9"/>
                      </a:lnTo>
                      <a:lnTo>
                        <a:pt x="22" y="12"/>
                      </a:lnTo>
                      <a:lnTo>
                        <a:pt x="27" y="16"/>
                      </a:lnTo>
                      <a:lnTo>
                        <a:pt x="27" y="17"/>
                      </a:lnTo>
                      <a:lnTo>
                        <a:pt x="29" y="19"/>
                      </a:lnTo>
                      <a:lnTo>
                        <a:pt x="30" y="21"/>
                      </a:lnTo>
                      <a:lnTo>
                        <a:pt x="30" y="22"/>
                      </a:lnTo>
                      <a:lnTo>
                        <a:pt x="30" y="24"/>
                      </a:lnTo>
                      <a:lnTo>
                        <a:pt x="27" y="24"/>
                      </a:lnTo>
                      <a:lnTo>
                        <a:pt x="22" y="24"/>
                      </a:lnTo>
                      <a:lnTo>
                        <a:pt x="15" y="21"/>
                      </a:lnTo>
                      <a:lnTo>
                        <a:pt x="13" y="21"/>
                      </a:lnTo>
                      <a:lnTo>
                        <a:pt x="10" y="21"/>
                      </a:lnTo>
                      <a:lnTo>
                        <a:pt x="8" y="22"/>
                      </a:lnTo>
                      <a:lnTo>
                        <a:pt x="1" y="14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55" name="Freeform 143"/>
                <p:cNvSpPr>
                  <a:spLocks/>
                </p:cNvSpPr>
                <p:nvPr/>
              </p:nvSpPr>
              <p:spPr bwMode="auto">
                <a:xfrm>
                  <a:off x="1441" y="3403"/>
                  <a:ext cx="30" cy="24"/>
                </a:xfrm>
                <a:custGeom>
                  <a:avLst/>
                  <a:gdLst>
                    <a:gd name="T0" fmla="*/ 0 w 30"/>
                    <a:gd name="T1" fmla="*/ 5 h 24"/>
                    <a:gd name="T2" fmla="*/ 8 w 30"/>
                    <a:gd name="T3" fmla="*/ 5 h 24"/>
                    <a:gd name="T4" fmla="*/ 8 w 30"/>
                    <a:gd name="T5" fmla="*/ 5 h 24"/>
                    <a:gd name="T6" fmla="*/ 8 w 30"/>
                    <a:gd name="T7" fmla="*/ 5 h 24"/>
                    <a:gd name="T8" fmla="*/ 8 w 30"/>
                    <a:gd name="T9" fmla="*/ 4 h 24"/>
                    <a:gd name="T10" fmla="*/ 8 w 30"/>
                    <a:gd name="T11" fmla="*/ 2 h 24"/>
                    <a:gd name="T12" fmla="*/ 10 w 30"/>
                    <a:gd name="T13" fmla="*/ 0 h 24"/>
                    <a:gd name="T14" fmla="*/ 10 w 30"/>
                    <a:gd name="T15" fmla="*/ 0 h 24"/>
                    <a:gd name="T16" fmla="*/ 12 w 30"/>
                    <a:gd name="T17" fmla="*/ 0 h 24"/>
                    <a:gd name="T18" fmla="*/ 13 w 30"/>
                    <a:gd name="T19" fmla="*/ 2 h 24"/>
                    <a:gd name="T20" fmla="*/ 17 w 30"/>
                    <a:gd name="T21" fmla="*/ 5 h 24"/>
                    <a:gd name="T22" fmla="*/ 17 w 30"/>
                    <a:gd name="T23" fmla="*/ 5 h 24"/>
                    <a:gd name="T24" fmla="*/ 17 w 30"/>
                    <a:gd name="T25" fmla="*/ 7 h 24"/>
                    <a:gd name="T26" fmla="*/ 18 w 30"/>
                    <a:gd name="T27" fmla="*/ 9 h 24"/>
                    <a:gd name="T28" fmla="*/ 22 w 30"/>
                    <a:gd name="T29" fmla="*/ 12 h 24"/>
                    <a:gd name="T30" fmla="*/ 27 w 30"/>
                    <a:gd name="T31" fmla="*/ 16 h 24"/>
                    <a:gd name="T32" fmla="*/ 27 w 30"/>
                    <a:gd name="T33" fmla="*/ 16 h 24"/>
                    <a:gd name="T34" fmla="*/ 27 w 30"/>
                    <a:gd name="T35" fmla="*/ 17 h 24"/>
                    <a:gd name="T36" fmla="*/ 29 w 30"/>
                    <a:gd name="T37" fmla="*/ 19 h 24"/>
                    <a:gd name="T38" fmla="*/ 30 w 30"/>
                    <a:gd name="T39" fmla="*/ 21 h 24"/>
                    <a:gd name="T40" fmla="*/ 30 w 30"/>
                    <a:gd name="T41" fmla="*/ 22 h 24"/>
                    <a:gd name="T42" fmla="*/ 30 w 30"/>
                    <a:gd name="T43" fmla="*/ 24 h 24"/>
                    <a:gd name="T44" fmla="*/ 27 w 30"/>
                    <a:gd name="T45" fmla="*/ 24 h 24"/>
                    <a:gd name="T46" fmla="*/ 22 w 30"/>
                    <a:gd name="T47" fmla="*/ 24 h 24"/>
                    <a:gd name="T48" fmla="*/ 15 w 30"/>
                    <a:gd name="T49" fmla="*/ 21 h 24"/>
                    <a:gd name="T50" fmla="*/ 15 w 30"/>
                    <a:gd name="T51" fmla="*/ 21 h 24"/>
                    <a:gd name="T52" fmla="*/ 13 w 30"/>
                    <a:gd name="T53" fmla="*/ 21 h 24"/>
                    <a:gd name="T54" fmla="*/ 10 w 30"/>
                    <a:gd name="T55" fmla="*/ 21 h 24"/>
                    <a:gd name="T56" fmla="*/ 8 w 30"/>
                    <a:gd name="T57" fmla="*/ 22 h 24"/>
                    <a:gd name="T58" fmla="*/ 8 w 30"/>
                    <a:gd name="T59" fmla="*/ 22 h 24"/>
                    <a:gd name="T60" fmla="*/ 1 w 30"/>
                    <a:gd name="T61" fmla="*/ 14 h 24"/>
                    <a:gd name="T62" fmla="*/ 0 w 30"/>
                    <a:gd name="T63" fmla="*/ 5 h 24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w 30"/>
                    <a:gd name="T97" fmla="*/ 0 h 24"/>
                    <a:gd name="T98" fmla="*/ 30 w 30"/>
                    <a:gd name="T99" fmla="*/ 24 h 24"/>
                  </a:gdLst>
                  <a:ahLst/>
                  <a:cxnLst>
                    <a:cxn ang="T64">
                      <a:pos x="T0" y="T1"/>
                    </a:cxn>
                    <a:cxn ang="T65">
                      <a:pos x="T2" y="T3"/>
                    </a:cxn>
                    <a:cxn ang="T66">
                      <a:pos x="T4" y="T5"/>
                    </a:cxn>
                    <a:cxn ang="T67">
                      <a:pos x="T6" y="T7"/>
                    </a:cxn>
                    <a:cxn ang="T68">
                      <a:pos x="T8" y="T9"/>
                    </a:cxn>
                    <a:cxn ang="T69">
                      <a:pos x="T10" y="T11"/>
                    </a:cxn>
                    <a:cxn ang="T70">
                      <a:pos x="T12" y="T13"/>
                    </a:cxn>
                    <a:cxn ang="T71">
                      <a:pos x="T14" y="T15"/>
                    </a:cxn>
                    <a:cxn ang="T72">
                      <a:pos x="T16" y="T17"/>
                    </a:cxn>
                    <a:cxn ang="T73">
                      <a:pos x="T18" y="T19"/>
                    </a:cxn>
                    <a:cxn ang="T74">
                      <a:pos x="T20" y="T21"/>
                    </a:cxn>
                    <a:cxn ang="T75">
                      <a:pos x="T22" y="T23"/>
                    </a:cxn>
                    <a:cxn ang="T76">
                      <a:pos x="T24" y="T25"/>
                    </a:cxn>
                    <a:cxn ang="T77">
                      <a:pos x="T26" y="T27"/>
                    </a:cxn>
                    <a:cxn ang="T78">
                      <a:pos x="T28" y="T29"/>
                    </a:cxn>
                    <a:cxn ang="T79">
                      <a:pos x="T30" y="T31"/>
                    </a:cxn>
                    <a:cxn ang="T80">
                      <a:pos x="T32" y="T33"/>
                    </a:cxn>
                    <a:cxn ang="T81">
                      <a:pos x="T34" y="T35"/>
                    </a:cxn>
                    <a:cxn ang="T82">
                      <a:pos x="T36" y="T37"/>
                    </a:cxn>
                    <a:cxn ang="T83">
                      <a:pos x="T38" y="T39"/>
                    </a:cxn>
                    <a:cxn ang="T84">
                      <a:pos x="T40" y="T41"/>
                    </a:cxn>
                    <a:cxn ang="T85">
                      <a:pos x="T42" y="T43"/>
                    </a:cxn>
                    <a:cxn ang="T86">
                      <a:pos x="T44" y="T45"/>
                    </a:cxn>
                    <a:cxn ang="T87">
                      <a:pos x="T46" y="T47"/>
                    </a:cxn>
                    <a:cxn ang="T88">
                      <a:pos x="T48" y="T49"/>
                    </a:cxn>
                    <a:cxn ang="T89">
                      <a:pos x="T50" y="T51"/>
                    </a:cxn>
                    <a:cxn ang="T90">
                      <a:pos x="T52" y="T53"/>
                    </a:cxn>
                    <a:cxn ang="T91">
                      <a:pos x="T54" y="T55"/>
                    </a:cxn>
                    <a:cxn ang="T92">
                      <a:pos x="T56" y="T57"/>
                    </a:cxn>
                    <a:cxn ang="T93">
                      <a:pos x="T58" y="T59"/>
                    </a:cxn>
                    <a:cxn ang="T94">
                      <a:pos x="T60" y="T61"/>
                    </a:cxn>
                    <a:cxn ang="T95">
                      <a:pos x="T62" y="T63"/>
                    </a:cxn>
                  </a:cxnLst>
                  <a:rect l="T96" t="T97" r="T98" b="T99"/>
                  <a:pathLst>
                    <a:path w="30" h="24">
                      <a:moveTo>
                        <a:pt x="0" y="5"/>
                      </a:moveTo>
                      <a:lnTo>
                        <a:pt x="8" y="5"/>
                      </a:lnTo>
                      <a:lnTo>
                        <a:pt x="8" y="4"/>
                      </a:lnTo>
                      <a:lnTo>
                        <a:pt x="8" y="2"/>
                      </a:lnTo>
                      <a:lnTo>
                        <a:pt x="10" y="0"/>
                      </a:lnTo>
                      <a:lnTo>
                        <a:pt x="12" y="0"/>
                      </a:lnTo>
                      <a:lnTo>
                        <a:pt x="13" y="2"/>
                      </a:lnTo>
                      <a:lnTo>
                        <a:pt x="17" y="5"/>
                      </a:lnTo>
                      <a:lnTo>
                        <a:pt x="17" y="7"/>
                      </a:lnTo>
                      <a:lnTo>
                        <a:pt x="18" y="9"/>
                      </a:lnTo>
                      <a:lnTo>
                        <a:pt x="22" y="12"/>
                      </a:lnTo>
                      <a:lnTo>
                        <a:pt x="27" y="16"/>
                      </a:lnTo>
                      <a:lnTo>
                        <a:pt x="27" y="17"/>
                      </a:lnTo>
                      <a:lnTo>
                        <a:pt x="29" y="19"/>
                      </a:lnTo>
                      <a:lnTo>
                        <a:pt x="30" y="21"/>
                      </a:lnTo>
                      <a:lnTo>
                        <a:pt x="30" y="22"/>
                      </a:lnTo>
                      <a:lnTo>
                        <a:pt x="30" y="24"/>
                      </a:lnTo>
                      <a:lnTo>
                        <a:pt x="27" y="24"/>
                      </a:lnTo>
                      <a:lnTo>
                        <a:pt x="22" y="24"/>
                      </a:lnTo>
                      <a:lnTo>
                        <a:pt x="15" y="21"/>
                      </a:lnTo>
                      <a:lnTo>
                        <a:pt x="13" y="21"/>
                      </a:lnTo>
                      <a:lnTo>
                        <a:pt x="10" y="21"/>
                      </a:lnTo>
                      <a:lnTo>
                        <a:pt x="8" y="22"/>
                      </a:lnTo>
                      <a:lnTo>
                        <a:pt x="1" y="14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56" name="Freeform 144"/>
                <p:cNvSpPr>
                  <a:spLocks/>
                </p:cNvSpPr>
                <p:nvPr/>
              </p:nvSpPr>
              <p:spPr bwMode="auto">
                <a:xfrm>
                  <a:off x="1492" y="3427"/>
                  <a:ext cx="27" cy="12"/>
                </a:xfrm>
                <a:custGeom>
                  <a:avLst/>
                  <a:gdLst>
                    <a:gd name="T0" fmla="*/ 1 w 27"/>
                    <a:gd name="T1" fmla="*/ 0 h 12"/>
                    <a:gd name="T2" fmla="*/ 0 w 27"/>
                    <a:gd name="T3" fmla="*/ 9 h 12"/>
                    <a:gd name="T4" fmla="*/ 18 w 27"/>
                    <a:gd name="T5" fmla="*/ 12 h 12"/>
                    <a:gd name="T6" fmla="*/ 18 w 27"/>
                    <a:gd name="T7" fmla="*/ 12 h 12"/>
                    <a:gd name="T8" fmla="*/ 20 w 27"/>
                    <a:gd name="T9" fmla="*/ 10 h 12"/>
                    <a:gd name="T10" fmla="*/ 23 w 27"/>
                    <a:gd name="T11" fmla="*/ 9 h 12"/>
                    <a:gd name="T12" fmla="*/ 27 w 27"/>
                    <a:gd name="T13" fmla="*/ 7 h 12"/>
                    <a:gd name="T14" fmla="*/ 27 w 27"/>
                    <a:gd name="T15" fmla="*/ 5 h 12"/>
                    <a:gd name="T16" fmla="*/ 27 w 27"/>
                    <a:gd name="T17" fmla="*/ 3 h 12"/>
                    <a:gd name="T18" fmla="*/ 23 w 27"/>
                    <a:gd name="T19" fmla="*/ 3 h 12"/>
                    <a:gd name="T20" fmla="*/ 18 w 27"/>
                    <a:gd name="T21" fmla="*/ 3 h 12"/>
                    <a:gd name="T22" fmla="*/ 16 w 27"/>
                    <a:gd name="T23" fmla="*/ 3 h 12"/>
                    <a:gd name="T24" fmla="*/ 13 w 27"/>
                    <a:gd name="T25" fmla="*/ 2 h 12"/>
                    <a:gd name="T26" fmla="*/ 11 w 27"/>
                    <a:gd name="T27" fmla="*/ 2 h 12"/>
                    <a:gd name="T28" fmla="*/ 8 w 27"/>
                    <a:gd name="T29" fmla="*/ 2 h 12"/>
                    <a:gd name="T30" fmla="*/ 6 w 27"/>
                    <a:gd name="T31" fmla="*/ 2 h 12"/>
                    <a:gd name="T32" fmla="*/ 3 w 27"/>
                    <a:gd name="T33" fmla="*/ 0 h 12"/>
                    <a:gd name="T34" fmla="*/ 3 w 27"/>
                    <a:gd name="T35" fmla="*/ 0 h 12"/>
                    <a:gd name="T36" fmla="*/ 1 w 27"/>
                    <a:gd name="T37" fmla="*/ 0 h 12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w 27"/>
                    <a:gd name="T58" fmla="*/ 0 h 12"/>
                    <a:gd name="T59" fmla="*/ 27 w 27"/>
                    <a:gd name="T60" fmla="*/ 12 h 12"/>
                  </a:gdLst>
                  <a:ahLst/>
                  <a:cxnLst>
                    <a:cxn ang="T38">
                      <a:pos x="T0" y="T1"/>
                    </a:cxn>
                    <a:cxn ang="T39">
                      <a:pos x="T2" y="T3"/>
                    </a:cxn>
                    <a:cxn ang="T40">
                      <a:pos x="T4" y="T5"/>
                    </a:cxn>
                    <a:cxn ang="T41">
                      <a:pos x="T6" y="T7"/>
                    </a:cxn>
                    <a:cxn ang="T42">
                      <a:pos x="T8" y="T9"/>
                    </a:cxn>
                    <a:cxn ang="T43">
                      <a:pos x="T10" y="T11"/>
                    </a:cxn>
                    <a:cxn ang="T44">
                      <a:pos x="T12" y="T13"/>
                    </a:cxn>
                    <a:cxn ang="T45">
                      <a:pos x="T14" y="T15"/>
                    </a:cxn>
                    <a:cxn ang="T46">
                      <a:pos x="T16" y="T17"/>
                    </a:cxn>
                    <a:cxn ang="T47">
                      <a:pos x="T18" y="T19"/>
                    </a:cxn>
                    <a:cxn ang="T48">
                      <a:pos x="T20" y="T21"/>
                    </a:cxn>
                    <a:cxn ang="T49">
                      <a:pos x="T22" y="T23"/>
                    </a:cxn>
                    <a:cxn ang="T50">
                      <a:pos x="T24" y="T25"/>
                    </a:cxn>
                    <a:cxn ang="T51">
                      <a:pos x="T26" y="T27"/>
                    </a:cxn>
                    <a:cxn ang="T52">
                      <a:pos x="T28" y="T29"/>
                    </a:cxn>
                    <a:cxn ang="T53">
                      <a:pos x="T30" y="T31"/>
                    </a:cxn>
                    <a:cxn ang="T54">
                      <a:pos x="T32" y="T33"/>
                    </a:cxn>
                    <a:cxn ang="T55">
                      <a:pos x="T34" y="T35"/>
                    </a:cxn>
                    <a:cxn ang="T56">
                      <a:pos x="T36" y="T37"/>
                    </a:cxn>
                  </a:cxnLst>
                  <a:rect l="T57" t="T58" r="T59" b="T60"/>
                  <a:pathLst>
                    <a:path w="27" h="12">
                      <a:moveTo>
                        <a:pt x="1" y="0"/>
                      </a:moveTo>
                      <a:lnTo>
                        <a:pt x="0" y="9"/>
                      </a:lnTo>
                      <a:lnTo>
                        <a:pt x="18" y="12"/>
                      </a:lnTo>
                      <a:lnTo>
                        <a:pt x="20" y="10"/>
                      </a:lnTo>
                      <a:lnTo>
                        <a:pt x="23" y="9"/>
                      </a:lnTo>
                      <a:lnTo>
                        <a:pt x="27" y="7"/>
                      </a:lnTo>
                      <a:lnTo>
                        <a:pt x="27" y="5"/>
                      </a:lnTo>
                      <a:lnTo>
                        <a:pt x="27" y="3"/>
                      </a:lnTo>
                      <a:lnTo>
                        <a:pt x="23" y="3"/>
                      </a:lnTo>
                      <a:lnTo>
                        <a:pt x="18" y="3"/>
                      </a:lnTo>
                      <a:lnTo>
                        <a:pt x="16" y="3"/>
                      </a:lnTo>
                      <a:lnTo>
                        <a:pt x="13" y="2"/>
                      </a:lnTo>
                      <a:lnTo>
                        <a:pt x="11" y="2"/>
                      </a:lnTo>
                      <a:lnTo>
                        <a:pt x="8" y="2"/>
                      </a:lnTo>
                      <a:lnTo>
                        <a:pt x="6" y="2"/>
                      </a:lnTo>
                      <a:lnTo>
                        <a:pt x="3" y="0"/>
                      </a:lnTo>
                      <a:lnTo>
                        <a:pt x="1" y="0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57" name="Freeform 145"/>
                <p:cNvSpPr>
                  <a:spLocks/>
                </p:cNvSpPr>
                <p:nvPr/>
              </p:nvSpPr>
              <p:spPr bwMode="auto">
                <a:xfrm>
                  <a:off x="1492" y="3427"/>
                  <a:ext cx="27" cy="12"/>
                </a:xfrm>
                <a:custGeom>
                  <a:avLst/>
                  <a:gdLst>
                    <a:gd name="T0" fmla="*/ 1 w 27"/>
                    <a:gd name="T1" fmla="*/ 0 h 12"/>
                    <a:gd name="T2" fmla="*/ 0 w 27"/>
                    <a:gd name="T3" fmla="*/ 9 h 12"/>
                    <a:gd name="T4" fmla="*/ 18 w 27"/>
                    <a:gd name="T5" fmla="*/ 12 h 12"/>
                    <a:gd name="T6" fmla="*/ 18 w 27"/>
                    <a:gd name="T7" fmla="*/ 12 h 12"/>
                    <a:gd name="T8" fmla="*/ 18 w 27"/>
                    <a:gd name="T9" fmla="*/ 12 h 12"/>
                    <a:gd name="T10" fmla="*/ 20 w 27"/>
                    <a:gd name="T11" fmla="*/ 10 h 12"/>
                    <a:gd name="T12" fmla="*/ 23 w 27"/>
                    <a:gd name="T13" fmla="*/ 9 h 12"/>
                    <a:gd name="T14" fmla="*/ 27 w 27"/>
                    <a:gd name="T15" fmla="*/ 7 h 12"/>
                    <a:gd name="T16" fmla="*/ 27 w 27"/>
                    <a:gd name="T17" fmla="*/ 5 h 12"/>
                    <a:gd name="T18" fmla="*/ 27 w 27"/>
                    <a:gd name="T19" fmla="*/ 3 h 12"/>
                    <a:gd name="T20" fmla="*/ 23 w 27"/>
                    <a:gd name="T21" fmla="*/ 3 h 12"/>
                    <a:gd name="T22" fmla="*/ 18 w 27"/>
                    <a:gd name="T23" fmla="*/ 3 h 12"/>
                    <a:gd name="T24" fmla="*/ 18 w 27"/>
                    <a:gd name="T25" fmla="*/ 3 h 12"/>
                    <a:gd name="T26" fmla="*/ 16 w 27"/>
                    <a:gd name="T27" fmla="*/ 3 h 12"/>
                    <a:gd name="T28" fmla="*/ 13 w 27"/>
                    <a:gd name="T29" fmla="*/ 2 h 12"/>
                    <a:gd name="T30" fmla="*/ 11 w 27"/>
                    <a:gd name="T31" fmla="*/ 2 h 12"/>
                    <a:gd name="T32" fmla="*/ 8 w 27"/>
                    <a:gd name="T33" fmla="*/ 2 h 12"/>
                    <a:gd name="T34" fmla="*/ 6 w 27"/>
                    <a:gd name="T35" fmla="*/ 2 h 12"/>
                    <a:gd name="T36" fmla="*/ 3 w 27"/>
                    <a:gd name="T37" fmla="*/ 0 h 12"/>
                    <a:gd name="T38" fmla="*/ 3 w 27"/>
                    <a:gd name="T39" fmla="*/ 0 h 12"/>
                    <a:gd name="T40" fmla="*/ 1 w 27"/>
                    <a:gd name="T41" fmla="*/ 0 h 12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27"/>
                    <a:gd name="T64" fmla="*/ 0 h 12"/>
                    <a:gd name="T65" fmla="*/ 27 w 27"/>
                    <a:gd name="T66" fmla="*/ 12 h 12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27" h="12">
                      <a:moveTo>
                        <a:pt x="1" y="0"/>
                      </a:moveTo>
                      <a:lnTo>
                        <a:pt x="0" y="9"/>
                      </a:lnTo>
                      <a:lnTo>
                        <a:pt x="18" y="12"/>
                      </a:lnTo>
                      <a:lnTo>
                        <a:pt x="20" y="10"/>
                      </a:lnTo>
                      <a:lnTo>
                        <a:pt x="23" y="9"/>
                      </a:lnTo>
                      <a:lnTo>
                        <a:pt x="27" y="7"/>
                      </a:lnTo>
                      <a:lnTo>
                        <a:pt x="27" y="5"/>
                      </a:lnTo>
                      <a:lnTo>
                        <a:pt x="27" y="3"/>
                      </a:lnTo>
                      <a:lnTo>
                        <a:pt x="23" y="3"/>
                      </a:lnTo>
                      <a:lnTo>
                        <a:pt x="18" y="3"/>
                      </a:lnTo>
                      <a:lnTo>
                        <a:pt x="16" y="3"/>
                      </a:lnTo>
                      <a:lnTo>
                        <a:pt x="13" y="2"/>
                      </a:lnTo>
                      <a:lnTo>
                        <a:pt x="11" y="2"/>
                      </a:lnTo>
                      <a:lnTo>
                        <a:pt x="8" y="2"/>
                      </a:lnTo>
                      <a:lnTo>
                        <a:pt x="6" y="2"/>
                      </a:lnTo>
                      <a:lnTo>
                        <a:pt x="3" y="0"/>
                      </a:lnTo>
                      <a:lnTo>
                        <a:pt x="1" y="0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58" name="Freeform 146"/>
                <p:cNvSpPr>
                  <a:spLocks/>
                </p:cNvSpPr>
                <p:nvPr/>
              </p:nvSpPr>
              <p:spPr bwMode="auto">
                <a:xfrm>
                  <a:off x="1524" y="3441"/>
                  <a:ext cx="35" cy="25"/>
                </a:xfrm>
                <a:custGeom>
                  <a:avLst/>
                  <a:gdLst>
                    <a:gd name="T0" fmla="*/ 1 w 35"/>
                    <a:gd name="T1" fmla="*/ 8 h 25"/>
                    <a:gd name="T2" fmla="*/ 1 w 35"/>
                    <a:gd name="T3" fmla="*/ 8 h 25"/>
                    <a:gd name="T4" fmla="*/ 0 w 35"/>
                    <a:gd name="T5" fmla="*/ 6 h 25"/>
                    <a:gd name="T6" fmla="*/ 0 w 35"/>
                    <a:gd name="T7" fmla="*/ 5 h 25"/>
                    <a:gd name="T8" fmla="*/ 0 w 35"/>
                    <a:gd name="T9" fmla="*/ 3 h 25"/>
                    <a:gd name="T10" fmla="*/ 0 w 35"/>
                    <a:gd name="T11" fmla="*/ 1 h 25"/>
                    <a:gd name="T12" fmla="*/ 1 w 35"/>
                    <a:gd name="T13" fmla="*/ 0 h 25"/>
                    <a:gd name="T14" fmla="*/ 5 w 35"/>
                    <a:gd name="T15" fmla="*/ 1 h 25"/>
                    <a:gd name="T16" fmla="*/ 8 w 35"/>
                    <a:gd name="T17" fmla="*/ 3 h 25"/>
                    <a:gd name="T18" fmla="*/ 10 w 35"/>
                    <a:gd name="T19" fmla="*/ 3 h 25"/>
                    <a:gd name="T20" fmla="*/ 13 w 35"/>
                    <a:gd name="T21" fmla="*/ 3 h 25"/>
                    <a:gd name="T22" fmla="*/ 13 w 35"/>
                    <a:gd name="T23" fmla="*/ 5 h 25"/>
                    <a:gd name="T24" fmla="*/ 15 w 35"/>
                    <a:gd name="T25" fmla="*/ 5 h 25"/>
                    <a:gd name="T26" fmla="*/ 22 w 35"/>
                    <a:gd name="T27" fmla="*/ 5 h 25"/>
                    <a:gd name="T28" fmla="*/ 30 w 35"/>
                    <a:gd name="T29" fmla="*/ 10 h 25"/>
                    <a:gd name="T30" fmla="*/ 30 w 35"/>
                    <a:gd name="T31" fmla="*/ 10 h 25"/>
                    <a:gd name="T32" fmla="*/ 32 w 35"/>
                    <a:gd name="T33" fmla="*/ 11 h 25"/>
                    <a:gd name="T34" fmla="*/ 34 w 35"/>
                    <a:gd name="T35" fmla="*/ 13 h 25"/>
                    <a:gd name="T36" fmla="*/ 35 w 35"/>
                    <a:gd name="T37" fmla="*/ 15 h 25"/>
                    <a:gd name="T38" fmla="*/ 35 w 35"/>
                    <a:gd name="T39" fmla="*/ 17 h 25"/>
                    <a:gd name="T40" fmla="*/ 34 w 35"/>
                    <a:gd name="T41" fmla="*/ 20 h 25"/>
                    <a:gd name="T42" fmla="*/ 30 w 35"/>
                    <a:gd name="T43" fmla="*/ 20 h 25"/>
                    <a:gd name="T44" fmla="*/ 25 w 35"/>
                    <a:gd name="T45" fmla="*/ 22 h 25"/>
                    <a:gd name="T46" fmla="*/ 23 w 35"/>
                    <a:gd name="T47" fmla="*/ 22 h 25"/>
                    <a:gd name="T48" fmla="*/ 23 w 35"/>
                    <a:gd name="T49" fmla="*/ 23 h 25"/>
                    <a:gd name="T50" fmla="*/ 22 w 35"/>
                    <a:gd name="T51" fmla="*/ 23 h 25"/>
                    <a:gd name="T52" fmla="*/ 20 w 35"/>
                    <a:gd name="T53" fmla="*/ 25 h 25"/>
                    <a:gd name="T54" fmla="*/ 18 w 35"/>
                    <a:gd name="T55" fmla="*/ 25 h 25"/>
                    <a:gd name="T56" fmla="*/ 15 w 35"/>
                    <a:gd name="T57" fmla="*/ 23 h 25"/>
                    <a:gd name="T58" fmla="*/ 13 w 35"/>
                    <a:gd name="T59" fmla="*/ 20 h 25"/>
                    <a:gd name="T60" fmla="*/ 12 w 35"/>
                    <a:gd name="T61" fmla="*/ 17 h 25"/>
                    <a:gd name="T62" fmla="*/ 10 w 35"/>
                    <a:gd name="T63" fmla="*/ 15 h 25"/>
                    <a:gd name="T64" fmla="*/ 6 w 35"/>
                    <a:gd name="T65" fmla="*/ 11 h 25"/>
                    <a:gd name="T66" fmla="*/ 3 w 35"/>
                    <a:gd name="T67" fmla="*/ 10 h 25"/>
                    <a:gd name="T68" fmla="*/ 1 w 35"/>
                    <a:gd name="T69" fmla="*/ 8 h 25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w 35"/>
                    <a:gd name="T106" fmla="*/ 0 h 25"/>
                    <a:gd name="T107" fmla="*/ 35 w 35"/>
                    <a:gd name="T108" fmla="*/ 25 h 25"/>
                  </a:gdLst>
                  <a:ahLst/>
                  <a:cxnLst>
                    <a:cxn ang="T70">
                      <a:pos x="T0" y="T1"/>
                    </a:cxn>
                    <a:cxn ang="T71">
                      <a:pos x="T2" y="T3"/>
                    </a:cxn>
                    <a:cxn ang="T72">
                      <a:pos x="T4" y="T5"/>
                    </a:cxn>
                    <a:cxn ang="T73">
                      <a:pos x="T6" y="T7"/>
                    </a:cxn>
                    <a:cxn ang="T74">
                      <a:pos x="T8" y="T9"/>
                    </a:cxn>
                    <a:cxn ang="T75">
                      <a:pos x="T10" y="T11"/>
                    </a:cxn>
                    <a:cxn ang="T76">
                      <a:pos x="T12" y="T13"/>
                    </a:cxn>
                    <a:cxn ang="T77">
                      <a:pos x="T14" y="T15"/>
                    </a:cxn>
                    <a:cxn ang="T78">
                      <a:pos x="T16" y="T17"/>
                    </a:cxn>
                    <a:cxn ang="T79">
                      <a:pos x="T18" y="T19"/>
                    </a:cxn>
                    <a:cxn ang="T80">
                      <a:pos x="T20" y="T21"/>
                    </a:cxn>
                    <a:cxn ang="T81">
                      <a:pos x="T22" y="T23"/>
                    </a:cxn>
                    <a:cxn ang="T82">
                      <a:pos x="T24" y="T25"/>
                    </a:cxn>
                    <a:cxn ang="T83">
                      <a:pos x="T26" y="T27"/>
                    </a:cxn>
                    <a:cxn ang="T84">
                      <a:pos x="T28" y="T29"/>
                    </a:cxn>
                    <a:cxn ang="T85">
                      <a:pos x="T30" y="T31"/>
                    </a:cxn>
                    <a:cxn ang="T86">
                      <a:pos x="T32" y="T33"/>
                    </a:cxn>
                    <a:cxn ang="T87">
                      <a:pos x="T34" y="T35"/>
                    </a:cxn>
                    <a:cxn ang="T88">
                      <a:pos x="T36" y="T37"/>
                    </a:cxn>
                    <a:cxn ang="T89">
                      <a:pos x="T38" y="T39"/>
                    </a:cxn>
                    <a:cxn ang="T90">
                      <a:pos x="T40" y="T41"/>
                    </a:cxn>
                    <a:cxn ang="T91">
                      <a:pos x="T42" y="T43"/>
                    </a:cxn>
                    <a:cxn ang="T92">
                      <a:pos x="T44" y="T45"/>
                    </a:cxn>
                    <a:cxn ang="T93">
                      <a:pos x="T46" y="T47"/>
                    </a:cxn>
                    <a:cxn ang="T94">
                      <a:pos x="T48" y="T49"/>
                    </a:cxn>
                    <a:cxn ang="T95">
                      <a:pos x="T50" y="T51"/>
                    </a:cxn>
                    <a:cxn ang="T96">
                      <a:pos x="T52" y="T53"/>
                    </a:cxn>
                    <a:cxn ang="T97">
                      <a:pos x="T54" y="T55"/>
                    </a:cxn>
                    <a:cxn ang="T98">
                      <a:pos x="T56" y="T57"/>
                    </a:cxn>
                    <a:cxn ang="T99">
                      <a:pos x="T58" y="T59"/>
                    </a:cxn>
                    <a:cxn ang="T100">
                      <a:pos x="T60" y="T61"/>
                    </a:cxn>
                    <a:cxn ang="T101">
                      <a:pos x="T62" y="T63"/>
                    </a:cxn>
                    <a:cxn ang="T102">
                      <a:pos x="T64" y="T65"/>
                    </a:cxn>
                    <a:cxn ang="T103">
                      <a:pos x="T66" y="T67"/>
                    </a:cxn>
                    <a:cxn ang="T104">
                      <a:pos x="T68" y="T69"/>
                    </a:cxn>
                  </a:cxnLst>
                  <a:rect l="T105" t="T106" r="T107" b="T108"/>
                  <a:pathLst>
                    <a:path w="35" h="25">
                      <a:moveTo>
                        <a:pt x="1" y="8"/>
                      </a:moveTo>
                      <a:lnTo>
                        <a:pt x="1" y="8"/>
                      </a:lnTo>
                      <a:lnTo>
                        <a:pt x="0" y="6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1" y="0"/>
                      </a:lnTo>
                      <a:lnTo>
                        <a:pt x="5" y="1"/>
                      </a:lnTo>
                      <a:lnTo>
                        <a:pt x="8" y="3"/>
                      </a:lnTo>
                      <a:lnTo>
                        <a:pt x="10" y="3"/>
                      </a:lnTo>
                      <a:lnTo>
                        <a:pt x="13" y="3"/>
                      </a:lnTo>
                      <a:lnTo>
                        <a:pt x="13" y="5"/>
                      </a:lnTo>
                      <a:lnTo>
                        <a:pt x="15" y="5"/>
                      </a:lnTo>
                      <a:lnTo>
                        <a:pt x="22" y="5"/>
                      </a:lnTo>
                      <a:lnTo>
                        <a:pt x="30" y="10"/>
                      </a:lnTo>
                      <a:lnTo>
                        <a:pt x="32" y="11"/>
                      </a:lnTo>
                      <a:lnTo>
                        <a:pt x="34" y="13"/>
                      </a:lnTo>
                      <a:lnTo>
                        <a:pt x="35" y="15"/>
                      </a:lnTo>
                      <a:lnTo>
                        <a:pt x="35" y="17"/>
                      </a:lnTo>
                      <a:lnTo>
                        <a:pt x="34" y="20"/>
                      </a:lnTo>
                      <a:lnTo>
                        <a:pt x="30" y="20"/>
                      </a:lnTo>
                      <a:lnTo>
                        <a:pt x="25" y="22"/>
                      </a:lnTo>
                      <a:lnTo>
                        <a:pt x="23" y="22"/>
                      </a:lnTo>
                      <a:lnTo>
                        <a:pt x="23" y="23"/>
                      </a:lnTo>
                      <a:lnTo>
                        <a:pt x="22" y="23"/>
                      </a:lnTo>
                      <a:lnTo>
                        <a:pt x="20" y="25"/>
                      </a:lnTo>
                      <a:lnTo>
                        <a:pt x="18" y="25"/>
                      </a:lnTo>
                      <a:lnTo>
                        <a:pt x="15" y="23"/>
                      </a:lnTo>
                      <a:lnTo>
                        <a:pt x="13" y="20"/>
                      </a:lnTo>
                      <a:lnTo>
                        <a:pt x="12" y="17"/>
                      </a:lnTo>
                      <a:lnTo>
                        <a:pt x="10" y="15"/>
                      </a:lnTo>
                      <a:lnTo>
                        <a:pt x="6" y="11"/>
                      </a:lnTo>
                      <a:lnTo>
                        <a:pt x="3" y="10"/>
                      </a:lnTo>
                      <a:lnTo>
                        <a:pt x="1" y="8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59" name="Freeform 147"/>
                <p:cNvSpPr>
                  <a:spLocks/>
                </p:cNvSpPr>
                <p:nvPr/>
              </p:nvSpPr>
              <p:spPr bwMode="auto">
                <a:xfrm>
                  <a:off x="1524" y="3441"/>
                  <a:ext cx="35" cy="25"/>
                </a:xfrm>
                <a:custGeom>
                  <a:avLst/>
                  <a:gdLst>
                    <a:gd name="T0" fmla="*/ 1 w 35"/>
                    <a:gd name="T1" fmla="*/ 8 h 25"/>
                    <a:gd name="T2" fmla="*/ 1 w 35"/>
                    <a:gd name="T3" fmla="*/ 8 h 25"/>
                    <a:gd name="T4" fmla="*/ 1 w 35"/>
                    <a:gd name="T5" fmla="*/ 8 h 25"/>
                    <a:gd name="T6" fmla="*/ 0 w 35"/>
                    <a:gd name="T7" fmla="*/ 6 h 25"/>
                    <a:gd name="T8" fmla="*/ 0 w 35"/>
                    <a:gd name="T9" fmla="*/ 5 h 25"/>
                    <a:gd name="T10" fmla="*/ 0 w 35"/>
                    <a:gd name="T11" fmla="*/ 3 h 25"/>
                    <a:gd name="T12" fmla="*/ 0 w 35"/>
                    <a:gd name="T13" fmla="*/ 1 h 25"/>
                    <a:gd name="T14" fmla="*/ 1 w 35"/>
                    <a:gd name="T15" fmla="*/ 0 h 25"/>
                    <a:gd name="T16" fmla="*/ 5 w 35"/>
                    <a:gd name="T17" fmla="*/ 1 h 25"/>
                    <a:gd name="T18" fmla="*/ 8 w 35"/>
                    <a:gd name="T19" fmla="*/ 3 h 25"/>
                    <a:gd name="T20" fmla="*/ 8 w 35"/>
                    <a:gd name="T21" fmla="*/ 3 h 25"/>
                    <a:gd name="T22" fmla="*/ 10 w 35"/>
                    <a:gd name="T23" fmla="*/ 3 h 25"/>
                    <a:gd name="T24" fmla="*/ 13 w 35"/>
                    <a:gd name="T25" fmla="*/ 3 h 25"/>
                    <a:gd name="T26" fmla="*/ 13 w 35"/>
                    <a:gd name="T27" fmla="*/ 5 h 25"/>
                    <a:gd name="T28" fmla="*/ 15 w 35"/>
                    <a:gd name="T29" fmla="*/ 5 h 25"/>
                    <a:gd name="T30" fmla="*/ 22 w 35"/>
                    <a:gd name="T31" fmla="*/ 5 h 25"/>
                    <a:gd name="T32" fmla="*/ 30 w 35"/>
                    <a:gd name="T33" fmla="*/ 10 h 25"/>
                    <a:gd name="T34" fmla="*/ 30 w 35"/>
                    <a:gd name="T35" fmla="*/ 10 h 25"/>
                    <a:gd name="T36" fmla="*/ 30 w 35"/>
                    <a:gd name="T37" fmla="*/ 10 h 25"/>
                    <a:gd name="T38" fmla="*/ 32 w 35"/>
                    <a:gd name="T39" fmla="*/ 11 h 25"/>
                    <a:gd name="T40" fmla="*/ 34 w 35"/>
                    <a:gd name="T41" fmla="*/ 13 h 25"/>
                    <a:gd name="T42" fmla="*/ 35 w 35"/>
                    <a:gd name="T43" fmla="*/ 15 h 25"/>
                    <a:gd name="T44" fmla="*/ 35 w 35"/>
                    <a:gd name="T45" fmla="*/ 17 h 25"/>
                    <a:gd name="T46" fmla="*/ 34 w 35"/>
                    <a:gd name="T47" fmla="*/ 20 h 25"/>
                    <a:gd name="T48" fmla="*/ 30 w 35"/>
                    <a:gd name="T49" fmla="*/ 20 h 25"/>
                    <a:gd name="T50" fmla="*/ 25 w 35"/>
                    <a:gd name="T51" fmla="*/ 22 h 25"/>
                    <a:gd name="T52" fmla="*/ 25 w 35"/>
                    <a:gd name="T53" fmla="*/ 22 h 25"/>
                    <a:gd name="T54" fmla="*/ 23 w 35"/>
                    <a:gd name="T55" fmla="*/ 22 h 25"/>
                    <a:gd name="T56" fmla="*/ 23 w 35"/>
                    <a:gd name="T57" fmla="*/ 23 h 25"/>
                    <a:gd name="T58" fmla="*/ 22 w 35"/>
                    <a:gd name="T59" fmla="*/ 23 h 25"/>
                    <a:gd name="T60" fmla="*/ 20 w 35"/>
                    <a:gd name="T61" fmla="*/ 25 h 25"/>
                    <a:gd name="T62" fmla="*/ 18 w 35"/>
                    <a:gd name="T63" fmla="*/ 25 h 25"/>
                    <a:gd name="T64" fmla="*/ 15 w 35"/>
                    <a:gd name="T65" fmla="*/ 23 h 25"/>
                    <a:gd name="T66" fmla="*/ 13 w 35"/>
                    <a:gd name="T67" fmla="*/ 20 h 25"/>
                    <a:gd name="T68" fmla="*/ 12 w 35"/>
                    <a:gd name="T69" fmla="*/ 17 h 25"/>
                    <a:gd name="T70" fmla="*/ 12 w 35"/>
                    <a:gd name="T71" fmla="*/ 17 h 25"/>
                    <a:gd name="T72" fmla="*/ 10 w 35"/>
                    <a:gd name="T73" fmla="*/ 15 h 25"/>
                    <a:gd name="T74" fmla="*/ 6 w 35"/>
                    <a:gd name="T75" fmla="*/ 11 h 25"/>
                    <a:gd name="T76" fmla="*/ 3 w 35"/>
                    <a:gd name="T77" fmla="*/ 10 h 25"/>
                    <a:gd name="T78" fmla="*/ 1 w 35"/>
                    <a:gd name="T79" fmla="*/ 8 h 25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w 35"/>
                    <a:gd name="T121" fmla="*/ 0 h 25"/>
                    <a:gd name="T122" fmla="*/ 35 w 35"/>
                    <a:gd name="T123" fmla="*/ 25 h 25"/>
                  </a:gdLst>
                  <a:ahLst/>
                  <a:cxnLst>
                    <a:cxn ang="T80">
                      <a:pos x="T0" y="T1"/>
                    </a:cxn>
                    <a:cxn ang="T81">
                      <a:pos x="T2" y="T3"/>
                    </a:cxn>
                    <a:cxn ang="T82">
                      <a:pos x="T4" y="T5"/>
                    </a:cxn>
                    <a:cxn ang="T83">
                      <a:pos x="T6" y="T7"/>
                    </a:cxn>
                    <a:cxn ang="T84">
                      <a:pos x="T8" y="T9"/>
                    </a:cxn>
                    <a:cxn ang="T85">
                      <a:pos x="T10" y="T11"/>
                    </a:cxn>
                    <a:cxn ang="T86">
                      <a:pos x="T12" y="T13"/>
                    </a:cxn>
                    <a:cxn ang="T87">
                      <a:pos x="T14" y="T15"/>
                    </a:cxn>
                    <a:cxn ang="T88">
                      <a:pos x="T16" y="T17"/>
                    </a:cxn>
                    <a:cxn ang="T89">
                      <a:pos x="T18" y="T19"/>
                    </a:cxn>
                    <a:cxn ang="T90">
                      <a:pos x="T20" y="T21"/>
                    </a:cxn>
                    <a:cxn ang="T91">
                      <a:pos x="T22" y="T23"/>
                    </a:cxn>
                    <a:cxn ang="T92">
                      <a:pos x="T24" y="T25"/>
                    </a:cxn>
                    <a:cxn ang="T93">
                      <a:pos x="T26" y="T27"/>
                    </a:cxn>
                    <a:cxn ang="T94">
                      <a:pos x="T28" y="T29"/>
                    </a:cxn>
                    <a:cxn ang="T95">
                      <a:pos x="T30" y="T31"/>
                    </a:cxn>
                    <a:cxn ang="T96">
                      <a:pos x="T32" y="T33"/>
                    </a:cxn>
                    <a:cxn ang="T97">
                      <a:pos x="T34" y="T35"/>
                    </a:cxn>
                    <a:cxn ang="T98">
                      <a:pos x="T36" y="T37"/>
                    </a:cxn>
                    <a:cxn ang="T99">
                      <a:pos x="T38" y="T39"/>
                    </a:cxn>
                    <a:cxn ang="T100">
                      <a:pos x="T40" y="T41"/>
                    </a:cxn>
                    <a:cxn ang="T101">
                      <a:pos x="T42" y="T43"/>
                    </a:cxn>
                    <a:cxn ang="T102">
                      <a:pos x="T44" y="T45"/>
                    </a:cxn>
                    <a:cxn ang="T103">
                      <a:pos x="T46" y="T47"/>
                    </a:cxn>
                    <a:cxn ang="T104">
                      <a:pos x="T48" y="T49"/>
                    </a:cxn>
                    <a:cxn ang="T105">
                      <a:pos x="T50" y="T51"/>
                    </a:cxn>
                    <a:cxn ang="T106">
                      <a:pos x="T52" y="T53"/>
                    </a:cxn>
                    <a:cxn ang="T107">
                      <a:pos x="T54" y="T55"/>
                    </a:cxn>
                    <a:cxn ang="T108">
                      <a:pos x="T56" y="T57"/>
                    </a:cxn>
                    <a:cxn ang="T109">
                      <a:pos x="T58" y="T59"/>
                    </a:cxn>
                    <a:cxn ang="T110">
                      <a:pos x="T60" y="T61"/>
                    </a:cxn>
                    <a:cxn ang="T111">
                      <a:pos x="T62" y="T63"/>
                    </a:cxn>
                    <a:cxn ang="T112">
                      <a:pos x="T64" y="T65"/>
                    </a:cxn>
                    <a:cxn ang="T113">
                      <a:pos x="T66" y="T67"/>
                    </a:cxn>
                    <a:cxn ang="T114">
                      <a:pos x="T68" y="T69"/>
                    </a:cxn>
                    <a:cxn ang="T115">
                      <a:pos x="T70" y="T71"/>
                    </a:cxn>
                    <a:cxn ang="T116">
                      <a:pos x="T72" y="T73"/>
                    </a:cxn>
                    <a:cxn ang="T117">
                      <a:pos x="T74" y="T75"/>
                    </a:cxn>
                    <a:cxn ang="T118">
                      <a:pos x="T76" y="T77"/>
                    </a:cxn>
                    <a:cxn ang="T119">
                      <a:pos x="T78" y="T79"/>
                    </a:cxn>
                  </a:cxnLst>
                  <a:rect l="T120" t="T121" r="T122" b="T123"/>
                  <a:pathLst>
                    <a:path w="35" h="25">
                      <a:moveTo>
                        <a:pt x="1" y="8"/>
                      </a:moveTo>
                      <a:lnTo>
                        <a:pt x="1" y="8"/>
                      </a:lnTo>
                      <a:lnTo>
                        <a:pt x="0" y="6"/>
                      </a:ln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1" y="0"/>
                      </a:lnTo>
                      <a:lnTo>
                        <a:pt x="5" y="1"/>
                      </a:lnTo>
                      <a:lnTo>
                        <a:pt x="8" y="3"/>
                      </a:lnTo>
                      <a:lnTo>
                        <a:pt x="10" y="3"/>
                      </a:lnTo>
                      <a:lnTo>
                        <a:pt x="13" y="3"/>
                      </a:lnTo>
                      <a:lnTo>
                        <a:pt x="13" y="5"/>
                      </a:lnTo>
                      <a:lnTo>
                        <a:pt x="15" y="5"/>
                      </a:lnTo>
                      <a:lnTo>
                        <a:pt x="22" y="5"/>
                      </a:lnTo>
                      <a:lnTo>
                        <a:pt x="30" y="10"/>
                      </a:lnTo>
                      <a:lnTo>
                        <a:pt x="32" y="11"/>
                      </a:lnTo>
                      <a:lnTo>
                        <a:pt x="34" y="13"/>
                      </a:lnTo>
                      <a:lnTo>
                        <a:pt x="35" y="15"/>
                      </a:lnTo>
                      <a:lnTo>
                        <a:pt x="35" y="17"/>
                      </a:lnTo>
                      <a:lnTo>
                        <a:pt x="34" y="20"/>
                      </a:lnTo>
                      <a:lnTo>
                        <a:pt x="30" y="20"/>
                      </a:lnTo>
                      <a:lnTo>
                        <a:pt x="25" y="22"/>
                      </a:lnTo>
                      <a:lnTo>
                        <a:pt x="23" y="22"/>
                      </a:lnTo>
                      <a:lnTo>
                        <a:pt x="23" y="23"/>
                      </a:lnTo>
                      <a:lnTo>
                        <a:pt x="22" y="23"/>
                      </a:lnTo>
                      <a:lnTo>
                        <a:pt x="20" y="25"/>
                      </a:lnTo>
                      <a:lnTo>
                        <a:pt x="18" y="25"/>
                      </a:lnTo>
                      <a:lnTo>
                        <a:pt x="15" y="23"/>
                      </a:lnTo>
                      <a:lnTo>
                        <a:pt x="13" y="20"/>
                      </a:lnTo>
                      <a:lnTo>
                        <a:pt x="12" y="17"/>
                      </a:lnTo>
                      <a:lnTo>
                        <a:pt x="10" y="15"/>
                      </a:lnTo>
                      <a:lnTo>
                        <a:pt x="6" y="11"/>
                      </a:lnTo>
                      <a:lnTo>
                        <a:pt x="3" y="10"/>
                      </a:lnTo>
                      <a:lnTo>
                        <a:pt x="1" y="8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60" name="Freeform 148"/>
                <p:cNvSpPr>
                  <a:spLocks/>
                </p:cNvSpPr>
                <p:nvPr/>
              </p:nvSpPr>
              <p:spPr bwMode="auto">
                <a:xfrm>
                  <a:off x="1554" y="3480"/>
                  <a:ext cx="66" cy="76"/>
                </a:xfrm>
                <a:custGeom>
                  <a:avLst/>
                  <a:gdLst>
                    <a:gd name="T0" fmla="*/ 10 w 66"/>
                    <a:gd name="T1" fmla="*/ 5 h 76"/>
                    <a:gd name="T2" fmla="*/ 14 w 66"/>
                    <a:gd name="T3" fmla="*/ 0 h 76"/>
                    <a:gd name="T4" fmla="*/ 22 w 66"/>
                    <a:gd name="T5" fmla="*/ 6 h 76"/>
                    <a:gd name="T6" fmla="*/ 46 w 66"/>
                    <a:gd name="T7" fmla="*/ 18 h 76"/>
                    <a:gd name="T8" fmla="*/ 54 w 66"/>
                    <a:gd name="T9" fmla="*/ 22 h 76"/>
                    <a:gd name="T10" fmla="*/ 54 w 66"/>
                    <a:gd name="T11" fmla="*/ 28 h 76"/>
                    <a:gd name="T12" fmla="*/ 61 w 66"/>
                    <a:gd name="T13" fmla="*/ 38 h 76"/>
                    <a:gd name="T14" fmla="*/ 61 w 66"/>
                    <a:gd name="T15" fmla="*/ 38 h 76"/>
                    <a:gd name="T16" fmla="*/ 63 w 66"/>
                    <a:gd name="T17" fmla="*/ 38 h 76"/>
                    <a:gd name="T18" fmla="*/ 64 w 66"/>
                    <a:gd name="T19" fmla="*/ 40 h 76"/>
                    <a:gd name="T20" fmla="*/ 66 w 66"/>
                    <a:gd name="T21" fmla="*/ 42 h 76"/>
                    <a:gd name="T22" fmla="*/ 66 w 66"/>
                    <a:gd name="T23" fmla="*/ 44 h 76"/>
                    <a:gd name="T24" fmla="*/ 66 w 66"/>
                    <a:gd name="T25" fmla="*/ 45 h 76"/>
                    <a:gd name="T26" fmla="*/ 63 w 66"/>
                    <a:gd name="T27" fmla="*/ 49 h 76"/>
                    <a:gd name="T28" fmla="*/ 58 w 66"/>
                    <a:gd name="T29" fmla="*/ 52 h 76"/>
                    <a:gd name="T30" fmla="*/ 56 w 66"/>
                    <a:gd name="T31" fmla="*/ 52 h 76"/>
                    <a:gd name="T32" fmla="*/ 54 w 66"/>
                    <a:gd name="T33" fmla="*/ 52 h 76"/>
                    <a:gd name="T34" fmla="*/ 49 w 66"/>
                    <a:gd name="T35" fmla="*/ 54 h 76"/>
                    <a:gd name="T36" fmla="*/ 44 w 66"/>
                    <a:gd name="T37" fmla="*/ 55 h 76"/>
                    <a:gd name="T38" fmla="*/ 37 w 66"/>
                    <a:gd name="T39" fmla="*/ 59 h 76"/>
                    <a:gd name="T40" fmla="*/ 32 w 66"/>
                    <a:gd name="T41" fmla="*/ 62 h 76"/>
                    <a:gd name="T42" fmla="*/ 27 w 66"/>
                    <a:gd name="T43" fmla="*/ 67 h 76"/>
                    <a:gd name="T44" fmla="*/ 24 w 66"/>
                    <a:gd name="T45" fmla="*/ 76 h 76"/>
                    <a:gd name="T46" fmla="*/ 22 w 66"/>
                    <a:gd name="T47" fmla="*/ 76 h 76"/>
                    <a:gd name="T48" fmla="*/ 22 w 66"/>
                    <a:gd name="T49" fmla="*/ 74 h 76"/>
                    <a:gd name="T50" fmla="*/ 19 w 66"/>
                    <a:gd name="T51" fmla="*/ 74 h 76"/>
                    <a:gd name="T52" fmla="*/ 15 w 66"/>
                    <a:gd name="T53" fmla="*/ 71 h 76"/>
                    <a:gd name="T54" fmla="*/ 14 w 66"/>
                    <a:gd name="T55" fmla="*/ 69 h 76"/>
                    <a:gd name="T56" fmla="*/ 10 w 66"/>
                    <a:gd name="T57" fmla="*/ 66 h 76"/>
                    <a:gd name="T58" fmla="*/ 10 w 66"/>
                    <a:gd name="T59" fmla="*/ 60 h 76"/>
                    <a:gd name="T60" fmla="*/ 9 w 66"/>
                    <a:gd name="T61" fmla="*/ 54 h 76"/>
                    <a:gd name="T62" fmla="*/ 9 w 66"/>
                    <a:gd name="T63" fmla="*/ 54 h 76"/>
                    <a:gd name="T64" fmla="*/ 9 w 66"/>
                    <a:gd name="T65" fmla="*/ 52 h 76"/>
                    <a:gd name="T66" fmla="*/ 10 w 66"/>
                    <a:gd name="T67" fmla="*/ 50 h 76"/>
                    <a:gd name="T68" fmla="*/ 10 w 66"/>
                    <a:gd name="T69" fmla="*/ 49 h 76"/>
                    <a:gd name="T70" fmla="*/ 9 w 66"/>
                    <a:gd name="T71" fmla="*/ 47 h 76"/>
                    <a:gd name="T72" fmla="*/ 9 w 66"/>
                    <a:gd name="T73" fmla="*/ 44 h 76"/>
                    <a:gd name="T74" fmla="*/ 7 w 66"/>
                    <a:gd name="T75" fmla="*/ 40 h 76"/>
                    <a:gd name="T76" fmla="*/ 4 w 66"/>
                    <a:gd name="T77" fmla="*/ 37 h 76"/>
                    <a:gd name="T78" fmla="*/ 4 w 66"/>
                    <a:gd name="T79" fmla="*/ 35 h 76"/>
                    <a:gd name="T80" fmla="*/ 2 w 66"/>
                    <a:gd name="T81" fmla="*/ 33 h 76"/>
                    <a:gd name="T82" fmla="*/ 2 w 66"/>
                    <a:gd name="T83" fmla="*/ 32 h 76"/>
                    <a:gd name="T84" fmla="*/ 0 w 66"/>
                    <a:gd name="T85" fmla="*/ 30 h 76"/>
                    <a:gd name="T86" fmla="*/ 0 w 66"/>
                    <a:gd name="T87" fmla="*/ 28 h 76"/>
                    <a:gd name="T88" fmla="*/ 2 w 66"/>
                    <a:gd name="T89" fmla="*/ 25 h 76"/>
                    <a:gd name="T90" fmla="*/ 4 w 66"/>
                    <a:gd name="T91" fmla="*/ 25 h 76"/>
                    <a:gd name="T92" fmla="*/ 7 w 66"/>
                    <a:gd name="T93" fmla="*/ 23 h 76"/>
                    <a:gd name="T94" fmla="*/ 9 w 66"/>
                    <a:gd name="T95" fmla="*/ 25 h 76"/>
                    <a:gd name="T96" fmla="*/ 9 w 66"/>
                    <a:gd name="T97" fmla="*/ 25 h 76"/>
                    <a:gd name="T98" fmla="*/ 10 w 66"/>
                    <a:gd name="T99" fmla="*/ 25 h 76"/>
                    <a:gd name="T100" fmla="*/ 10 w 66"/>
                    <a:gd name="T101" fmla="*/ 25 h 76"/>
                    <a:gd name="T102" fmla="*/ 10 w 66"/>
                    <a:gd name="T103" fmla="*/ 23 h 76"/>
                    <a:gd name="T104" fmla="*/ 12 w 66"/>
                    <a:gd name="T105" fmla="*/ 22 h 76"/>
                    <a:gd name="T106" fmla="*/ 12 w 66"/>
                    <a:gd name="T107" fmla="*/ 16 h 76"/>
                    <a:gd name="T108" fmla="*/ 12 w 66"/>
                    <a:gd name="T109" fmla="*/ 10 h 76"/>
                    <a:gd name="T110" fmla="*/ 12 w 66"/>
                    <a:gd name="T111" fmla="*/ 8 h 76"/>
                    <a:gd name="T112" fmla="*/ 10 w 66"/>
                    <a:gd name="T113" fmla="*/ 6 h 76"/>
                    <a:gd name="T114" fmla="*/ 10 w 66"/>
                    <a:gd name="T115" fmla="*/ 6 h 76"/>
                    <a:gd name="T116" fmla="*/ 10 w 66"/>
                    <a:gd name="T117" fmla="*/ 5 h 7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w 66"/>
                    <a:gd name="T178" fmla="*/ 0 h 76"/>
                    <a:gd name="T179" fmla="*/ 66 w 66"/>
                    <a:gd name="T180" fmla="*/ 76 h 76"/>
                  </a:gdLst>
                  <a:ahLst/>
                  <a:cxnLst>
                    <a:cxn ang="T118">
                      <a:pos x="T0" y="T1"/>
                    </a:cxn>
                    <a:cxn ang="T119">
                      <a:pos x="T2" y="T3"/>
                    </a:cxn>
                    <a:cxn ang="T120">
                      <a:pos x="T4" y="T5"/>
                    </a:cxn>
                    <a:cxn ang="T121">
                      <a:pos x="T6" y="T7"/>
                    </a:cxn>
                    <a:cxn ang="T122">
                      <a:pos x="T8" y="T9"/>
                    </a:cxn>
                    <a:cxn ang="T123">
                      <a:pos x="T10" y="T11"/>
                    </a:cxn>
                    <a:cxn ang="T124">
                      <a:pos x="T12" y="T13"/>
                    </a:cxn>
                    <a:cxn ang="T125">
                      <a:pos x="T14" y="T15"/>
                    </a:cxn>
                    <a:cxn ang="T126">
                      <a:pos x="T16" y="T17"/>
                    </a:cxn>
                    <a:cxn ang="T127">
                      <a:pos x="T18" y="T19"/>
                    </a:cxn>
                    <a:cxn ang="T128">
                      <a:pos x="T20" y="T21"/>
                    </a:cxn>
                    <a:cxn ang="T129">
                      <a:pos x="T22" y="T23"/>
                    </a:cxn>
                    <a:cxn ang="T130">
                      <a:pos x="T24" y="T25"/>
                    </a:cxn>
                    <a:cxn ang="T131">
                      <a:pos x="T26" y="T27"/>
                    </a:cxn>
                    <a:cxn ang="T132">
                      <a:pos x="T28" y="T29"/>
                    </a:cxn>
                    <a:cxn ang="T133">
                      <a:pos x="T30" y="T31"/>
                    </a:cxn>
                    <a:cxn ang="T134">
                      <a:pos x="T32" y="T33"/>
                    </a:cxn>
                    <a:cxn ang="T135">
                      <a:pos x="T34" y="T35"/>
                    </a:cxn>
                    <a:cxn ang="T136">
                      <a:pos x="T36" y="T37"/>
                    </a:cxn>
                    <a:cxn ang="T137">
                      <a:pos x="T38" y="T39"/>
                    </a:cxn>
                    <a:cxn ang="T138">
                      <a:pos x="T40" y="T41"/>
                    </a:cxn>
                    <a:cxn ang="T139">
                      <a:pos x="T42" y="T43"/>
                    </a:cxn>
                    <a:cxn ang="T140">
                      <a:pos x="T44" y="T45"/>
                    </a:cxn>
                    <a:cxn ang="T141">
                      <a:pos x="T46" y="T47"/>
                    </a:cxn>
                    <a:cxn ang="T142">
                      <a:pos x="T48" y="T49"/>
                    </a:cxn>
                    <a:cxn ang="T143">
                      <a:pos x="T50" y="T51"/>
                    </a:cxn>
                    <a:cxn ang="T144">
                      <a:pos x="T52" y="T53"/>
                    </a:cxn>
                    <a:cxn ang="T145">
                      <a:pos x="T54" y="T55"/>
                    </a:cxn>
                    <a:cxn ang="T146">
                      <a:pos x="T56" y="T57"/>
                    </a:cxn>
                    <a:cxn ang="T147">
                      <a:pos x="T58" y="T59"/>
                    </a:cxn>
                    <a:cxn ang="T148">
                      <a:pos x="T60" y="T61"/>
                    </a:cxn>
                    <a:cxn ang="T149">
                      <a:pos x="T62" y="T63"/>
                    </a:cxn>
                    <a:cxn ang="T150">
                      <a:pos x="T64" y="T65"/>
                    </a:cxn>
                    <a:cxn ang="T151">
                      <a:pos x="T66" y="T67"/>
                    </a:cxn>
                    <a:cxn ang="T152">
                      <a:pos x="T68" y="T69"/>
                    </a:cxn>
                    <a:cxn ang="T153">
                      <a:pos x="T70" y="T71"/>
                    </a:cxn>
                    <a:cxn ang="T154">
                      <a:pos x="T72" y="T73"/>
                    </a:cxn>
                    <a:cxn ang="T155">
                      <a:pos x="T74" y="T75"/>
                    </a:cxn>
                    <a:cxn ang="T156">
                      <a:pos x="T76" y="T77"/>
                    </a:cxn>
                    <a:cxn ang="T157">
                      <a:pos x="T78" y="T79"/>
                    </a:cxn>
                    <a:cxn ang="T158">
                      <a:pos x="T80" y="T81"/>
                    </a:cxn>
                    <a:cxn ang="T159">
                      <a:pos x="T82" y="T83"/>
                    </a:cxn>
                    <a:cxn ang="T160">
                      <a:pos x="T84" y="T85"/>
                    </a:cxn>
                    <a:cxn ang="T161">
                      <a:pos x="T86" y="T87"/>
                    </a:cxn>
                    <a:cxn ang="T162">
                      <a:pos x="T88" y="T89"/>
                    </a:cxn>
                    <a:cxn ang="T163">
                      <a:pos x="T90" y="T91"/>
                    </a:cxn>
                    <a:cxn ang="T164">
                      <a:pos x="T92" y="T93"/>
                    </a:cxn>
                    <a:cxn ang="T165">
                      <a:pos x="T94" y="T95"/>
                    </a:cxn>
                    <a:cxn ang="T166">
                      <a:pos x="T96" y="T97"/>
                    </a:cxn>
                    <a:cxn ang="T167">
                      <a:pos x="T98" y="T99"/>
                    </a:cxn>
                    <a:cxn ang="T168">
                      <a:pos x="T100" y="T101"/>
                    </a:cxn>
                    <a:cxn ang="T169">
                      <a:pos x="T102" y="T103"/>
                    </a:cxn>
                    <a:cxn ang="T170">
                      <a:pos x="T104" y="T105"/>
                    </a:cxn>
                    <a:cxn ang="T171">
                      <a:pos x="T106" y="T107"/>
                    </a:cxn>
                    <a:cxn ang="T172">
                      <a:pos x="T108" y="T109"/>
                    </a:cxn>
                    <a:cxn ang="T173">
                      <a:pos x="T110" y="T111"/>
                    </a:cxn>
                    <a:cxn ang="T174">
                      <a:pos x="T112" y="T113"/>
                    </a:cxn>
                    <a:cxn ang="T175">
                      <a:pos x="T114" y="T115"/>
                    </a:cxn>
                    <a:cxn ang="T176">
                      <a:pos x="T116" y="T117"/>
                    </a:cxn>
                  </a:cxnLst>
                  <a:rect l="T177" t="T178" r="T179" b="T180"/>
                  <a:pathLst>
                    <a:path w="66" h="76">
                      <a:moveTo>
                        <a:pt x="10" y="5"/>
                      </a:moveTo>
                      <a:lnTo>
                        <a:pt x="14" y="0"/>
                      </a:lnTo>
                      <a:lnTo>
                        <a:pt x="22" y="6"/>
                      </a:lnTo>
                      <a:lnTo>
                        <a:pt x="46" y="18"/>
                      </a:lnTo>
                      <a:lnTo>
                        <a:pt x="54" y="22"/>
                      </a:lnTo>
                      <a:lnTo>
                        <a:pt x="54" y="28"/>
                      </a:lnTo>
                      <a:lnTo>
                        <a:pt x="61" y="38"/>
                      </a:lnTo>
                      <a:lnTo>
                        <a:pt x="63" y="38"/>
                      </a:lnTo>
                      <a:lnTo>
                        <a:pt x="64" y="40"/>
                      </a:lnTo>
                      <a:lnTo>
                        <a:pt x="66" y="42"/>
                      </a:lnTo>
                      <a:lnTo>
                        <a:pt x="66" y="44"/>
                      </a:lnTo>
                      <a:lnTo>
                        <a:pt x="66" y="45"/>
                      </a:lnTo>
                      <a:lnTo>
                        <a:pt x="63" y="49"/>
                      </a:lnTo>
                      <a:lnTo>
                        <a:pt x="58" y="52"/>
                      </a:lnTo>
                      <a:lnTo>
                        <a:pt x="56" y="52"/>
                      </a:lnTo>
                      <a:lnTo>
                        <a:pt x="54" y="52"/>
                      </a:lnTo>
                      <a:lnTo>
                        <a:pt x="49" y="54"/>
                      </a:lnTo>
                      <a:lnTo>
                        <a:pt x="44" y="55"/>
                      </a:lnTo>
                      <a:lnTo>
                        <a:pt x="37" y="59"/>
                      </a:lnTo>
                      <a:lnTo>
                        <a:pt x="32" y="62"/>
                      </a:lnTo>
                      <a:lnTo>
                        <a:pt x="27" y="67"/>
                      </a:lnTo>
                      <a:lnTo>
                        <a:pt x="24" y="76"/>
                      </a:lnTo>
                      <a:lnTo>
                        <a:pt x="22" y="76"/>
                      </a:lnTo>
                      <a:lnTo>
                        <a:pt x="22" y="74"/>
                      </a:lnTo>
                      <a:lnTo>
                        <a:pt x="19" y="74"/>
                      </a:lnTo>
                      <a:lnTo>
                        <a:pt x="15" y="71"/>
                      </a:lnTo>
                      <a:lnTo>
                        <a:pt x="14" y="69"/>
                      </a:lnTo>
                      <a:lnTo>
                        <a:pt x="10" y="66"/>
                      </a:lnTo>
                      <a:lnTo>
                        <a:pt x="10" y="60"/>
                      </a:lnTo>
                      <a:lnTo>
                        <a:pt x="9" y="54"/>
                      </a:lnTo>
                      <a:lnTo>
                        <a:pt x="9" y="52"/>
                      </a:lnTo>
                      <a:lnTo>
                        <a:pt x="10" y="50"/>
                      </a:lnTo>
                      <a:lnTo>
                        <a:pt x="10" y="49"/>
                      </a:lnTo>
                      <a:lnTo>
                        <a:pt x="9" y="47"/>
                      </a:lnTo>
                      <a:lnTo>
                        <a:pt x="9" y="44"/>
                      </a:lnTo>
                      <a:lnTo>
                        <a:pt x="7" y="40"/>
                      </a:lnTo>
                      <a:lnTo>
                        <a:pt x="4" y="37"/>
                      </a:lnTo>
                      <a:lnTo>
                        <a:pt x="4" y="35"/>
                      </a:lnTo>
                      <a:lnTo>
                        <a:pt x="2" y="33"/>
                      </a:lnTo>
                      <a:lnTo>
                        <a:pt x="2" y="32"/>
                      </a:lnTo>
                      <a:lnTo>
                        <a:pt x="0" y="30"/>
                      </a:lnTo>
                      <a:lnTo>
                        <a:pt x="0" y="28"/>
                      </a:lnTo>
                      <a:lnTo>
                        <a:pt x="2" y="25"/>
                      </a:lnTo>
                      <a:lnTo>
                        <a:pt x="4" y="25"/>
                      </a:lnTo>
                      <a:lnTo>
                        <a:pt x="7" y="23"/>
                      </a:lnTo>
                      <a:lnTo>
                        <a:pt x="9" y="25"/>
                      </a:lnTo>
                      <a:lnTo>
                        <a:pt x="10" y="25"/>
                      </a:lnTo>
                      <a:lnTo>
                        <a:pt x="10" y="23"/>
                      </a:lnTo>
                      <a:lnTo>
                        <a:pt x="12" y="22"/>
                      </a:lnTo>
                      <a:lnTo>
                        <a:pt x="12" y="16"/>
                      </a:lnTo>
                      <a:lnTo>
                        <a:pt x="12" y="10"/>
                      </a:lnTo>
                      <a:lnTo>
                        <a:pt x="12" y="8"/>
                      </a:lnTo>
                      <a:lnTo>
                        <a:pt x="10" y="6"/>
                      </a:lnTo>
                      <a:lnTo>
                        <a:pt x="10" y="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61" name="Freeform 149"/>
                <p:cNvSpPr>
                  <a:spLocks/>
                </p:cNvSpPr>
                <p:nvPr/>
              </p:nvSpPr>
              <p:spPr bwMode="auto">
                <a:xfrm>
                  <a:off x="1554" y="3480"/>
                  <a:ext cx="66" cy="76"/>
                </a:xfrm>
                <a:custGeom>
                  <a:avLst/>
                  <a:gdLst>
                    <a:gd name="T0" fmla="*/ 14 w 66"/>
                    <a:gd name="T1" fmla="*/ 0 h 76"/>
                    <a:gd name="T2" fmla="*/ 46 w 66"/>
                    <a:gd name="T3" fmla="*/ 18 h 76"/>
                    <a:gd name="T4" fmla="*/ 54 w 66"/>
                    <a:gd name="T5" fmla="*/ 28 h 76"/>
                    <a:gd name="T6" fmla="*/ 61 w 66"/>
                    <a:gd name="T7" fmla="*/ 38 h 76"/>
                    <a:gd name="T8" fmla="*/ 63 w 66"/>
                    <a:gd name="T9" fmla="*/ 38 h 76"/>
                    <a:gd name="T10" fmla="*/ 66 w 66"/>
                    <a:gd name="T11" fmla="*/ 42 h 76"/>
                    <a:gd name="T12" fmla="*/ 66 w 66"/>
                    <a:gd name="T13" fmla="*/ 45 h 76"/>
                    <a:gd name="T14" fmla="*/ 58 w 66"/>
                    <a:gd name="T15" fmla="*/ 52 h 76"/>
                    <a:gd name="T16" fmla="*/ 56 w 66"/>
                    <a:gd name="T17" fmla="*/ 52 h 76"/>
                    <a:gd name="T18" fmla="*/ 49 w 66"/>
                    <a:gd name="T19" fmla="*/ 54 h 76"/>
                    <a:gd name="T20" fmla="*/ 37 w 66"/>
                    <a:gd name="T21" fmla="*/ 59 h 76"/>
                    <a:gd name="T22" fmla="*/ 27 w 66"/>
                    <a:gd name="T23" fmla="*/ 67 h 76"/>
                    <a:gd name="T24" fmla="*/ 24 w 66"/>
                    <a:gd name="T25" fmla="*/ 76 h 76"/>
                    <a:gd name="T26" fmla="*/ 22 w 66"/>
                    <a:gd name="T27" fmla="*/ 74 h 76"/>
                    <a:gd name="T28" fmla="*/ 15 w 66"/>
                    <a:gd name="T29" fmla="*/ 71 h 76"/>
                    <a:gd name="T30" fmla="*/ 10 w 66"/>
                    <a:gd name="T31" fmla="*/ 66 h 76"/>
                    <a:gd name="T32" fmla="*/ 9 w 66"/>
                    <a:gd name="T33" fmla="*/ 54 h 76"/>
                    <a:gd name="T34" fmla="*/ 9 w 66"/>
                    <a:gd name="T35" fmla="*/ 54 h 76"/>
                    <a:gd name="T36" fmla="*/ 10 w 66"/>
                    <a:gd name="T37" fmla="*/ 50 h 76"/>
                    <a:gd name="T38" fmla="*/ 9 w 66"/>
                    <a:gd name="T39" fmla="*/ 47 h 76"/>
                    <a:gd name="T40" fmla="*/ 7 w 66"/>
                    <a:gd name="T41" fmla="*/ 40 h 76"/>
                    <a:gd name="T42" fmla="*/ 4 w 66"/>
                    <a:gd name="T43" fmla="*/ 37 h 76"/>
                    <a:gd name="T44" fmla="*/ 2 w 66"/>
                    <a:gd name="T45" fmla="*/ 33 h 76"/>
                    <a:gd name="T46" fmla="*/ 0 w 66"/>
                    <a:gd name="T47" fmla="*/ 30 h 76"/>
                    <a:gd name="T48" fmla="*/ 2 w 66"/>
                    <a:gd name="T49" fmla="*/ 25 h 76"/>
                    <a:gd name="T50" fmla="*/ 7 w 66"/>
                    <a:gd name="T51" fmla="*/ 23 h 76"/>
                    <a:gd name="T52" fmla="*/ 9 w 66"/>
                    <a:gd name="T53" fmla="*/ 25 h 76"/>
                    <a:gd name="T54" fmla="*/ 10 w 66"/>
                    <a:gd name="T55" fmla="*/ 25 h 76"/>
                    <a:gd name="T56" fmla="*/ 10 w 66"/>
                    <a:gd name="T57" fmla="*/ 23 h 76"/>
                    <a:gd name="T58" fmla="*/ 12 w 66"/>
                    <a:gd name="T59" fmla="*/ 16 h 76"/>
                    <a:gd name="T60" fmla="*/ 12 w 66"/>
                    <a:gd name="T61" fmla="*/ 10 h 76"/>
                    <a:gd name="T62" fmla="*/ 10 w 66"/>
                    <a:gd name="T63" fmla="*/ 6 h 76"/>
                    <a:gd name="T64" fmla="*/ 10 w 66"/>
                    <a:gd name="T65" fmla="*/ 5 h 7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60000 65536"/>
                    <a:gd name="T82" fmla="*/ 0 60000 65536"/>
                    <a:gd name="T83" fmla="*/ 0 60000 65536"/>
                    <a:gd name="T84" fmla="*/ 0 60000 65536"/>
                    <a:gd name="T85" fmla="*/ 0 60000 65536"/>
                    <a:gd name="T86" fmla="*/ 0 60000 65536"/>
                    <a:gd name="T87" fmla="*/ 0 60000 65536"/>
                    <a:gd name="T88" fmla="*/ 0 60000 65536"/>
                    <a:gd name="T89" fmla="*/ 0 60000 65536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w 66"/>
                    <a:gd name="T100" fmla="*/ 0 h 76"/>
                    <a:gd name="T101" fmla="*/ 66 w 66"/>
                    <a:gd name="T102" fmla="*/ 76 h 76"/>
                  </a:gdLst>
                  <a:ahLst/>
                  <a:cxnLst>
                    <a:cxn ang="T66">
                      <a:pos x="T0" y="T1"/>
                    </a:cxn>
                    <a:cxn ang="T67">
                      <a:pos x="T2" y="T3"/>
                    </a:cxn>
                    <a:cxn ang="T68">
                      <a:pos x="T4" y="T5"/>
                    </a:cxn>
                    <a:cxn ang="T69">
                      <a:pos x="T6" y="T7"/>
                    </a:cxn>
                    <a:cxn ang="T70">
                      <a:pos x="T8" y="T9"/>
                    </a:cxn>
                    <a:cxn ang="T71">
                      <a:pos x="T10" y="T11"/>
                    </a:cxn>
                    <a:cxn ang="T72">
                      <a:pos x="T12" y="T13"/>
                    </a:cxn>
                    <a:cxn ang="T73">
                      <a:pos x="T14" y="T15"/>
                    </a:cxn>
                    <a:cxn ang="T74">
                      <a:pos x="T16" y="T17"/>
                    </a:cxn>
                    <a:cxn ang="T75">
                      <a:pos x="T18" y="T19"/>
                    </a:cxn>
                    <a:cxn ang="T76">
                      <a:pos x="T20" y="T21"/>
                    </a:cxn>
                    <a:cxn ang="T77">
                      <a:pos x="T22" y="T23"/>
                    </a:cxn>
                    <a:cxn ang="T78">
                      <a:pos x="T24" y="T25"/>
                    </a:cxn>
                    <a:cxn ang="T79">
                      <a:pos x="T26" y="T27"/>
                    </a:cxn>
                    <a:cxn ang="T80">
                      <a:pos x="T28" y="T29"/>
                    </a:cxn>
                    <a:cxn ang="T81">
                      <a:pos x="T30" y="T31"/>
                    </a:cxn>
                    <a:cxn ang="T82">
                      <a:pos x="T32" y="T33"/>
                    </a:cxn>
                    <a:cxn ang="T83">
                      <a:pos x="T34" y="T35"/>
                    </a:cxn>
                    <a:cxn ang="T84">
                      <a:pos x="T36" y="T37"/>
                    </a:cxn>
                    <a:cxn ang="T85">
                      <a:pos x="T38" y="T39"/>
                    </a:cxn>
                    <a:cxn ang="T86">
                      <a:pos x="T40" y="T41"/>
                    </a:cxn>
                    <a:cxn ang="T87">
                      <a:pos x="T42" y="T43"/>
                    </a:cxn>
                    <a:cxn ang="T88">
                      <a:pos x="T44" y="T45"/>
                    </a:cxn>
                    <a:cxn ang="T89">
                      <a:pos x="T46" y="T47"/>
                    </a:cxn>
                    <a:cxn ang="T90">
                      <a:pos x="T48" y="T49"/>
                    </a:cxn>
                    <a:cxn ang="T91">
                      <a:pos x="T50" y="T51"/>
                    </a:cxn>
                    <a:cxn ang="T92">
                      <a:pos x="T52" y="T53"/>
                    </a:cxn>
                    <a:cxn ang="T93">
                      <a:pos x="T54" y="T55"/>
                    </a:cxn>
                    <a:cxn ang="T94">
                      <a:pos x="T56" y="T57"/>
                    </a:cxn>
                    <a:cxn ang="T95">
                      <a:pos x="T58" y="T59"/>
                    </a:cxn>
                    <a:cxn ang="T96">
                      <a:pos x="T60" y="T61"/>
                    </a:cxn>
                    <a:cxn ang="T97">
                      <a:pos x="T62" y="T63"/>
                    </a:cxn>
                    <a:cxn ang="T98">
                      <a:pos x="T64" y="T65"/>
                    </a:cxn>
                  </a:cxnLst>
                  <a:rect l="T99" t="T100" r="T101" b="T102"/>
                  <a:pathLst>
                    <a:path w="66" h="76">
                      <a:moveTo>
                        <a:pt x="10" y="5"/>
                      </a:moveTo>
                      <a:lnTo>
                        <a:pt x="14" y="0"/>
                      </a:lnTo>
                      <a:lnTo>
                        <a:pt x="22" y="6"/>
                      </a:lnTo>
                      <a:lnTo>
                        <a:pt x="46" y="18"/>
                      </a:lnTo>
                      <a:lnTo>
                        <a:pt x="54" y="22"/>
                      </a:lnTo>
                      <a:lnTo>
                        <a:pt x="54" y="28"/>
                      </a:lnTo>
                      <a:lnTo>
                        <a:pt x="61" y="38"/>
                      </a:lnTo>
                      <a:lnTo>
                        <a:pt x="63" y="38"/>
                      </a:lnTo>
                      <a:lnTo>
                        <a:pt x="64" y="40"/>
                      </a:lnTo>
                      <a:lnTo>
                        <a:pt x="66" y="42"/>
                      </a:lnTo>
                      <a:lnTo>
                        <a:pt x="66" y="44"/>
                      </a:lnTo>
                      <a:lnTo>
                        <a:pt x="66" y="45"/>
                      </a:lnTo>
                      <a:lnTo>
                        <a:pt x="63" y="49"/>
                      </a:lnTo>
                      <a:lnTo>
                        <a:pt x="58" y="52"/>
                      </a:lnTo>
                      <a:lnTo>
                        <a:pt x="56" y="52"/>
                      </a:lnTo>
                      <a:lnTo>
                        <a:pt x="54" y="52"/>
                      </a:lnTo>
                      <a:lnTo>
                        <a:pt x="49" y="54"/>
                      </a:lnTo>
                      <a:lnTo>
                        <a:pt x="44" y="55"/>
                      </a:lnTo>
                      <a:lnTo>
                        <a:pt x="37" y="59"/>
                      </a:lnTo>
                      <a:lnTo>
                        <a:pt x="32" y="62"/>
                      </a:lnTo>
                      <a:lnTo>
                        <a:pt x="27" y="67"/>
                      </a:lnTo>
                      <a:lnTo>
                        <a:pt x="24" y="76"/>
                      </a:lnTo>
                      <a:lnTo>
                        <a:pt x="22" y="76"/>
                      </a:lnTo>
                      <a:lnTo>
                        <a:pt x="22" y="74"/>
                      </a:lnTo>
                      <a:lnTo>
                        <a:pt x="19" y="74"/>
                      </a:lnTo>
                      <a:lnTo>
                        <a:pt x="15" y="71"/>
                      </a:lnTo>
                      <a:lnTo>
                        <a:pt x="14" y="69"/>
                      </a:lnTo>
                      <a:lnTo>
                        <a:pt x="10" y="66"/>
                      </a:lnTo>
                      <a:lnTo>
                        <a:pt x="10" y="60"/>
                      </a:lnTo>
                      <a:lnTo>
                        <a:pt x="9" y="54"/>
                      </a:lnTo>
                      <a:lnTo>
                        <a:pt x="9" y="52"/>
                      </a:lnTo>
                      <a:lnTo>
                        <a:pt x="10" y="50"/>
                      </a:lnTo>
                      <a:lnTo>
                        <a:pt x="10" y="49"/>
                      </a:lnTo>
                      <a:lnTo>
                        <a:pt x="9" y="47"/>
                      </a:lnTo>
                      <a:lnTo>
                        <a:pt x="9" y="44"/>
                      </a:lnTo>
                      <a:lnTo>
                        <a:pt x="7" y="40"/>
                      </a:lnTo>
                      <a:lnTo>
                        <a:pt x="4" y="37"/>
                      </a:lnTo>
                      <a:lnTo>
                        <a:pt x="4" y="35"/>
                      </a:lnTo>
                      <a:lnTo>
                        <a:pt x="2" y="33"/>
                      </a:lnTo>
                      <a:lnTo>
                        <a:pt x="2" y="32"/>
                      </a:lnTo>
                      <a:lnTo>
                        <a:pt x="0" y="30"/>
                      </a:lnTo>
                      <a:lnTo>
                        <a:pt x="0" y="28"/>
                      </a:lnTo>
                      <a:lnTo>
                        <a:pt x="2" y="25"/>
                      </a:lnTo>
                      <a:lnTo>
                        <a:pt x="4" y="25"/>
                      </a:lnTo>
                      <a:lnTo>
                        <a:pt x="7" y="23"/>
                      </a:lnTo>
                      <a:lnTo>
                        <a:pt x="9" y="25"/>
                      </a:lnTo>
                      <a:lnTo>
                        <a:pt x="10" y="25"/>
                      </a:lnTo>
                      <a:lnTo>
                        <a:pt x="10" y="23"/>
                      </a:lnTo>
                      <a:lnTo>
                        <a:pt x="12" y="22"/>
                      </a:lnTo>
                      <a:lnTo>
                        <a:pt x="12" y="16"/>
                      </a:lnTo>
                      <a:lnTo>
                        <a:pt x="12" y="10"/>
                      </a:lnTo>
                      <a:lnTo>
                        <a:pt x="12" y="8"/>
                      </a:lnTo>
                      <a:lnTo>
                        <a:pt x="10" y="6"/>
                      </a:lnTo>
                      <a:lnTo>
                        <a:pt x="10" y="5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62" name="Freeform 150"/>
                <p:cNvSpPr>
                  <a:spLocks/>
                </p:cNvSpPr>
                <p:nvPr/>
              </p:nvSpPr>
              <p:spPr bwMode="auto">
                <a:xfrm>
                  <a:off x="1505" y="3446"/>
                  <a:ext cx="10" cy="10"/>
                </a:xfrm>
                <a:custGeom>
                  <a:avLst/>
                  <a:gdLst>
                    <a:gd name="T0" fmla="*/ 0 w 10"/>
                    <a:gd name="T1" fmla="*/ 0 h 10"/>
                    <a:gd name="T2" fmla="*/ 7 w 10"/>
                    <a:gd name="T3" fmla="*/ 0 h 10"/>
                    <a:gd name="T4" fmla="*/ 10 w 10"/>
                    <a:gd name="T5" fmla="*/ 6 h 10"/>
                    <a:gd name="T6" fmla="*/ 5 w 10"/>
                    <a:gd name="T7" fmla="*/ 10 h 10"/>
                    <a:gd name="T8" fmla="*/ 2 w 10"/>
                    <a:gd name="T9" fmla="*/ 8 h 10"/>
                    <a:gd name="T10" fmla="*/ 0 w 10"/>
                    <a:gd name="T11" fmla="*/ 0 h 10"/>
                    <a:gd name="T12" fmla="*/ 0 60000 65536"/>
                    <a:gd name="T13" fmla="*/ 0 60000 65536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w 10"/>
                    <a:gd name="T19" fmla="*/ 0 h 10"/>
                    <a:gd name="T20" fmla="*/ 10 w 10"/>
                    <a:gd name="T21" fmla="*/ 10 h 10"/>
                  </a:gdLst>
                  <a:ahLst/>
                  <a:cxnLst>
                    <a:cxn ang="T12">
                      <a:pos x="T0" y="T1"/>
                    </a:cxn>
                    <a:cxn ang="T13">
                      <a:pos x="T2" y="T3"/>
                    </a:cxn>
                    <a:cxn ang="T14">
                      <a:pos x="T4" y="T5"/>
                    </a:cxn>
                    <a:cxn ang="T15">
                      <a:pos x="T6" y="T7"/>
                    </a:cxn>
                    <a:cxn ang="T16">
                      <a:pos x="T8" y="T9"/>
                    </a:cxn>
                    <a:cxn ang="T17">
                      <a:pos x="T10" y="T11"/>
                    </a:cxn>
                  </a:cxnLst>
                  <a:rect l="T18" t="T19" r="T20" b="T21"/>
                  <a:pathLst>
                    <a:path w="10" h="10">
                      <a:moveTo>
                        <a:pt x="0" y="0"/>
                      </a:moveTo>
                      <a:lnTo>
                        <a:pt x="7" y="0"/>
                      </a:lnTo>
                      <a:lnTo>
                        <a:pt x="10" y="6"/>
                      </a:lnTo>
                      <a:lnTo>
                        <a:pt x="5" y="10"/>
                      </a:lnTo>
                      <a:lnTo>
                        <a:pt x="2" y="8"/>
                      </a:lnTo>
                      <a:lnTo>
                        <a:pt x="0" y="0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63" name="Freeform 151"/>
                <p:cNvSpPr>
                  <a:spLocks/>
                </p:cNvSpPr>
                <p:nvPr/>
              </p:nvSpPr>
              <p:spPr bwMode="auto">
                <a:xfrm>
                  <a:off x="1505" y="3446"/>
                  <a:ext cx="10" cy="10"/>
                </a:xfrm>
                <a:custGeom>
                  <a:avLst/>
                  <a:gdLst>
                    <a:gd name="T0" fmla="*/ 0 w 10"/>
                    <a:gd name="T1" fmla="*/ 0 h 10"/>
                    <a:gd name="T2" fmla="*/ 7 w 10"/>
                    <a:gd name="T3" fmla="*/ 0 h 10"/>
                    <a:gd name="T4" fmla="*/ 10 w 10"/>
                    <a:gd name="T5" fmla="*/ 6 h 10"/>
                    <a:gd name="T6" fmla="*/ 5 w 10"/>
                    <a:gd name="T7" fmla="*/ 10 h 10"/>
                    <a:gd name="T8" fmla="*/ 2 w 10"/>
                    <a:gd name="T9" fmla="*/ 8 h 10"/>
                    <a:gd name="T10" fmla="*/ 0 w 10"/>
                    <a:gd name="T11" fmla="*/ 0 h 10"/>
                    <a:gd name="T12" fmla="*/ 0 60000 65536"/>
                    <a:gd name="T13" fmla="*/ 0 60000 65536"/>
                    <a:gd name="T14" fmla="*/ 0 60000 65536"/>
                    <a:gd name="T15" fmla="*/ 0 60000 65536"/>
                    <a:gd name="T16" fmla="*/ 0 60000 65536"/>
                    <a:gd name="T17" fmla="*/ 0 60000 65536"/>
                    <a:gd name="T18" fmla="*/ 0 w 10"/>
                    <a:gd name="T19" fmla="*/ 0 h 10"/>
                    <a:gd name="T20" fmla="*/ 10 w 10"/>
                    <a:gd name="T21" fmla="*/ 10 h 10"/>
                  </a:gdLst>
                  <a:ahLst/>
                  <a:cxnLst>
                    <a:cxn ang="T12">
                      <a:pos x="T0" y="T1"/>
                    </a:cxn>
                    <a:cxn ang="T13">
                      <a:pos x="T2" y="T3"/>
                    </a:cxn>
                    <a:cxn ang="T14">
                      <a:pos x="T4" y="T5"/>
                    </a:cxn>
                    <a:cxn ang="T15">
                      <a:pos x="T6" y="T7"/>
                    </a:cxn>
                    <a:cxn ang="T16">
                      <a:pos x="T8" y="T9"/>
                    </a:cxn>
                    <a:cxn ang="T17">
                      <a:pos x="T10" y="T11"/>
                    </a:cxn>
                  </a:cxnLst>
                  <a:rect l="T18" t="T19" r="T20" b="T21"/>
                  <a:pathLst>
                    <a:path w="10" h="10">
                      <a:moveTo>
                        <a:pt x="0" y="0"/>
                      </a:moveTo>
                      <a:lnTo>
                        <a:pt x="7" y="0"/>
                      </a:lnTo>
                      <a:lnTo>
                        <a:pt x="10" y="6"/>
                      </a:lnTo>
                      <a:lnTo>
                        <a:pt x="5" y="10"/>
                      </a:lnTo>
                      <a:lnTo>
                        <a:pt x="2" y="8"/>
                      </a:lnTo>
                      <a:lnTo>
                        <a:pt x="0" y="0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64" name="Freeform 152"/>
                <p:cNvSpPr>
                  <a:spLocks/>
                </p:cNvSpPr>
                <p:nvPr/>
              </p:nvSpPr>
              <p:spPr bwMode="auto">
                <a:xfrm>
                  <a:off x="1524" y="3463"/>
                  <a:ext cx="6" cy="8"/>
                </a:xfrm>
                <a:custGeom>
                  <a:avLst/>
                  <a:gdLst>
                    <a:gd name="T0" fmla="*/ 0 w 6"/>
                    <a:gd name="T1" fmla="*/ 5 h 8"/>
                    <a:gd name="T2" fmla="*/ 0 w 6"/>
                    <a:gd name="T3" fmla="*/ 3 h 8"/>
                    <a:gd name="T4" fmla="*/ 0 w 6"/>
                    <a:gd name="T5" fmla="*/ 1 h 8"/>
                    <a:gd name="T6" fmla="*/ 1 w 6"/>
                    <a:gd name="T7" fmla="*/ 1 h 8"/>
                    <a:gd name="T8" fmla="*/ 3 w 6"/>
                    <a:gd name="T9" fmla="*/ 0 h 8"/>
                    <a:gd name="T10" fmla="*/ 5 w 6"/>
                    <a:gd name="T11" fmla="*/ 1 h 8"/>
                    <a:gd name="T12" fmla="*/ 6 w 6"/>
                    <a:gd name="T13" fmla="*/ 1 h 8"/>
                    <a:gd name="T14" fmla="*/ 6 w 6"/>
                    <a:gd name="T15" fmla="*/ 3 h 8"/>
                    <a:gd name="T16" fmla="*/ 6 w 6"/>
                    <a:gd name="T17" fmla="*/ 5 h 8"/>
                    <a:gd name="T18" fmla="*/ 6 w 6"/>
                    <a:gd name="T19" fmla="*/ 6 h 8"/>
                    <a:gd name="T20" fmla="*/ 6 w 6"/>
                    <a:gd name="T21" fmla="*/ 8 h 8"/>
                    <a:gd name="T22" fmla="*/ 5 w 6"/>
                    <a:gd name="T23" fmla="*/ 8 h 8"/>
                    <a:gd name="T24" fmla="*/ 3 w 6"/>
                    <a:gd name="T25" fmla="*/ 8 h 8"/>
                    <a:gd name="T26" fmla="*/ 1 w 6"/>
                    <a:gd name="T27" fmla="*/ 8 h 8"/>
                    <a:gd name="T28" fmla="*/ 0 w 6"/>
                    <a:gd name="T29" fmla="*/ 8 h 8"/>
                    <a:gd name="T30" fmla="*/ 0 w 6"/>
                    <a:gd name="T31" fmla="*/ 6 h 8"/>
                    <a:gd name="T32" fmla="*/ 0 w 6"/>
                    <a:gd name="T33" fmla="*/ 5 h 8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6"/>
                    <a:gd name="T52" fmla="*/ 0 h 8"/>
                    <a:gd name="T53" fmla="*/ 6 w 6"/>
                    <a:gd name="T54" fmla="*/ 8 h 8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6" h="8">
                      <a:moveTo>
                        <a:pt x="0" y="5"/>
                      </a:move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1" y="1"/>
                      </a:lnTo>
                      <a:lnTo>
                        <a:pt x="3" y="0"/>
                      </a:lnTo>
                      <a:lnTo>
                        <a:pt x="5" y="1"/>
                      </a:lnTo>
                      <a:lnTo>
                        <a:pt x="6" y="1"/>
                      </a:lnTo>
                      <a:lnTo>
                        <a:pt x="6" y="3"/>
                      </a:lnTo>
                      <a:lnTo>
                        <a:pt x="6" y="5"/>
                      </a:lnTo>
                      <a:lnTo>
                        <a:pt x="6" y="6"/>
                      </a:lnTo>
                      <a:lnTo>
                        <a:pt x="6" y="8"/>
                      </a:lnTo>
                      <a:lnTo>
                        <a:pt x="5" y="8"/>
                      </a:lnTo>
                      <a:lnTo>
                        <a:pt x="3" y="8"/>
                      </a:lnTo>
                      <a:lnTo>
                        <a:pt x="1" y="8"/>
                      </a:lnTo>
                      <a:lnTo>
                        <a:pt x="0" y="8"/>
                      </a:lnTo>
                      <a:lnTo>
                        <a:pt x="0" y="6"/>
                      </a:lnTo>
                      <a:lnTo>
                        <a:pt x="0" y="5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65" name="Freeform 153"/>
                <p:cNvSpPr>
                  <a:spLocks/>
                </p:cNvSpPr>
                <p:nvPr/>
              </p:nvSpPr>
              <p:spPr bwMode="auto">
                <a:xfrm>
                  <a:off x="1524" y="3463"/>
                  <a:ext cx="6" cy="8"/>
                </a:xfrm>
                <a:custGeom>
                  <a:avLst/>
                  <a:gdLst>
                    <a:gd name="T0" fmla="*/ 0 w 6"/>
                    <a:gd name="T1" fmla="*/ 5 h 8"/>
                    <a:gd name="T2" fmla="*/ 0 w 6"/>
                    <a:gd name="T3" fmla="*/ 5 h 8"/>
                    <a:gd name="T4" fmla="*/ 0 w 6"/>
                    <a:gd name="T5" fmla="*/ 3 h 8"/>
                    <a:gd name="T6" fmla="*/ 0 w 6"/>
                    <a:gd name="T7" fmla="*/ 1 h 8"/>
                    <a:gd name="T8" fmla="*/ 1 w 6"/>
                    <a:gd name="T9" fmla="*/ 1 h 8"/>
                    <a:gd name="T10" fmla="*/ 3 w 6"/>
                    <a:gd name="T11" fmla="*/ 0 h 8"/>
                    <a:gd name="T12" fmla="*/ 3 w 6"/>
                    <a:gd name="T13" fmla="*/ 0 h 8"/>
                    <a:gd name="T14" fmla="*/ 5 w 6"/>
                    <a:gd name="T15" fmla="*/ 1 h 8"/>
                    <a:gd name="T16" fmla="*/ 6 w 6"/>
                    <a:gd name="T17" fmla="*/ 1 h 8"/>
                    <a:gd name="T18" fmla="*/ 6 w 6"/>
                    <a:gd name="T19" fmla="*/ 3 h 8"/>
                    <a:gd name="T20" fmla="*/ 6 w 6"/>
                    <a:gd name="T21" fmla="*/ 5 h 8"/>
                    <a:gd name="T22" fmla="*/ 6 w 6"/>
                    <a:gd name="T23" fmla="*/ 5 h 8"/>
                    <a:gd name="T24" fmla="*/ 6 w 6"/>
                    <a:gd name="T25" fmla="*/ 6 h 8"/>
                    <a:gd name="T26" fmla="*/ 6 w 6"/>
                    <a:gd name="T27" fmla="*/ 8 h 8"/>
                    <a:gd name="T28" fmla="*/ 5 w 6"/>
                    <a:gd name="T29" fmla="*/ 8 h 8"/>
                    <a:gd name="T30" fmla="*/ 3 w 6"/>
                    <a:gd name="T31" fmla="*/ 8 h 8"/>
                    <a:gd name="T32" fmla="*/ 3 w 6"/>
                    <a:gd name="T33" fmla="*/ 8 h 8"/>
                    <a:gd name="T34" fmla="*/ 1 w 6"/>
                    <a:gd name="T35" fmla="*/ 8 h 8"/>
                    <a:gd name="T36" fmla="*/ 0 w 6"/>
                    <a:gd name="T37" fmla="*/ 8 h 8"/>
                    <a:gd name="T38" fmla="*/ 0 w 6"/>
                    <a:gd name="T39" fmla="*/ 6 h 8"/>
                    <a:gd name="T40" fmla="*/ 0 w 6"/>
                    <a:gd name="T41" fmla="*/ 5 h 8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6"/>
                    <a:gd name="T64" fmla="*/ 0 h 8"/>
                    <a:gd name="T65" fmla="*/ 6 w 6"/>
                    <a:gd name="T66" fmla="*/ 8 h 8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6" h="8">
                      <a:moveTo>
                        <a:pt x="0" y="5"/>
                      </a:moveTo>
                      <a:lnTo>
                        <a:pt x="0" y="5"/>
                      </a:lnTo>
                      <a:lnTo>
                        <a:pt x="0" y="3"/>
                      </a:lnTo>
                      <a:lnTo>
                        <a:pt x="0" y="1"/>
                      </a:lnTo>
                      <a:lnTo>
                        <a:pt x="1" y="1"/>
                      </a:lnTo>
                      <a:lnTo>
                        <a:pt x="3" y="0"/>
                      </a:lnTo>
                      <a:lnTo>
                        <a:pt x="5" y="1"/>
                      </a:lnTo>
                      <a:lnTo>
                        <a:pt x="6" y="1"/>
                      </a:lnTo>
                      <a:lnTo>
                        <a:pt x="6" y="3"/>
                      </a:lnTo>
                      <a:lnTo>
                        <a:pt x="6" y="5"/>
                      </a:lnTo>
                      <a:lnTo>
                        <a:pt x="6" y="6"/>
                      </a:lnTo>
                      <a:lnTo>
                        <a:pt x="6" y="8"/>
                      </a:lnTo>
                      <a:lnTo>
                        <a:pt x="5" y="8"/>
                      </a:lnTo>
                      <a:lnTo>
                        <a:pt x="3" y="8"/>
                      </a:lnTo>
                      <a:lnTo>
                        <a:pt x="1" y="8"/>
                      </a:lnTo>
                      <a:lnTo>
                        <a:pt x="0" y="8"/>
                      </a:lnTo>
                      <a:lnTo>
                        <a:pt x="0" y="6"/>
                      </a:lnTo>
                      <a:lnTo>
                        <a:pt x="0" y="5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66" name="Freeform 154"/>
                <p:cNvSpPr>
                  <a:spLocks/>
                </p:cNvSpPr>
                <p:nvPr/>
              </p:nvSpPr>
              <p:spPr bwMode="auto">
                <a:xfrm>
                  <a:off x="1338" y="3388"/>
                  <a:ext cx="11" cy="9"/>
                </a:xfrm>
                <a:custGeom>
                  <a:avLst/>
                  <a:gdLst>
                    <a:gd name="T0" fmla="*/ 0 w 11"/>
                    <a:gd name="T1" fmla="*/ 4 h 9"/>
                    <a:gd name="T2" fmla="*/ 0 w 11"/>
                    <a:gd name="T3" fmla="*/ 2 h 9"/>
                    <a:gd name="T4" fmla="*/ 1 w 11"/>
                    <a:gd name="T5" fmla="*/ 2 h 9"/>
                    <a:gd name="T6" fmla="*/ 3 w 11"/>
                    <a:gd name="T7" fmla="*/ 0 h 9"/>
                    <a:gd name="T8" fmla="*/ 6 w 11"/>
                    <a:gd name="T9" fmla="*/ 0 h 9"/>
                    <a:gd name="T10" fmla="*/ 8 w 11"/>
                    <a:gd name="T11" fmla="*/ 0 h 9"/>
                    <a:gd name="T12" fmla="*/ 10 w 11"/>
                    <a:gd name="T13" fmla="*/ 2 h 9"/>
                    <a:gd name="T14" fmla="*/ 11 w 11"/>
                    <a:gd name="T15" fmla="*/ 2 h 9"/>
                    <a:gd name="T16" fmla="*/ 11 w 11"/>
                    <a:gd name="T17" fmla="*/ 4 h 9"/>
                    <a:gd name="T18" fmla="*/ 11 w 11"/>
                    <a:gd name="T19" fmla="*/ 5 h 9"/>
                    <a:gd name="T20" fmla="*/ 10 w 11"/>
                    <a:gd name="T21" fmla="*/ 7 h 9"/>
                    <a:gd name="T22" fmla="*/ 8 w 11"/>
                    <a:gd name="T23" fmla="*/ 9 h 9"/>
                    <a:gd name="T24" fmla="*/ 6 w 11"/>
                    <a:gd name="T25" fmla="*/ 9 h 9"/>
                    <a:gd name="T26" fmla="*/ 3 w 11"/>
                    <a:gd name="T27" fmla="*/ 9 h 9"/>
                    <a:gd name="T28" fmla="*/ 1 w 11"/>
                    <a:gd name="T29" fmla="*/ 7 h 9"/>
                    <a:gd name="T30" fmla="*/ 0 w 11"/>
                    <a:gd name="T31" fmla="*/ 5 h 9"/>
                    <a:gd name="T32" fmla="*/ 0 w 11"/>
                    <a:gd name="T33" fmla="*/ 4 h 9"/>
                    <a:gd name="T34" fmla="*/ 0 60000 65536"/>
                    <a:gd name="T35" fmla="*/ 0 60000 65536"/>
                    <a:gd name="T36" fmla="*/ 0 60000 65536"/>
                    <a:gd name="T37" fmla="*/ 0 60000 65536"/>
                    <a:gd name="T38" fmla="*/ 0 60000 65536"/>
                    <a:gd name="T39" fmla="*/ 0 60000 65536"/>
                    <a:gd name="T40" fmla="*/ 0 60000 65536"/>
                    <a:gd name="T41" fmla="*/ 0 60000 65536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w 11"/>
                    <a:gd name="T52" fmla="*/ 0 h 9"/>
                    <a:gd name="T53" fmla="*/ 11 w 11"/>
                    <a:gd name="T54" fmla="*/ 9 h 9"/>
                  </a:gdLst>
                  <a:ahLst/>
                  <a:cxnLst>
                    <a:cxn ang="T34">
                      <a:pos x="T0" y="T1"/>
                    </a:cxn>
                    <a:cxn ang="T35">
                      <a:pos x="T2" y="T3"/>
                    </a:cxn>
                    <a:cxn ang="T36">
                      <a:pos x="T4" y="T5"/>
                    </a:cxn>
                    <a:cxn ang="T37">
                      <a:pos x="T6" y="T7"/>
                    </a:cxn>
                    <a:cxn ang="T38">
                      <a:pos x="T8" y="T9"/>
                    </a:cxn>
                    <a:cxn ang="T39">
                      <a:pos x="T10" y="T11"/>
                    </a:cxn>
                    <a:cxn ang="T40">
                      <a:pos x="T12" y="T13"/>
                    </a:cxn>
                    <a:cxn ang="T41">
                      <a:pos x="T14" y="T15"/>
                    </a:cxn>
                    <a:cxn ang="T42">
                      <a:pos x="T16" y="T17"/>
                    </a:cxn>
                    <a:cxn ang="T43">
                      <a:pos x="T18" y="T19"/>
                    </a:cxn>
                    <a:cxn ang="T44">
                      <a:pos x="T20" y="T21"/>
                    </a:cxn>
                    <a:cxn ang="T45">
                      <a:pos x="T22" y="T23"/>
                    </a:cxn>
                    <a:cxn ang="T46">
                      <a:pos x="T24" y="T25"/>
                    </a:cxn>
                    <a:cxn ang="T47">
                      <a:pos x="T26" y="T27"/>
                    </a:cxn>
                    <a:cxn ang="T48">
                      <a:pos x="T28" y="T29"/>
                    </a:cxn>
                    <a:cxn ang="T49">
                      <a:pos x="T30" y="T31"/>
                    </a:cxn>
                    <a:cxn ang="T50">
                      <a:pos x="T32" y="T33"/>
                    </a:cxn>
                  </a:cxnLst>
                  <a:rect l="T51" t="T52" r="T53" b="T54"/>
                  <a:pathLst>
                    <a:path w="11" h="9">
                      <a:moveTo>
                        <a:pt x="0" y="4"/>
                      </a:move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3" y="0"/>
                      </a:lnTo>
                      <a:lnTo>
                        <a:pt x="6" y="0"/>
                      </a:lnTo>
                      <a:lnTo>
                        <a:pt x="8" y="0"/>
                      </a:lnTo>
                      <a:lnTo>
                        <a:pt x="10" y="2"/>
                      </a:lnTo>
                      <a:lnTo>
                        <a:pt x="11" y="2"/>
                      </a:lnTo>
                      <a:lnTo>
                        <a:pt x="11" y="4"/>
                      </a:lnTo>
                      <a:lnTo>
                        <a:pt x="11" y="5"/>
                      </a:lnTo>
                      <a:lnTo>
                        <a:pt x="10" y="7"/>
                      </a:lnTo>
                      <a:lnTo>
                        <a:pt x="8" y="9"/>
                      </a:lnTo>
                      <a:lnTo>
                        <a:pt x="6" y="9"/>
                      </a:lnTo>
                      <a:lnTo>
                        <a:pt x="3" y="9"/>
                      </a:lnTo>
                      <a:lnTo>
                        <a:pt x="1" y="7"/>
                      </a:lnTo>
                      <a:lnTo>
                        <a:pt x="0" y="5"/>
                      </a:lnTo>
                      <a:lnTo>
                        <a:pt x="0" y="4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67" name="Freeform 155"/>
                <p:cNvSpPr>
                  <a:spLocks/>
                </p:cNvSpPr>
                <p:nvPr/>
              </p:nvSpPr>
              <p:spPr bwMode="auto">
                <a:xfrm>
                  <a:off x="1338" y="3388"/>
                  <a:ext cx="11" cy="9"/>
                </a:xfrm>
                <a:custGeom>
                  <a:avLst/>
                  <a:gdLst>
                    <a:gd name="T0" fmla="*/ 0 w 11"/>
                    <a:gd name="T1" fmla="*/ 4 h 9"/>
                    <a:gd name="T2" fmla="*/ 0 w 11"/>
                    <a:gd name="T3" fmla="*/ 4 h 9"/>
                    <a:gd name="T4" fmla="*/ 0 w 11"/>
                    <a:gd name="T5" fmla="*/ 2 h 9"/>
                    <a:gd name="T6" fmla="*/ 1 w 11"/>
                    <a:gd name="T7" fmla="*/ 2 h 9"/>
                    <a:gd name="T8" fmla="*/ 3 w 11"/>
                    <a:gd name="T9" fmla="*/ 0 h 9"/>
                    <a:gd name="T10" fmla="*/ 6 w 11"/>
                    <a:gd name="T11" fmla="*/ 0 h 9"/>
                    <a:gd name="T12" fmla="*/ 6 w 11"/>
                    <a:gd name="T13" fmla="*/ 0 h 9"/>
                    <a:gd name="T14" fmla="*/ 8 w 11"/>
                    <a:gd name="T15" fmla="*/ 0 h 9"/>
                    <a:gd name="T16" fmla="*/ 10 w 11"/>
                    <a:gd name="T17" fmla="*/ 2 h 9"/>
                    <a:gd name="T18" fmla="*/ 11 w 11"/>
                    <a:gd name="T19" fmla="*/ 2 h 9"/>
                    <a:gd name="T20" fmla="*/ 11 w 11"/>
                    <a:gd name="T21" fmla="*/ 4 h 9"/>
                    <a:gd name="T22" fmla="*/ 11 w 11"/>
                    <a:gd name="T23" fmla="*/ 4 h 9"/>
                    <a:gd name="T24" fmla="*/ 11 w 11"/>
                    <a:gd name="T25" fmla="*/ 5 h 9"/>
                    <a:gd name="T26" fmla="*/ 10 w 11"/>
                    <a:gd name="T27" fmla="*/ 7 h 9"/>
                    <a:gd name="T28" fmla="*/ 8 w 11"/>
                    <a:gd name="T29" fmla="*/ 9 h 9"/>
                    <a:gd name="T30" fmla="*/ 6 w 11"/>
                    <a:gd name="T31" fmla="*/ 9 h 9"/>
                    <a:gd name="T32" fmla="*/ 6 w 11"/>
                    <a:gd name="T33" fmla="*/ 9 h 9"/>
                    <a:gd name="T34" fmla="*/ 3 w 11"/>
                    <a:gd name="T35" fmla="*/ 9 h 9"/>
                    <a:gd name="T36" fmla="*/ 1 w 11"/>
                    <a:gd name="T37" fmla="*/ 7 h 9"/>
                    <a:gd name="T38" fmla="*/ 0 w 11"/>
                    <a:gd name="T39" fmla="*/ 5 h 9"/>
                    <a:gd name="T40" fmla="*/ 0 w 11"/>
                    <a:gd name="T41" fmla="*/ 4 h 9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11"/>
                    <a:gd name="T64" fmla="*/ 0 h 9"/>
                    <a:gd name="T65" fmla="*/ 11 w 11"/>
                    <a:gd name="T66" fmla="*/ 9 h 9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11" h="9">
                      <a:moveTo>
                        <a:pt x="0" y="4"/>
                      </a:moveTo>
                      <a:lnTo>
                        <a:pt x="0" y="4"/>
                      </a:lnTo>
                      <a:lnTo>
                        <a:pt x="0" y="2"/>
                      </a:lnTo>
                      <a:lnTo>
                        <a:pt x="1" y="2"/>
                      </a:lnTo>
                      <a:lnTo>
                        <a:pt x="3" y="0"/>
                      </a:lnTo>
                      <a:lnTo>
                        <a:pt x="6" y="0"/>
                      </a:lnTo>
                      <a:lnTo>
                        <a:pt x="8" y="0"/>
                      </a:lnTo>
                      <a:lnTo>
                        <a:pt x="10" y="2"/>
                      </a:lnTo>
                      <a:lnTo>
                        <a:pt x="11" y="2"/>
                      </a:lnTo>
                      <a:lnTo>
                        <a:pt x="11" y="4"/>
                      </a:lnTo>
                      <a:lnTo>
                        <a:pt x="11" y="5"/>
                      </a:lnTo>
                      <a:lnTo>
                        <a:pt x="10" y="7"/>
                      </a:lnTo>
                      <a:lnTo>
                        <a:pt x="8" y="9"/>
                      </a:lnTo>
                      <a:lnTo>
                        <a:pt x="6" y="9"/>
                      </a:lnTo>
                      <a:lnTo>
                        <a:pt x="3" y="9"/>
                      </a:lnTo>
                      <a:lnTo>
                        <a:pt x="1" y="7"/>
                      </a:lnTo>
                      <a:lnTo>
                        <a:pt x="0" y="5"/>
                      </a:lnTo>
                      <a:lnTo>
                        <a:pt x="0" y="4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616" name="Freeform 156"/>
              <p:cNvSpPr>
                <a:spLocks/>
              </p:cNvSpPr>
              <p:nvPr/>
            </p:nvSpPr>
            <p:spPr bwMode="auto">
              <a:xfrm>
                <a:off x="1022" y="1847"/>
                <a:ext cx="537" cy="677"/>
              </a:xfrm>
              <a:custGeom>
                <a:avLst/>
                <a:gdLst>
                  <a:gd name="T0" fmla="*/ 331 w 552"/>
                  <a:gd name="T1" fmla="*/ 464 h 697"/>
                  <a:gd name="T2" fmla="*/ 376 w 552"/>
                  <a:gd name="T3" fmla="*/ 130 h 697"/>
                  <a:gd name="T4" fmla="*/ 253 w 552"/>
                  <a:gd name="T5" fmla="*/ 111 h 697"/>
                  <a:gd name="T6" fmla="*/ 265 w 552"/>
                  <a:gd name="T7" fmla="*/ 35 h 697"/>
                  <a:gd name="T8" fmla="*/ 81 w 552"/>
                  <a:gd name="T9" fmla="*/ 0 h 697"/>
                  <a:gd name="T10" fmla="*/ 81 w 552"/>
                  <a:gd name="T11" fmla="*/ 0 h 697"/>
                  <a:gd name="T12" fmla="*/ 0 w 552"/>
                  <a:gd name="T13" fmla="*/ 410 h 697"/>
                  <a:gd name="T14" fmla="*/ 331 w 552"/>
                  <a:gd name="T15" fmla="*/ 464 h 697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0 w 552"/>
                  <a:gd name="T25" fmla="*/ 0 h 697"/>
                  <a:gd name="T26" fmla="*/ 552 w 552"/>
                  <a:gd name="T27" fmla="*/ 697 h 697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552" h="697">
                    <a:moveTo>
                      <a:pt x="486" y="697"/>
                    </a:moveTo>
                    <a:lnTo>
                      <a:pt x="552" y="195"/>
                    </a:lnTo>
                    <a:lnTo>
                      <a:pt x="372" y="166"/>
                    </a:lnTo>
                    <a:lnTo>
                      <a:pt x="389" y="49"/>
                    </a:lnTo>
                    <a:lnTo>
                      <a:pt x="118" y="0"/>
                    </a:lnTo>
                    <a:lnTo>
                      <a:pt x="0" y="616"/>
                    </a:lnTo>
                    <a:lnTo>
                      <a:pt x="486" y="697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617" name="Freeform 157"/>
              <p:cNvSpPr>
                <a:spLocks/>
              </p:cNvSpPr>
              <p:nvPr/>
            </p:nvSpPr>
            <p:spPr bwMode="auto">
              <a:xfrm>
                <a:off x="2159" y="2220"/>
                <a:ext cx="708" cy="381"/>
              </a:xfrm>
              <a:custGeom>
                <a:avLst/>
                <a:gdLst>
                  <a:gd name="T0" fmla="*/ 18 w 728"/>
                  <a:gd name="T1" fmla="*/ 0 h 393"/>
                  <a:gd name="T2" fmla="*/ 35 w 728"/>
                  <a:gd name="T3" fmla="*/ 4 h 393"/>
                  <a:gd name="T4" fmla="*/ 53 w 728"/>
                  <a:gd name="T5" fmla="*/ 5 h 393"/>
                  <a:gd name="T6" fmla="*/ 81 w 728"/>
                  <a:gd name="T7" fmla="*/ 9 h 393"/>
                  <a:gd name="T8" fmla="*/ 112 w 728"/>
                  <a:gd name="T9" fmla="*/ 11 h 393"/>
                  <a:gd name="T10" fmla="*/ 144 w 728"/>
                  <a:gd name="T11" fmla="*/ 12 h 393"/>
                  <a:gd name="T12" fmla="*/ 180 w 728"/>
                  <a:gd name="T13" fmla="*/ 12 h 393"/>
                  <a:gd name="T14" fmla="*/ 216 w 728"/>
                  <a:gd name="T15" fmla="*/ 14 h 393"/>
                  <a:gd name="T16" fmla="*/ 253 w 728"/>
                  <a:gd name="T17" fmla="*/ 14 h 393"/>
                  <a:gd name="T18" fmla="*/ 290 w 728"/>
                  <a:gd name="T19" fmla="*/ 16 h 393"/>
                  <a:gd name="T20" fmla="*/ 324 w 728"/>
                  <a:gd name="T21" fmla="*/ 16 h 393"/>
                  <a:gd name="T22" fmla="*/ 355 w 728"/>
                  <a:gd name="T23" fmla="*/ 16 h 393"/>
                  <a:gd name="T24" fmla="*/ 383 w 728"/>
                  <a:gd name="T25" fmla="*/ 16 h 393"/>
                  <a:gd name="T26" fmla="*/ 407 w 728"/>
                  <a:gd name="T27" fmla="*/ 16 h 393"/>
                  <a:gd name="T28" fmla="*/ 426 w 728"/>
                  <a:gd name="T29" fmla="*/ 16 h 393"/>
                  <a:gd name="T30" fmla="*/ 437 w 728"/>
                  <a:gd name="T31" fmla="*/ 16 h 393"/>
                  <a:gd name="T32" fmla="*/ 442 w 728"/>
                  <a:gd name="T33" fmla="*/ 16 h 393"/>
                  <a:gd name="T34" fmla="*/ 448 w 728"/>
                  <a:gd name="T35" fmla="*/ 16 h 393"/>
                  <a:gd name="T36" fmla="*/ 464 w 728"/>
                  <a:gd name="T37" fmla="*/ 17 h 393"/>
                  <a:gd name="T38" fmla="*/ 465 w 728"/>
                  <a:gd name="T39" fmla="*/ 19 h 393"/>
                  <a:gd name="T40" fmla="*/ 469 w 728"/>
                  <a:gd name="T41" fmla="*/ 22 h 393"/>
                  <a:gd name="T42" fmla="*/ 472 w 728"/>
                  <a:gd name="T43" fmla="*/ 27 h 393"/>
                  <a:gd name="T44" fmla="*/ 469 w 728"/>
                  <a:gd name="T45" fmla="*/ 36 h 393"/>
                  <a:gd name="T46" fmla="*/ 459 w 728"/>
                  <a:gd name="T47" fmla="*/ 50 h 393"/>
                  <a:gd name="T48" fmla="*/ 471 w 728"/>
                  <a:gd name="T49" fmla="*/ 62 h 393"/>
                  <a:gd name="T50" fmla="*/ 480 w 728"/>
                  <a:gd name="T51" fmla="*/ 78 h 393"/>
                  <a:gd name="T52" fmla="*/ 494 w 728"/>
                  <a:gd name="T53" fmla="*/ 254 h 393"/>
                  <a:gd name="T54" fmla="*/ 488 w 728"/>
                  <a:gd name="T55" fmla="*/ 254 h 393"/>
                  <a:gd name="T56" fmla="*/ 477 w 728"/>
                  <a:gd name="T57" fmla="*/ 254 h 393"/>
                  <a:gd name="T58" fmla="*/ 455 w 728"/>
                  <a:gd name="T59" fmla="*/ 254 h 393"/>
                  <a:gd name="T60" fmla="*/ 430 w 728"/>
                  <a:gd name="T61" fmla="*/ 254 h 393"/>
                  <a:gd name="T62" fmla="*/ 398 w 728"/>
                  <a:gd name="T63" fmla="*/ 254 h 393"/>
                  <a:gd name="T64" fmla="*/ 362 w 728"/>
                  <a:gd name="T65" fmla="*/ 254 h 393"/>
                  <a:gd name="T66" fmla="*/ 324 w 728"/>
                  <a:gd name="T67" fmla="*/ 253 h 393"/>
                  <a:gd name="T68" fmla="*/ 284 w 728"/>
                  <a:gd name="T69" fmla="*/ 253 h 393"/>
                  <a:gd name="T70" fmla="*/ 241 w 728"/>
                  <a:gd name="T71" fmla="*/ 252 h 393"/>
                  <a:gd name="T72" fmla="*/ 200 w 728"/>
                  <a:gd name="T73" fmla="*/ 252 h 393"/>
                  <a:gd name="T74" fmla="*/ 159 w 728"/>
                  <a:gd name="T75" fmla="*/ 252 h 393"/>
                  <a:gd name="T76" fmla="*/ 118 w 728"/>
                  <a:gd name="T77" fmla="*/ 251 h 393"/>
                  <a:gd name="T78" fmla="*/ 82 w 728"/>
                  <a:gd name="T79" fmla="*/ 250 h 393"/>
                  <a:gd name="T80" fmla="*/ 49 w 728"/>
                  <a:gd name="T81" fmla="*/ 248 h 393"/>
                  <a:gd name="T82" fmla="*/ 18 w 728"/>
                  <a:gd name="T83" fmla="*/ 246 h 393"/>
                  <a:gd name="T84" fmla="*/ 0 w 728"/>
                  <a:gd name="T85" fmla="*/ 245 h 393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w 728"/>
                  <a:gd name="T130" fmla="*/ 0 h 393"/>
                  <a:gd name="T131" fmla="*/ 728 w 728"/>
                  <a:gd name="T132" fmla="*/ 393 h 393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T129" t="T130" r="T131" b="T132"/>
                <a:pathLst>
                  <a:path w="728" h="393">
                    <a:moveTo>
                      <a:pt x="0" y="379"/>
                    </a:moveTo>
                    <a:lnTo>
                      <a:pt x="27" y="0"/>
                    </a:lnTo>
                    <a:lnTo>
                      <a:pt x="38" y="2"/>
                    </a:lnTo>
                    <a:lnTo>
                      <a:pt x="49" y="4"/>
                    </a:lnTo>
                    <a:lnTo>
                      <a:pt x="65" y="5"/>
                    </a:lnTo>
                    <a:lnTo>
                      <a:pt x="80" y="5"/>
                    </a:lnTo>
                    <a:lnTo>
                      <a:pt x="98" y="7"/>
                    </a:lnTo>
                    <a:lnTo>
                      <a:pt x="119" y="9"/>
                    </a:lnTo>
                    <a:lnTo>
                      <a:pt x="139" y="9"/>
                    </a:lnTo>
                    <a:lnTo>
                      <a:pt x="163" y="11"/>
                    </a:lnTo>
                    <a:lnTo>
                      <a:pt x="186" y="11"/>
                    </a:lnTo>
                    <a:lnTo>
                      <a:pt x="212" y="12"/>
                    </a:lnTo>
                    <a:lnTo>
                      <a:pt x="237" y="12"/>
                    </a:lnTo>
                    <a:lnTo>
                      <a:pt x="264" y="12"/>
                    </a:lnTo>
                    <a:lnTo>
                      <a:pt x="291" y="14"/>
                    </a:lnTo>
                    <a:lnTo>
                      <a:pt x="318" y="14"/>
                    </a:lnTo>
                    <a:lnTo>
                      <a:pt x="346" y="14"/>
                    </a:lnTo>
                    <a:lnTo>
                      <a:pt x="373" y="14"/>
                    </a:lnTo>
                    <a:lnTo>
                      <a:pt x="400" y="16"/>
                    </a:lnTo>
                    <a:lnTo>
                      <a:pt x="427" y="16"/>
                    </a:lnTo>
                    <a:lnTo>
                      <a:pt x="452" y="16"/>
                    </a:lnTo>
                    <a:lnTo>
                      <a:pt x="478" y="16"/>
                    </a:lnTo>
                    <a:lnTo>
                      <a:pt x="501" y="16"/>
                    </a:lnTo>
                    <a:lnTo>
                      <a:pt x="525" y="16"/>
                    </a:lnTo>
                    <a:lnTo>
                      <a:pt x="545" y="17"/>
                    </a:lnTo>
                    <a:lnTo>
                      <a:pt x="566" y="17"/>
                    </a:lnTo>
                    <a:lnTo>
                      <a:pt x="584" y="17"/>
                    </a:lnTo>
                    <a:lnTo>
                      <a:pt x="601" y="17"/>
                    </a:lnTo>
                    <a:lnTo>
                      <a:pt x="616" y="17"/>
                    </a:lnTo>
                    <a:lnTo>
                      <a:pt x="628" y="17"/>
                    </a:lnTo>
                    <a:lnTo>
                      <a:pt x="638" y="17"/>
                    </a:lnTo>
                    <a:lnTo>
                      <a:pt x="645" y="17"/>
                    </a:lnTo>
                    <a:lnTo>
                      <a:pt x="650" y="17"/>
                    </a:lnTo>
                    <a:lnTo>
                      <a:pt x="652" y="17"/>
                    </a:lnTo>
                    <a:lnTo>
                      <a:pt x="650" y="16"/>
                    </a:lnTo>
                    <a:lnTo>
                      <a:pt x="662" y="22"/>
                    </a:lnTo>
                    <a:lnTo>
                      <a:pt x="674" y="33"/>
                    </a:lnTo>
                    <a:lnTo>
                      <a:pt x="684" y="31"/>
                    </a:lnTo>
                    <a:lnTo>
                      <a:pt x="686" y="33"/>
                    </a:lnTo>
                    <a:lnTo>
                      <a:pt x="687" y="33"/>
                    </a:lnTo>
                    <a:lnTo>
                      <a:pt x="691" y="34"/>
                    </a:lnTo>
                    <a:lnTo>
                      <a:pt x="694" y="36"/>
                    </a:lnTo>
                    <a:lnTo>
                      <a:pt x="696" y="38"/>
                    </a:lnTo>
                    <a:lnTo>
                      <a:pt x="698" y="41"/>
                    </a:lnTo>
                    <a:lnTo>
                      <a:pt x="696" y="46"/>
                    </a:lnTo>
                    <a:lnTo>
                      <a:pt x="692" y="51"/>
                    </a:lnTo>
                    <a:lnTo>
                      <a:pt x="679" y="70"/>
                    </a:lnTo>
                    <a:lnTo>
                      <a:pt x="679" y="78"/>
                    </a:lnTo>
                    <a:lnTo>
                      <a:pt x="692" y="88"/>
                    </a:lnTo>
                    <a:lnTo>
                      <a:pt x="696" y="95"/>
                    </a:lnTo>
                    <a:lnTo>
                      <a:pt x="698" y="107"/>
                    </a:lnTo>
                    <a:lnTo>
                      <a:pt x="709" y="121"/>
                    </a:lnTo>
                    <a:lnTo>
                      <a:pt x="726" y="121"/>
                    </a:lnTo>
                    <a:lnTo>
                      <a:pt x="728" y="393"/>
                    </a:lnTo>
                    <a:lnTo>
                      <a:pt x="726" y="393"/>
                    </a:lnTo>
                    <a:lnTo>
                      <a:pt x="721" y="393"/>
                    </a:lnTo>
                    <a:lnTo>
                      <a:pt x="713" y="393"/>
                    </a:lnTo>
                    <a:lnTo>
                      <a:pt x="703" y="393"/>
                    </a:lnTo>
                    <a:lnTo>
                      <a:pt x="689" y="393"/>
                    </a:lnTo>
                    <a:lnTo>
                      <a:pt x="672" y="393"/>
                    </a:lnTo>
                    <a:lnTo>
                      <a:pt x="654" y="393"/>
                    </a:lnTo>
                    <a:lnTo>
                      <a:pt x="635" y="393"/>
                    </a:lnTo>
                    <a:lnTo>
                      <a:pt x="611" y="393"/>
                    </a:lnTo>
                    <a:lnTo>
                      <a:pt x="588" y="393"/>
                    </a:lnTo>
                    <a:lnTo>
                      <a:pt x="562" y="393"/>
                    </a:lnTo>
                    <a:lnTo>
                      <a:pt x="535" y="393"/>
                    </a:lnTo>
                    <a:lnTo>
                      <a:pt x="508" y="393"/>
                    </a:lnTo>
                    <a:lnTo>
                      <a:pt x="478" y="391"/>
                    </a:lnTo>
                    <a:lnTo>
                      <a:pt x="449" y="391"/>
                    </a:lnTo>
                    <a:lnTo>
                      <a:pt x="418" y="391"/>
                    </a:lnTo>
                    <a:lnTo>
                      <a:pt x="388" y="391"/>
                    </a:lnTo>
                    <a:lnTo>
                      <a:pt x="356" y="390"/>
                    </a:lnTo>
                    <a:lnTo>
                      <a:pt x="325" y="390"/>
                    </a:lnTo>
                    <a:lnTo>
                      <a:pt x="295" y="390"/>
                    </a:lnTo>
                    <a:lnTo>
                      <a:pt x="263" y="388"/>
                    </a:lnTo>
                    <a:lnTo>
                      <a:pt x="234" y="388"/>
                    </a:lnTo>
                    <a:lnTo>
                      <a:pt x="203" y="388"/>
                    </a:lnTo>
                    <a:lnTo>
                      <a:pt x="175" y="386"/>
                    </a:lnTo>
                    <a:lnTo>
                      <a:pt x="148" y="386"/>
                    </a:lnTo>
                    <a:lnTo>
                      <a:pt x="120" y="385"/>
                    </a:lnTo>
                    <a:lnTo>
                      <a:pt x="97" y="385"/>
                    </a:lnTo>
                    <a:lnTo>
                      <a:pt x="73" y="383"/>
                    </a:lnTo>
                    <a:lnTo>
                      <a:pt x="51" y="383"/>
                    </a:lnTo>
                    <a:lnTo>
                      <a:pt x="32" y="381"/>
                    </a:lnTo>
                    <a:lnTo>
                      <a:pt x="16" y="379"/>
                    </a:lnTo>
                    <a:lnTo>
                      <a:pt x="0" y="379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618" name="Freeform 158"/>
              <p:cNvSpPr>
                <a:spLocks/>
              </p:cNvSpPr>
              <p:nvPr/>
            </p:nvSpPr>
            <p:spPr bwMode="auto">
              <a:xfrm>
                <a:off x="2637" y="1100"/>
                <a:ext cx="623" cy="709"/>
              </a:xfrm>
              <a:custGeom>
                <a:avLst/>
                <a:gdLst>
                  <a:gd name="T0" fmla="*/ 349 w 641"/>
                  <a:gd name="T1" fmla="*/ 443 h 731"/>
                  <a:gd name="T2" fmla="*/ 322 w 641"/>
                  <a:gd name="T3" fmla="*/ 421 h 731"/>
                  <a:gd name="T4" fmla="*/ 286 w 641"/>
                  <a:gd name="T5" fmla="*/ 391 h 731"/>
                  <a:gd name="T6" fmla="*/ 283 w 641"/>
                  <a:gd name="T7" fmla="*/ 385 h 731"/>
                  <a:gd name="T8" fmla="*/ 267 w 641"/>
                  <a:gd name="T9" fmla="*/ 382 h 731"/>
                  <a:gd name="T10" fmla="*/ 259 w 641"/>
                  <a:gd name="T11" fmla="*/ 362 h 731"/>
                  <a:gd name="T12" fmla="*/ 257 w 641"/>
                  <a:gd name="T13" fmla="*/ 346 h 731"/>
                  <a:gd name="T14" fmla="*/ 258 w 641"/>
                  <a:gd name="T15" fmla="*/ 321 h 731"/>
                  <a:gd name="T16" fmla="*/ 247 w 641"/>
                  <a:gd name="T17" fmla="*/ 291 h 731"/>
                  <a:gd name="T18" fmla="*/ 251 w 641"/>
                  <a:gd name="T19" fmla="*/ 288 h 731"/>
                  <a:gd name="T20" fmla="*/ 267 w 641"/>
                  <a:gd name="T21" fmla="*/ 271 h 731"/>
                  <a:gd name="T22" fmla="*/ 279 w 641"/>
                  <a:gd name="T23" fmla="*/ 216 h 731"/>
                  <a:gd name="T24" fmla="*/ 284 w 641"/>
                  <a:gd name="T25" fmla="*/ 209 h 731"/>
                  <a:gd name="T26" fmla="*/ 307 w 641"/>
                  <a:gd name="T27" fmla="*/ 191 h 731"/>
                  <a:gd name="T28" fmla="*/ 333 w 641"/>
                  <a:gd name="T29" fmla="*/ 167 h 731"/>
                  <a:gd name="T30" fmla="*/ 347 w 641"/>
                  <a:gd name="T31" fmla="*/ 149 h 731"/>
                  <a:gd name="T32" fmla="*/ 361 w 641"/>
                  <a:gd name="T33" fmla="*/ 135 h 731"/>
                  <a:gd name="T34" fmla="*/ 379 w 641"/>
                  <a:gd name="T35" fmla="*/ 124 h 731"/>
                  <a:gd name="T36" fmla="*/ 398 w 641"/>
                  <a:gd name="T37" fmla="*/ 118 h 731"/>
                  <a:gd name="T38" fmla="*/ 418 w 641"/>
                  <a:gd name="T39" fmla="*/ 107 h 731"/>
                  <a:gd name="T40" fmla="*/ 430 w 641"/>
                  <a:gd name="T41" fmla="*/ 99 h 731"/>
                  <a:gd name="T42" fmla="*/ 429 w 641"/>
                  <a:gd name="T43" fmla="*/ 98 h 731"/>
                  <a:gd name="T44" fmla="*/ 406 w 641"/>
                  <a:gd name="T45" fmla="*/ 101 h 731"/>
                  <a:gd name="T46" fmla="*/ 355 w 641"/>
                  <a:gd name="T47" fmla="*/ 95 h 731"/>
                  <a:gd name="T48" fmla="*/ 352 w 641"/>
                  <a:gd name="T49" fmla="*/ 85 h 731"/>
                  <a:gd name="T50" fmla="*/ 332 w 641"/>
                  <a:gd name="T51" fmla="*/ 98 h 731"/>
                  <a:gd name="T52" fmla="*/ 310 w 641"/>
                  <a:gd name="T53" fmla="*/ 98 h 731"/>
                  <a:gd name="T54" fmla="*/ 302 w 641"/>
                  <a:gd name="T55" fmla="*/ 89 h 731"/>
                  <a:gd name="T56" fmla="*/ 294 w 641"/>
                  <a:gd name="T57" fmla="*/ 87 h 731"/>
                  <a:gd name="T58" fmla="*/ 287 w 641"/>
                  <a:gd name="T59" fmla="*/ 79 h 731"/>
                  <a:gd name="T60" fmla="*/ 272 w 641"/>
                  <a:gd name="T61" fmla="*/ 86 h 731"/>
                  <a:gd name="T62" fmla="*/ 263 w 641"/>
                  <a:gd name="T63" fmla="*/ 76 h 731"/>
                  <a:gd name="T64" fmla="*/ 253 w 641"/>
                  <a:gd name="T65" fmla="*/ 66 h 731"/>
                  <a:gd name="T66" fmla="*/ 255 w 641"/>
                  <a:gd name="T67" fmla="*/ 65 h 731"/>
                  <a:gd name="T68" fmla="*/ 233 w 641"/>
                  <a:gd name="T69" fmla="*/ 61 h 731"/>
                  <a:gd name="T70" fmla="*/ 212 w 641"/>
                  <a:gd name="T71" fmla="*/ 59 h 731"/>
                  <a:gd name="T72" fmla="*/ 191 w 641"/>
                  <a:gd name="T73" fmla="*/ 69 h 731"/>
                  <a:gd name="T74" fmla="*/ 160 w 641"/>
                  <a:gd name="T75" fmla="*/ 55 h 731"/>
                  <a:gd name="T76" fmla="*/ 140 w 641"/>
                  <a:gd name="T77" fmla="*/ 47 h 731"/>
                  <a:gd name="T78" fmla="*/ 114 w 641"/>
                  <a:gd name="T79" fmla="*/ 23 h 731"/>
                  <a:gd name="T80" fmla="*/ 7 w 641"/>
                  <a:gd name="T81" fmla="*/ 58 h 731"/>
                  <a:gd name="T82" fmla="*/ 5 w 641"/>
                  <a:gd name="T83" fmla="*/ 86 h 731"/>
                  <a:gd name="T84" fmla="*/ 14 w 641"/>
                  <a:gd name="T85" fmla="*/ 121 h 731"/>
                  <a:gd name="T86" fmla="*/ 17 w 641"/>
                  <a:gd name="T87" fmla="*/ 141 h 731"/>
                  <a:gd name="T88" fmla="*/ 17 w 641"/>
                  <a:gd name="T89" fmla="*/ 172 h 731"/>
                  <a:gd name="T90" fmla="*/ 17 w 641"/>
                  <a:gd name="T91" fmla="*/ 193 h 731"/>
                  <a:gd name="T92" fmla="*/ 39 w 641"/>
                  <a:gd name="T93" fmla="*/ 279 h 731"/>
                  <a:gd name="T94" fmla="*/ 17 w 641"/>
                  <a:gd name="T95" fmla="*/ 304 h 731"/>
                  <a:gd name="T96" fmla="*/ 25 w 641"/>
                  <a:gd name="T97" fmla="*/ 316 h 731"/>
                  <a:gd name="T98" fmla="*/ 44 w 641"/>
                  <a:gd name="T99" fmla="*/ 328 h 731"/>
                  <a:gd name="T100" fmla="*/ 44 w 641"/>
                  <a:gd name="T101" fmla="*/ 376 h 731"/>
                  <a:gd name="T102" fmla="*/ 43 w 641"/>
                  <a:gd name="T103" fmla="*/ 454 h 731"/>
                  <a:gd name="T104" fmla="*/ 45 w 641"/>
                  <a:gd name="T105" fmla="*/ 476 h 731"/>
                  <a:gd name="T106" fmla="*/ 85 w 641"/>
                  <a:gd name="T107" fmla="*/ 476 h 731"/>
                  <a:gd name="T108" fmla="*/ 157 w 641"/>
                  <a:gd name="T109" fmla="*/ 474 h 731"/>
                  <a:gd name="T110" fmla="*/ 240 w 641"/>
                  <a:gd name="T111" fmla="*/ 472 h 731"/>
                  <a:gd name="T112" fmla="*/ 312 w 641"/>
                  <a:gd name="T113" fmla="*/ 471 h 731"/>
                  <a:gd name="T114" fmla="*/ 353 w 641"/>
                  <a:gd name="T115" fmla="*/ 468 h 731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641"/>
                  <a:gd name="T175" fmla="*/ 0 h 731"/>
                  <a:gd name="T176" fmla="*/ 641 w 641"/>
                  <a:gd name="T177" fmla="*/ 731 h 731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641" h="731">
                    <a:moveTo>
                      <a:pt x="526" y="718"/>
                    </a:moveTo>
                    <a:lnTo>
                      <a:pt x="528" y="716"/>
                    </a:lnTo>
                    <a:lnTo>
                      <a:pt x="528" y="709"/>
                    </a:lnTo>
                    <a:lnTo>
                      <a:pt x="525" y="701"/>
                    </a:lnTo>
                    <a:lnTo>
                      <a:pt x="523" y="691"/>
                    </a:lnTo>
                    <a:lnTo>
                      <a:pt x="520" y="682"/>
                    </a:lnTo>
                    <a:lnTo>
                      <a:pt x="518" y="674"/>
                    </a:lnTo>
                    <a:lnTo>
                      <a:pt x="515" y="667"/>
                    </a:lnTo>
                    <a:lnTo>
                      <a:pt x="513" y="665"/>
                    </a:lnTo>
                    <a:lnTo>
                      <a:pt x="499" y="660"/>
                    </a:lnTo>
                    <a:lnTo>
                      <a:pt x="487" y="653"/>
                    </a:lnTo>
                    <a:lnTo>
                      <a:pt x="479" y="645"/>
                    </a:lnTo>
                    <a:lnTo>
                      <a:pt x="471" y="637"/>
                    </a:lnTo>
                    <a:lnTo>
                      <a:pt x="465" y="628"/>
                    </a:lnTo>
                    <a:lnTo>
                      <a:pt x="460" y="620"/>
                    </a:lnTo>
                    <a:lnTo>
                      <a:pt x="457" y="616"/>
                    </a:lnTo>
                    <a:lnTo>
                      <a:pt x="457" y="613"/>
                    </a:lnTo>
                    <a:lnTo>
                      <a:pt x="427" y="601"/>
                    </a:lnTo>
                    <a:lnTo>
                      <a:pt x="425" y="593"/>
                    </a:lnTo>
                    <a:lnTo>
                      <a:pt x="423" y="593"/>
                    </a:lnTo>
                    <a:lnTo>
                      <a:pt x="423" y="591"/>
                    </a:lnTo>
                    <a:lnTo>
                      <a:pt x="421" y="591"/>
                    </a:lnTo>
                    <a:lnTo>
                      <a:pt x="418" y="591"/>
                    </a:lnTo>
                    <a:lnTo>
                      <a:pt x="416" y="591"/>
                    </a:lnTo>
                    <a:lnTo>
                      <a:pt x="413" y="593"/>
                    </a:lnTo>
                    <a:lnTo>
                      <a:pt x="410" y="591"/>
                    </a:lnTo>
                    <a:lnTo>
                      <a:pt x="405" y="589"/>
                    </a:lnTo>
                    <a:lnTo>
                      <a:pt x="398" y="587"/>
                    </a:lnTo>
                    <a:lnTo>
                      <a:pt x="393" y="582"/>
                    </a:lnTo>
                    <a:lnTo>
                      <a:pt x="388" y="577"/>
                    </a:lnTo>
                    <a:lnTo>
                      <a:pt x="384" y="574"/>
                    </a:lnTo>
                    <a:lnTo>
                      <a:pt x="383" y="569"/>
                    </a:lnTo>
                    <a:lnTo>
                      <a:pt x="383" y="564"/>
                    </a:lnTo>
                    <a:lnTo>
                      <a:pt x="386" y="555"/>
                    </a:lnTo>
                    <a:lnTo>
                      <a:pt x="388" y="550"/>
                    </a:lnTo>
                    <a:lnTo>
                      <a:pt x="388" y="545"/>
                    </a:lnTo>
                    <a:lnTo>
                      <a:pt x="388" y="542"/>
                    </a:lnTo>
                    <a:lnTo>
                      <a:pt x="386" y="538"/>
                    </a:lnTo>
                    <a:lnTo>
                      <a:pt x="384" y="535"/>
                    </a:lnTo>
                    <a:lnTo>
                      <a:pt x="383" y="532"/>
                    </a:lnTo>
                    <a:lnTo>
                      <a:pt x="379" y="528"/>
                    </a:lnTo>
                    <a:lnTo>
                      <a:pt x="379" y="523"/>
                    </a:lnTo>
                    <a:lnTo>
                      <a:pt x="379" y="515"/>
                    </a:lnTo>
                    <a:lnTo>
                      <a:pt x="379" y="508"/>
                    </a:lnTo>
                    <a:lnTo>
                      <a:pt x="383" y="499"/>
                    </a:lnTo>
                    <a:lnTo>
                      <a:pt x="384" y="493"/>
                    </a:lnTo>
                    <a:lnTo>
                      <a:pt x="388" y="486"/>
                    </a:lnTo>
                    <a:lnTo>
                      <a:pt x="388" y="481"/>
                    </a:lnTo>
                    <a:lnTo>
                      <a:pt x="389" y="481"/>
                    </a:lnTo>
                    <a:lnTo>
                      <a:pt x="381" y="467"/>
                    </a:lnTo>
                    <a:lnTo>
                      <a:pt x="367" y="467"/>
                    </a:lnTo>
                    <a:lnTo>
                      <a:pt x="367" y="447"/>
                    </a:lnTo>
                    <a:lnTo>
                      <a:pt x="369" y="447"/>
                    </a:lnTo>
                    <a:lnTo>
                      <a:pt x="371" y="445"/>
                    </a:lnTo>
                    <a:lnTo>
                      <a:pt x="372" y="445"/>
                    </a:lnTo>
                    <a:lnTo>
                      <a:pt x="374" y="442"/>
                    </a:lnTo>
                    <a:lnTo>
                      <a:pt x="374" y="440"/>
                    </a:lnTo>
                    <a:lnTo>
                      <a:pt x="376" y="437"/>
                    </a:lnTo>
                    <a:lnTo>
                      <a:pt x="377" y="432"/>
                    </a:lnTo>
                    <a:lnTo>
                      <a:pt x="384" y="427"/>
                    </a:lnTo>
                    <a:lnTo>
                      <a:pt x="389" y="422"/>
                    </a:lnTo>
                    <a:lnTo>
                      <a:pt x="398" y="415"/>
                    </a:lnTo>
                    <a:lnTo>
                      <a:pt x="405" y="410"/>
                    </a:lnTo>
                    <a:lnTo>
                      <a:pt x="411" y="406"/>
                    </a:lnTo>
                    <a:lnTo>
                      <a:pt x="415" y="403"/>
                    </a:lnTo>
                    <a:lnTo>
                      <a:pt x="418" y="403"/>
                    </a:lnTo>
                    <a:lnTo>
                      <a:pt x="416" y="332"/>
                    </a:lnTo>
                    <a:lnTo>
                      <a:pt x="415" y="332"/>
                    </a:lnTo>
                    <a:lnTo>
                      <a:pt x="415" y="330"/>
                    </a:lnTo>
                    <a:lnTo>
                      <a:pt x="416" y="329"/>
                    </a:lnTo>
                    <a:lnTo>
                      <a:pt x="418" y="325"/>
                    </a:lnTo>
                    <a:lnTo>
                      <a:pt x="423" y="322"/>
                    </a:lnTo>
                    <a:lnTo>
                      <a:pt x="430" y="317"/>
                    </a:lnTo>
                    <a:lnTo>
                      <a:pt x="435" y="313"/>
                    </a:lnTo>
                    <a:lnTo>
                      <a:pt x="440" y="308"/>
                    </a:lnTo>
                    <a:lnTo>
                      <a:pt x="445" y="303"/>
                    </a:lnTo>
                    <a:lnTo>
                      <a:pt x="450" y="298"/>
                    </a:lnTo>
                    <a:lnTo>
                      <a:pt x="457" y="293"/>
                    </a:lnTo>
                    <a:lnTo>
                      <a:pt x="464" y="286"/>
                    </a:lnTo>
                    <a:lnTo>
                      <a:pt x="471" y="279"/>
                    </a:lnTo>
                    <a:lnTo>
                      <a:pt x="477" y="274"/>
                    </a:lnTo>
                    <a:lnTo>
                      <a:pt x="484" y="268"/>
                    </a:lnTo>
                    <a:lnTo>
                      <a:pt x="491" y="261"/>
                    </a:lnTo>
                    <a:lnTo>
                      <a:pt x="496" y="256"/>
                    </a:lnTo>
                    <a:lnTo>
                      <a:pt x="503" y="249"/>
                    </a:lnTo>
                    <a:lnTo>
                      <a:pt x="506" y="244"/>
                    </a:lnTo>
                    <a:lnTo>
                      <a:pt x="511" y="239"/>
                    </a:lnTo>
                    <a:lnTo>
                      <a:pt x="515" y="235"/>
                    </a:lnTo>
                    <a:lnTo>
                      <a:pt x="516" y="232"/>
                    </a:lnTo>
                    <a:lnTo>
                      <a:pt x="518" y="229"/>
                    </a:lnTo>
                    <a:lnTo>
                      <a:pt x="520" y="224"/>
                    </a:lnTo>
                    <a:lnTo>
                      <a:pt x="523" y="220"/>
                    </a:lnTo>
                    <a:lnTo>
                      <a:pt x="525" y="217"/>
                    </a:lnTo>
                    <a:lnTo>
                      <a:pt x="528" y="213"/>
                    </a:lnTo>
                    <a:lnTo>
                      <a:pt x="533" y="210"/>
                    </a:lnTo>
                    <a:lnTo>
                      <a:pt x="537" y="207"/>
                    </a:lnTo>
                    <a:lnTo>
                      <a:pt x="542" y="203"/>
                    </a:lnTo>
                    <a:lnTo>
                      <a:pt x="547" y="200"/>
                    </a:lnTo>
                    <a:lnTo>
                      <a:pt x="550" y="198"/>
                    </a:lnTo>
                    <a:lnTo>
                      <a:pt x="555" y="195"/>
                    </a:lnTo>
                    <a:lnTo>
                      <a:pt x="560" y="193"/>
                    </a:lnTo>
                    <a:lnTo>
                      <a:pt x="565" y="190"/>
                    </a:lnTo>
                    <a:lnTo>
                      <a:pt x="570" y="188"/>
                    </a:lnTo>
                    <a:lnTo>
                      <a:pt x="574" y="188"/>
                    </a:lnTo>
                    <a:lnTo>
                      <a:pt x="579" y="186"/>
                    </a:lnTo>
                    <a:lnTo>
                      <a:pt x="582" y="185"/>
                    </a:lnTo>
                    <a:lnTo>
                      <a:pt x="587" y="183"/>
                    </a:lnTo>
                    <a:lnTo>
                      <a:pt x="592" y="181"/>
                    </a:lnTo>
                    <a:lnTo>
                      <a:pt x="597" y="180"/>
                    </a:lnTo>
                    <a:lnTo>
                      <a:pt x="603" y="176"/>
                    </a:lnTo>
                    <a:lnTo>
                      <a:pt x="608" y="173"/>
                    </a:lnTo>
                    <a:lnTo>
                      <a:pt x="613" y="169"/>
                    </a:lnTo>
                    <a:lnTo>
                      <a:pt x="618" y="166"/>
                    </a:lnTo>
                    <a:lnTo>
                      <a:pt x="623" y="164"/>
                    </a:lnTo>
                    <a:lnTo>
                      <a:pt x="628" y="161"/>
                    </a:lnTo>
                    <a:lnTo>
                      <a:pt x="631" y="158"/>
                    </a:lnTo>
                    <a:lnTo>
                      <a:pt x="635" y="156"/>
                    </a:lnTo>
                    <a:lnTo>
                      <a:pt x="638" y="154"/>
                    </a:lnTo>
                    <a:lnTo>
                      <a:pt x="640" y="153"/>
                    </a:lnTo>
                    <a:lnTo>
                      <a:pt x="641" y="151"/>
                    </a:lnTo>
                    <a:lnTo>
                      <a:pt x="641" y="149"/>
                    </a:lnTo>
                    <a:lnTo>
                      <a:pt x="640" y="149"/>
                    </a:lnTo>
                    <a:lnTo>
                      <a:pt x="638" y="149"/>
                    </a:lnTo>
                    <a:lnTo>
                      <a:pt x="633" y="149"/>
                    </a:lnTo>
                    <a:lnTo>
                      <a:pt x="625" y="153"/>
                    </a:lnTo>
                    <a:lnTo>
                      <a:pt x="618" y="153"/>
                    </a:lnTo>
                    <a:lnTo>
                      <a:pt x="611" y="153"/>
                    </a:lnTo>
                    <a:lnTo>
                      <a:pt x="606" y="153"/>
                    </a:lnTo>
                    <a:lnTo>
                      <a:pt x="603" y="149"/>
                    </a:lnTo>
                    <a:lnTo>
                      <a:pt x="599" y="147"/>
                    </a:lnTo>
                    <a:lnTo>
                      <a:pt x="597" y="146"/>
                    </a:lnTo>
                    <a:lnTo>
                      <a:pt x="596" y="144"/>
                    </a:lnTo>
                    <a:lnTo>
                      <a:pt x="530" y="144"/>
                    </a:lnTo>
                    <a:lnTo>
                      <a:pt x="530" y="131"/>
                    </a:lnTo>
                    <a:lnTo>
                      <a:pt x="528" y="131"/>
                    </a:lnTo>
                    <a:lnTo>
                      <a:pt x="526" y="131"/>
                    </a:lnTo>
                    <a:lnTo>
                      <a:pt x="525" y="131"/>
                    </a:lnTo>
                    <a:lnTo>
                      <a:pt x="523" y="131"/>
                    </a:lnTo>
                    <a:lnTo>
                      <a:pt x="521" y="131"/>
                    </a:lnTo>
                    <a:lnTo>
                      <a:pt x="520" y="131"/>
                    </a:lnTo>
                    <a:lnTo>
                      <a:pt x="518" y="131"/>
                    </a:lnTo>
                    <a:lnTo>
                      <a:pt x="509" y="139"/>
                    </a:lnTo>
                    <a:lnTo>
                      <a:pt x="501" y="146"/>
                    </a:lnTo>
                    <a:lnTo>
                      <a:pt x="494" y="149"/>
                    </a:lnTo>
                    <a:lnTo>
                      <a:pt x="487" y="153"/>
                    </a:lnTo>
                    <a:lnTo>
                      <a:pt x="481" y="154"/>
                    </a:lnTo>
                    <a:lnTo>
                      <a:pt x="476" y="154"/>
                    </a:lnTo>
                    <a:lnTo>
                      <a:pt x="471" y="153"/>
                    </a:lnTo>
                    <a:lnTo>
                      <a:pt x="465" y="153"/>
                    </a:lnTo>
                    <a:lnTo>
                      <a:pt x="462" y="149"/>
                    </a:lnTo>
                    <a:lnTo>
                      <a:pt x="459" y="147"/>
                    </a:lnTo>
                    <a:lnTo>
                      <a:pt x="455" y="144"/>
                    </a:lnTo>
                    <a:lnTo>
                      <a:pt x="454" y="142"/>
                    </a:lnTo>
                    <a:lnTo>
                      <a:pt x="452" y="141"/>
                    </a:lnTo>
                    <a:lnTo>
                      <a:pt x="450" y="139"/>
                    </a:lnTo>
                    <a:lnTo>
                      <a:pt x="450" y="137"/>
                    </a:lnTo>
                    <a:lnTo>
                      <a:pt x="450" y="136"/>
                    </a:lnTo>
                    <a:lnTo>
                      <a:pt x="449" y="136"/>
                    </a:lnTo>
                    <a:lnTo>
                      <a:pt x="447" y="136"/>
                    </a:lnTo>
                    <a:lnTo>
                      <a:pt x="443" y="136"/>
                    </a:lnTo>
                    <a:lnTo>
                      <a:pt x="440" y="136"/>
                    </a:lnTo>
                    <a:lnTo>
                      <a:pt x="437" y="134"/>
                    </a:lnTo>
                    <a:lnTo>
                      <a:pt x="435" y="132"/>
                    </a:lnTo>
                    <a:lnTo>
                      <a:pt x="433" y="131"/>
                    </a:lnTo>
                    <a:lnTo>
                      <a:pt x="432" y="127"/>
                    </a:lnTo>
                    <a:lnTo>
                      <a:pt x="432" y="125"/>
                    </a:lnTo>
                    <a:lnTo>
                      <a:pt x="430" y="124"/>
                    </a:lnTo>
                    <a:lnTo>
                      <a:pt x="428" y="120"/>
                    </a:lnTo>
                    <a:lnTo>
                      <a:pt x="427" y="117"/>
                    </a:lnTo>
                    <a:lnTo>
                      <a:pt x="423" y="117"/>
                    </a:lnTo>
                    <a:lnTo>
                      <a:pt x="420" y="117"/>
                    </a:lnTo>
                    <a:lnTo>
                      <a:pt x="415" y="119"/>
                    </a:lnTo>
                    <a:lnTo>
                      <a:pt x="411" y="122"/>
                    </a:lnTo>
                    <a:lnTo>
                      <a:pt x="405" y="132"/>
                    </a:lnTo>
                    <a:lnTo>
                      <a:pt x="399" y="136"/>
                    </a:lnTo>
                    <a:lnTo>
                      <a:pt x="396" y="134"/>
                    </a:lnTo>
                    <a:lnTo>
                      <a:pt x="396" y="131"/>
                    </a:lnTo>
                    <a:lnTo>
                      <a:pt x="394" y="125"/>
                    </a:lnTo>
                    <a:lnTo>
                      <a:pt x="393" y="120"/>
                    </a:lnTo>
                    <a:lnTo>
                      <a:pt x="393" y="115"/>
                    </a:lnTo>
                    <a:lnTo>
                      <a:pt x="389" y="112"/>
                    </a:lnTo>
                    <a:lnTo>
                      <a:pt x="381" y="109"/>
                    </a:lnTo>
                    <a:lnTo>
                      <a:pt x="377" y="105"/>
                    </a:lnTo>
                    <a:lnTo>
                      <a:pt x="376" y="103"/>
                    </a:lnTo>
                    <a:lnTo>
                      <a:pt x="376" y="102"/>
                    </a:lnTo>
                    <a:lnTo>
                      <a:pt x="376" y="100"/>
                    </a:lnTo>
                    <a:lnTo>
                      <a:pt x="377" y="100"/>
                    </a:lnTo>
                    <a:lnTo>
                      <a:pt x="379" y="98"/>
                    </a:lnTo>
                    <a:lnTo>
                      <a:pt x="377" y="98"/>
                    </a:lnTo>
                    <a:lnTo>
                      <a:pt x="374" y="97"/>
                    </a:lnTo>
                    <a:lnTo>
                      <a:pt x="371" y="97"/>
                    </a:lnTo>
                    <a:lnTo>
                      <a:pt x="364" y="97"/>
                    </a:lnTo>
                    <a:lnTo>
                      <a:pt x="355" y="95"/>
                    </a:lnTo>
                    <a:lnTo>
                      <a:pt x="347" y="93"/>
                    </a:lnTo>
                    <a:lnTo>
                      <a:pt x="339" y="92"/>
                    </a:lnTo>
                    <a:lnTo>
                      <a:pt x="332" y="90"/>
                    </a:lnTo>
                    <a:lnTo>
                      <a:pt x="327" y="88"/>
                    </a:lnTo>
                    <a:lnTo>
                      <a:pt x="322" y="88"/>
                    </a:lnTo>
                    <a:lnTo>
                      <a:pt x="318" y="88"/>
                    </a:lnTo>
                    <a:lnTo>
                      <a:pt x="315" y="90"/>
                    </a:lnTo>
                    <a:lnTo>
                      <a:pt x="311" y="92"/>
                    </a:lnTo>
                    <a:lnTo>
                      <a:pt x="306" y="98"/>
                    </a:lnTo>
                    <a:lnTo>
                      <a:pt x="301" y="102"/>
                    </a:lnTo>
                    <a:lnTo>
                      <a:pt x="296" y="105"/>
                    </a:lnTo>
                    <a:lnTo>
                      <a:pt x="289" y="105"/>
                    </a:lnTo>
                    <a:lnTo>
                      <a:pt x="286" y="105"/>
                    </a:lnTo>
                    <a:lnTo>
                      <a:pt x="283" y="105"/>
                    </a:lnTo>
                    <a:lnTo>
                      <a:pt x="279" y="105"/>
                    </a:lnTo>
                    <a:lnTo>
                      <a:pt x="278" y="105"/>
                    </a:lnTo>
                    <a:lnTo>
                      <a:pt x="276" y="92"/>
                    </a:lnTo>
                    <a:lnTo>
                      <a:pt x="242" y="92"/>
                    </a:lnTo>
                    <a:lnTo>
                      <a:pt x="240" y="83"/>
                    </a:lnTo>
                    <a:lnTo>
                      <a:pt x="229" y="85"/>
                    </a:lnTo>
                    <a:lnTo>
                      <a:pt x="222" y="85"/>
                    </a:lnTo>
                    <a:lnTo>
                      <a:pt x="215" y="83"/>
                    </a:lnTo>
                    <a:lnTo>
                      <a:pt x="212" y="80"/>
                    </a:lnTo>
                    <a:lnTo>
                      <a:pt x="208" y="76"/>
                    </a:lnTo>
                    <a:lnTo>
                      <a:pt x="207" y="73"/>
                    </a:lnTo>
                    <a:lnTo>
                      <a:pt x="205" y="71"/>
                    </a:lnTo>
                    <a:lnTo>
                      <a:pt x="205" y="70"/>
                    </a:lnTo>
                    <a:lnTo>
                      <a:pt x="205" y="26"/>
                    </a:lnTo>
                    <a:lnTo>
                      <a:pt x="181" y="2"/>
                    </a:lnTo>
                    <a:lnTo>
                      <a:pt x="168" y="0"/>
                    </a:lnTo>
                    <a:lnTo>
                      <a:pt x="169" y="37"/>
                    </a:lnTo>
                    <a:lnTo>
                      <a:pt x="159" y="46"/>
                    </a:lnTo>
                    <a:lnTo>
                      <a:pt x="0" y="48"/>
                    </a:lnTo>
                    <a:lnTo>
                      <a:pt x="7" y="85"/>
                    </a:lnTo>
                    <a:lnTo>
                      <a:pt x="7" y="87"/>
                    </a:lnTo>
                    <a:lnTo>
                      <a:pt x="7" y="88"/>
                    </a:lnTo>
                    <a:lnTo>
                      <a:pt x="7" y="93"/>
                    </a:lnTo>
                    <a:lnTo>
                      <a:pt x="5" y="100"/>
                    </a:lnTo>
                    <a:lnTo>
                      <a:pt x="5" y="107"/>
                    </a:lnTo>
                    <a:lnTo>
                      <a:pt x="5" y="114"/>
                    </a:lnTo>
                    <a:lnTo>
                      <a:pt x="5" y="124"/>
                    </a:lnTo>
                    <a:lnTo>
                      <a:pt x="5" y="132"/>
                    </a:lnTo>
                    <a:lnTo>
                      <a:pt x="5" y="142"/>
                    </a:lnTo>
                    <a:lnTo>
                      <a:pt x="7" y="153"/>
                    </a:lnTo>
                    <a:lnTo>
                      <a:pt x="7" y="161"/>
                    </a:lnTo>
                    <a:lnTo>
                      <a:pt x="9" y="169"/>
                    </a:lnTo>
                    <a:lnTo>
                      <a:pt x="10" y="178"/>
                    </a:lnTo>
                    <a:lnTo>
                      <a:pt x="14" y="186"/>
                    </a:lnTo>
                    <a:lnTo>
                      <a:pt x="17" y="193"/>
                    </a:lnTo>
                    <a:lnTo>
                      <a:pt x="22" y="198"/>
                    </a:lnTo>
                    <a:lnTo>
                      <a:pt x="22" y="200"/>
                    </a:lnTo>
                    <a:lnTo>
                      <a:pt x="22" y="203"/>
                    </a:lnTo>
                    <a:lnTo>
                      <a:pt x="24" y="208"/>
                    </a:lnTo>
                    <a:lnTo>
                      <a:pt x="25" y="217"/>
                    </a:lnTo>
                    <a:lnTo>
                      <a:pt x="27" y="225"/>
                    </a:lnTo>
                    <a:lnTo>
                      <a:pt x="29" y="235"/>
                    </a:lnTo>
                    <a:lnTo>
                      <a:pt x="29" y="246"/>
                    </a:lnTo>
                    <a:lnTo>
                      <a:pt x="31" y="256"/>
                    </a:lnTo>
                    <a:lnTo>
                      <a:pt x="31" y="259"/>
                    </a:lnTo>
                    <a:lnTo>
                      <a:pt x="31" y="264"/>
                    </a:lnTo>
                    <a:lnTo>
                      <a:pt x="31" y="271"/>
                    </a:lnTo>
                    <a:lnTo>
                      <a:pt x="31" y="278"/>
                    </a:lnTo>
                    <a:lnTo>
                      <a:pt x="31" y="285"/>
                    </a:lnTo>
                    <a:lnTo>
                      <a:pt x="31" y="290"/>
                    </a:lnTo>
                    <a:lnTo>
                      <a:pt x="31" y="295"/>
                    </a:lnTo>
                    <a:lnTo>
                      <a:pt x="31" y="296"/>
                    </a:lnTo>
                    <a:lnTo>
                      <a:pt x="39" y="310"/>
                    </a:lnTo>
                    <a:lnTo>
                      <a:pt x="36" y="332"/>
                    </a:lnTo>
                    <a:lnTo>
                      <a:pt x="39" y="362"/>
                    </a:lnTo>
                    <a:lnTo>
                      <a:pt x="49" y="376"/>
                    </a:lnTo>
                    <a:lnTo>
                      <a:pt x="54" y="389"/>
                    </a:lnTo>
                    <a:lnTo>
                      <a:pt x="53" y="427"/>
                    </a:lnTo>
                    <a:lnTo>
                      <a:pt x="53" y="437"/>
                    </a:lnTo>
                    <a:lnTo>
                      <a:pt x="37" y="455"/>
                    </a:lnTo>
                    <a:lnTo>
                      <a:pt x="36" y="457"/>
                    </a:lnTo>
                    <a:lnTo>
                      <a:pt x="34" y="459"/>
                    </a:lnTo>
                    <a:lnTo>
                      <a:pt x="32" y="462"/>
                    </a:lnTo>
                    <a:lnTo>
                      <a:pt x="31" y="466"/>
                    </a:lnTo>
                    <a:lnTo>
                      <a:pt x="29" y="469"/>
                    </a:lnTo>
                    <a:lnTo>
                      <a:pt x="29" y="474"/>
                    </a:lnTo>
                    <a:lnTo>
                      <a:pt x="31" y="477"/>
                    </a:lnTo>
                    <a:lnTo>
                      <a:pt x="34" y="481"/>
                    </a:lnTo>
                    <a:lnTo>
                      <a:pt x="36" y="481"/>
                    </a:lnTo>
                    <a:lnTo>
                      <a:pt x="39" y="484"/>
                    </a:lnTo>
                    <a:lnTo>
                      <a:pt x="44" y="488"/>
                    </a:lnTo>
                    <a:lnTo>
                      <a:pt x="49" y="491"/>
                    </a:lnTo>
                    <a:lnTo>
                      <a:pt x="54" y="496"/>
                    </a:lnTo>
                    <a:lnTo>
                      <a:pt x="59" y="499"/>
                    </a:lnTo>
                    <a:lnTo>
                      <a:pt x="61" y="501"/>
                    </a:lnTo>
                    <a:lnTo>
                      <a:pt x="63" y="503"/>
                    </a:lnTo>
                    <a:lnTo>
                      <a:pt x="63" y="505"/>
                    </a:lnTo>
                    <a:lnTo>
                      <a:pt x="63" y="511"/>
                    </a:lnTo>
                    <a:lnTo>
                      <a:pt x="63" y="523"/>
                    </a:lnTo>
                    <a:lnTo>
                      <a:pt x="63" y="538"/>
                    </a:lnTo>
                    <a:lnTo>
                      <a:pt x="63" y="555"/>
                    </a:lnTo>
                    <a:lnTo>
                      <a:pt x="63" y="576"/>
                    </a:lnTo>
                    <a:lnTo>
                      <a:pt x="63" y="596"/>
                    </a:lnTo>
                    <a:lnTo>
                      <a:pt x="63" y="618"/>
                    </a:lnTo>
                    <a:lnTo>
                      <a:pt x="63" y="638"/>
                    </a:lnTo>
                    <a:lnTo>
                      <a:pt x="61" y="660"/>
                    </a:lnTo>
                    <a:lnTo>
                      <a:pt x="61" y="679"/>
                    </a:lnTo>
                    <a:lnTo>
                      <a:pt x="61" y="696"/>
                    </a:lnTo>
                    <a:lnTo>
                      <a:pt x="61" y="711"/>
                    </a:lnTo>
                    <a:lnTo>
                      <a:pt x="61" y="721"/>
                    </a:lnTo>
                    <a:lnTo>
                      <a:pt x="63" y="728"/>
                    </a:lnTo>
                    <a:lnTo>
                      <a:pt x="63" y="731"/>
                    </a:lnTo>
                    <a:lnTo>
                      <a:pt x="63" y="730"/>
                    </a:lnTo>
                    <a:lnTo>
                      <a:pt x="66" y="730"/>
                    </a:lnTo>
                    <a:lnTo>
                      <a:pt x="73" y="730"/>
                    </a:lnTo>
                    <a:lnTo>
                      <a:pt x="80" y="730"/>
                    </a:lnTo>
                    <a:lnTo>
                      <a:pt x="90" y="730"/>
                    </a:lnTo>
                    <a:lnTo>
                      <a:pt x="100" y="730"/>
                    </a:lnTo>
                    <a:lnTo>
                      <a:pt x="113" y="730"/>
                    </a:lnTo>
                    <a:lnTo>
                      <a:pt x="127" y="730"/>
                    </a:lnTo>
                    <a:lnTo>
                      <a:pt x="144" y="730"/>
                    </a:lnTo>
                    <a:lnTo>
                      <a:pt x="159" y="730"/>
                    </a:lnTo>
                    <a:lnTo>
                      <a:pt x="178" y="730"/>
                    </a:lnTo>
                    <a:lnTo>
                      <a:pt x="196" y="730"/>
                    </a:lnTo>
                    <a:lnTo>
                      <a:pt x="215" y="730"/>
                    </a:lnTo>
                    <a:lnTo>
                      <a:pt x="235" y="728"/>
                    </a:lnTo>
                    <a:lnTo>
                      <a:pt x="254" y="728"/>
                    </a:lnTo>
                    <a:lnTo>
                      <a:pt x="274" y="728"/>
                    </a:lnTo>
                    <a:lnTo>
                      <a:pt x="296" y="728"/>
                    </a:lnTo>
                    <a:lnTo>
                      <a:pt x="317" y="728"/>
                    </a:lnTo>
                    <a:lnTo>
                      <a:pt x="337" y="728"/>
                    </a:lnTo>
                    <a:lnTo>
                      <a:pt x="357" y="726"/>
                    </a:lnTo>
                    <a:lnTo>
                      <a:pt x="376" y="726"/>
                    </a:lnTo>
                    <a:lnTo>
                      <a:pt x="396" y="726"/>
                    </a:lnTo>
                    <a:lnTo>
                      <a:pt x="415" y="726"/>
                    </a:lnTo>
                    <a:lnTo>
                      <a:pt x="432" y="725"/>
                    </a:lnTo>
                    <a:lnTo>
                      <a:pt x="449" y="725"/>
                    </a:lnTo>
                    <a:lnTo>
                      <a:pt x="465" y="725"/>
                    </a:lnTo>
                    <a:lnTo>
                      <a:pt x="479" y="723"/>
                    </a:lnTo>
                    <a:lnTo>
                      <a:pt x="493" y="723"/>
                    </a:lnTo>
                    <a:lnTo>
                      <a:pt x="503" y="721"/>
                    </a:lnTo>
                    <a:lnTo>
                      <a:pt x="513" y="721"/>
                    </a:lnTo>
                    <a:lnTo>
                      <a:pt x="521" y="719"/>
                    </a:lnTo>
                    <a:lnTo>
                      <a:pt x="526" y="71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619" name="Group 159"/>
              <p:cNvGrpSpPr>
                <a:grpSpLocks/>
              </p:cNvGrpSpPr>
              <p:nvPr/>
            </p:nvGrpSpPr>
            <p:grpSpPr bwMode="auto">
              <a:xfrm>
                <a:off x="3736" y="1882"/>
                <a:ext cx="401" cy="455"/>
                <a:chOff x="3961" y="1493"/>
                <a:chExt cx="412" cy="469"/>
              </a:xfrm>
            </p:grpSpPr>
            <p:sp>
              <p:nvSpPr>
                <p:cNvPr id="650" name="Freeform 160"/>
                <p:cNvSpPr>
                  <a:spLocks/>
                </p:cNvSpPr>
                <p:nvPr/>
              </p:nvSpPr>
              <p:spPr bwMode="auto">
                <a:xfrm>
                  <a:off x="3961" y="1493"/>
                  <a:ext cx="412" cy="469"/>
                </a:xfrm>
                <a:custGeom>
                  <a:avLst/>
                  <a:gdLst>
                    <a:gd name="T0" fmla="*/ 121 w 412"/>
                    <a:gd name="T1" fmla="*/ 76 h 469"/>
                    <a:gd name="T2" fmla="*/ 130 w 412"/>
                    <a:gd name="T3" fmla="*/ 73 h 469"/>
                    <a:gd name="T4" fmla="*/ 152 w 412"/>
                    <a:gd name="T5" fmla="*/ 78 h 469"/>
                    <a:gd name="T6" fmla="*/ 181 w 412"/>
                    <a:gd name="T7" fmla="*/ 79 h 469"/>
                    <a:gd name="T8" fmla="*/ 169 w 412"/>
                    <a:gd name="T9" fmla="*/ 100 h 469"/>
                    <a:gd name="T10" fmla="*/ 182 w 412"/>
                    <a:gd name="T11" fmla="*/ 100 h 469"/>
                    <a:gd name="T12" fmla="*/ 196 w 412"/>
                    <a:gd name="T13" fmla="*/ 93 h 469"/>
                    <a:gd name="T14" fmla="*/ 209 w 412"/>
                    <a:gd name="T15" fmla="*/ 98 h 469"/>
                    <a:gd name="T16" fmla="*/ 226 w 412"/>
                    <a:gd name="T17" fmla="*/ 91 h 469"/>
                    <a:gd name="T18" fmla="*/ 240 w 412"/>
                    <a:gd name="T19" fmla="*/ 86 h 469"/>
                    <a:gd name="T20" fmla="*/ 255 w 412"/>
                    <a:gd name="T21" fmla="*/ 78 h 469"/>
                    <a:gd name="T22" fmla="*/ 270 w 412"/>
                    <a:gd name="T23" fmla="*/ 76 h 469"/>
                    <a:gd name="T24" fmla="*/ 277 w 412"/>
                    <a:gd name="T25" fmla="*/ 76 h 469"/>
                    <a:gd name="T26" fmla="*/ 291 w 412"/>
                    <a:gd name="T27" fmla="*/ 62 h 469"/>
                    <a:gd name="T28" fmla="*/ 318 w 412"/>
                    <a:gd name="T29" fmla="*/ 37 h 469"/>
                    <a:gd name="T30" fmla="*/ 353 w 412"/>
                    <a:gd name="T31" fmla="*/ 12 h 469"/>
                    <a:gd name="T32" fmla="*/ 380 w 412"/>
                    <a:gd name="T33" fmla="*/ 0 h 469"/>
                    <a:gd name="T34" fmla="*/ 404 w 412"/>
                    <a:gd name="T35" fmla="*/ 176 h 469"/>
                    <a:gd name="T36" fmla="*/ 409 w 412"/>
                    <a:gd name="T37" fmla="*/ 206 h 469"/>
                    <a:gd name="T38" fmla="*/ 404 w 412"/>
                    <a:gd name="T39" fmla="*/ 227 h 469"/>
                    <a:gd name="T40" fmla="*/ 399 w 412"/>
                    <a:gd name="T41" fmla="*/ 262 h 469"/>
                    <a:gd name="T42" fmla="*/ 399 w 412"/>
                    <a:gd name="T43" fmla="*/ 274 h 469"/>
                    <a:gd name="T44" fmla="*/ 399 w 412"/>
                    <a:gd name="T45" fmla="*/ 291 h 469"/>
                    <a:gd name="T46" fmla="*/ 387 w 412"/>
                    <a:gd name="T47" fmla="*/ 308 h 469"/>
                    <a:gd name="T48" fmla="*/ 370 w 412"/>
                    <a:gd name="T49" fmla="*/ 326 h 469"/>
                    <a:gd name="T50" fmla="*/ 365 w 412"/>
                    <a:gd name="T51" fmla="*/ 333 h 469"/>
                    <a:gd name="T52" fmla="*/ 351 w 412"/>
                    <a:gd name="T53" fmla="*/ 337 h 469"/>
                    <a:gd name="T54" fmla="*/ 326 w 412"/>
                    <a:gd name="T55" fmla="*/ 382 h 469"/>
                    <a:gd name="T56" fmla="*/ 323 w 412"/>
                    <a:gd name="T57" fmla="*/ 396 h 469"/>
                    <a:gd name="T58" fmla="*/ 311 w 412"/>
                    <a:gd name="T59" fmla="*/ 391 h 469"/>
                    <a:gd name="T60" fmla="*/ 302 w 412"/>
                    <a:gd name="T61" fmla="*/ 387 h 469"/>
                    <a:gd name="T62" fmla="*/ 296 w 412"/>
                    <a:gd name="T63" fmla="*/ 404 h 469"/>
                    <a:gd name="T64" fmla="*/ 292 w 412"/>
                    <a:gd name="T65" fmla="*/ 413 h 469"/>
                    <a:gd name="T66" fmla="*/ 289 w 412"/>
                    <a:gd name="T67" fmla="*/ 419 h 469"/>
                    <a:gd name="T68" fmla="*/ 285 w 412"/>
                    <a:gd name="T69" fmla="*/ 453 h 469"/>
                    <a:gd name="T70" fmla="*/ 263 w 412"/>
                    <a:gd name="T71" fmla="*/ 469 h 469"/>
                    <a:gd name="T72" fmla="*/ 253 w 412"/>
                    <a:gd name="T73" fmla="*/ 458 h 469"/>
                    <a:gd name="T74" fmla="*/ 236 w 412"/>
                    <a:gd name="T75" fmla="*/ 450 h 469"/>
                    <a:gd name="T76" fmla="*/ 231 w 412"/>
                    <a:gd name="T77" fmla="*/ 443 h 469"/>
                    <a:gd name="T78" fmla="*/ 214 w 412"/>
                    <a:gd name="T79" fmla="*/ 436 h 469"/>
                    <a:gd name="T80" fmla="*/ 198 w 412"/>
                    <a:gd name="T81" fmla="*/ 452 h 469"/>
                    <a:gd name="T82" fmla="*/ 177 w 412"/>
                    <a:gd name="T83" fmla="*/ 453 h 469"/>
                    <a:gd name="T84" fmla="*/ 169 w 412"/>
                    <a:gd name="T85" fmla="*/ 448 h 469"/>
                    <a:gd name="T86" fmla="*/ 157 w 412"/>
                    <a:gd name="T87" fmla="*/ 452 h 469"/>
                    <a:gd name="T88" fmla="*/ 143 w 412"/>
                    <a:gd name="T89" fmla="*/ 455 h 469"/>
                    <a:gd name="T90" fmla="*/ 98 w 412"/>
                    <a:gd name="T91" fmla="*/ 440 h 469"/>
                    <a:gd name="T92" fmla="*/ 89 w 412"/>
                    <a:gd name="T93" fmla="*/ 423 h 469"/>
                    <a:gd name="T94" fmla="*/ 59 w 412"/>
                    <a:gd name="T95" fmla="*/ 414 h 469"/>
                    <a:gd name="T96" fmla="*/ 42 w 412"/>
                    <a:gd name="T97" fmla="*/ 414 h 469"/>
                    <a:gd name="T98" fmla="*/ 0 w 412"/>
                    <a:gd name="T99" fmla="*/ 96 h 469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w 412"/>
                    <a:gd name="T151" fmla="*/ 0 h 469"/>
                    <a:gd name="T152" fmla="*/ 412 w 412"/>
                    <a:gd name="T153" fmla="*/ 469 h 469"/>
                  </a:gdLst>
                  <a:ahLst/>
                  <a:cxnLst>
                    <a:cxn ang="T100">
                      <a:pos x="T0" y="T1"/>
                    </a:cxn>
                    <a:cxn ang="T101">
                      <a:pos x="T2" y="T3"/>
                    </a:cxn>
                    <a:cxn ang="T102">
                      <a:pos x="T4" y="T5"/>
                    </a:cxn>
                    <a:cxn ang="T103">
                      <a:pos x="T6" y="T7"/>
                    </a:cxn>
                    <a:cxn ang="T104">
                      <a:pos x="T8" y="T9"/>
                    </a:cxn>
                    <a:cxn ang="T105">
                      <a:pos x="T10" y="T11"/>
                    </a:cxn>
                    <a:cxn ang="T106">
                      <a:pos x="T12" y="T13"/>
                    </a:cxn>
                    <a:cxn ang="T107">
                      <a:pos x="T14" y="T15"/>
                    </a:cxn>
                    <a:cxn ang="T108">
                      <a:pos x="T16" y="T17"/>
                    </a:cxn>
                    <a:cxn ang="T109">
                      <a:pos x="T18" y="T19"/>
                    </a:cxn>
                    <a:cxn ang="T110">
                      <a:pos x="T20" y="T21"/>
                    </a:cxn>
                    <a:cxn ang="T111">
                      <a:pos x="T22" y="T23"/>
                    </a:cxn>
                    <a:cxn ang="T112">
                      <a:pos x="T24" y="T25"/>
                    </a:cxn>
                    <a:cxn ang="T113">
                      <a:pos x="T26" y="T27"/>
                    </a:cxn>
                    <a:cxn ang="T114">
                      <a:pos x="T28" y="T29"/>
                    </a:cxn>
                    <a:cxn ang="T115">
                      <a:pos x="T30" y="T31"/>
                    </a:cxn>
                    <a:cxn ang="T116">
                      <a:pos x="T32" y="T33"/>
                    </a:cxn>
                    <a:cxn ang="T117">
                      <a:pos x="T34" y="T35"/>
                    </a:cxn>
                    <a:cxn ang="T118">
                      <a:pos x="T36" y="T37"/>
                    </a:cxn>
                    <a:cxn ang="T119">
                      <a:pos x="T38" y="T39"/>
                    </a:cxn>
                    <a:cxn ang="T120">
                      <a:pos x="T40" y="T41"/>
                    </a:cxn>
                    <a:cxn ang="T121">
                      <a:pos x="T42" y="T43"/>
                    </a:cxn>
                    <a:cxn ang="T122">
                      <a:pos x="T44" y="T45"/>
                    </a:cxn>
                    <a:cxn ang="T123">
                      <a:pos x="T46" y="T47"/>
                    </a:cxn>
                    <a:cxn ang="T124">
                      <a:pos x="T48" y="T49"/>
                    </a:cxn>
                    <a:cxn ang="T125">
                      <a:pos x="T50" y="T51"/>
                    </a:cxn>
                    <a:cxn ang="T126">
                      <a:pos x="T52" y="T53"/>
                    </a:cxn>
                    <a:cxn ang="T127">
                      <a:pos x="T54" y="T55"/>
                    </a:cxn>
                    <a:cxn ang="T128">
                      <a:pos x="T56" y="T57"/>
                    </a:cxn>
                    <a:cxn ang="T129">
                      <a:pos x="T58" y="T59"/>
                    </a:cxn>
                    <a:cxn ang="T130">
                      <a:pos x="T60" y="T61"/>
                    </a:cxn>
                    <a:cxn ang="T131">
                      <a:pos x="T62" y="T63"/>
                    </a:cxn>
                    <a:cxn ang="T132">
                      <a:pos x="T64" y="T65"/>
                    </a:cxn>
                    <a:cxn ang="T133">
                      <a:pos x="T66" y="T67"/>
                    </a:cxn>
                    <a:cxn ang="T134">
                      <a:pos x="T68" y="T69"/>
                    </a:cxn>
                    <a:cxn ang="T135">
                      <a:pos x="T70" y="T71"/>
                    </a:cxn>
                    <a:cxn ang="T136">
                      <a:pos x="T72" y="T73"/>
                    </a:cxn>
                    <a:cxn ang="T137">
                      <a:pos x="T74" y="T75"/>
                    </a:cxn>
                    <a:cxn ang="T138">
                      <a:pos x="T76" y="T77"/>
                    </a:cxn>
                    <a:cxn ang="T139">
                      <a:pos x="T78" y="T79"/>
                    </a:cxn>
                    <a:cxn ang="T140">
                      <a:pos x="T80" y="T81"/>
                    </a:cxn>
                    <a:cxn ang="T141">
                      <a:pos x="T82" y="T83"/>
                    </a:cxn>
                    <a:cxn ang="T142">
                      <a:pos x="T84" y="T85"/>
                    </a:cxn>
                    <a:cxn ang="T143">
                      <a:pos x="T86" y="T87"/>
                    </a:cxn>
                    <a:cxn ang="T144">
                      <a:pos x="T88" y="T89"/>
                    </a:cxn>
                    <a:cxn ang="T145">
                      <a:pos x="T90" y="T91"/>
                    </a:cxn>
                    <a:cxn ang="T146">
                      <a:pos x="T92" y="T93"/>
                    </a:cxn>
                    <a:cxn ang="T147">
                      <a:pos x="T94" y="T95"/>
                    </a:cxn>
                    <a:cxn ang="T148">
                      <a:pos x="T96" y="T97"/>
                    </a:cxn>
                    <a:cxn ang="T149">
                      <a:pos x="T98" y="T99"/>
                    </a:cxn>
                  </a:cxnLst>
                  <a:rect l="T150" t="T151" r="T152" b="T153"/>
                  <a:pathLst>
                    <a:path w="412" h="469">
                      <a:moveTo>
                        <a:pt x="0" y="96"/>
                      </a:moveTo>
                      <a:lnTo>
                        <a:pt x="116" y="78"/>
                      </a:lnTo>
                      <a:lnTo>
                        <a:pt x="118" y="78"/>
                      </a:lnTo>
                      <a:lnTo>
                        <a:pt x="121" y="76"/>
                      </a:lnTo>
                      <a:lnTo>
                        <a:pt x="125" y="74"/>
                      </a:lnTo>
                      <a:lnTo>
                        <a:pt x="126" y="73"/>
                      </a:lnTo>
                      <a:lnTo>
                        <a:pt x="128" y="73"/>
                      </a:lnTo>
                      <a:lnTo>
                        <a:pt x="130" y="73"/>
                      </a:lnTo>
                      <a:lnTo>
                        <a:pt x="135" y="73"/>
                      </a:lnTo>
                      <a:lnTo>
                        <a:pt x="140" y="73"/>
                      </a:lnTo>
                      <a:lnTo>
                        <a:pt x="145" y="74"/>
                      </a:lnTo>
                      <a:lnTo>
                        <a:pt x="152" y="78"/>
                      </a:lnTo>
                      <a:lnTo>
                        <a:pt x="159" y="81"/>
                      </a:lnTo>
                      <a:lnTo>
                        <a:pt x="164" y="86"/>
                      </a:lnTo>
                      <a:lnTo>
                        <a:pt x="174" y="86"/>
                      </a:lnTo>
                      <a:lnTo>
                        <a:pt x="181" y="79"/>
                      </a:lnTo>
                      <a:lnTo>
                        <a:pt x="191" y="84"/>
                      </a:lnTo>
                      <a:lnTo>
                        <a:pt x="177" y="91"/>
                      </a:lnTo>
                      <a:lnTo>
                        <a:pt x="169" y="100"/>
                      </a:lnTo>
                      <a:lnTo>
                        <a:pt x="170" y="100"/>
                      </a:lnTo>
                      <a:lnTo>
                        <a:pt x="174" y="100"/>
                      </a:lnTo>
                      <a:lnTo>
                        <a:pt x="177" y="100"/>
                      </a:lnTo>
                      <a:lnTo>
                        <a:pt x="182" y="100"/>
                      </a:lnTo>
                      <a:lnTo>
                        <a:pt x="186" y="98"/>
                      </a:lnTo>
                      <a:lnTo>
                        <a:pt x="191" y="95"/>
                      </a:lnTo>
                      <a:lnTo>
                        <a:pt x="196" y="91"/>
                      </a:lnTo>
                      <a:lnTo>
                        <a:pt x="196" y="93"/>
                      </a:lnTo>
                      <a:lnTo>
                        <a:pt x="198" y="93"/>
                      </a:lnTo>
                      <a:lnTo>
                        <a:pt x="201" y="95"/>
                      </a:lnTo>
                      <a:lnTo>
                        <a:pt x="206" y="96"/>
                      </a:lnTo>
                      <a:lnTo>
                        <a:pt x="209" y="98"/>
                      </a:lnTo>
                      <a:lnTo>
                        <a:pt x="214" y="98"/>
                      </a:lnTo>
                      <a:lnTo>
                        <a:pt x="219" y="96"/>
                      </a:lnTo>
                      <a:lnTo>
                        <a:pt x="226" y="91"/>
                      </a:lnTo>
                      <a:lnTo>
                        <a:pt x="230" y="91"/>
                      </a:lnTo>
                      <a:lnTo>
                        <a:pt x="231" y="89"/>
                      </a:lnTo>
                      <a:lnTo>
                        <a:pt x="236" y="88"/>
                      </a:lnTo>
                      <a:lnTo>
                        <a:pt x="240" y="86"/>
                      </a:lnTo>
                      <a:lnTo>
                        <a:pt x="245" y="84"/>
                      </a:lnTo>
                      <a:lnTo>
                        <a:pt x="250" y="81"/>
                      </a:lnTo>
                      <a:lnTo>
                        <a:pt x="253" y="78"/>
                      </a:lnTo>
                      <a:lnTo>
                        <a:pt x="255" y="78"/>
                      </a:lnTo>
                      <a:lnTo>
                        <a:pt x="258" y="78"/>
                      </a:lnTo>
                      <a:lnTo>
                        <a:pt x="262" y="78"/>
                      </a:lnTo>
                      <a:lnTo>
                        <a:pt x="265" y="76"/>
                      </a:lnTo>
                      <a:lnTo>
                        <a:pt x="270" y="76"/>
                      </a:lnTo>
                      <a:lnTo>
                        <a:pt x="274" y="76"/>
                      </a:lnTo>
                      <a:lnTo>
                        <a:pt x="275" y="76"/>
                      </a:lnTo>
                      <a:lnTo>
                        <a:pt x="277" y="76"/>
                      </a:lnTo>
                      <a:lnTo>
                        <a:pt x="279" y="74"/>
                      </a:lnTo>
                      <a:lnTo>
                        <a:pt x="282" y="71"/>
                      </a:lnTo>
                      <a:lnTo>
                        <a:pt x="285" y="67"/>
                      </a:lnTo>
                      <a:lnTo>
                        <a:pt x="291" y="62"/>
                      </a:lnTo>
                      <a:lnTo>
                        <a:pt x="297" y="56"/>
                      </a:lnTo>
                      <a:lnTo>
                        <a:pt x="302" y="51"/>
                      </a:lnTo>
                      <a:lnTo>
                        <a:pt x="311" y="44"/>
                      </a:lnTo>
                      <a:lnTo>
                        <a:pt x="318" y="37"/>
                      </a:lnTo>
                      <a:lnTo>
                        <a:pt x="326" y="32"/>
                      </a:lnTo>
                      <a:lnTo>
                        <a:pt x="335" y="25"/>
                      </a:lnTo>
                      <a:lnTo>
                        <a:pt x="345" y="18"/>
                      </a:lnTo>
                      <a:lnTo>
                        <a:pt x="353" y="12"/>
                      </a:lnTo>
                      <a:lnTo>
                        <a:pt x="363" y="7"/>
                      </a:lnTo>
                      <a:lnTo>
                        <a:pt x="372" y="3"/>
                      </a:lnTo>
                      <a:lnTo>
                        <a:pt x="382" y="0"/>
                      </a:lnTo>
                      <a:lnTo>
                        <a:pt x="380" y="0"/>
                      </a:lnTo>
                      <a:lnTo>
                        <a:pt x="412" y="166"/>
                      </a:lnTo>
                      <a:lnTo>
                        <a:pt x="401" y="169"/>
                      </a:lnTo>
                      <a:lnTo>
                        <a:pt x="402" y="171"/>
                      </a:lnTo>
                      <a:lnTo>
                        <a:pt x="404" y="176"/>
                      </a:lnTo>
                      <a:lnTo>
                        <a:pt x="406" y="181"/>
                      </a:lnTo>
                      <a:lnTo>
                        <a:pt x="407" y="189"/>
                      </a:lnTo>
                      <a:lnTo>
                        <a:pt x="409" y="198"/>
                      </a:lnTo>
                      <a:lnTo>
                        <a:pt x="409" y="206"/>
                      </a:lnTo>
                      <a:lnTo>
                        <a:pt x="409" y="213"/>
                      </a:lnTo>
                      <a:lnTo>
                        <a:pt x="406" y="218"/>
                      </a:lnTo>
                      <a:lnTo>
                        <a:pt x="404" y="221"/>
                      </a:lnTo>
                      <a:lnTo>
                        <a:pt x="404" y="227"/>
                      </a:lnTo>
                      <a:lnTo>
                        <a:pt x="402" y="235"/>
                      </a:lnTo>
                      <a:lnTo>
                        <a:pt x="401" y="245"/>
                      </a:lnTo>
                      <a:lnTo>
                        <a:pt x="401" y="255"/>
                      </a:lnTo>
                      <a:lnTo>
                        <a:pt x="399" y="262"/>
                      </a:lnTo>
                      <a:lnTo>
                        <a:pt x="399" y="269"/>
                      </a:lnTo>
                      <a:lnTo>
                        <a:pt x="399" y="271"/>
                      </a:lnTo>
                      <a:lnTo>
                        <a:pt x="399" y="272"/>
                      </a:lnTo>
                      <a:lnTo>
                        <a:pt x="399" y="274"/>
                      </a:lnTo>
                      <a:lnTo>
                        <a:pt x="401" y="277"/>
                      </a:lnTo>
                      <a:lnTo>
                        <a:pt x="401" y="281"/>
                      </a:lnTo>
                      <a:lnTo>
                        <a:pt x="401" y="286"/>
                      </a:lnTo>
                      <a:lnTo>
                        <a:pt x="399" y="291"/>
                      </a:lnTo>
                      <a:lnTo>
                        <a:pt x="395" y="296"/>
                      </a:lnTo>
                      <a:lnTo>
                        <a:pt x="390" y="303"/>
                      </a:lnTo>
                      <a:lnTo>
                        <a:pt x="389" y="304"/>
                      </a:lnTo>
                      <a:lnTo>
                        <a:pt x="387" y="308"/>
                      </a:lnTo>
                      <a:lnTo>
                        <a:pt x="382" y="313"/>
                      </a:lnTo>
                      <a:lnTo>
                        <a:pt x="379" y="316"/>
                      </a:lnTo>
                      <a:lnTo>
                        <a:pt x="375" y="321"/>
                      </a:lnTo>
                      <a:lnTo>
                        <a:pt x="370" y="326"/>
                      </a:lnTo>
                      <a:lnTo>
                        <a:pt x="368" y="330"/>
                      </a:lnTo>
                      <a:lnTo>
                        <a:pt x="367" y="330"/>
                      </a:lnTo>
                      <a:lnTo>
                        <a:pt x="367" y="331"/>
                      </a:lnTo>
                      <a:lnTo>
                        <a:pt x="365" y="333"/>
                      </a:lnTo>
                      <a:lnTo>
                        <a:pt x="362" y="335"/>
                      </a:lnTo>
                      <a:lnTo>
                        <a:pt x="358" y="335"/>
                      </a:lnTo>
                      <a:lnTo>
                        <a:pt x="355" y="337"/>
                      </a:lnTo>
                      <a:lnTo>
                        <a:pt x="351" y="337"/>
                      </a:lnTo>
                      <a:lnTo>
                        <a:pt x="350" y="335"/>
                      </a:lnTo>
                      <a:lnTo>
                        <a:pt x="350" y="333"/>
                      </a:lnTo>
                      <a:lnTo>
                        <a:pt x="328" y="355"/>
                      </a:lnTo>
                      <a:lnTo>
                        <a:pt x="326" y="382"/>
                      </a:lnTo>
                      <a:lnTo>
                        <a:pt x="324" y="382"/>
                      </a:lnTo>
                      <a:lnTo>
                        <a:pt x="324" y="387"/>
                      </a:lnTo>
                      <a:lnTo>
                        <a:pt x="324" y="391"/>
                      </a:lnTo>
                      <a:lnTo>
                        <a:pt x="323" y="396"/>
                      </a:lnTo>
                      <a:lnTo>
                        <a:pt x="319" y="399"/>
                      </a:lnTo>
                      <a:lnTo>
                        <a:pt x="318" y="401"/>
                      </a:lnTo>
                      <a:lnTo>
                        <a:pt x="314" y="399"/>
                      </a:lnTo>
                      <a:lnTo>
                        <a:pt x="311" y="391"/>
                      </a:lnTo>
                      <a:lnTo>
                        <a:pt x="309" y="389"/>
                      </a:lnTo>
                      <a:lnTo>
                        <a:pt x="307" y="387"/>
                      </a:lnTo>
                      <a:lnTo>
                        <a:pt x="306" y="387"/>
                      </a:lnTo>
                      <a:lnTo>
                        <a:pt x="302" y="387"/>
                      </a:lnTo>
                      <a:lnTo>
                        <a:pt x="301" y="387"/>
                      </a:lnTo>
                      <a:lnTo>
                        <a:pt x="297" y="391"/>
                      </a:lnTo>
                      <a:lnTo>
                        <a:pt x="297" y="396"/>
                      </a:lnTo>
                      <a:lnTo>
                        <a:pt x="296" y="404"/>
                      </a:lnTo>
                      <a:lnTo>
                        <a:pt x="296" y="408"/>
                      </a:lnTo>
                      <a:lnTo>
                        <a:pt x="294" y="409"/>
                      </a:lnTo>
                      <a:lnTo>
                        <a:pt x="292" y="413"/>
                      </a:lnTo>
                      <a:lnTo>
                        <a:pt x="291" y="416"/>
                      </a:lnTo>
                      <a:lnTo>
                        <a:pt x="291" y="418"/>
                      </a:lnTo>
                      <a:lnTo>
                        <a:pt x="289" y="419"/>
                      </a:lnTo>
                      <a:lnTo>
                        <a:pt x="292" y="441"/>
                      </a:lnTo>
                      <a:lnTo>
                        <a:pt x="291" y="443"/>
                      </a:lnTo>
                      <a:lnTo>
                        <a:pt x="289" y="447"/>
                      </a:lnTo>
                      <a:lnTo>
                        <a:pt x="285" y="453"/>
                      </a:lnTo>
                      <a:lnTo>
                        <a:pt x="280" y="458"/>
                      </a:lnTo>
                      <a:lnTo>
                        <a:pt x="275" y="463"/>
                      </a:lnTo>
                      <a:lnTo>
                        <a:pt x="270" y="467"/>
                      </a:lnTo>
                      <a:lnTo>
                        <a:pt x="263" y="469"/>
                      </a:lnTo>
                      <a:lnTo>
                        <a:pt x="260" y="465"/>
                      </a:lnTo>
                      <a:lnTo>
                        <a:pt x="258" y="463"/>
                      </a:lnTo>
                      <a:lnTo>
                        <a:pt x="257" y="462"/>
                      </a:lnTo>
                      <a:lnTo>
                        <a:pt x="253" y="458"/>
                      </a:lnTo>
                      <a:lnTo>
                        <a:pt x="250" y="455"/>
                      </a:lnTo>
                      <a:lnTo>
                        <a:pt x="245" y="452"/>
                      </a:lnTo>
                      <a:lnTo>
                        <a:pt x="241" y="450"/>
                      </a:lnTo>
                      <a:lnTo>
                        <a:pt x="236" y="450"/>
                      </a:lnTo>
                      <a:lnTo>
                        <a:pt x="233" y="453"/>
                      </a:lnTo>
                      <a:lnTo>
                        <a:pt x="231" y="452"/>
                      </a:lnTo>
                      <a:lnTo>
                        <a:pt x="231" y="448"/>
                      </a:lnTo>
                      <a:lnTo>
                        <a:pt x="231" y="443"/>
                      </a:lnTo>
                      <a:lnTo>
                        <a:pt x="230" y="438"/>
                      </a:lnTo>
                      <a:lnTo>
                        <a:pt x="226" y="435"/>
                      </a:lnTo>
                      <a:lnTo>
                        <a:pt x="221" y="433"/>
                      </a:lnTo>
                      <a:lnTo>
                        <a:pt x="214" y="436"/>
                      </a:lnTo>
                      <a:lnTo>
                        <a:pt x="204" y="445"/>
                      </a:lnTo>
                      <a:lnTo>
                        <a:pt x="203" y="447"/>
                      </a:lnTo>
                      <a:lnTo>
                        <a:pt x="201" y="448"/>
                      </a:lnTo>
                      <a:lnTo>
                        <a:pt x="198" y="452"/>
                      </a:lnTo>
                      <a:lnTo>
                        <a:pt x="194" y="453"/>
                      </a:lnTo>
                      <a:lnTo>
                        <a:pt x="189" y="455"/>
                      </a:lnTo>
                      <a:lnTo>
                        <a:pt x="184" y="457"/>
                      </a:lnTo>
                      <a:lnTo>
                        <a:pt x="177" y="453"/>
                      </a:lnTo>
                      <a:lnTo>
                        <a:pt x="172" y="450"/>
                      </a:lnTo>
                      <a:lnTo>
                        <a:pt x="170" y="448"/>
                      </a:lnTo>
                      <a:lnTo>
                        <a:pt x="169" y="448"/>
                      </a:lnTo>
                      <a:lnTo>
                        <a:pt x="167" y="447"/>
                      </a:lnTo>
                      <a:lnTo>
                        <a:pt x="164" y="448"/>
                      </a:lnTo>
                      <a:lnTo>
                        <a:pt x="160" y="448"/>
                      </a:lnTo>
                      <a:lnTo>
                        <a:pt x="157" y="452"/>
                      </a:lnTo>
                      <a:lnTo>
                        <a:pt x="152" y="457"/>
                      </a:lnTo>
                      <a:lnTo>
                        <a:pt x="150" y="457"/>
                      </a:lnTo>
                      <a:lnTo>
                        <a:pt x="147" y="455"/>
                      </a:lnTo>
                      <a:lnTo>
                        <a:pt x="143" y="455"/>
                      </a:lnTo>
                      <a:lnTo>
                        <a:pt x="142" y="455"/>
                      </a:lnTo>
                      <a:lnTo>
                        <a:pt x="128" y="443"/>
                      </a:lnTo>
                      <a:lnTo>
                        <a:pt x="98" y="441"/>
                      </a:lnTo>
                      <a:lnTo>
                        <a:pt x="98" y="440"/>
                      </a:lnTo>
                      <a:lnTo>
                        <a:pt x="98" y="436"/>
                      </a:lnTo>
                      <a:lnTo>
                        <a:pt x="96" y="433"/>
                      </a:lnTo>
                      <a:lnTo>
                        <a:pt x="94" y="428"/>
                      </a:lnTo>
                      <a:lnTo>
                        <a:pt x="89" y="423"/>
                      </a:lnTo>
                      <a:lnTo>
                        <a:pt x="82" y="418"/>
                      </a:lnTo>
                      <a:lnTo>
                        <a:pt x="72" y="416"/>
                      </a:lnTo>
                      <a:lnTo>
                        <a:pt x="60" y="414"/>
                      </a:lnTo>
                      <a:lnTo>
                        <a:pt x="59" y="414"/>
                      </a:lnTo>
                      <a:lnTo>
                        <a:pt x="55" y="414"/>
                      </a:lnTo>
                      <a:lnTo>
                        <a:pt x="52" y="414"/>
                      </a:lnTo>
                      <a:lnTo>
                        <a:pt x="47" y="414"/>
                      </a:lnTo>
                      <a:lnTo>
                        <a:pt x="42" y="414"/>
                      </a:lnTo>
                      <a:lnTo>
                        <a:pt x="38" y="414"/>
                      </a:lnTo>
                      <a:lnTo>
                        <a:pt x="37" y="414"/>
                      </a:lnTo>
                      <a:lnTo>
                        <a:pt x="35" y="414"/>
                      </a:lnTo>
                      <a:lnTo>
                        <a:pt x="0" y="96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51" name="Freeform 161"/>
                <p:cNvSpPr>
                  <a:spLocks/>
                </p:cNvSpPr>
                <p:nvPr/>
              </p:nvSpPr>
              <p:spPr bwMode="auto">
                <a:xfrm>
                  <a:off x="3961" y="1493"/>
                  <a:ext cx="412" cy="469"/>
                </a:xfrm>
                <a:custGeom>
                  <a:avLst/>
                  <a:gdLst>
                    <a:gd name="T0" fmla="*/ 118 w 412"/>
                    <a:gd name="T1" fmla="*/ 78 h 469"/>
                    <a:gd name="T2" fmla="*/ 126 w 412"/>
                    <a:gd name="T3" fmla="*/ 73 h 469"/>
                    <a:gd name="T4" fmla="*/ 140 w 412"/>
                    <a:gd name="T5" fmla="*/ 73 h 469"/>
                    <a:gd name="T6" fmla="*/ 164 w 412"/>
                    <a:gd name="T7" fmla="*/ 86 h 469"/>
                    <a:gd name="T8" fmla="*/ 177 w 412"/>
                    <a:gd name="T9" fmla="*/ 91 h 469"/>
                    <a:gd name="T10" fmla="*/ 170 w 412"/>
                    <a:gd name="T11" fmla="*/ 100 h 469"/>
                    <a:gd name="T12" fmla="*/ 186 w 412"/>
                    <a:gd name="T13" fmla="*/ 98 h 469"/>
                    <a:gd name="T14" fmla="*/ 196 w 412"/>
                    <a:gd name="T15" fmla="*/ 93 h 469"/>
                    <a:gd name="T16" fmla="*/ 209 w 412"/>
                    <a:gd name="T17" fmla="*/ 98 h 469"/>
                    <a:gd name="T18" fmla="*/ 226 w 412"/>
                    <a:gd name="T19" fmla="*/ 91 h 469"/>
                    <a:gd name="T20" fmla="*/ 236 w 412"/>
                    <a:gd name="T21" fmla="*/ 88 h 469"/>
                    <a:gd name="T22" fmla="*/ 253 w 412"/>
                    <a:gd name="T23" fmla="*/ 78 h 469"/>
                    <a:gd name="T24" fmla="*/ 262 w 412"/>
                    <a:gd name="T25" fmla="*/ 78 h 469"/>
                    <a:gd name="T26" fmla="*/ 275 w 412"/>
                    <a:gd name="T27" fmla="*/ 76 h 469"/>
                    <a:gd name="T28" fmla="*/ 279 w 412"/>
                    <a:gd name="T29" fmla="*/ 74 h 469"/>
                    <a:gd name="T30" fmla="*/ 297 w 412"/>
                    <a:gd name="T31" fmla="*/ 56 h 469"/>
                    <a:gd name="T32" fmla="*/ 326 w 412"/>
                    <a:gd name="T33" fmla="*/ 32 h 469"/>
                    <a:gd name="T34" fmla="*/ 363 w 412"/>
                    <a:gd name="T35" fmla="*/ 7 h 469"/>
                    <a:gd name="T36" fmla="*/ 412 w 412"/>
                    <a:gd name="T37" fmla="*/ 166 h 469"/>
                    <a:gd name="T38" fmla="*/ 404 w 412"/>
                    <a:gd name="T39" fmla="*/ 176 h 469"/>
                    <a:gd name="T40" fmla="*/ 409 w 412"/>
                    <a:gd name="T41" fmla="*/ 206 h 469"/>
                    <a:gd name="T42" fmla="*/ 404 w 412"/>
                    <a:gd name="T43" fmla="*/ 221 h 469"/>
                    <a:gd name="T44" fmla="*/ 401 w 412"/>
                    <a:gd name="T45" fmla="*/ 255 h 469"/>
                    <a:gd name="T46" fmla="*/ 399 w 412"/>
                    <a:gd name="T47" fmla="*/ 271 h 469"/>
                    <a:gd name="T48" fmla="*/ 401 w 412"/>
                    <a:gd name="T49" fmla="*/ 281 h 469"/>
                    <a:gd name="T50" fmla="*/ 390 w 412"/>
                    <a:gd name="T51" fmla="*/ 303 h 469"/>
                    <a:gd name="T52" fmla="*/ 382 w 412"/>
                    <a:gd name="T53" fmla="*/ 313 h 469"/>
                    <a:gd name="T54" fmla="*/ 368 w 412"/>
                    <a:gd name="T55" fmla="*/ 330 h 469"/>
                    <a:gd name="T56" fmla="*/ 365 w 412"/>
                    <a:gd name="T57" fmla="*/ 333 h 469"/>
                    <a:gd name="T58" fmla="*/ 351 w 412"/>
                    <a:gd name="T59" fmla="*/ 337 h 469"/>
                    <a:gd name="T60" fmla="*/ 326 w 412"/>
                    <a:gd name="T61" fmla="*/ 382 h 469"/>
                    <a:gd name="T62" fmla="*/ 324 w 412"/>
                    <a:gd name="T63" fmla="*/ 391 h 469"/>
                    <a:gd name="T64" fmla="*/ 314 w 412"/>
                    <a:gd name="T65" fmla="*/ 399 h 469"/>
                    <a:gd name="T66" fmla="*/ 307 w 412"/>
                    <a:gd name="T67" fmla="*/ 387 h 469"/>
                    <a:gd name="T68" fmla="*/ 297 w 412"/>
                    <a:gd name="T69" fmla="*/ 391 h 469"/>
                    <a:gd name="T70" fmla="*/ 296 w 412"/>
                    <a:gd name="T71" fmla="*/ 404 h 469"/>
                    <a:gd name="T72" fmla="*/ 291 w 412"/>
                    <a:gd name="T73" fmla="*/ 416 h 469"/>
                    <a:gd name="T74" fmla="*/ 292 w 412"/>
                    <a:gd name="T75" fmla="*/ 441 h 469"/>
                    <a:gd name="T76" fmla="*/ 285 w 412"/>
                    <a:gd name="T77" fmla="*/ 453 h 469"/>
                    <a:gd name="T78" fmla="*/ 263 w 412"/>
                    <a:gd name="T79" fmla="*/ 469 h 469"/>
                    <a:gd name="T80" fmla="*/ 257 w 412"/>
                    <a:gd name="T81" fmla="*/ 462 h 469"/>
                    <a:gd name="T82" fmla="*/ 241 w 412"/>
                    <a:gd name="T83" fmla="*/ 450 h 469"/>
                    <a:gd name="T84" fmla="*/ 231 w 412"/>
                    <a:gd name="T85" fmla="*/ 452 h 469"/>
                    <a:gd name="T86" fmla="*/ 226 w 412"/>
                    <a:gd name="T87" fmla="*/ 435 h 469"/>
                    <a:gd name="T88" fmla="*/ 204 w 412"/>
                    <a:gd name="T89" fmla="*/ 445 h 469"/>
                    <a:gd name="T90" fmla="*/ 194 w 412"/>
                    <a:gd name="T91" fmla="*/ 453 h 469"/>
                    <a:gd name="T92" fmla="*/ 172 w 412"/>
                    <a:gd name="T93" fmla="*/ 450 h 469"/>
                    <a:gd name="T94" fmla="*/ 169 w 412"/>
                    <a:gd name="T95" fmla="*/ 448 h 469"/>
                    <a:gd name="T96" fmla="*/ 157 w 412"/>
                    <a:gd name="T97" fmla="*/ 452 h 469"/>
                    <a:gd name="T98" fmla="*/ 147 w 412"/>
                    <a:gd name="T99" fmla="*/ 455 h 469"/>
                    <a:gd name="T100" fmla="*/ 98 w 412"/>
                    <a:gd name="T101" fmla="*/ 441 h 469"/>
                    <a:gd name="T102" fmla="*/ 96 w 412"/>
                    <a:gd name="T103" fmla="*/ 433 h 469"/>
                    <a:gd name="T104" fmla="*/ 72 w 412"/>
                    <a:gd name="T105" fmla="*/ 416 h 469"/>
                    <a:gd name="T106" fmla="*/ 55 w 412"/>
                    <a:gd name="T107" fmla="*/ 414 h 469"/>
                    <a:gd name="T108" fmla="*/ 38 w 412"/>
                    <a:gd name="T109" fmla="*/ 414 h 469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w 412"/>
                    <a:gd name="T166" fmla="*/ 0 h 469"/>
                    <a:gd name="T167" fmla="*/ 412 w 412"/>
                    <a:gd name="T168" fmla="*/ 469 h 469"/>
                  </a:gdLst>
                  <a:ahLst/>
                  <a:cxnLst>
                    <a:cxn ang="T110">
                      <a:pos x="T0" y="T1"/>
                    </a:cxn>
                    <a:cxn ang="T111">
                      <a:pos x="T2" y="T3"/>
                    </a:cxn>
                    <a:cxn ang="T112">
                      <a:pos x="T4" y="T5"/>
                    </a:cxn>
                    <a:cxn ang="T113">
                      <a:pos x="T6" y="T7"/>
                    </a:cxn>
                    <a:cxn ang="T114">
                      <a:pos x="T8" y="T9"/>
                    </a:cxn>
                    <a:cxn ang="T115">
                      <a:pos x="T10" y="T11"/>
                    </a:cxn>
                    <a:cxn ang="T116">
                      <a:pos x="T12" y="T13"/>
                    </a:cxn>
                    <a:cxn ang="T117">
                      <a:pos x="T14" y="T15"/>
                    </a:cxn>
                    <a:cxn ang="T118">
                      <a:pos x="T16" y="T17"/>
                    </a:cxn>
                    <a:cxn ang="T119">
                      <a:pos x="T18" y="T19"/>
                    </a:cxn>
                    <a:cxn ang="T120">
                      <a:pos x="T20" y="T21"/>
                    </a:cxn>
                    <a:cxn ang="T121">
                      <a:pos x="T22" y="T23"/>
                    </a:cxn>
                    <a:cxn ang="T122">
                      <a:pos x="T24" y="T25"/>
                    </a:cxn>
                    <a:cxn ang="T123">
                      <a:pos x="T26" y="T27"/>
                    </a:cxn>
                    <a:cxn ang="T124">
                      <a:pos x="T28" y="T29"/>
                    </a:cxn>
                    <a:cxn ang="T125">
                      <a:pos x="T30" y="T31"/>
                    </a:cxn>
                    <a:cxn ang="T126">
                      <a:pos x="T32" y="T33"/>
                    </a:cxn>
                    <a:cxn ang="T127">
                      <a:pos x="T34" y="T35"/>
                    </a:cxn>
                    <a:cxn ang="T128">
                      <a:pos x="T36" y="T37"/>
                    </a:cxn>
                    <a:cxn ang="T129">
                      <a:pos x="T38" y="T39"/>
                    </a:cxn>
                    <a:cxn ang="T130">
                      <a:pos x="T40" y="T41"/>
                    </a:cxn>
                    <a:cxn ang="T131">
                      <a:pos x="T42" y="T43"/>
                    </a:cxn>
                    <a:cxn ang="T132">
                      <a:pos x="T44" y="T45"/>
                    </a:cxn>
                    <a:cxn ang="T133">
                      <a:pos x="T46" y="T47"/>
                    </a:cxn>
                    <a:cxn ang="T134">
                      <a:pos x="T48" y="T49"/>
                    </a:cxn>
                    <a:cxn ang="T135">
                      <a:pos x="T50" y="T51"/>
                    </a:cxn>
                    <a:cxn ang="T136">
                      <a:pos x="T52" y="T53"/>
                    </a:cxn>
                    <a:cxn ang="T137">
                      <a:pos x="T54" y="T55"/>
                    </a:cxn>
                    <a:cxn ang="T138">
                      <a:pos x="T56" y="T57"/>
                    </a:cxn>
                    <a:cxn ang="T139">
                      <a:pos x="T58" y="T59"/>
                    </a:cxn>
                    <a:cxn ang="T140">
                      <a:pos x="T60" y="T61"/>
                    </a:cxn>
                    <a:cxn ang="T141">
                      <a:pos x="T62" y="T63"/>
                    </a:cxn>
                    <a:cxn ang="T142">
                      <a:pos x="T64" y="T65"/>
                    </a:cxn>
                    <a:cxn ang="T143">
                      <a:pos x="T66" y="T67"/>
                    </a:cxn>
                    <a:cxn ang="T144">
                      <a:pos x="T68" y="T69"/>
                    </a:cxn>
                    <a:cxn ang="T145">
                      <a:pos x="T70" y="T71"/>
                    </a:cxn>
                    <a:cxn ang="T146">
                      <a:pos x="T72" y="T73"/>
                    </a:cxn>
                    <a:cxn ang="T147">
                      <a:pos x="T74" y="T75"/>
                    </a:cxn>
                    <a:cxn ang="T148">
                      <a:pos x="T76" y="T77"/>
                    </a:cxn>
                    <a:cxn ang="T149">
                      <a:pos x="T78" y="T79"/>
                    </a:cxn>
                    <a:cxn ang="T150">
                      <a:pos x="T80" y="T81"/>
                    </a:cxn>
                    <a:cxn ang="T151">
                      <a:pos x="T82" y="T83"/>
                    </a:cxn>
                    <a:cxn ang="T152">
                      <a:pos x="T84" y="T85"/>
                    </a:cxn>
                    <a:cxn ang="T153">
                      <a:pos x="T86" y="T87"/>
                    </a:cxn>
                    <a:cxn ang="T154">
                      <a:pos x="T88" y="T89"/>
                    </a:cxn>
                    <a:cxn ang="T155">
                      <a:pos x="T90" y="T91"/>
                    </a:cxn>
                    <a:cxn ang="T156">
                      <a:pos x="T92" y="T93"/>
                    </a:cxn>
                    <a:cxn ang="T157">
                      <a:pos x="T94" y="T95"/>
                    </a:cxn>
                    <a:cxn ang="T158">
                      <a:pos x="T96" y="T97"/>
                    </a:cxn>
                    <a:cxn ang="T159">
                      <a:pos x="T98" y="T99"/>
                    </a:cxn>
                    <a:cxn ang="T160">
                      <a:pos x="T100" y="T101"/>
                    </a:cxn>
                    <a:cxn ang="T161">
                      <a:pos x="T102" y="T103"/>
                    </a:cxn>
                    <a:cxn ang="T162">
                      <a:pos x="T104" y="T105"/>
                    </a:cxn>
                    <a:cxn ang="T163">
                      <a:pos x="T106" y="T107"/>
                    </a:cxn>
                    <a:cxn ang="T164">
                      <a:pos x="T108" y="T109"/>
                    </a:cxn>
                  </a:cxnLst>
                  <a:rect l="T165" t="T166" r="T167" b="T168"/>
                  <a:pathLst>
                    <a:path w="412" h="469">
                      <a:moveTo>
                        <a:pt x="0" y="96"/>
                      </a:moveTo>
                      <a:lnTo>
                        <a:pt x="116" y="78"/>
                      </a:lnTo>
                      <a:lnTo>
                        <a:pt x="118" y="78"/>
                      </a:lnTo>
                      <a:lnTo>
                        <a:pt x="121" y="76"/>
                      </a:lnTo>
                      <a:lnTo>
                        <a:pt x="125" y="74"/>
                      </a:lnTo>
                      <a:lnTo>
                        <a:pt x="126" y="73"/>
                      </a:lnTo>
                      <a:lnTo>
                        <a:pt x="128" y="73"/>
                      </a:lnTo>
                      <a:lnTo>
                        <a:pt x="130" y="73"/>
                      </a:lnTo>
                      <a:lnTo>
                        <a:pt x="135" y="73"/>
                      </a:lnTo>
                      <a:lnTo>
                        <a:pt x="140" y="73"/>
                      </a:lnTo>
                      <a:lnTo>
                        <a:pt x="145" y="74"/>
                      </a:lnTo>
                      <a:lnTo>
                        <a:pt x="152" y="78"/>
                      </a:lnTo>
                      <a:lnTo>
                        <a:pt x="159" y="81"/>
                      </a:lnTo>
                      <a:lnTo>
                        <a:pt x="164" y="86"/>
                      </a:lnTo>
                      <a:lnTo>
                        <a:pt x="174" y="86"/>
                      </a:lnTo>
                      <a:lnTo>
                        <a:pt x="181" y="79"/>
                      </a:lnTo>
                      <a:lnTo>
                        <a:pt x="191" y="84"/>
                      </a:lnTo>
                      <a:lnTo>
                        <a:pt x="177" y="91"/>
                      </a:lnTo>
                      <a:lnTo>
                        <a:pt x="169" y="100"/>
                      </a:lnTo>
                      <a:lnTo>
                        <a:pt x="170" y="100"/>
                      </a:lnTo>
                      <a:lnTo>
                        <a:pt x="174" y="100"/>
                      </a:lnTo>
                      <a:lnTo>
                        <a:pt x="177" y="100"/>
                      </a:lnTo>
                      <a:lnTo>
                        <a:pt x="182" y="100"/>
                      </a:lnTo>
                      <a:lnTo>
                        <a:pt x="186" y="98"/>
                      </a:lnTo>
                      <a:lnTo>
                        <a:pt x="191" y="95"/>
                      </a:lnTo>
                      <a:lnTo>
                        <a:pt x="196" y="91"/>
                      </a:lnTo>
                      <a:lnTo>
                        <a:pt x="196" y="93"/>
                      </a:lnTo>
                      <a:lnTo>
                        <a:pt x="198" y="93"/>
                      </a:lnTo>
                      <a:lnTo>
                        <a:pt x="201" y="95"/>
                      </a:lnTo>
                      <a:lnTo>
                        <a:pt x="206" y="96"/>
                      </a:lnTo>
                      <a:lnTo>
                        <a:pt x="209" y="98"/>
                      </a:lnTo>
                      <a:lnTo>
                        <a:pt x="214" y="98"/>
                      </a:lnTo>
                      <a:lnTo>
                        <a:pt x="219" y="96"/>
                      </a:lnTo>
                      <a:lnTo>
                        <a:pt x="226" y="91"/>
                      </a:lnTo>
                      <a:lnTo>
                        <a:pt x="230" y="91"/>
                      </a:lnTo>
                      <a:lnTo>
                        <a:pt x="231" y="89"/>
                      </a:lnTo>
                      <a:lnTo>
                        <a:pt x="236" y="88"/>
                      </a:lnTo>
                      <a:lnTo>
                        <a:pt x="240" y="86"/>
                      </a:lnTo>
                      <a:lnTo>
                        <a:pt x="245" y="84"/>
                      </a:lnTo>
                      <a:lnTo>
                        <a:pt x="250" y="81"/>
                      </a:lnTo>
                      <a:lnTo>
                        <a:pt x="253" y="78"/>
                      </a:lnTo>
                      <a:lnTo>
                        <a:pt x="255" y="78"/>
                      </a:lnTo>
                      <a:lnTo>
                        <a:pt x="258" y="78"/>
                      </a:lnTo>
                      <a:lnTo>
                        <a:pt x="262" y="78"/>
                      </a:lnTo>
                      <a:lnTo>
                        <a:pt x="265" y="76"/>
                      </a:lnTo>
                      <a:lnTo>
                        <a:pt x="270" y="76"/>
                      </a:lnTo>
                      <a:lnTo>
                        <a:pt x="274" y="76"/>
                      </a:lnTo>
                      <a:lnTo>
                        <a:pt x="275" y="76"/>
                      </a:lnTo>
                      <a:lnTo>
                        <a:pt x="277" y="76"/>
                      </a:lnTo>
                      <a:lnTo>
                        <a:pt x="279" y="74"/>
                      </a:lnTo>
                      <a:lnTo>
                        <a:pt x="282" y="71"/>
                      </a:lnTo>
                      <a:lnTo>
                        <a:pt x="285" y="67"/>
                      </a:lnTo>
                      <a:lnTo>
                        <a:pt x="291" y="62"/>
                      </a:lnTo>
                      <a:lnTo>
                        <a:pt x="297" y="56"/>
                      </a:lnTo>
                      <a:lnTo>
                        <a:pt x="302" y="51"/>
                      </a:lnTo>
                      <a:lnTo>
                        <a:pt x="311" y="44"/>
                      </a:lnTo>
                      <a:lnTo>
                        <a:pt x="318" y="37"/>
                      </a:lnTo>
                      <a:lnTo>
                        <a:pt x="326" y="32"/>
                      </a:lnTo>
                      <a:lnTo>
                        <a:pt x="335" y="25"/>
                      </a:lnTo>
                      <a:lnTo>
                        <a:pt x="345" y="18"/>
                      </a:lnTo>
                      <a:lnTo>
                        <a:pt x="353" y="12"/>
                      </a:lnTo>
                      <a:lnTo>
                        <a:pt x="363" y="7"/>
                      </a:lnTo>
                      <a:lnTo>
                        <a:pt x="372" y="3"/>
                      </a:lnTo>
                      <a:lnTo>
                        <a:pt x="382" y="0"/>
                      </a:lnTo>
                      <a:lnTo>
                        <a:pt x="380" y="0"/>
                      </a:lnTo>
                      <a:lnTo>
                        <a:pt x="412" y="166"/>
                      </a:lnTo>
                      <a:lnTo>
                        <a:pt x="401" y="169"/>
                      </a:lnTo>
                      <a:lnTo>
                        <a:pt x="402" y="171"/>
                      </a:lnTo>
                      <a:lnTo>
                        <a:pt x="404" y="176"/>
                      </a:lnTo>
                      <a:lnTo>
                        <a:pt x="406" y="181"/>
                      </a:lnTo>
                      <a:lnTo>
                        <a:pt x="407" y="189"/>
                      </a:lnTo>
                      <a:lnTo>
                        <a:pt x="409" y="198"/>
                      </a:lnTo>
                      <a:lnTo>
                        <a:pt x="409" y="206"/>
                      </a:lnTo>
                      <a:lnTo>
                        <a:pt x="409" y="213"/>
                      </a:lnTo>
                      <a:lnTo>
                        <a:pt x="406" y="218"/>
                      </a:lnTo>
                      <a:lnTo>
                        <a:pt x="404" y="221"/>
                      </a:lnTo>
                      <a:lnTo>
                        <a:pt x="404" y="227"/>
                      </a:lnTo>
                      <a:lnTo>
                        <a:pt x="402" y="235"/>
                      </a:lnTo>
                      <a:lnTo>
                        <a:pt x="401" y="245"/>
                      </a:lnTo>
                      <a:lnTo>
                        <a:pt x="401" y="255"/>
                      </a:lnTo>
                      <a:lnTo>
                        <a:pt x="399" y="262"/>
                      </a:lnTo>
                      <a:lnTo>
                        <a:pt x="399" y="269"/>
                      </a:lnTo>
                      <a:lnTo>
                        <a:pt x="399" y="271"/>
                      </a:lnTo>
                      <a:lnTo>
                        <a:pt x="399" y="272"/>
                      </a:lnTo>
                      <a:lnTo>
                        <a:pt x="399" y="274"/>
                      </a:lnTo>
                      <a:lnTo>
                        <a:pt x="401" y="277"/>
                      </a:lnTo>
                      <a:lnTo>
                        <a:pt x="401" y="281"/>
                      </a:lnTo>
                      <a:lnTo>
                        <a:pt x="401" y="286"/>
                      </a:lnTo>
                      <a:lnTo>
                        <a:pt x="399" y="291"/>
                      </a:lnTo>
                      <a:lnTo>
                        <a:pt x="395" y="296"/>
                      </a:lnTo>
                      <a:lnTo>
                        <a:pt x="390" y="303"/>
                      </a:lnTo>
                      <a:lnTo>
                        <a:pt x="389" y="304"/>
                      </a:lnTo>
                      <a:lnTo>
                        <a:pt x="387" y="308"/>
                      </a:lnTo>
                      <a:lnTo>
                        <a:pt x="382" y="313"/>
                      </a:lnTo>
                      <a:lnTo>
                        <a:pt x="379" y="316"/>
                      </a:lnTo>
                      <a:lnTo>
                        <a:pt x="375" y="321"/>
                      </a:lnTo>
                      <a:lnTo>
                        <a:pt x="370" y="326"/>
                      </a:lnTo>
                      <a:lnTo>
                        <a:pt x="368" y="330"/>
                      </a:lnTo>
                      <a:lnTo>
                        <a:pt x="367" y="330"/>
                      </a:lnTo>
                      <a:lnTo>
                        <a:pt x="367" y="331"/>
                      </a:lnTo>
                      <a:lnTo>
                        <a:pt x="365" y="333"/>
                      </a:lnTo>
                      <a:lnTo>
                        <a:pt x="362" y="335"/>
                      </a:lnTo>
                      <a:lnTo>
                        <a:pt x="358" y="335"/>
                      </a:lnTo>
                      <a:lnTo>
                        <a:pt x="355" y="337"/>
                      </a:lnTo>
                      <a:lnTo>
                        <a:pt x="351" y="337"/>
                      </a:lnTo>
                      <a:lnTo>
                        <a:pt x="350" y="335"/>
                      </a:lnTo>
                      <a:lnTo>
                        <a:pt x="350" y="333"/>
                      </a:lnTo>
                      <a:lnTo>
                        <a:pt x="328" y="355"/>
                      </a:lnTo>
                      <a:lnTo>
                        <a:pt x="326" y="382"/>
                      </a:lnTo>
                      <a:lnTo>
                        <a:pt x="324" y="382"/>
                      </a:lnTo>
                      <a:lnTo>
                        <a:pt x="324" y="387"/>
                      </a:lnTo>
                      <a:lnTo>
                        <a:pt x="324" y="391"/>
                      </a:lnTo>
                      <a:lnTo>
                        <a:pt x="323" y="396"/>
                      </a:lnTo>
                      <a:lnTo>
                        <a:pt x="319" y="399"/>
                      </a:lnTo>
                      <a:lnTo>
                        <a:pt x="318" y="401"/>
                      </a:lnTo>
                      <a:lnTo>
                        <a:pt x="314" y="399"/>
                      </a:lnTo>
                      <a:lnTo>
                        <a:pt x="311" y="391"/>
                      </a:lnTo>
                      <a:lnTo>
                        <a:pt x="309" y="389"/>
                      </a:lnTo>
                      <a:lnTo>
                        <a:pt x="307" y="387"/>
                      </a:lnTo>
                      <a:lnTo>
                        <a:pt x="306" y="387"/>
                      </a:lnTo>
                      <a:lnTo>
                        <a:pt x="302" y="387"/>
                      </a:lnTo>
                      <a:lnTo>
                        <a:pt x="301" y="387"/>
                      </a:lnTo>
                      <a:lnTo>
                        <a:pt x="297" y="391"/>
                      </a:lnTo>
                      <a:lnTo>
                        <a:pt x="297" y="396"/>
                      </a:lnTo>
                      <a:lnTo>
                        <a:pt x="296" y="404"/>
                      </a:lnTo>
                      <a:lnTo>
                        <a:pt x="296" y="408"/>
                      </a:lnTo>
                      <a:lnTo>
                        <a:pt x="294" y="409"/>
                      </a:lnTo>
                      <a:lnTo>
                        <a:pt x="292" y="413"/>
                      </a:lnTo>
                      <a:lnTo>
                        <a:pt x="291" y="416"/>
                      </a:lnTo>
                      <a:lnTo>
                        <a:pt x="291" y="418"/>
                      </a:lnTo>
                      <a:lnTo>
                        <a:pt x="289" y="419"/>
                      </a:lnTo>
                      <a:lnTo>
                        <a:pt x="292" y="441"/>
                      </a:lnTo>
                      <a:lnTo>
                        <a:pt x="291" y="443"/>
                      </a:lnTo>
                      <a:lnTo>
                        <a:pt x="289" y="447"/>
                      </a:lnTo>
                      <a:lnTo>
                        <a:pt x="285" y="453"/>
                      </a:lnTo>
                      <a:lnTo>
                        <a:pt x="280" y="458"/>
                      </a:lnTo>
                      <a:lnTo>
                        <a:pt x="275" y="463"/>
                      </a:lnTo>
                      <a:lnTo>
                        <a:pt x="270" y="467"/>
                      </a:lnTo>
                      <a:lnTo>
                        <a:pt x="263" y="469"/>
                      </a:lnTo>
                      <a:lnTo>
                        <a:pt x="260" y="465"/>
                      </a:lnTo>
                      <a:lnTo>
                        <a:pt x="258" y="463"/>
                      </a:lnTo>
                      <a:lnTo>
                        <a:pt x="257" y="462"/>
                      </a:lnTo>
                      <a:lnTo>
                        <a:pt x="253" y="458"/>
                      </a:lnTo>
                      <a:lnTo>
                        <a:pt x="250" y="455"/>
                      </a:lnTo>
                      <a:lnTo>
                        <a:pt x="245" y="452"/>
                      </a:lnTo>
                      <a:lnTo>
                        <a:pt x="241" y="450"/>
                      </a:lnTo>
                      <a:lnTo>
                        <a:pt x="236" y="450"/>
                      </a:lnTo>
                      <a:lnTo>
                        <a:pt x="233" y="453"/>
                      </a:lnTo>
                      <a:lnTo>
                        <a:pt x="231" y="452"/>
                      </a:lnTo>
                      <a:lnTo>
                        <a:pt x="231" y="448"/>
                      </a:lnTo>
                      <a:lnTo>
                        <a:pt x="231" y="443"/>
                      </a:lnTo>
                      <a:lnTo>
                        <a:pt x="230" y="438"/>
                      </a:lnTo>
                      <a:lnTo>
                        <a:pt x="226" y="435"/>
                      </a:lnTo>
                      <a:lnTo>
                        <a:pt x="221" y="433"/>
                      </a:lnTo>
                      <a:lnTo>
                        <a:pt x="214" y="436"/>
                      </a:lnTo>
                      <a:lnTo>
                        <a:pt x="204" y="445"/>
                      </a:lnTo>
                      <a:lnTo>
                        <a:pt x="203" y="447"/>
                      </a:lnTo>
                      <a:lnTo>
                        <a:pt x="201" y="448"/>
                      </a:lnTo>
                      <a:lnTo>
                        <a:pt x="198" y="452"/>
                      </a:lnTo>
                      <a:lnTo>
                        <a:pt x="194" y="453"/>
                      </a:lnTo>
                      <a:lnTo>
                        <a:pt x="189" y="455"/>
                      </a:lnTo>
                      <a:lnTo>
                        <a:pt x="184" y="457"/>
                      </a:lnTo>
                      <a:lnTo>
                        <a:pt x="177" y="453"/>
                      </a:lnTo>
                      <a:lnTo>
                        <a:pt x="172" y="450"/>
                      </a:lnTo>
                      <a:lnTo>
                        <a:pt x="170" y="448"/>
                      </a:lnTo>
                      <a:lnTo>
                        <a:pt x="169" y="448"/>
                      </a:lnTo>
                      <a:lnTo>
                        <a:pt x="167" y="447"/>
                      </a:lnTo>
                      <a:lnTo>
                        <a:pt x="164" y="448"/>
                      </a:lnTo>
                      <a:lnTo>
                        <a:pt x="160" y="448"/>
                      </a:lnTo>
                      <a:lnTo>
                        <a:pt x="157" y="452"/>
                      </a:lnTo>
                      <a:lnTo>
                        <a:pt x="152" y="457"/>
                      </a:lnTo>
                      <a:lnTo>
                        <a:pt x="150" y="457"/>
                      </a:lnTo>
                      <a:lnTo>
                        <a:pt x="147" y="455"/>
                      </a:lnTo>
                      <a:lnTo>
                        <a:pt x="143" y="455"/>
                      </a:lnTo>
                      <a:lnTo>
                        <a:pt x="142" y="455"/>
                      </a:lnTo>
                      <a:lnTo>
                        <a:pt x="128" y="443"/>
                      </a:lnTo>
                      <a:lnTo>
                        <a:pt x="98" y="441"/>
                      </a:lnTo>
                      <a:lnTo>
                        <a:pt x="98" y="440"/>
                      </a:lnTo>
                      <a:lnTo>
                        <a:pt x="98" y="436"/>
                      </a:lnTo>
                      <a:lnTo>
                        <a:pt x="96" y="433"/>
                      </a:lnTo>
                      <a:lnTo>
                        <a:pt x="94" y="428"/>
                      </a:lnTo>
                      <a:lnTo>
                        <a:pt x="89" y="423"/>
                      </a:lnTo>
                      <a:lnTo>
                        <a:pt x="82" y="418"/>
                      </a:lnTo>
                      <a:lnTo>
                        <a:pt x="72" y="416"/>
                      </a:lnTo>
                      <a:lnTo>
                        <a:pt x="60" y="414"/>
                      </a:lnTo>
                      <a:lnTo>
                        <a:pt x="59" y="414"/>
                      </a:lnTo>
                      <a:lnTo>
                        <a:pt x="55" y="414"/>
                      </a:lnTo>
                      <a:lnTo>
                        <a:pt x="52" y="414"/>
                      </a:lnTo>
                      <a:lnTo>
                        <a:pt x="47" y="414"/>
                      </a:lnTo>
                      <a:lnTo>
                        <a:pt x="42" y="414"/>
                      </a:lnTo>
                      <a:lnTo>
                        <a:pt x="38" y="414"/>
                      </a:lnTo>
                      <a:lnTo>
                        <a:pt x="37" y="414"/>
                      </a:lnTo>
                      <a:lnTo>
                        <a:pt x="35" y="414"/>
                      </a:lnTo>
                      <a:lnTo>
                        <a:pt x="0" y="96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620" name="Group 162"/>
              <p:cNvGrpSpPr>
                <a:grpSpLocks/>
              </p:cNvGrpSpPr>
              <p:nvPr/>
            </p:nvGrpSpPr>
            <p:grpSpPr bwMode="auto">
              <a:xfrm>
                <a:off x="3877" y="2450"/>
                <a:ext cx="847" cy="372"/>
                <a:chOff x="4106" y="2078"/>
                <a:chExt cx="870" cy="383"/>
              </a:xfrm>
            </p:grpSpPr>
            <p:sp>
              <p:nvSpPr>
                <p:cNvPr id="642" name="Freeform 163"/>
                <p:cNvSpPr>
                  <a:spLocks/>
                </p:cNvSpPr>
                <p:nvPr/>
              </p:nvSpPr>
              <p:spPr bwMode="auto">
                <a:xfrm>
                  <a:off x="4106" y="2082"/>
                  <a:ext cx="834" cy="379"/>
                </a:xfrm>
                <a:custGeom>
                  <a:avLst/>
                  <a:gdLst>
                    <a:gd name="T0" fmla="*/ 650 w 834"/>
                    <a:gd name="T1" fmla="*/ 362 h 379"/>
                    <a:gd name="T2" fmla="*/ 658 w 834"/>
                    <a:gd name="T3" fmla="*/ 340 h 379"/>
                    <a:gd name="T4" fmla="*/ 663 w 834"/>
                    <a:gd name="T5" fmla="*/ 338 h 379"/>
                    <a:gd name="T6" fmla="*/ 685 w 834"/>
                    <a:gd name="T7" fmla="*/ 292 h 379"/>
                    <a:gd name="T8" fmla="*/ 701 w 834"/>
                    <a:gd name="T9" fmla="*/ 276 h 379"/>
                    <a:gd name="T10" fmla="*/ 714 w 834"/>
                    <a:gd name="T11" fmla="*/ 262 h 379"/>
                    <a:gd name="T12" fmla="*/ 758 w 834"/>
                    <a:gd name="T13" fmla="*/ 238 h 379"/>
                    <a:gd name="T14" fmla="*/ 768 w 834"/>
                    <a:gd name="T15" fmla="*/ 232 h 379"/>
                    <a:gd name="T16" fmla="*/ 780 w 834"/>
                    <a:gd name="T17" fmla="*/ 230 h 379"/>
                    <a:gd name="T18" fmla="*/ 792 w 834"/>
                    <a:gd name="T19" fmla="*/ 215 h 379"/>
                    <a:gd name="T20" fmla="*/ 794 w 834"/>
                    <a:gd name="T21" fmla="*/ 193 h 379"/>
                    <a:gd name="T22" fmla="*/ 785 w 834"/>
                    <a:gd name="T23" fmla="*/ 199 h 379"/>
                    <a:gd name="T24" fmla="*/ 780 w 834"/>
                    <a:gd name="T25" fmla="*/ 193 h 379"/>
                    <a:gd name="T26" fmla="*/ 726 w 834"/>
                    <a:gd name="T27" fmla="*/ 198 h 379"/>
                    <a:gd name="T28" fmla="*/ 758 w 834"/>
                    <a:gd name="T29" fmla="*/ 199 h 379"/>
                    <a:gd name="T30" fmla="*/ 768 w 834"/>
                    <a:gd name="T31" fmla="*/ 176 h 379"/>
                    <a:gd name="T32" fmla="*/ 740 w 834"/>
                    <a:gd name="T33" fmla="*/ 155 h 379"/>
                    <a:gd name="T34" fmla="*/ 728 w 834"/>
                    <a:gd name="T35" fmla="*/ 149 h 379"/>
                    <a:gd name="T36" fmla="*/ 748 w 834"/>
                    <a:gd name="T37" fmla="*/ 149 h 379"/>
                    <a:gd name="T38" fmla="*/ 768 w 834"/>
                    <a:gd name="T39" fmla="*/ 144 h 379"/>
                    <a:gd name="T40" fmla="*/ 784 w 834"/>
                    <a:gd name="T41" fmla="*/ 147 h 379"/>
                    <a:gd name="T42" fmla="*/ 804 w 834"/>
                    <a:gd name="T43" fmla="*/ 147 h 379"/>
                    <a:gd name="T44" fmla="*/ 828 w 834"/>
                    <a:gd name="T45" fmla="*/ 110 h 379"/>
                    <a:gd name="T46" fmla="*/ 834 w 834"/>
                    <a:gd name="T47" fmla="*/ 105 h 379"/>
                    <a:gd name="T48" fmla="*/ 824 w 834"/>
                    <a:gd name="T49" fmla="*/ 67 h 379"/>
                    <a:gd name="T50" fmla="*/ 809 w 834"/>
                    <a:gd name="T51" fmla="*/ 89 h 379"/>
                    <a:gd name="T52" fmla="*/ 806 w 834"/>
                    <a:gd name="T53" fmla="*/ 101 h 379"/>
                    <a:gd name="T54" fmla="*/ 800 w 834"/>
                    <a:gd name="T55" fmla="*/ 79 h 379"/>
                    <a:gd name="T56" fmla="*/ 778 w 834"/>
                    <a:gd name="T57" fmla="*/ 76 h 379"/>
                    <a:gd name="T58" fmla="*/ 753 w 834"/>
                    <a:gd name="T59" fmla="*/ 83 h 379"/>
                    <a:gd name="T60" fmla="*/ 724 w 834"/>
                    <a:gd name="T61" fmla="*/ 96 h 379"/>
                    <a:gd name="T62" fmla="*/ 731 w 834"/>
                    <a:gd name="T63" fmla="*/ 61 h 379"/>
                    <a:gd name="T64" fmla="*/ 762 w 834"/>
                    <a:gd name="T65" fmla="*/ 67 h 379"/>
                    <a:gd name="T66" fmla="*/ 758 w 834"/>
                    <a:gd name="T67" fmla="*/ 52 h 379"/>
                    <a:gd name="T68" fmla="*/ 789 w 834"/>
                    <a:gd name="T69" fmla="*/ 49 h 379"/>
                    <a:gd name="T70" fmla="*/ 784 w 834"/>
                    <a:gd name="T71" fmla="*/ 35 h 379"/>
                    <a:gd name="T72" fmla="*/ 802 w 834"/>
                    <a:gd name="T73" fmla="*/ 39 h 379"/>
                    <a:gd name="T74" fmla="*/ 809 w 834"/>
                    <a:gd name="T75" fmla="*/ 35 h 379"/>
                    <a:gd name="T76" fmla="*/ 692 w 834"/>
                    <a:gd name="T77" fmla="*/ 20 h 379"/>
                    <a:gd name="T78" fmla="*/ 509 w 834"/>
                    <a:gd name="T79" fmla="*/ 56 h 379"/>
                    <a:gd name="T80" fmla="*/ 366 w 834"/>
                    <a:gd name="T81" fmla="*/ 79 h 379"/>
                    <a:gd name="T82" fmla="*/ 271 w 834"/>
                    <a:gd name="T83" fmla="*/ 91 h 379"/>
                    <a:gd name="T84" fmla="*/ 230 w 834"/>
                    <a:gd name="T85" fmla="*/ 94 h 379"/>
                    <a:gd name="T86" fmla="*/ 234 w 834"/>
                    <a:gd name="T87" fmla="*/ 118 h 379"/>
                    <a:gd name="T88" fmla="*/ 212 w 834"/>
                    <a:gd name="T89" fmla="*/ 145 h 379"/>
                    <a:gd name="T90" fmla="*/ 183 w 834"/>
                    <a:gd name="T91" fmla="*/ 162 h 379"/>
                    <a:gd name="T92" fmla="*/ 149 w 834"/>
                    <a:gd name="T93" fmla="*/ 181 h 379"/>
                    <a:gd name="T94" fmla="*/ 129 w 834"/>
                    <a:gd name="T95" fmla="*/ 194 h 379"/>
                    <a:gd name="T96" fmla="*/ 117 w 834"/>
                    <a:gd name="T97" fmla="*/ 218 h 379"/>
                    <a:gd name="T98" fmla="*/ 68 w 834"/>
                    <a:gd name="T99" fmla="*/ 250 h 379"/>
                    <a:gd name="T100" fmla="*/ 27 w 834"/>
                    <a:gd name="T101" fmla="*/ 274 h 379"/>
                    <a:gd name="T102" fmla="*/ 9 w 834"/>
                    <a:gd name="T103" fmla="*/ 299 h 379"/>
                    <a:gd name="T104" fmla="*/ 125 w 834"/>
                    <a:gd name="T105" fmla="*/ 316 h 379"/>
                    <a:gd name="T106" fmla="*/ 152 w 834"/>
                    <a:gd name="T107" fmla="*/ 296 h 379"/>
                    <a:gd name="T108" fmla="*/ 210 w 834"/>
                    <a:gd name="T109" fmla="*/ 274 h 379"/>
                    <a:gd name="T110" fmla="*/ 333 w 834"/>
                    <a:gd name="T111" fmla="*/ 265 h 379"/>
                    <a:gd name="T112" fmla="*/ 597 w 834"/>
                    <a:gd name="T113" fmla="*/ 379 h 379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w 834"/>
                    <a:gd name="T172" fmla="*/ 0 h 379"/>
                    <a:gd name="T173" fmla="*/ 834 w 834"/>
                    <a:gd name="T174" fmla="*/ 379 h 379"/>
                  </a:gdLst>
                  <a:ahLst/>
                  <a:cxnLst>
                    <a:cxn ang="T114">
                      <a:pos x="T0" y="T1"/>
                    </a:cxn>
                    <a:cxn ang="T115">
                      <a:pos x="T2" y="T3"/>
                    </a:cxn>
                    <a:cxn ang="T116">
                      <a:pos x="T4" y="T5"/>
                    </a:cxn>
                    <a:cxn ang="T117">
                      <a:pos x="T6" y="T7"/>
                    </a:cxn>
                    <a:cxn ang="T118">
                      <a:pos x="T8" y="T9"/>
                    </a:cxn>
                    <a:cxn ang="T119">
                      <a:pos x="T10" y="T11"/>
                    </a:cxn>
                    <a:cxn ang="T120">
                      <a:pos x="T12" y="T13"/>
                    </a:cxn>
                    <a:cxn ang="T121">
                      <a:pos x="T14" y="T15"/>
                    </a:cxn>
                    <a:cxn ang="T122">
                      <a:pos x="T16" y="T17"/>
                    </a:cxn>
                    <a:cxn ang="T123">
                      <a:pos x="T18" y="T19"/>
                    </a:cxn>
                    <a:cxn ang="T124">
                      <a:pos x="T20" y="T21"/>
                    </a:cxn>
                    <a:cxn ang="T125">
                      <a:pos x="T22" y="T23"/>
                    </a:cxn>
                    <a:cxn ang="T126">
                      <a:pos x="T24" y="T25"/>
                    </a:cxn>
                    <a:cxn ang="T127">
                      <a:pos x="T26" y="T27"/>
                    </a:cxn>
                    <a:cxn ang="T128">
                      <a:pos x="T28" y="T29"/>
                    </a:cxn>
                    <a:cxn ang="T129">
                      <a:pos x="T30" y="T31"/>
                    </a:cxn>
                    <a:cxn ang="T130">
                      <a:pos x="T32" y="T33"/>
                    </a:cxn>
                    <a:cxn ang="T131">
                      <a:pos x="T34" y="T35"/>
                    </a:cxn>
                    <a:cxn ang="T132">
                      <a:pos x="T36" y="T37"/>
                    </a:cxn>
                    <a:cxn ang="T133">
                      <a:pos x="T38" y="T39"/>
                    </a:cxn>
                    <a:cxn ang="T134">
                      <a:pos x="T40" y="T41"/>
                    </a:cxn>
                    <a:cxn ang="T135">
                      <a:pos x="T42" y="T43"/>
                    </a:cxn>
                    <a:cxn ang="T136">
                      <a:pos x="T44" y="T45"/>
                    </a:cxn>
                    <a:cxn ang="T137">
                      <a:pos x="T46" y="T47"/>
                    </a:cxn>
                    <a:cxn ang="T138">
                      <a:pos x="T48" y="T49"/>
                    </a:cxn>
                    <a:cxn ang="T139">
                      <a:pos x="T50" y="T51"/>
                    </a:cxn>
                    <a:cxn ang="T140">
                      <a:pos x="T52" y="T53"/>
                    </a:cxn>
                    <a:cxn ang="T141">
                      <a:pos x="T54" y="T55"/>
                    </a:cxn>
                    <a:cxn ang="T142">
                      <a:pos x="T56" y="T57"/>
                    </a:cxn>
                    <a:cxn ang="T143">
                      <a:pos x="T58" y="T59"/>
                    </a:cxn>
                    <a:cxn ang="T144">
                      <a:pos x="T60" y="T61"/>
                    </a:cxn>
                    <a:cxn ang="T145">
                      <a:pos x="T62" y="T63"/>
                    </a:cxn>
                    <a:cxn ang="T146">
                      <a:pos x="T64" y="T65"/>
                    </a:cxn>
                    <a:cxn ang="T147">
                      <a:pos x="T66" y="T67"/>
                    </a:cxn>
                    <a:cxn ang="T148">
                      <a:pos x="T68" y="T69"/>
                    </a:cxn>
                    <a:cxn ang="T149">
                      <a:pos x="T70" y="T71"/>
                    </a:cxn>
                    <a:cxn ang="T150">
                      <a:pos x="T72" y="T73"/>
                    </a:cxn>
                    <a:cxn ang="T151">
                      <a:pos x="T74" y="T75"/>
                    </a:cxn>
                    <a:cxn ang="T152">
                      <a:pos x="T76" y="T77"/>
                    </a:cxn>
                    <a:cxn ang="T153">
                      <a:pos x="T78" y="T79"/>
                    </a:cxn>
                    <a:cxn ang="T154">
                      <a:pos x="T80" y="T81"/>
                    </a:cxn>
                    <a:cxn ang="T155">
                      <a:pos x="T82" y="T83"/>
                    </a:cxn>
                    <a:cxn ang="T156">
                      <a:pos x="T84" y="T85"/>
                    </a:cxn>
                    <a:cxn ang="T157">
                      <a:pos x="T86" y="T87"/>
                    </a:cxn>
                    <a:cxn ang="T158">
                      <a:pos x="T88" y="T89"/>
                    </a:cxn>
                    <a:cxn ang="T159">
                      <a:pos x="T90" y="T91"/>
                    </a:cxn>
                    <a:cxn ang="T160">
                      <a:pos x="T92" y="T93"/>
                    </a:cxn>
                    <a:cxn ang="T161">
                      <a:pos x="T94" y="T95"/>
                    </a:cxn>
                    <a:cxn ang="T162">
                      <a:pos x="T96" y="T97"/>
                    </a:cxn>
                    <a:cxn ang="T163">
                      <a:pos x="T98" y="T99"/>
                    </a:cxn>
                    <a:cxn ang="T164">
                      <a:pos x="T100" y="T101"/>
                    </a:cxn>
                    <a:cxn ang="T165">
                      <a:pos x="T102" y="T103"/>
                    </a:cxn>
                    <a:cxn ang="T166">
                      <a:pos x="T104" y="T105"/>
                    </a:cxn>
                    <a:cxn ang="T167">
                      <a:pos x="T106" y="T107"/>
                    </a:cxn>
                    <a:cxn ang="T168">
                      <a:pos x="T108" y="T109"/>
                    </a:cxn>
                    <a:cxn ang="T169">
                      <a:pos x="T110" y="T111"/>
                    </a:cxn>
                    <a:cxn ang="T170">
                      <a:pos x="T112" y="T113"/>
                    </a:cxn>
                  </a:cxnLst>
                  <a:rect l="T171" t="T172" r="T173" b="T174"/>
                  <a:pathLst>
                    <a:path w="834" h="379">
                      <a:moveTo>
                        <a:pt x="604" y="377"/>
                      </a:moveTo>
                      <a:lnTo>
                        <a:pt x="618" y="369"/>
                      </a:lnTo>
                      <a:lnTo>
                        <a:pt x="628" y="362"/>
                      </a:lnTo>
                      <a:lnTo>
                        <a:pt x="636" y="360"/>
                      </a:lnTo>
                      <a:lnTo>
                        <a:pt x="643" y="360"/>
                      </a:lnTo>
                      <a:lnTo>
                        <a:pt x="648" y="360"/>
                      </a:lnTo>
                      <a:lnTo>
                        <a:pt x="650" y="362"/>
                      </a:lnTo>
                      <a:lnTo>
                        <a:pt x="653" y="364"/>
                      </a:lnTo>
                      <a:lnTo>
                        <a:pt x="653" y="365"/>
                      </a:lnTo>
                      <a:lnTo>
                        <a:pt x="653" y="333"/>
                      </a:lnTo>
                      <a:lnTo>
                        <a:pt x="657" y="333"/>
                      </a:lnTo>
                      <a:lnTo>
                        <a:pt x="658" y="335"/>
                      </a:lnTo>
                      <a:lnTo>
                        <a:pt x="658" y="338"/>
                      </a:lnTo>
                      <a:lnTo>
                        <a:pt x="658" y="340"/>
                      </a:lnTo>
                      <a:lnTo>
                        <a:pt x="660" y="345"/>
                      </a:lnTo>
                      <a:lnTo>
                        <a:pt x="662" y="348"/>
                      </a:lnTo>
                      <a:lnTo>
                        <a:pt x="662" y="352"/>
                      </a:lnTo>
                      <a:lnTo>
                        <a:pt x="662" y="353"/>
                      </a:lnTo>
                      <a:lnTo>
                        <a:pt x="663" y="345"/>
                      </a:lnTo>
                      <a:lnTo>
                        <a:pt x="663" y="338"/>
                      </a:lnTo>
                      <a:lnTo>
                        <a:pt x="667" y="330"/>
                      </a:lnTo>
                      <a:lnTo>
                        <a:pt x="668" y="323"/>
                      </a:lnTo>
                      <a:lnTo>
                        <a:pt x="672" y="316"/>
                      </a:lnTo>
                      <a:lnTo>
                        <a:pt x="675" y="309"/>
                      </a:lnTo>
                      <a:lnTo>
                        <a:pt x="679" y="303"/>
                      </a:lnTo>
                      <a:lnTo>
                        <a:pt x="682" y="298"/>
                      </a:lnTo>
                      <a:lnTo>
                        <a:pt x="685" y="292"/>
                      </a:lnTo>
                      <a:lnTo>
                        <a:pt x="689" y="289"/>
                      </a:lnTo>
                      <a:lnTo>
                        <a:pt x="692" y="286"/>
                      </a:lnTo>
                      <a:lnTo>
                        <a:pt x="696" y="282"/>
                      </a:lnTo>
                      <a:lnTo>
                        <a:pt x="697" y="279"/>
                      </a:lnTo>
                      <a:lnTo>
                        <a:pt x="699" y="277"/>
                      </a:lnTo>
                      <a:lnTo>
                        <a:pt x="701" y="277"/>
                      </a:lnTo>
                      <a:lnTo>
                        <a:pt x="701" y="276"/>
                      </a:lnTo>
                      <a:lnTo>
                        <a:pt x="696" y="267"/>
                      </a:lnTo>
                      <a:lnTo>
                        <a:pt x="702" y="262"/>
                      </a:lnTo>
                      <a:lnTo>
                        <a:pt x="702" y="264"/>
                      </a:lnTo>
                      <a:lnTo>
                        <a:pt x="704" y="267"/>
                      </a:lnTo>
                      <a:lnTo>
                        <a:pt x="706" y="270"/>
                      </a:lnTo>
                      <a:lnTo>
                        <a:pt x="707" y="270"/>
                      </a:lnTo>
                      <a:lnTo>
                        <a:pt x="714" y="262"/>
                      </a:lnTo>
                      <a:lnTo>
                        <a:pt x="721" y="254"/>
                      </a:lnTo>
                      <a:lnTo>
                        <a:pt x="729" y="248"/>
                      </a:lnTo>
                      <a:lnTo>
                        <a:pt x="738" y="243"/>
                      </a:lnTo>
                      <a:lnTo>
                        <a:pt x="745" y="242"/>
                      </a:lnTo>
                      <a:lnTo>
                        <a:pt x="751" y="240"/>
                      </a:lnTo>
                      <a:lnTo>
                        <a:pt x="756" y="238"/>
                      </a:lnTo>
                      <a:lnTo>
                        <a:pt x="758" y="238"/>
                      </a:lnTo>
                      <a:lnTo>
                        <a:pt x="758" y="232"/>
                      </a:lnTo>
                      <a:lnTo>
                        <a:pt x="760" y="230"/>
                      </a:lnTo>
                      <a:lnTo>
                        <a:pt x="762" y="228"/>
                      </a:lnTo>
                      <a:lnTo>
                        <a:pt x="763" y="228"/>
                      </a:lnTo>
                      <a:lnTo>
                        <a:pt x="765" y="230"/>
                      </a:lnTo>
                      <a:lnTo>
                        <a:pt x="767" y="230"/>
                      </a:lnTo>
                      <a:lnTo>
                        <a:pt x="768" y="232"/>
                      </a:lnTo>
                      <a:lnTo>
                        <a:pt x="768" y="233"/>
                      </a:lnTo>
                      <a:lnTo>
                        <a:pt x="770" y="230"/>
                      </a:lnTo>
                      <a:lnTo>
                        <a:pt x="772" y="228"/>
                      </a:lnTo>
                      <a:lnTo>
                        <a:pt x="773" y="226"/>
                      </a:lnTo>
                      <a:lnTo>
                        <a:pt x="775" y="228"/>
                      </a:lnTo>
                      <a:lnTo>
                        <a:pt x="778" y="228"/>
                      </a:lnTo>
                      <a:lnTo>
                        <a:pt x="780" y="230"/>
                      </a:lnTo>
                      <a:lnTo>
                        <a:pt x="782" y="230"/>
                      </a:lnTo>
                      <a:lnTo>
                        <a:pt x="784" y="230"/>
                      </a:lnTo>
                      <a:lnTo>
                        <a:pt x="785" y="226"/>
                      </a:lnTo>
                      <a:lnTo>
                        <a:pt x="787" y="223"/>
                      </a:lnTo>
                      <a:lnTo>
                        <a:pt x="790" y="218"/>
                      </a:lnTo>
                      <a:lnTo>
                        <a:pt x="792" y="215"/>
                      </a:lnTo>
                      <a:lnTo>
                        <a:pt x="795" y="210"/>
                      </a:lnTo>
                      <a:lnTo>
                        <a:pt x="797" y="208"/>
                      </a:lnTo>
                      <a:lnTo>
                        <a:pt x="797" y="204"/>
                      </a:lnTo>
                      <a:lnTo>
                        <a:pt x="797" y="196"/>
                      </a:lnTo>
                      <a:lnTo>
                        <a:pt x="795" y="193"/>
                      </a:lnTo>
                      <a:lnTo>
                        <a:pt x="795" y="191"/>
                      </a:lnTo>
                      <a:lnTo>
                        <a:pt x="794" y="193"/>
                      </a:lnTo>
                      <a:lnTo>
                        <a:pt x="792" y="194"/>
                      </a:lnTo>
                      <a:lnTo>
                        <a:pt x="790" y="198"/>
                      </a:lnTo>
                      <a:lnTo>
                        <a:pt x="790" y="199"/>
                      </a:lnTo>
                      <a:lnTo>
                        <a:pt x="790" y="201"/>
                      </a:lnTo>
                      <a:lnTo>
                        <a:pt x="789" y="201"/>
                      </a:lnTo>
                      <a:lnTo>
                        <a:pt x="787" y="199"/>
                      </a:lnTo>
                      <a:lnTo>
                        <a:pt x="785" y="199"/>
                      </a:lnTo>
                      <a:lnTo>
                        <a:pt x="785" y="198"/>
                      </a:lnTo>
                      <a:lnTo>
                        <a:pt x="784" y="191"/>
                      </a:lnTo>
                      <a:lnTo>
                        <a:pt x="784" y="188"/>
                      </a:lnTo>
                      <a:lnTo>
                        <a:pt x="784" y="186"/>
                      </a:lnTo>
                      <a:lnTo>
                        <a:pt x="782" y="188"/>
                      </a:lnTo>
                      <a:lnTo>
                        <a:pt x="780" y="189"/>
                      </a:lnTo>
                      <a:lnTo>
                        <a:pt x="780" y="193"/>
                      </a:lnTo>
                      <a:lnTo>
                        <a:pt x="780" y="194"/>
                      </a:lnTo>
                      <a:lnTo>
                        <a:pt x="780" y="196"/>
                      </a:lnTo>
                      <a:lnTo>
                        <a:pt x="772" y="198"/>
                      </a:lnTo>
                      <a:lnTo>
                        <a:pt x="753" y="215"/>
                      </a:lnTo>
                      <a:lnTo>
                        <a:pt x="741" y="213"/>
                      </a:lnTo>
                      <a:lnTo>
                        <a:pt x="724" y="198"/>
                      </a:lnTo>
                      <a:lnTo>
                        <a:pt x="726" y="198"/>
                      </a:lnTo>
                      <a:lnTo>
                        <a:pt x="729" y="199"/>
                      </a:lnTo>
                      <a:lnTo>
                        <a:pt x="733" y="199"/>
                      </a:lnTo>
                      <a:lnTo>
                        <a:pt x="736" y="201"/>
                      </a:lnTo>
                      <a:lnTo>
                        <a:pt x="741" y="204"/>
                      </a:lnTo>
                      <a:lnTo>
                        <a:pt x="748" y="204"/>
                      </a:lnTo>
                      <a:lnTo>
                        <a:pt x="753" y="203"/>
                      </a:lnTo>
                      <a:lnTo>
                        <a:pt x="758" y="199"/>
                      </a:lnTo>
                      <a:lnTo>
                        <a:pt x="763" y="194"/>
                      </a:lnTo>
                      <a:lnTo>
                        <a:pt x="767" y="191"/>
                      </a:lnTo>
                      <a:lnTo>
                        <a:pt x="770" y="188"/>
                      </a:lnTo>
                      <a:lnTo>
                        <a:pt x="770" y="186"/>
                      </a:lnTo>
                      <a:lnTo>
                        <a:pt x="760" y="182"/>
                      </a:lnTo>
                      <a:lnTo>
                        <a:pt x="758" y="177"/>
                      </a:lnTo>
                      <a:lnTo>
                        <a:pt x="768" y="176"/>
                      </a:lnTo>
                      <a:lnTo>
                        <a:pt x="772" y="164"/>
                      </a:lnTo>
                      <a:lnTo>
                        <a:pt x="770" y="164"/>
                      </a:lnTo>
                      <a:lnTo>
                        <a:pt x="768" y="164"/>
                      </a:lnTo>
                      <a:lnTo>
                        <a:pt x="767" y="164"/>
                      </a:lnTo>
                      <a:lnTo>
                        <a:pt x="763" y="162"/>
                      </a:lnTo>
                      <a:lnTo>
                        <a:pt x="750" y="159"/>
                      </a:lnTo>
                      <a:lnTo>
                        <a:pt x="740" y="155"/>
                      </a:lnTo>
                      <a:lnTo>
                        <a:pt x="731" y="154"/>
                      </a:lnTo>
                      <a:lnTo>
                        <a:pt x="728" y="152"/>
                      </a:lnTo>
                      <a:lnTo>
                        <a:pt x="724" y="150"/>
                      </a:lnTo>
                      <a:lnTo>
                        <a:pt x="723" y="150"/>
                      </a:lnTo>
                      <a:lnTo>
                        <a:pt x="724" y="149"/>
                      </a:lnTo>
                      <a:lnTo>
                        <a:pt x="726" y="149"/>
                      </a:lnTo>
                      <a:lnTo>
                        <a:pt x="728" y="149"/>
                      </a:lnTo>
                      <a:lnTo>
                        <a:pt x="731" y="147"/>
                      </a:lnTo>
                      <a:lnTo>
                        <a:pt x="736" y="149"/>
                      </a:lnTo>
                      <a:lnTo>
                        <a:pt x="740" y="149"/>
                      </a:lnTo>
                      <a:lnTo>
                        <a:pt x="743" y="149"/>
                      </a:lnTo>
                      <a:lnTo>
                        <a:pt x="745" y="149"/>
                      </a:lnTo>
                      <a:lnTo>
                        <a:pt x="746" y="149"/>
                      </a:lnTo>
                      <a:lnTo>
                        <a:pt x="748" y="149"/>
                      </a:lnTo>
                      <a:lnTo>
                        <a:pt x="746" y="138"/>
                      </a:lnTo>
                      <a:lnTo>
                        <a:pt x="755" y="135"/>
                      </a:lnTo>
                      <a:lnTo>
                        <a:pt x="760" y="144"/>
                      </a:lnTo>
                      <a:lnTo>
                        <a:pt x="762" y="144"/>
                      </a:lnTo>
                      <a:lnTo>
                        <a:pt x="765" y="144"/>
                      </a:lnTo>
                      <a:lnTo>
                        <a:pt x="767" y="145"/>
                      </a:lnTo>
                      <a:lnTo>
                        <a:pt x="768" y="144"/>
                      </a:lnTo>
                      <a:lnTo>
                        <a:pt x="770" y="138"/>
                      </a:lnTo>
                      <a:lnTo>
                        <a:pt x="772" y="135"/>
                      </a:lnTo>
                      <a:lnTo>
                        <a:pt x="773" y="137"/>
                      </a:lnTo>
                      <a:lnTo>
                        <a:pt x="777" y="138"/>
                      </a:lnTo>
                      <a:lnTo>
                        <a:pt x="778" y="142"/>
                      </a:lnTo>
                      <a:lnTo>
                        <a:pt x="782" y="145"/>
                      </a:lnTo>
                      <a:lnTo>
                        <a:pt x="784" y="147"/>
                      </a:lnTo>
                      <a:lnTo>
                        <a:pt x="784" y="149"/>
                      </a:lnTo>
                      <a:lnTo>
                        <a:pt x="785" y="149"/>
                      </a:lnTo>
                      <a:lnTo>
                        <a:pt x="787" y="149"/>
                      </a:lnTo>
                      <a:lnTo>
                        <a:pt x="792" y="149"/>
                      </a:lnTo>
                      <a:lnTo>
                        <a:pt x="795" y="149"/>
                      </a:lnTo>
                      <a:lnTo>
                        <a:pt x="800" y="149"/>
                      </a:lnTo>
                      <a:lnTo>
                        <a:pt x="804" y="147"/>
                      </a:lnTo>
                      <a:lnTo>
                        <a:pt x="807" y="147"/>
                      </a:lnTo>
                      <a:lnTo>
                        <a:pt x="809" y="147"/>
                      </a:lnTo>
                      <a:lnTo>
                        <a:pt x="814" y="130"/>
                      </a:lnTo>
                      <a:lnTo>
                        <a:pt x="819" y="120"/>
                      </a:lnTo>
                      <a:lnTo>
                        <a:pt x="824" y="113"/>
                      </a:lnTo>
                      <a:lnTo>
                        <a:pt x="826" y="110"/>
                      </a:lnTo>
                      <a:lnTo>
                        <a:pt x="828" y="110"/>
                      </a:lnTo>
                      <a:lnTo>
                        <a:pt x="829" y="111"/>
                      </a:lnTo>
                      <a:lnTo>
                        <a:pt x="831" y="113"/>
                      </a:lnTo>
                      <a:lnTo>
                        <a:pt x="831" y="111"/>
                      </a:lnTo>
                      <a:lnTo>
                        <a:pt x="833" y="110"/>
                      </a:lnTo>
                      <a:lnTo>
                        <a:pt x="834" y="106"/>
                      </a:lnTo>
                      <a:lnTo>
                        <a:pt x="834" y="105"/>
                      </a:lnTo>
                      <a:lnTo>
                        <a:pt x="834" y="96"/>
                      </a:lnTo>
                      <a:lnTo>
                        <a:pt x="833" y="88"/>
                      </a:lnTo>
                      <a:lnTo>
                        <a:pt x="831" y="81"/>
                      </a:lnTo>
                      <a:lnTo>
                        <a:pt x="829" y="76"/>
                      </a:lnTo>
                      <a:lnTo>
                        <a:pt x="828" y="72"/>
                      </a:lnTo>
                      <a:lnTo>
                        <a:pt x="826" y="69"/>
                      </a:lnTo>
                      <a:lnTo>
                        <a:pt x="824" y="67"/>
                      </a:lnTo>
                      <a:lnTo>
                        <a:pt x="817" y="72"/>
                      </a:lnTo>
                      <a:lnTo>
                        <a:pt x="816" y="72"/>
                      </a:lnTo>
                      <a:lnTo>
                        <a:pt x="814" y="74"/>
                      </a:lnTo>
                      <a:lnTo>
                        <a:pt x="811" y="76"/>
                      </a:lnTo>
                      <a:lnTo>
                        <a:pt x="809" y="79"/>
                      </a:lnTo>
                      <a:lnTo>
                        <a:pt x="809" y="89"/>
                      </a:lnTo>
                      <a:lnTo>
                        <a:pt x="809" y="96"/>
                      </a:lnTo>
                      <a:lnTo>
                        <a:pt x="807" y="101"/>
                      </a:lnTo>
                      <a:lnTo>
                        <a:pt x="807" y="105"/>
                      </a:lnTo>
                      <a:lnTo>
                        <a:pt x="807" y="106"/>
                      </a:lnTo>
                      <a:lnTo>
                        <a:pt x="806" y="105"/>
                      </a:lnTo>
                      <a:lnTo>
                        <a:pt x="806" y="101"/>
                      </a:lnTo>
                      <a:lnTo>
                        <a:pt x="804" y="98"/>
                      </a:lnTo>
                      <a:lnTo>
                        <a:pt x="802" y="94"/>
                      </a:lnTo>
                      <a:lnTo>
                        <a:pt x="802" y="91"/>
                      </a:lnTo>
                      <a:lnTo>
                        <a:pt x="802" y="88"/>
                      </a:lnTo>
                      <a:lnTo>
                        <a:pt x="800" y="84"/>
                      </a:lnTo>
                      <a:lnTo>
                        <a:pt x="800" y="81"/>
                      </a:lnTo>
                      <a:lnTo>
                        <a:pt x="800" y="79"/>
                      </a:lnTo>
                      <a:lnTo>
                        <a:pt x="800" y="78"/>
                      </a:lnTo>
                      <a:lnTo>
                        <a:pt x="799" y="71"/>
                      </a:lnTo>
                      <a:lnTo>
                        <a:pt x="797" y="67"/>
                      </a:lnTo>
                      <a:lnTo>
                        <a:pt x="792" y="67"/>
                      </a:lnTo>
                      <a:lnTo>
                        <a:pt x="789" y="69"/>
                      </a:lnTo>
                      <a:lnTo>
                        <a:pt x="784" y="72"/>
                      </a:lnTo>
                      <a:lnTo>
                        <a:pt x="778" y="76"/>
                      </a:lnTo>
                      <a:lnTo>
                        <a:pt x="777" y="78"/>
                      </a:lnTo>
                      <a:lnTo>
                        <a:pt x="775" y="79"/>
                      </a:lnTo>
                      <a:lnTo>
                        <a:pt x="763" y="79"/>
                      </a:lnTo>
                      <a:lnTo>
                        <a:pt x="762" y="81"/>
                      </a:lnTo>
                      <a:lnTo>
                        <a:pt x="760" y="81"/>
                      </a:lnTo>
                      <a:lnTo>
                        <a:pt x="756" y="83"/>
                      </a:lnTo>
                      <a:lnTo>
                        <a:pt x="753" y="83"/>
                      </a:lnTo>
                      <a:lnTo>
                        <a:pt x="750" y="84"/>
                      </a:lnTo>
                      <a:lnTo>
                        <a:pt x="745" y="86"/>
                      </a:lnTo>
                      <a:lnTo>
                        <a:pt x="743" y="88"/>
                      </a:lnTo>
                      <a:lnTo>
                        <a:pt x="741" y="88"/>
                      </a:lnTo>
                      <a:lnTo>
                        <a:pt x="731" y="94"/>
                      </a:lnTo>
                      <a:lnTo>
                        <a:pt x="726" y="96"/>
                      </a:lnTo>
                      <a:lnTo>
                        <a:pt x="724" y="96"/>
                      </a:lnTo>
                      <a:lnTo>
                        <a:pt x="724" y="94"/>
                      </a:lnTo>
                      <a:lnTo>
                        <a:pt x="726" y="91"/>
                      </a:lnTo>
                      <a:lnTo>
                        <a:pt x="729" y="88"/>
                      </a:lnTo>
                      <a:lnTo>
                        <a:pt x="731" y="84"/>
                      </a:lnTo>
                      <a:lnTo>
                        <a:pt x="733" y="84"/>
                      </a:lnTo>
                      <a:lnTo>
                        <a:pt x="724" y="66"/>
                      </a:lnTo>
                      <a:lnTo>
                        <a:pt x="731" y="61"/>
                      </a:lnTo>
                      <a:lnTo>
                        <a:pt x="736" y="71"/>
                      </a:lnTo>
                      <a:lnTo>
                        <a:pt x="748" y="78"/>
                      </a:lnTo>
                      <a:lnTo>
                        <a:pt x="751" y="76"/>
                      </a:lnTo>
                      <a:lnTo>
                        <a:pt x="755" y="72"/>
                      </a:lnTo>
                      <a:lnTo>
                        <a:pt x="758" y="71"/>
                      </a:lnTo>
                      <a:lnTo>
                        <a:pt x="762" y="67"/>
                      </a:lnTo>
                      <a:lnTo>
                        <a:pt x="763" y="66"/>
                      </a:lnTo>
                      <a:lnTo>
                        <a:pt x="765" y="64"/>
                      </a:lnTo>
                      <a:lnTo>
                        <a:pt x="765" y="62"/>
                      </a:lnTo>
                      <a:lnTo>
                        <a:pt x="756" y="56"/>
                      </a:lnTo>
                      <a:lnTo>
                        <a:pt x="753" y="52"/>
                      </a:lnTo>
                      <a:lnTo>
                        <a:pt x="755" y="52"/>
                      </a:lnTo>
                      <a:lnTo>
                        <a:pt x="758" y="52"/>
                      </a:lnTo>
                      <a:lnTo>
                        <a:pt x="763" y="54"/>
                      </a:lnTo>
                      <a:lnTo>
                        <a:pt x="768" y="56"/>
                      </a:lnTo>
                      <a:lnTo>
                        <a:pt x="772" y="57"/>
                      </a:lnTo>
                      <a:lnTo>
                        <a:pt x="775" y="59"/>
                      </a:lnTo>
                      <a:lnTo>
                        <a:pt x="789" y="52"/>
                      </a:lnTo>
                      <a:lnTo>
                        <a:pt x="789" y="50"/>
                      </a:lnTo>
                      <a:lnTo>
                        <a:pt x="789" y="49"/>
                      </a:lnTo>
                      <a:lnTo>
                        <a:pt x="787" y="47"/>
                      </a:lnTo>
                      <a:lnTo>
                        <a:pt x="787" y="45"/>
                      </a:lnTo>
                      <a:lnTo>
                        <a:pt x="780" y="39"/>
                      </a:lnTo>
                      <a:lnTo>
                        <a:pt x="777" y="34"/>
                      </a:lnTo>
                      <a:lnTo>
                        <a:pt x="780" y="34"/>
                      </a:lnTo>
                      <a:lnTo>
                        <a:pt x="784" y="35"/>
                      </a:lnTo>
                      <a:lnTo>
                        <a:pt x="787" y="37"/>
                      </a:lnTo>
                      <a:lnTo>
                        <a:pt x="790" y="39"/>
                      </a:lnTo>
                      <a:lnTo>
                        <a:pt x="790" y="40"/>
                      </a:lnTo>
                      <a:lnTo>
                        <a:pt x="792" y="40"/>
                      </a:lnTo>
                      <a:lnTo>
                        <a:pt x="795" y="39"/>
                      </a:lnTo>
                      <a:lnTo>
                        <a:pt x="800" y="39"/>
                      </a:lnTo>
                      <a:lnTo>
                        <a:pt x="802" y="39"/>
                      </a:lnTo>
                      <a:lnTo>
                        <a:pt x="811" y="47"/>
                      </a:lnTo>
                      <a:lnTo>
                        <a:pt x="816" y="50"/>
                      </a:lnTo>
                      <a:lnTo>
                        <a:pt x="817" y="50"/>
                      </a:lnTo>
                      <a:lnTo>
                        <a:pt x="817" y="47"/>
                      </a:lnTo>
                      <a:lnTo>
                        <a:pt x="814" y="44"/>
                      </a:lnTo>
                      <a:lnTo>
                        <a:pt x="811" y="39"/>
                      </a:lnTo>
                      <a:lnTo>
                        <a:pt x="809" y="35"/>
                      </a:lnTo>
                      <a:lnTo>
                        <a:pt x="807" y="34"/>
                      </a:lnTo>
                      <a:lnTo>
                        <a:pt x="800" y="17"/>
                      </a:lnTo>
                      <a:lnTo>
                        <a:pt x="790" y="15"/>
                      </a:lnTo>
                      <a:lnTo>
                        <a:pt x="780" y="0"/>
                      </a:lnTo>
                      <a:lnTo>
                        <a:pt x="750" y="8"/>
                      </a:lnTo>
                      <a:lnTo>
                        <a:pt x="721" y="15"/>
                      </a:lnTo>
                      <a:lnTo>
                        <a:pt x="692" y="20"/>
                      </a:lnTo>
                      <a:lnTo>
                        <a:pt x="663" y="27"/>
                      </a:lnTo>
                      <a:lnTo>
                        <a:pt x="636" y="32"/>
                      </a:lnTo>
                      <a:lnTo>
                        <a:pt x="609" y="39"/>
                      </a:lnTo>
                      <a:lnTo>
                        <a:pt x="584" y="44"/>
                      </a:lnTo>
                      <a:lnTo>
                        <a:pt x="558" y="47"/>
                      </a:lnTo>
                      <a:lnTo>
                        <a:pt x="533" y="52"/>
                      </a:lnTo>
                      <a:lnTo>
                        <a:pt x="509" y="56"/>
                      </a:lnTo>
                      <a:lnTo>
                        <a:pt x="486" y="61"/>
                      </a:lnTo>
                      <a:lnTo>
                        <a:pt x="464" y="64"/>
                      </a:lnTo>
                      <a:lnTo>
                        <a:pt x="443" y="67"/>
                      </a:lnTo>
                      <a:lnTo>
                        <a:pt x="423" y="71"/>
                      </a:lnTo>
                      <a:lnTo>
                        <a:pt x="403" y="74"/>
                      </a:lnTo>
                      <a:lnTo>
                        <a:pt x="384" y="76"/>
                      </a:lnTo>
                      <a:lnTo>
                        <a:pt x="366" y="79"/>
                      </a:lnTo>
                      <a:lnTo>
                        <a:pt x="349" y="81"/>
                      </a:lnTo>
                      <a:lnTo>
                        <a:pt x="333" y="83"/>
                      </a:lnTo>
                      <a:lnTo>
                        <a:pt x="318" y="84"/>
                      </a:lnTo>
                      <a:lnTo>
                        <a:pt x="305" y="86"/>
                      </a:lnTo>
                      <a:lnTo>
                        <a:pt x="293" y="88"/>
                      </a:lnTo>
                      <a:lnTo>
                        <a:pt x="281" y="89"/>
                      </a:lnTo>
                      <a:lnTo>
                        <a:pt x="271" y="91"/>
                      </a:lnTo>
                      <a:lnTo>
                        <a:pt x="261" y="91"/>
                      </a:lnTo>
                      <a:lnTo>
                        <a:pt x="252" y="93"/>
                      </a:lnTo>
                      <a:lnTo>
                        <a:pt x="245" y="93"/>
                      </a:lnTo>
                      <a:lnTo>
                        <a:pt x="240" y="94"/>
                      </a:lnTo>
                      <a:lnTo>
                        <a:pt x="235" y="94"/>
                      </a:lnTo>
                      <a:lnTo>
                        <a:pt x="232" y="94"/>
                      </a:lnTo>
                      <a:lnTo>
                        <a:pt x="230" y="94"/>
                      </a:lnTo>
                      <a:lnTo>
                        <a:pt x="232" y="94"/>
                      </a:lnTo>
                      <a:lnTo>
                        <a:pt x="232" y="96"/>
                      </a:lnTo>
                      <a:lnTo>
                        <a:pt x="232" y="100"/>
                      </a:lnTo>
                      <a:lnTo>
                        <a:pt x="232" y="106"/>
                      </a:lnTo>
                      <a:lnTo>
                        <a:pt x="232" y="111"/>
                      </a:lnTo>
                      <a:lnTo>
                        <a:pt x="234" y="118"/>
                      </a:lnTo>
                      <a:lnTo>
                        <a:pt x="232" y="125"/>
                      </a:lnTo>
                      <a:lnTo>
                        <a:pt x="232" y="128"/>
                      </a:lnTo>
                      <a:lnTo>
                        <a:pt x="232" y="130"/>
                      </a:lnTo>
                      <a:lnTo>
                        <a:pt x="225" y="130"/>
                      </a:lnTo>
                      <a:lnTo>
                        <a:pt x="220" y="133"/>
                      </a:lnTo>
                      <a:lnTo>
                        <a:pt x="215" y="138"/>
                      </a:lnTo>
                      <a:lnTo>
                        <a:pt x="212" y="145"/>
                      </a:lnTo>
                      <a:lnTo>
                        <a:pt x="208" y="152"/>
                      </a:lnTo>
                      <a:lnTo>
                        <a:pt x="206" y="157"/>
                      </a:lnTo>
                      <a:lnTo>
                        <a:pt x="205" y="160"/>
                      </a:lnTo>
                      <a:lnTo>
                        <a:pt x="198" y="157"/>
                      </a:lnTo>
                      <a:lnTo>
                        <a:pt x="191" y="157"/>
                      </a:lnTo>
                      <a:lnTo>
                        <a:pt x="183" y="162"/>
                      </a:lnTo>
                      <a:lnTo>
                        <a:pt x="174" y="169"/>
                      </a:lnTo>
                      <a:lnTo>
                        <a:pt x="168" y="177"/>
                      </a:lnTo>
                      <a:lnTo>
                        <a:pt x="161" y="184"/>
                      </a:lnTo>
                      <a:lnTo>
                        <a:pt x="156" y="188"/>
                      </a:lnTo>
                      <a:lnTo>
                        <a:pt x="154" y="188"/>
                      </a:lnTo>
                      <a:lnTo>
                        <a:pt x="152" y="182"/>
                      </a:lnTo>
                      <a:lnTo>
                        <a:pt x="149" y="181"/>
                      </a:lnTo>
                      <a:lnTo>
                        <a:pt x="147" y="179"/>
                      </a:lnTo>
                      <a:lnTo>
                        <a:pt x="144" y="179"/>
                      </a:lnTo>
                      <a:lnTo>
                        <a:pt x="140" y="181"/>
                      </a:lnTo>
                      <a:lnTo>
                        <a:pt x="137" y="182"/>
                      </a:lnTo>
                      <a:lnTo>
                        <a:pt x="134" y="186"/>
                      </a:lnTo>
                      <a:lnTo>
                        <a:pt x="132" y="191"/>
                      </a:lnTo>
                      <a:lnTo>
                        <a:pt x="129" y="194"/>
                      </a:lnTo>
                      <a:lnTo>
                        <a:pt x="125" y="199"/>
                      </a:lnTo>
                      <a:lnTo>
                        <a:pt x="124" y="204"/>
                      </a:lnTo>
                      <a:lnTo>
                        <a:pt x="122" y="208"/>
                      </a:lnTo>
                      <a:lnTo>
                        <a:pt x="118" y="213"/>
                      </a:lnTo>
                      <a:lnTo>
                        <a:pt x="118" y="215"/>
                      </a:lnTo>
                      <a:lnTo>
                        <a:pt x="117" y="216"/>
                      </a:lnTo>
                      <a:lnTo>
                        <a:pt x="117" y="218"/>
                      </a:lnTo>
                      <a:lnTo>
                        <a:pt x="108" y="220"/>
                      </a:lnTo>
                      <a:lnTo>
                        <a:pt x="100" y="223"/>
                      </a:lnTo>
                      <a:lnTo>
                        <a:pt x="91" y="228"/>
                      </a:lnTo>
                      <a:lnTo>
                        <a:pt x="83" y="235"/>
                      </a:lnTo>
                      <a:lnTo>
                        <a:pt x="78" y="240"/>
                      </a:lnTo>
                      <a:lnTo>
                        <a:pt x="71" y="247"/>
                      </a:lnTo>
                      <a:lnTo>
                        <a:pt x="68" y="250"/>
                      </a:lnTo>
                      <a:lnTo>
                        <a:pt x="66" y="252"/>
                      </a:lnTo>
                      <a:lnTo>
                        <a:pt x="56" y="252"/>
                      </a:lnTo>
                      <a:lnTo>
                        <a:pt x="47" y="255"/>
                      </a:lnTo>
                      <a:lnTo>
                        <a:pt x="41" y="259"/>
                      </a:lnTo>
                      <a:lnTo>
                        <a:pt x="34" y="264"/>
                      </a:lnTo>
                      <a:lnTo>
                        <a:pt x="31" y="269"/>
                      </a:lnTo>
                      <a:lnTo>
                        <a:pt x="27" y="274"/>
                      </a:lnTo>
                      <a:lnTo>
                        <a:pt x="25" y="277"/>
                      </a:lnTo>
                      <a:lnTo>
                        <a:pt x="25" y="279"/>
                      </a:lnTo>
                      <a:lnTo>
                        <a:pt x="24" y="286"/>
                      </a:lnTo>
                      <a:lnTo>
                        <a:pt x="20" y="291"/>
                      </a:lnTo>
                      <a:lnTo>
                        <a:pt x="17" y="296"/>
                      </a:lnTo>
                      <a:lnTo>
                        <a:pt x="12" y="298"/>
                      </a:lnTo>
                      <a:lnTo>
                        <a:pt x="9" y="299"/>
                      </a:lnTo>
                      <a:lnTo>
                        <a:pt x="3" y="299"/>
                      </a:lnTo>
                      <a:lnTo>
                        <a:pt x="0" y="299"/>
                      </a:lnTo>
                      <a:lnTo>
                        <a:pt x="0" y="333"/>
                      </a:lnTo>
                      <a:lnTo>
                        <a:pt x="124" y="314"/>
                      </a:lnTo>
                      <a:lnTo>
                        <a:pt x="125" y="316"/>
                      </a:lnTo>
                      <a:lnTo>
                        <a:pt x="127" y="314"/>
                      </a:lnTo>
                      <a:lnTo>
                        <a:pt x="129" y="313"/>
                      </a:lnTo>
                      <a:lnTo>
                        <a:pt x="132" y="309"/>
                      </a:lnTo>
                      <a:lnTo>
                        <a:pt x="135" y="306"/>
                      </a:lnTo>
                      <a:lnTo>
                        <a:pt x="140" y="303"/>
                      </a:lnTo>
                      <a:lnTo>
                        <a:pt x="146" y="299"/>
                      </a:lnTo>
                      <a:lnTo>
                        <a:pt x="152" y="296"/>
                      </a:lnTo>
                      <a:lnTo>
                        <a:pt x="157" y="292"/>
                      </a:lnTo>
                      <a:lnTo>
                        <a:pt x="166" y="287"/>
                      </a:lnTo>
                      <a:lnTo>
                        <a:pt x="173" y="284"/>
                      </a:lnTo>
                      <a:lnTo>
                        <a:pt x="181" y="281"/>
                      </a:lnTo>
                      <a:lnTo>
                        <a:pt x="190" y="279"/>
                      </a:lnTo>
                      <a:lnTo>
                        <a:pt x="200" y="277"/>
                      </a:lnTo>
                      <a:lnTo>
                        <a:pt x="210" y="274"/>
                      </a:lnTo>
                      <a:lnTo>
                        <a:pt x="218" y="274"/>
                      </a:lnTo>
                      <a:lnTo>
                        <a:pt x="311" y="265"/>
                      </a:lnTo>
                      <a:lnTo>
                        <a:pt x="313" y="265"/>
                      </a:lnTo>
                      <a:lnTo>
                        <a:pt x="315" y="264"/>
                      </a:lnTo>
                      <a:lnTo>
                        <a:pt x="320" y="264"/>
                      </a:lnTo>
                      <a:lnTo>
                        <a:pt x="327" y="264"/>
                      </a:lnTo>
                      <a:lnTo>
                        <a:pt x="333" y="265"/>
                      </a:lnTo>
                      <a:lnTo>
                        <a:pt x="340" y="269"/>
                      </a:lnTo>
                      <a:lnTo>
                        <a:pt x="347" y="276"/>
                      </a:lnTo>
                      <a:lnTo>
                        <a:pt x="355" y="287"/>
                      </a:lnTo>
                      <a:lnTo>
                        <a:pt x="359" y="301"/>
                      </a:lnTo>
                      <a:lnTo>
                        <a:pt x="467" y="284"/>
                      </a:lnTo>
                      <a:lnTo>
                        <a:pt x="597" y="379"/>
                      </a:lnTo>
                      <a:lnTo>
                        <a:pt x="601" y="379"/>
                      </a:lnTo>
                      <a:lnTo>
                        <a:pt x="602" y="379"/>
                      </a:lnTo>
                      <a:lnTo>
                        <a:pt x="604" y="377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43" name="Freeform 164"/>
                <p:cNvSpPr>
                  <a:spLocks/>
                </p:cNvSpPr>
                <p:nvPr/>
              </p:nvSpPr>
              <p:spPr bwMode="auto">
                <a:xfrm>
                  <a:off x="4106" y="2082"/>
                  <a:ext cx="834" cy="379"/>
                </a:xfrm>
                <a:custGeom>
                  <a:avLst/>
                  <a:gdLst>
                    <a:gd name="T0" fmla="*/ 648 w 834"/>
                    <a:gd name="T1" fmla="*/ 360 h 379"/>
                    <a:gd name="T2" fmla="*/ 658 w 834"/>
                    <a:gd name="T3" fmla="*/ 335 h 379"/>
                    <a:gd name="T4" fmla="*/ 662 w 834"/>
                    <a:gd name="T5" fmla="*/ 353 h 379"/>
                    <a:gd name="T6" fmla="*/ 675 w 834"/>
                    <a:gd name="T7" fmla="*/ 309 h 379"/>
                    <a:gd name="T8" fmla="*/ 697 w 834"/>
                    <a:gd name="T9" fmla="*/ 279 h 379"/>
                    <a:gd name="T10" fmla="*/ 702 w 834"/>
                    <a:gd name="T11" fmla="*/ 264 h 379"/>
                    <a:gd name="T12" fmla="*/ 729 w 834"/>
                    <a:gd name="T13" fmla="*/ 248 h 379"/>
                    <a:gd name="T14" fmla="*/ 758 w 834"/>
                    <a:gd name="T15" fmla="*/ 232 h 379"/>
                    <a:gd name="T16" fmla="*/ 768 w 834"/>
                    <a:gd name="T17" fmla="*/ 233 h 379"/>
                    <a:gd name="T18" fmla="*/ 780 w 834"/>
                    <a:gd name="T19" fmla="*/ 230 h 379"/>
                    <a:gd name="T20" fmla="*/ 790 w 834"/>
                    <a:gd name="T21" fmla="*/ 218 h 379"/>
                    <a:gd name="T22" fmla="*/ 795 w 834"/>
                    <a:gd name="T23" fmla="*/ 193 h 379"/>
                    <a:gd name="T24" fmla="*/ 790 w 834"/>
                    <a:gd name="T25" fmla="*/ 201 h 379"/>
                    <a:gd name="T26" fmla="*/ 784 w 834"/>
                    <a:gd name="T27" fmla="*/ 188 h 379"/>
                    <a:gd name="T28" fmla="*/ 772 w 834"/>
                    <a:gd name="T29" fmla="*/ 198 h 379"/>
                    <a:gd name="T30" fmla="*/ 733 w 834"/>
                    <a:gd name="T31" fmla="*/ 199 h 379"/>
                    <a:gd name="T32" fmla="*/ 763 w 834"/>
                    <a:gd name="T33" fmla="*/ 194 h 379"/>
                    <a:gd name="T34" fmla="*/ 772 w 834"/>
                    <a:gd name="T35" fmla="*/ 164 h 379"/>
                    <a:gd name="T36" fmla="*/ 750 w 834"/>
                    <a:gd name="T37" fmla="*/ 159 h 379"/>
                    <a:gd name="T38" fmla="*/ 726 w 834"/>
                    <a:gd name="T39" fmla="*/ 149 h 379"/>
                    <a:gd name="T40" fmla="*/ 746 w 834"/>
                    <a:gd name="T41" fmla="*/ 149 h 379"/>
                    <a:gd name="T42" fmla="*/ 765 w 834"/>
                    <a:gd name="T43" fmla="*/ 144 h 379"/>
                    <a:gd name="T44" fmla="*/ 777 w 834"/>
                    <a:gd name="T45" fmla="*/ 138 h 379"/>
                    <a:gd name="T46" fmla="*/ 787 w 834"/>
                    <a:gd name="T47" fmla="*/ 149 h 379"/>
                    <a:gd name="T48" fmla="*/ 809 w 834"/>
                    <a:gd name="T49" fmla="*/ 147 h 379"/>
                    <a:gd name="T50" fmla="*/ 831 w 834"/>
                    <a:gd name="T51" fmla="*/ 113 h 379"/>
                    <a:gd name="T52" fmla="*/ 834 w 834"/>
                    <a:gd name="T53" fmla="*/ 105 h 379"/>
                    <a:gd name="T54" fmla="*/ 824 w 834"/>
                    <a:gd name="T55" fmla="*/ 67 h 379"/>
                    <a:gd name="T56" fmla="*/ 809 w 834"/>
                    <a:gd name="T57" fmla="*/ 79 h 379"/>
                    <a:gd name="T58" fmla="*/ 806 w 834"/>
                    <a:gd name="T59" fmla="*/ 105 h 379"/>
                    <a:gd name="T60" fmla="*/ 800 w 834"/>
                    <a:gd name="T61" fmla="*/ 84 h 379"/>
                    <a:gd name="T62" fmla="*/ 792 w 834"/>
                    <a:gd name="T63" fmla="*/ 67 h 379"/>
                    <a:gd name="T64" fmla="*/ 763 w 834"/>
                    <a:gd name="T65" fmla="*/ 79 h 379"/>
                    <a:gd name="T66" fmla="*/ 743 w 834"/>
                    <a:gd name="T67" fmla="*/ 88 h 379"/>
                    <a:gd name="T68" fmla="*/ 726 w 834"/>
                    <a:gd name="T69" fmla="*/ 91 h 379"/>
                    <a:gd name="T70" fmla="*/ 748 w 834"/>
                    <a:gd name="T71" fmla="*/ 78 h 379"/>
                    <a:gd name="T72" fmla="*/ 763 w 834"/>
                    <a:gd name="T73" fmla="*/ 66 h 379"/>
                    <a:gd name="T74" fmla="*/ 758 w 834"/>
                    <a:gd name="T75" fmla="*/ 52 h 379"/>
                    <a:gd name="T76" fmla="*/ 789 w 834"/>
                    <a:gd name="T77" fmla="*/ 50 h 379"/>
                    <a:gd name="T78" fmla="*/ 777 w 834"/>
                    <a:gd name="T79" fmla="*/ 34 h 379"/>
                    <a:gd name="T80" fmla="*/ 792 w 834"/>
                    <a:gd name="T81" fmla="*/ 40 h 379"/>
                    <a:gd name="T82" fmla="*/ 817 w 834"/>
                    <a:gd name="T83" fmla="*/ 50 h 379"/>
                    <a:gd name="T84" fmla="*/ 790 w 834"/>
                    <a:gd name="T85" fmla="*/ 15 h 379"/>
                    <a:gd name="T86" fmla="*/ 636 w 834"/>
                    <a:gd name="T87" fmla="*/ 32 h 379"/>
                    <a:gd name="T88" fmla="*/ 464 w 834"/>
                    <a:gd name="T89" fmla="*/ 64 h 379"/>
                    <a:gd name="T90" fmla="*/ 333 w 834"/>
                    <a:gd name="T91" fmla="*/ 83 h 379"/>
                    <a:gd name="T92" fmla="*/ 252 w 834"/>
                    <a:gd name="T93" fmla="*/ 93 h 379"/>
                    <a:gd name="T94" fmla="*/ 232 w 834"/>
                    <a:gd name="T95" fmla="*/ 94 h 379"/>
                    <a:gd name="T96" fmla="*/ 232 w 834"/>
                    <a:gd name="T97" fmla="*/ 125 h 379"/>
                    <a:gd name="T98" fmla="*/ 212 w 834"/>
                    <a:gd name="T99" fmla="*/ 145 h 379"/>
                    <a:gd name="T100" fmla="*/ 191 w 834"/>
                    <a:gd name="T101" fmla="*/ 157 h 379"/>
                    <a:gd name="T102" fmla="*/ 154 w 834"/>
                    <a:gd name="T103" fmla="*/ 188 h 379"/>
                    <a:gd name="T104" fmla="*/ 134 w 834"/>
                    <a:gd name="T105" fmla="*/ 186 h 379"/>
                    <a:gd name="T106" fmla="*/ 118 w 834"/>
                    <a:gd name="T107" fmla="*/ 215 h 379"/>
                    <a:gd name="T108" fmla="*/ 83 w 834"/>
                    <a:gd name="T109" fmla="*/ 235 h 379"/>
                    <a:gd name="T110" fmla="*/ 47 w 834"/>
                    <a:gd name="T111" fmla="*/ 255 h 379"/>
                    <a:gd name="T112" fmla="*/ 25 w 834"/>
                    <a:gd name="T113" fmla="*/ 279 h 379"/>
                    <a:gd name="T114" fmla="*/ 0 w 834"/>
                    <a:gd name="T115" fmla="*/ 299 h 379"/>
                    <a:gd name="T116" fmla="*/ 127 w 834"/>
                    <a:gd name="T117" fmla="*/ 314 h 379"/>
                    <a:gd name="T118" fmla="*/ 157 w 834"/>
                    <a:gd name="T119" fmla="*/ 292 h 379"/>
                    <a:gd name="T120" fmla="*/ 218 w 834"/>
                    <a:gd name="T121" fmla="*/ 274 h 379"/>
                    <a:gd name="T122" fmla="*/ 333 w 834"/>
                    <a:gd name="T123" fmla="*/ 265 h 379"/>
                    <a:gd name="T124" fmla="*/ 597 w 834"/>
                    <a:gd name="T125" fmla="*/ 379 h 379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60000 65536"/>
                    <a:gd name="T178" fmla="*/ 0 60000 65536"/>
                    <a:gd name="T179" fmla="*/ 0 60000 65536"/>
                    <a:gd name="T180" fmla="*/ 0 60000 65536"/>
                    <a:gd name="T181" fmla="*/ 0 60000 65536"/>
                    <a:gd name="T182" fmla="*/ 0 60000 65536"/>
                    <a:gd name="T183" fmla="*/ 0 60000 65536"/>
                    <a:gd name="T184" fmla="*/ 0 60000 65536"/>
                    <a:gd name="T185" fmla="*/ 0 60000 65536"/>
                    <a:gd name="T186" fmla="*/ 0 60000 65536"/>
                    <a:gd name="T187" fmla="*/ 0 60000 65536"/>
                    <a:gd name="T188" fmla="*/ 0 60000 65536"/>
                    <a:gd name="T189" fmla="*/ 0 w 834"/>
                    <a:gd name="T190" fmla="*/ 0 h 379"/>
                    <a:gd name="T191" fmla="*/ 834 w 834"/>
                    <a:gd name="T192" fmla="*/ 379 h 379"/>
                  </a:gdLst>
                  <a:ahLst/>
                  <a:cxnLst>
                    <a:cxn ang="T126">
                      <a:pos x="T0" y="T1"/>
                    </a:cxn>
                    <a:cxn ang="T127">
                      <a:pos x="T2" y="T3"/>
                    </a:cxn>
                    <a:cxn ang="T128">
                      <a:pos x="T4" y="T5"/>
                    </a:cxn>
                    <a:cxn ang="T129">
                      <a:pos x="T6" y="T7"/>
                    </a:cxn>
                    <a:cxn ang="T130">
                      <a:pos x="T8" y="T9"/>
                    </a:cxn>
                    <a:cxn ang="T131">
                      <a:pos x="T10" y="T11"/>
                    </a:cxn>
                    <a:cxn ang="T132">
                      <a:pos x="T12" y="T13"/>
                    </a:cxn>
                    <a:cxn ang="T133">
                      <a:pos x="T14" y="T15"/>
                    </a:cxn>
                    <a:cxn ang="T134">
                      <a:pos x="T16" y="T17"/>
                    </a:cxn>
                    <a:cxn ang="T135">
                      <a:pos x="T18" y="T19"/>
                    </a:cxn>
                    <a:cxn ang="T136">
                      <a:pos x="T20" y="T21"/>
                    </a:cxn>
                    <a:cxn ang="T137">
                      <a:pos x="T22" y="T23"/>
                    </a:cxn>
                    <a:cxn ang="T138">
                      <a:pos x="T24" y="T25"/>
                    </a:cxn>
                    <a:cxn ang="T139">
                      <a:pos x="T26" y="T27"/>
                    </a:cxn>
                    <a:cxn ang="T140">
                      <a:pos x="T28" y="T29"/>
                    </a:cxn>
                    <a:cxn ang="T141">
                      <a:pos x="T30" y="T31"/>
                    </a:cxn>
                    <a:cxn ang="T142">
                      <a:pos x="T32" y="T33"/>
                    </a:cxn>
                    <a:cxn ang="T143">
                      <a:pos x="T34" y="T35"/>
                    </a:cxn>
                    <a:cxn ang="T144">
                      <a:pos x="T36" y="T37"/>
                    </a:cxn>
                    <a:cxn ang="T145">
                      <a:pos x="T38" y="T39"/>
                    </a:cxn>
                    <a:cxn ang="T146">
                      <a:pos x="T40" y="T41"/>
                    </a:cxn>
                    <a:cxn ang="T147">
                      <a:pos x="T42" y="T43"/>
                    </a:cxn>
                    <a:cxn ang="T148">
                      <a:pos x="T44" y="T45"/>
                    </a:cxn>
                    <a:cxn ang="T149">
                      <a:pos x="T46" y="T47"/>
                    </a:cxn>
                    <a:cxn ang="T150">
                      <a:pos x="T48" y="T49"/>
                    </a:cxn>
                    <a:cxn ang="T151">
                      <a:pos x="T50" y="T51"/>
                    </a:cxn>
                    <a:cxn ang="T152">
                      <a:pos x="T52" y="T53"/>
                    </a:cxn>
                    <a:cxn ang="T153">
                      <a:pos x="T54" y="T55"/>
                    </a:cxn>
                    <a:cxn ang="T154">
                      <a:pos x="T56" y="T57"/>
                    </a:cxn>
                    <a:cxn ang="T155">
                      <a:pos x="T58" y="T59"/>
                    </a:cxn>
                    <a:cxn ang="T156">
                      <a:pos x="T60" y="T61"/>
                    </a:cxn>
                    <a:cxn ang="T157">
                      <a:pos x="T62" y="T63"/>
                    </a:cxn>
                    <a:cxn ang="T158">
                      <a:pos x="T64" y="T65"/>
                    </a:cxn>
                    <a:cxn ang="T159">
                      <a:pos x="T66" y="T67"/>
                    </a:cxn>
                    <a:cxn ang="T160">
                      <a:pos x="T68" y="T69"/>
                    </a:cxn>
                    <a:cxn ang="T161">
                      <a:pos x="T70" y="T71"/>
                    </a:cxn>
                    <a:cxn ang="T162">
                      <a:pos x="T72" y="T73"/>
                    </a:cxn>
                    <a:cxn ang="T163">
                      <a:pos x="T74" y="T75"/>
                    </a:cxn>
                    <a:cxn ang="T164">
                      <a:pos x="T76" y="T77"/>
                    </a:cxn>
                    <a:cxn ang="T165">
                      <a:pos x="T78" y="T79"/>
                    </a:cxn>
                    <a:cxn ang="T166">
                      <a:pos x="T80" y="T81"/>
                    </a:cxn>
                    <a:cxn ang="T167">
                      <a:pos x="T82" y="T83"/>
                    </a:cxn>
                    <a:cxn ang="T168">
                      <a:pos x="T84" y="T85"/>
                    </a:cxn>
                    <a:cxn ang="T169">
                      <a:pos x="T86" y="T87"/>
                    </a:cxn>
                    <a:cxn ang="T170">
                      <a:pos x="T88" y="T89"/>
                    </a:cxn>
                    <a:cxn ang="T171">
                      <a:pos x="T90" y="T91"/>
                    </a:cxn>
                    <a:cxn ang="T172">
                      <a:pos x="T92" y="T93"/>
                    </a:cxn>
                    <a:cxn ang="T173">
                      <a:pos x="T94" y="T95"/>
                    </a:cxn>
                    <a:cxn ang="T174">
                      <a:pos x="T96" y="T97"/>
                    </a:cxn>
                    <a:cxn ang="T175">
                      <a:pos x="T98" y="T99"/>
                    </a:cxn>
                    <a:cxn ang="T176">
                      <a:pos x="T100" y="T101"/>
                    </a:cxn>
                    <a:cxn ang="T177">
                      <a:pos x="T102" y="T103"/>
                    </a:cxn>
                    <a:cxn ang="T178">
                      <a:pos x="T104" y="T105"/>
                    </a:cxn>
                    <a:cxn ang="T179">
                      <a:pos x="T106" y="T107"/>
                    </a:cxn>
                    <a:cxn ang="T180">
                      <a:pos x="T108" y="T109"/>
                    </a:cxn>
                    <a:cxn ang="T181">
                      <a:pos x="T110" y="T111"/>
                    </a:cxn>
                    <a:cxn ang="T182">
                      <a:pos x="T112" y="T113"/>
                    </a:cxn>
                    <a:cxn ang="T183">
                      <a:pos x="T114" y="T115"/>
                    </a:cxn>
                    <a:cxn ang="T184">
                      <a:pos x="T116" y="T117"/>
                    </a:cxn>
                    <a:cxn ang="T185">
                      <a:pos x="T118" y="T119"/>
                    </a:cxn>
                    <a:cxn ang="T186">
                      <a:pos x="T120" y="T121"/>
                    </a:cxn>
                    <a:cxn ang="T187">
                      <a:pos x="T122" y="T123"/>
                    </a:cxn>
                    <a:cxn ang="T188">
                      <a:pos x="T124" y="T125"/>
                    </a:cxn>
                  </a:cxnLst>
                  <a:rect l="T189" t="T190" r="T191" b="T192"/>
                  <a:pathLst>
                    <a:path w="834" h="379">
                      <a:moveTo>
                        <a:pt x="604" y="377"/>
                      </a:moveTo>
                      <a:lnTo>
                        <a:pt x="604" y="377"/>
                      </a:lnTo>
                      <a:lnTo>
                        <a:pt x="618" y="369"/>
                      </a:lnTo>
                      <a:lnTo>
                        <a:pt x="628" y="362"/>
                      </a:lnTo>
                      <a:lnTo>
                        <a:pt x="636" y="360"/>
                      </a:lnTo>
                      <a:lnTo>
                        <a:pt x="643" y="360"/>
                      </a:lnTo>
                      <a:lnTo>
                        <a:pt x="648" y="360"/>
                      </a:lnTo>
                      <a:lnTo>
                        <a:pt x="650" y="362"/>
                      </a:lnTo>
                      <a:lnTo>
                        <a:pt x="653" y="364"/>
                      </a:lnTo>
                      <a:lnTo>
                        <a:pt x="653" y="365"/>
                      </a:lnTo>
                      <a:lnTo>
                        <a:pt x="653" y="333"/>
                      </a:lnTo>
                      <a:lnTo>
                        <a:pt x="657" y="333"/>
                      </a:lnTo>
                      <a:lnTo>
                        <a:pt x="658" y="335"/>
                      </a:lnTo>
                      <a:lnTo>
                        <a:pt x="658" y="338"/>
                      </a:lnTo>
                      <a:lnTo>
                        <a:pt x="658" y="340"/>
                      </a:lnTo>
                      <a:lnTo>
                        <a:pt x="660" y="345"/>
                      </a:lnTo>
                      <a:lnTo>
                        <a:pt x="662" y="348"/>
                      </a:lnTo>
                      <a:lnTo>
                        <a:pt x="662" y="352"/>
                      </a:lnTo>
                      <a:lnTo>
                        <a:pt x="662" y="353"/>
                      </a:lnTo>
                      <a:lnTo>
                        <a:pt x="663" y="345"/>
                      </a:lnTo>
                      <a:lnTo>
                        <a:pt x="663" y="338"/>
                      </a:lnTo>
                      <a:lnTo>
                        <a:pt x="667" y="330"/>
                      </a:lnTo>
                      <a:lnTo>
                        <a:pt x="668" y="323"/>
                      </a:lnTo>
                      <a:lnTo>
                        <a:pt x="672" y="316"/>
                      </a:lnTo>
                      <a:lnTo>
                        <a:pt x="675" y="309"/>
                      </a:lnTo>
                      <a:lnTo>
                        <a:pt x="679" y="303"/>
                      </a:lnTo>
                      <a:lnTo>
                        <a:pt x="682" y="298"/>
                      </a:lnTo>
                      <a:lnTo>
                        <a:pt x="685" y="292"/>
                      </a:lnTo>
                      <a:lnTo>
                        <a:pt x="689" y="289"/>
                      </a:lnTo>
                      <a:lnTo>
                        <a:pt x="692" y="286"/>
                      </a:lnTo>
                      <a:lnTo>
                        <a:pt x="696" y="282"/>
                      </a:lnTo>
                      <a:lnTo>
                        <a:pt x="697" y="279"/>
                      </a:lnTo>
                      <a:lnTo>
                        <a:pt x="699" y="277"/>
                      </a:lnTo>
                      <a:lnTo>
                        <a:pt x="701" y="277"/>
                      </a:lnTo>
                      <a:lnTo>
                        <a:pt x="701" y="276"/>
                      </a:lnTo>
                      <a:lnTo>
                        <a:pt x="696" y="267"/>
                      </a:lnTo>
                      <a:lnTo>
                        <a:pt x="702" y="262"/>
                      </a:lnTo>
                      <a:lnTo>
                        <a:pt x="702" y="264"/>
                      </a:lnTo>
                      <a:lnTo>
                        <a:pt x="704" y="267"/>
                      </a:lnTo>
                      <a:lnTo>
                        <a:pt x="706" y="270"/>
                      </a:lnTo>
                      <a:lnTo>
                        <a:pt x="707" y="270"/>
                      </a:lnTo>
                      <a:lnTo>
                        <a:pt x="714" y="262"/>
                      </a:lnTo>
                      <a:lnTo>
                        <a:pt x="721" y="254"/>
                      </a:lnTo>
                      <a:lnTo>
                        <a:pt x="729" y="248"/>
                      </a:lnTo>
                      <a:lnTo>
                        <a:pt x="738" y="243"/>
                      </a:lnTo>
                      <a:lnTo>
                        <a:pt x="745" y="242"/>
                      </a:lnTo>
                      <a:lnTo>
                        <a:pt x="751" y="240"/>
                      </a:lnTo>
                      <a:lnTo>
                        <a:pt x="756" y="238"/>
                      </a:lnTo>
                      <a:lnTo>
                        <a:pt x="758" y="238"/>
                      </a:lnTo>
                      <a:lnTo>
                        <a:pt x="758" y="232"/>
                      </a:lnTo>
                      <a:lnTo>
                        <a:pt x="760" y="230"/>
                      </a:lnTo>
                      <a:lnTo>
                        <a:pt x="762" y="228"/>
                      </a:lnTo>
                      <a:lnTo>
                        <a:pt x="763" y="228"/>
                      </a:lnTo>
                      <a:lnTo>
                        <a:pt x="765" y="230"/>
                      </a:lnTo>
                      <a:lnTo>
                        <a:pt x="767" y="230"/>
                      </a:lnTo>
                      <a:lnTo>
                        <a:pt x="768" y="232"/>
                      </a:lnTo>
                      <a:lnTo>
                        <a:pt x="768" y="233"/>
                      </a:lnTo>
                      <a:lnTo>
                        <a:pt x="770" y="230"/>
                      </a:lnTo>
                      <a:lnTo>
                        <a:pt x="772" y="228"/>
                      </a:lnTo>
                      <a:lnTo>
                        <a:pt x="773" y="226"/>
                      </a:lnTo>
                      <a:lnTo>
                        <a:pt x="775" y="228"/>
                      </a:lnTo>
                      <a:lnTo>
                        <a:pt x="778" y="228"/>
                      </a:lnTo>
                      <a:lnTo>
                        <a:pt x="780" y="230"/>
                      </a:lnTo>
                      <a:lnTo>
                        <a:pt x="782" y="230"/>
                      </a:lnTo>
                      <a:lnTo>
                        <a:pt x="784" y="230"/>
                      </a:lnTo>
                      <a:lnTo>
                        <a:pt x="785" y="226"/>
                      </a:lnTo>
                      <a:lnTo>
                        <a:pt x="787" y="223"/>
                      </a:lnTo>
                      <a:lnTo>
                        <a:pt x="790" y="218"/>
                      </a:lnTo>
                      <a:lnTo>
                        <a:pt x="792" y="215"/>
                      </a:lnTo>
                      <a:lnTo>
                        <a:pt x="795" y="210"/>
                      </a:lnTo>
                      <a:lnTo>
                        <a:pt x="797" y="208"/>
                      </a:lnTo>
                      <a:lnTo>
                        <a:pt x="797" y="204"/>
                      </a:lnTo>
                      <a:lnTo>
                        <a:pt x="797" y="196"/>
                      </a:lnTo>
                      <a:lnTo>
                        <a:pt x="795" y="193"/>
                      </a:lnTo>
                      <a:lnTo>
                        <a:pt x="795" y="191"/>
                      </a:lnTo>
                      <a:lnTo>
                        <a:pt x="794" y="193"/>
                      </a:lnTo>
                      <a:lnTo>
                        <a:pt x="792" y="194"/>
                      </a:lnTo>
                      <a:lnTo>
                        <a:pt x="790" y="198"/>
                      </a:lnTo>
                      <a:lnTo>
                        <a:pt x="790" y="199"/>
                      </a:lnTo>
                      <a:lnTo>
                        <a:pt x="790" y="201"/>
                      </a:lnTo>
                      <a:lnTo>
                        <a:pt x="789" y="201"/>
                      </a:lnTo>
                      <a:lnTo>
                        <a:pt x="787" y="199"/>
                      </a:lnTo>
                      <a:lnTo>
                        <a:pt x="785" y="199"/>
                      </a:lnTo>
                      <a:lnTo>
                        <a:pt x="785" y="198"/>
                      </a:lnTo>
                      <a:lnTo>
                        <a:pt x="784" y="191"/>
                      </a:lnTo>
                      <a:lnTo>
                        <a:pt x="784" y="188"/>
                      </a:lnTo>
                      <a:lnTo>
                        <a:pt x="784" y="186"/>
                      </a:lnTo>
                      <a:lnTo>
                        <a:pt x="782" y="188"/>
                      </a:lnTo>
                      <a:lnTo>
                        <a:pt x="780" y="189"/>
                      </a:lnTo>
                      <a:lnTo>
                        <a:pt x="780" y="193"/>
                      </a:lnTo>
                      <a:lnTo>
                        <a:pt x="780" y="194"/>
                      </a:lnTo>
                      <a:lnTo>
                        <a:pt x="780" y="196"/>
                      </a:lnTo>
                      <a:lnTo>
                        <a:pt x="772" y="198"/>
                      </a:lnTo>
                      <a:lnTo>
                        <a:pt x="753" y="215"/>
                      </a:lnTo>
                      <a:lnTo>
                        <a:pt x="741" y="213"/>
                      </a:lnTo>
                      <a:lnTo>
                        <a:pt x="724" y="198"/>
                      </a:lnTo>
                      <a:lnTo>
                        <a:pt x="726" y="198"/>
                      </a:lnTo>
                      <a:lnTo>
                        <a:pt x="729" y="199"/>
                      </a:lnTo>
                      <a:lnTo>
                        <a:pt x="733" y="199"/>
                      </a:lnTo>
                      <a:lnTo>
                        <a:pt x="736" y="201"/>
                      </a:lnTo>
                      <a:lnTo>
                        <a:pt x="741" y="204"/>
                      </a:lnTo>
                      <a:lnTo>
                        <a:pt x="748" y="204"/>
                      </a:lnTo>
                      <a:lnTo>
                        <a:pt x="753" y="203"/>
                      </a:lnTo>
                      <a:lnTo>
                        <a:pt x="758" y="199"/>
                      </a:lnTo>
                      <a:lnTo>
                        <a:pt x="763" y="194"/>
                      </a:lnTo>
                      <a:lnTo>
                        <a:pt x="767" y="191"/>
                      </a:lnTo>
                      <a:lnTo>
                        <a:pt x="770" y="188"/>
                      </a:lnTo>
                      <a:lnTo>
                        <a:pt x="770" y="186"/>
                      </a:lnTo>
                      <a:lnTo>
                        <a:pt x="760" y="182"/>
                      </a:lnTo>
                      <a:lnTo>
                        <a:pt x="758" y="177"/>
                      </a:lnTo>
                      <a:lnTo>
                        <a:pt x="768" y="176"/>
                      </a:lnTo>
                      <a:lnTo>
                        <a:pt x="772" y="164"/>
                      </a:lnTo>
                      <a:lnTo>
                        <a:pt x="770" y="164"/>
                      </a:lnTo>
                      <a:lnTo>
                        <a:pt x="768" y="164"/>
                      </a:lnTo>
                      <a:lnTo>
                        <a:pt x="767" y="164"/>
                      </a:lnTo>
                      <a:lnTo>
                        <a:pt x="763" y="162"/>
                      </a:lnTo>
                      <a:lnTo>
                        <a:pt x="750" y="159"/>
                      </a:lnTo>
                      <a:lnTo>
                        <a:pt x="740" y="155"/>
                      </a:lnTo>
                      <a:lnTo>
                        <a:pt x="731" y="154"/>
                      </a:lnTo>
                      <a:lnTo>
                        <a:pt x="728" y="152"/>
                      </a:lnTo>
                      <a:lnTo>
                        <a:pt x="724" y="150"/>
                      </a:lnTo>
                      <a:lnTo>
                        <a:pt x="723" y="150"/>
                      </a:lnTo>
                      <a:lnTo>
                        <a:pt x="724" y="149"/>
                      </a:lnTo>
                      <a:lnTo>
                        <a:pt x="726" y="149"/>
                      </a:lnTo>
                      <a:lnTo>
                        <a:pt x="728" y="149"/>
                      </a:lnTo>
                      <a:lnTo>
                        <a:pt x="731" y="147"/>
                      </a:lnTo>
                      <a:lnTo>
                        <a:pt x="736" y="149"/>
                      </a:lnTo>
                      <a:lnTo>
                        <a:pt x="740" y="149"/>
                      </a:lnTo>
                      <a:lnTo>
                        <a:pt x="743" y="149"/>
                      </a:lnTo>
                      <a:lnTo>
                        <a:pt x="745" y="149"/>
                      </a:lnTo>
                      <a:lnTo>
                        <a:pt x="746" y="149"/>
                      </a:lnTo>
                      <a:lnTo>
                        <a:pt x="748" y="149"/>
                      </a:lnTo>
                      <a:lnTo>
                        <a:pt x="746" y="138"/>
                      </a:lnTo>
                      <a:lnTo>
                        <a:pt x="755" y="135"/>
                      </a:lnTo>
                      <a:lnTo>
                        <a:pt x="760" y="144"/>
                      </a:lnTo>
                      <a:lnTo>
                        <a:pt x="762" y="144"/>
                      </a:lnTo>
                      <a:lnTo>
                        <a:pt x="765" y="144"/>
                      </a:lnTo>
                      <a:lnTo>
                        <a:pt x="767" y="145"/>
                      </a:lnTo>
                      <a:lnTo>
                        <a:pt x="768" y="144"/>
                      </a:lnTo>
                      <a:lnTo>
                        <a:pt x="770" y="138"/>
                      </a:lnTo>
                      <a:lnTo>
                        <a:pt x="772" y="135"/>
                      </a:lnTo>
                      <a:lnTo>
                        <a:pt x="773" y="137"/>
                      </a:lnTo>
                      <a:lnTo>
                        <a:pt x="777" y="138"/>
                      </a:lnTo>
                      <a:lnTo>
                        <a:pt x="778" y="142"/>
                      </a:lnTo>
                      <a:lnTo>
                        <a:pt x="782" y="145"/>
                      </a:lnTo>
                      <a:lnTo>
                        <a:pt x="784" y="147"/>
                      </a:lnTo>
                      <a:lnTo>
                        <a:pt x="784" y="149"/>
                      </a:lnTo>
                      <a:lnTo>
                        <a:pt x="785" y="149"/>
                      </a:lnTo>
                      <a:lnTo>
                        <a:pt x="787" y="149"/>
                      </a:lnTo>
                      <a:lnTo>
                        <a:pt x="792" y="149"/>
                      </a:lnTo>
                      <a:lnTo>
                        <a:pt x="795" y="149"/>
                      </a:lnTo>
                      <a:lnTo>
                        <a:pt x="800" y="149"/>
                      </a:lnTo>
                      <a:lnTo>
                        <a:pt x="804" y="147"/>
                      </a:lnTo>
                      <a:lnTo>
                        <a:pt x="807" y="147"/>
                      </a:lnTo>
                      <a:lnTo>
                        <a:pt x="809" y="147"/>
                      </a:lnTo>
                      <a:lnTo>
                        <a:pt x="814" y="130"/>
                      </a:lnTo>
                      <a:lnTo>
                        <a:pt x="819" y="120"/>
                      </a:lnTo>
                      <a:lnTo>
                        <a:pt x="824" y="113"/>
                      </a:lnTo>
                      <a:lnTo>
                        <a:pt x="826" y="110"/>
                      </a:lnTo>
                      <a:lnTo>
                        <a:pt x="828" y="110"/>
                      </a:lnTo>
                      <a:lnTo>
                        <a:pt x="829" y="111"/>
                      </a:lnTo>
                      <a:lnTo>
                        <a:pt x="831" y="113"/>
                      </a:lnTo>
                      <a:lnTo>
                        <a:pt x="831" y="111"/>
                      </a:lnTo>
                      <a:lnTo>
                        <a:pt x="833" y="110"/>
                      </a:lnTo>
                      <a:lnTo>
                        <a:pt x="834" y="106"/>
                      </a:lnTo>
                      <a:lnTo>
                        <a:pt x="834" y="105"/>
                      </a:lnTo>
                      <a:lnTo>
                        <a:pt x="834" y="96"/>
                      </a:lnTo>
                      <a:lnTo>
                        <a:pt x="833" y="88"/>
                      </a:lnTo>
                      <a:lnTo>
                        <a:pt x="831" y="81"/>
                      </a:lnTo>
                      <a:lnTo>
                        <a:pt x="829" y="76"/>
                      </a:lnTo>
                      <a:lnTo>
                        <a:pt x="828" y="72"/>
                      </a:lnTo>
                      <a:lnTo>
                        <a:pt x="826" y="69"/>
                      </a:lnTo>
                      <a:lnTo>
                        <a:pt x="824" y="67"/>
                      </a:lnTo>
                      <a:lnTo>
                        <a:pt x="817" y="72"/>
                      </a:lnTo>
                      <a:lnTo>
                        <a:pt x="816" y="72"/>
                      </a:lnTo>
                      <a:lnTo>
                        <a:pt x="814" y="74"/>
                      </a:lnTo>
                      <a:lnTo>
                        <a:pt x="811" y="76"/>
                      </a:lnTo>
                      <a:lnTo>
                        <a:pt x="809" y="79"/>
                      </a:lnTo>
                      <a:lnTo>
                        <a:pt x="809" y="89"/>
                      </a:lnTo>
                      <a:lnTo>
                        <a:pt x="809" y="96"/>
                      </a:lnTo>
                      <a:lnTo>
                        <a:pt x="807" y="101"/>
                      </a:lnTo>
                      <a:lnTo>
                        <a:pt x="807" y="105"/>
                      </a:lnTo>
                      <a:lnTo>
                        <a:pt x="807" y="106"/>
                      </a:lnTo>
                      <a:lnTo>
                        <a:pt x="806" y="105"/>
                      </a:lnTo>
                      <a:lnTo>
                        <a:pt x="806" y="101"/>
                      </a:lnTo>
                      <a:lnTo>
                        <a:pt x="804" y="98"/>
                      </a:lnTo>
                      <a:lnTo>
                        <a:pt x="802" y="94"/>
                      </a:lnTo>
                      <a:lnTo>
                        <a:pt x="802" y="91"/>
                      </a:lnTo>
                      <a:lnTo>
                        <a:pt x="802" y="88"/>
                      </a:lnTo>
                      <a:lnTo>
                        <a:pt x="800" y="84"/>
                      </a:lnTo>
                      <a:lnTo>
                        <a:pt x="800" y="81"/>
                      </a:lnTo>
                      <a:lnTo>
                        <a:pt x="800" y="79"/>
                      </a:lnTo>
                      <a:lnTo>
                        <a:pt x="800" y="78"/>
                      </a:lnTo>
                      <a:lnTo>
                        <a:pt x="799" y="71"/>
                      </a:lnTo>
                      <a:lnTo>
                        <a:pt x="797" y="67"/>
                      </a:lnTo>
                      <a:lnTo>
                        <a:pt x="792" y="67"/>
                      </a:lnTo>
                      <a:lnTo>
                        <a:pt x="789" y="69"/>
                      </a:lnTo>
                      <a:lnTo>
                        <a:pt x="784" y="72"/>
                      </a:lnTo>
                      <a:lnTo>
                        <a:pt x="778" y="76"/>
                      </a:lnTo>
                      <a:lnTo>
                        <a:pt x="777" y="78"/>
                      </a:lnTo>
                      <a:lnTo>
                        <a:pt x="775" y="79"/>
                      </a:lnTo>
                      <a:lnTo>
                        <a:pt x="763" y="79"/>
                      </a:lnTo>
                      <a:lnTo>
                        <a:pt x="762" y="81"/>
                      </a:lnTo>
                      <a:lnTo>
                        <a:pt x="760" y="81"/>
                      </a:lnTo>
                      <a:lnTo>
                        <a:pt x="756" y="83"/>
                      </a:lnTo>
                      <a:lnTo>
                        <a:pt x="753" y="83"/>
                      </a:lnTo>
                      <a:lnTo>
                        <a:pt x="750" y="84"/>
                      </a:lnTo>
                      <a:lnTo>
                        <a:pt x="745" y="86"/>
                      </a:lnTo>
                      <a:lnTo>
                        <a:pt x="743" y="88"/>
                      </a:lnTo>
                      <a:lnTo>
                        <a:pt x="741" y="88"/>
                      </a:lnTo>
                      <a:lnTo>
                        <a:pt x="731" y="94"/>
                      </a:lnTo>
                      <a:lnTo>
                        <a:pt x="726" y="96"/>
                      </a:lnTo>
                      <a:lnTo>
                        <a:pt x="724" y="96"/>
                      </a:lnTo>
                      <a:lnTo>
                        <a:pt x="724" y="94"/>
                      </a:lnTo>
                      <a:lnTo>
                        <a:pt x="726" y="91"/>
                      </a:lnTo>
                      <a:lnTo>
                        <a:pt x="729" y="88"/>
                      </a:lnTo>
                      <a:lnTo>
                        <a:pt x="731" y="84"/>
                      </a:lnTo>
                      <a:lnTo>
                        <a:pt x="733" y="84"/>
                      </a:lnTo>
                      <a:lnTo>
                        <a:pt x="724" y="66"/>
                      </a:lnTo>
                      <a:lnTo>
                        <a:pt x="731" y="61"/>
                      </a:lnTo>
                      <a:lnTo>
                        <a:pt x="736" y="71"/>
                      </a:lnTo>
                      <a:lnTo>
                        <a:pt x="748" y="78"/>
                      </a:lnTo>
                      <a:lnTo>
                        <a:pt x="751" y="76"/>
                      </a:lnTo>
                      <a:lnTo>
                        <a:pt x="755" y="72"/>
                      </a:lnTo>
                      <a:lnTo>
                        <a:pt x="758" y="71"/>
                      </a:lnTo>
                      <a:lnTo>
                        <a:pt x="762" y="67"/>
                      </a:lnTo>
                      <a:lnTo>
                        <a:pt x="763" y="66"/>
                      </a:lnTo>
                      <a:lnTo>
                        <a:pt x="765" y="64"/>
                      </a:lnTo>
                      <a:lnTo>
                        <a:pt x="765" y="62"/>
                      </a:lnTo>
                      <a:lnTo>
                        <a:pt x="756" y="56"/>
                      </a:lnTo>
                      <a:lnTo>
                        <a:pt x="753" y="52"/>
                      </a:lnTo>
                      <a:lnTo>
                        <a:pt x="755" y="52"/>
                      </a:lnTo>
                      <a:lnTo>
                        <a:pt x="758" y="52"/>
                      </a:lnTo>
                      <a:lnTo>
                        <a:pt x="763" y="54"/>
                      </a:lnTo>
                      <a:lnTo>
                        <a:pt x="768" y="56"/>
                      </a:lnTo>
                      <a:lnTo>
                        <a:pt x="772" y="57"/>
                      </a:lnTo>
                      <a:lnTo>
                        <a:pt x="775" y="59"/>
                      </a:lnTo>
                      <a:lnTo>
                        <a:pt x="789" y="52"/>
                      </a:lnTo>
                      <a:lnTo>
                        <a:pt x="789" y="50"/>
                      </a:lnTo>
                      <a:lnTo>
                        <a:pt x="789" y="49"/>
                      </a:lnTo>
                      <a:lnTo>
                        <a:pt x="787" y="47"/>
                      </a:lnTo>
                      <a:lnTo>
                        <a:pt x="787" y="45"/>
                      </a:lnTo>
                      <a:lnTo>
                        <a:pt x="780" y="39"/>
                      </a:lnTo>
                      <a:lnTo>
                        <a:pt x="777" y="34"/>
                      </a:lnTo>
                      <a:lnTo>
                        <a:pt x="780" y="34"/>
                      </a:lnTo>
                      <a:lnTo>
                        <a:pt x="784" y="35"/>
                      </a:lnTo>
                      <a:lnTo>
                        <a:pt x="787" y="37"/>
                      </a:lnTo>
                      <a:lnTo>
                        <a:pt x="790" y="39"/>
                      </a:lnTo>
                      <a:lnTo>
                        <a:pt x="790" y="40"/>
                      </a:lnTo>
                      <a:lnTo>
                        <a:pt x="792" y="40"/>
                      </a:lnTo>
                      <a:lnTo>
                        <a:pt x="795" y="39"/>
                      </a:lnTo>
                      <a:lnTo>
                        <a:pt x="800" y="39"/>
                      </a:lnTo>
                      <a:lnTo>
                        <a:pt x="802" y="39"/>
                      </a:lnTo>
                      <a:lnTo>
                        <a:pt x="811" y="47"/>
                      </a:lnTo>
                      <a:lnTo>
                        <a:pt x="816" y="50"/>
                      </a:lnTo>
                      <a:lnTo>
                        <a:pt x="817" y="50"/>
                      </a:lnTo>
                      <a:lnTo>
                        <a:pt x="817" y="47"/>
                      </a:lnTo>
                      <a:lnTo>
                        <a:pt x="814" y="44"/>
                      </a:lnTo>
                      <a:lnTo>
                        <a:pt x="811" y="39"/>
                      </a:lnTo>
                      <a:lnTo>
                        <a:pt x="809" y="35"/>
                      </a:lnTo>
                      <a:lnTo>
                        <a:pt x="807" y="34"/>
                      </a:lnTo>
                      <a:lnTo>
                        <a:pt x="800" y="17"/>
                      </a:lnTo>
                      <a:lnTo>
                        <a:pt x="790" y="15"/>
                      </a:lnTo>
                      <a:lnTo>
                        <a:pt x="780" y="0"/>
                      </a:lnTo>
                      <a:lnTo>
                        <a:pt x="750" y="8"/>
                      </a:lnTo>
                      <a:lnTo>
                        <a:pt x="721" y="15"/>
                      </a:lnTo>
                      <a:lnTo>
                        <a:pt x="692" y="20"/>
                      </a:lnTo>
                      <a:lnTo>
                        <a:pt x="663" y="27"/>
                      </a:lnTo>
                      <a:lnTo>
                        <a:pt x="636" y="32"/>
                      </a:lnTo>
                      <a:lnTo>
                        <a:pt x="609" y="39"/>
                      </a:lnTo>
                      <a:lnTo>
                        <a:pt x="584" y="44"/>
                      </a:lnTo>
                      <a:lnTo>
                        <a:pt x="558" y="47"/>
                      </a:lnTo>
                      <a:lnTo>
                        <a:pt x="533" y="52"/>
                      </a:lnTo>
                      <a:lnTo>
                        <a:pt x="509" y="56"/>
                      </a:lnTo>
                      <a:lnTo>
                        <a:pt x="486" y="61"/>
                      </a:lnTo>
                      <a:lnTo>
                        <a:pt x="464" y="64"/>
                      </a:lnTo>
                      <a:lnTo>
                        <a:pt x="443" y="67"/>
                      </a:lnTo>
                      <a:lnTo>
                        <a:pt x="423" y="71"/>
                      </a:lnTo>
                      <a:lnTo>
                        <a:pt x="403" y="74"/>
                      </a:lnTo>
                      <a:lnTo>
                        <a:pt x="384" y="76"/>
                      </a:lnTo>
                      <a:lnTo>
                        <a:pt x="366" y="79"/>
                      </a:lnTo>
                      <a:lnTo>
                        <a:pt x="349" y="81"/>
                      </a:lnTo>
                      <a:lnTo>
                        <a:pt x="333" y="83"/>
                      </a:lnTo>
                      <a:lnTo>
                        <a:pt x="318" y="84"/>
                      </a:lnTo>
                      <a:lnTo>
                        <a:pt x="305" y="86"/>
                      </a:lnTo>
                      <a:lnTo>
                        <a:pt x="293" y="88"/>
                      </a:lnTo>
                      <a:lnTo>
                        <a:pt x="281" y="89"/>
                      </a:lnTo>
                      <a:lnTo>
                        <a:pt x="271" y="91"/>
                      </a:lnTo>
                      <a:lnTo>
                        <a:pt x="261" y="91"/>
                      </a:lnTo>
                      <a:lnTo>
                        <a:pt x="252" y="93"/>
                      </a:lnTo>
                      <a:lnTo>
                        <a:pt x="245" y="93"/>
                      </a:lnTo>
                      <a:lnTo>
                        <a:pt x="240" y="94"/>
                      </a:lnTo>
                      <a:lnTo>
                        <a:pt x="235" y="94"/>
                      </a:lnTo>
                      <a:lnTo>
                        <a:pt x="232" y="94"/>
                      </a:lnTo>
                      <a:lnTo>
                        <a:pt x="230" y="94"/>
                      </a:lnTo>
                      <a:lnTo>
                        <a:pt x="232" y="94"/>
                      </a:lnTo>
                      <a:lnTo>
                        <a:pt x="232" y="96"/>
                      </a:lnTo>
                      <a:lnTo>
                        <a:pt x="232" y="100"/>
                      </a:lnTo>
                      <a:lnTo>
                        <a:pt x="232" y="106"/>
                      </a:lnTo>
                      <a:lnTo>
                        <a:pt x="232" y="111"/>
                      </a:lnTo>
                      <a:lnTo>
                        <a:pt x="234" y="118"/>
                      </a:lnTo>
                      <a:lnTo>
                        <a:pt x="232" y="125"/>
                      </a:lnTo>
                      <a:lnTo>
                        <a:pt x="232" y="128"/>
                      </a:lnTo>
                      <a:lnTo>
                        <a:pt x="232" y="130"/>
                      </a:lnTo>
                      <a:lnTo>
                        <a:pt x="225" y="130"/>
                      </a:lnTo>
                      <a:lnTo>
                        <a:pt x="220" y="133"/>
                      </a:lnTo>
                      <a:lnTo>
                        <a:pt x="215" y="138"/>
                      </a:lnTo>
                      <a:lnTo>
                        <a:pt x="212" y="145"/>
                      </a:lnTo>
                      <a:lnTo>
                        <a:pt x="208" y="152"/>
                      </a:lnTo>
                      <a:lnTo>
                        <a:pt x="206" y="157"/>
                      </a:lnTo>
                      <a:lnTo>
                        <a:pt x="205" y="160"/>
                      </a:lnTo>
                      <a:lnTo>
                        <a:pt x="198" y="157"/>
                      </a:lnTo>
                      <a:lnTo>
                        <a:pt x="191" y="157"/>
                      </a:lnTo>
                      <a:lnTo>
                        <a:pt x="183" y="162"/>
                      </a:lnTo>
                      <a:lnTo>
                        <a:pt x="174" y="169"/>
                      </a:lnTo>
                      <a:lnTo>
                        <a:pt x="168" y="177"/>
                      </a:lnTo>
                      <a:lnTo>
                        <a:pt x="161" y="184"/>
                      </a:lnTo>
                      <a:lnTo>
                        <a:pt x="156" y="188"/>
                      </a:lnTo>
                      <a:lnTo>
                        <a:pt x="154" y="188"/>
                      </a:lnTo>
                      <a:lnTo>
                        <a:pt x="152" y="182"/>
                      </a:lnTo>
                      <a:lnTo>
                        <a:pt x="149" y="181"/>
                      </a:lnTo>
                      <a:lnTo>
                        <a:pt x="147" y="179"/>
                      </a:lnTo>
                      <a:lnTo>
                        <a:pt x="144" y="179"/>
                      </a:lnTo>
                      <a:lnTo>
                        <a:pt x="140" y="181"/>
                      </a:lnTo>
                      <a:lnTo>
                        <a:pt x="137" y="182"/>
                      </a:lnTo>
                      <a:lnTo>
                        <a:pt x="134" y="186"/>
                      </a:lnTo>
                      <a:lnTo>
                        <a:pt x="132" y="191"/>
                      </a:lnTo>
                      <a:lnTo>
                        <a:pt x="129" y="194"/>
                      </a:lnTo>
                      <a:lnTo>
                        <a:pt x="125" y="199"/>
                      </a:lnTo>
                      <a:lnTo>
                        <a:pt x="124" y="204"/>
                      </a:lnTo>
                      <a:lnTo>
                        <a:pt x="122" y="208"/>
                      </a:lnTo>
                      <a:lnTo>
                        <a:pt x="118" y="213"/>
                      </a:lnTo>
                      <a:lnTo>
                        <a:pt x="118" y="215"/>
                      </a:lnTo>
                      <a:lnTo>
                        <a:pt x="117" y="216"/>
                      </a:lnTo>
                      <a:lnTo>
                        <a:pt x="117" y="218"/>
                      </a:lnTo>
                      <a:lnTo>
                        <a:pt x="108" y="220"/>
                      </a:lnTo>
                      <a:lnTo>
                        <a:pt x="100" y="223"/>
                      </a:lnTo>
                      <a:lnTo>
                        <a:pt x="91" y="228"/>
                      </a:lnTo>
                      <a:lnTo>
                        <a:pt x="83" y="235"/>
                      </a:lnTo>
                      <a:lnTo>
                        <a:pt x="78" y="240"/>
                      </a:lnTo>
                      <a:lnTo>
                        <a:pt x="71" y="247"/>
                      </a:lnTo>
                      <a:lnTo>
                        <a:pt x="68" y="250"/>
                      </a:lnTo>
                      <a:lnTo>
                        <a:pt x="66" y="252"/>
                      </a:lnTo>
                      <a:lnTo>
                        <a:pt x="56" y="252"/>
                      </a:lnTo>
                      <a:lnTo>
                        <a:pt x="47" y="255"/>
                      </a:lnTo>
                      <a:lnTo>
                        <a:pt x="41" y="259"/>
                      </a:lnTo>
                      <a:lnTo>
                        <a:pt x="34" y="264"/>
                      </a:lnTo>
                      <a:lnTo>
                        <a:pt x="31" y="269"/>
                      </a:lnTo>
                      <a:lnTo>
                        <a:pt x="27" y="274"/>
                      </a:lnTo>
                      <a:lnTo>
                        <a:pt x="25" y="277"/>
                      </a:lnTo>
                      <a:lnTo>
                        <a:pt x="25" y="279"/>
                      </a:lnTo>
                      <a:lnTo>
                        <a:pt x="24" y="286"/>
                      </a:lnTo>
                      <a:lnTo>
                        <a:pt x="20" y="291"/>
                      </a:lnTo>
                      <a:lnTo>
                        <a:pt x="17" y="296"/>
                      </a:lnTo>
                      <a:lnTo>
                        <a:pt x="12" y="298"/>
                      </a:lnTo>
                      <a:lnTo>
                        <a:pt x="9" y="299"/>
                      </a:lnTo>
                      <a:lnTo>
                        <a:pt x="3" y="299"/>
                      </a:lnTo>
                      <a:lnTo>
                        <a:pt x="0" y="299"/>
                      </a:lnTo>
                      <a:lnTo>
                        <a:pt x="0" y="333"/>
                      </a:lnTo>
                      <a:lnTo>
                        <a:pt x="124" y="314"/>
                      </a:lnTo>
                      <a:lnTo>
                        <a:pt x="125" y="316"/>
                      </a:lnTo>
                      <a:lnTo>
                        <a:pt x="127" y="314"/>
                      </a:lnTo>
                      <a:lnTo>
                        <a:pt x="129" y="313"/>
                      </a:lnTo>
                      <a:lnTo>
                        <a:pt x="132" y="309"/>
                      </a:lnTo>
                      <a:lnTo>
                        <a:pt x="135" y="306"/>
                      </a:lnTo>
                      <a:lnTo>
                        <a:pt x="140" y="303"/>
                      </a:lnTo>
                      <a:lnTo>
                        <a:pt x="146" y="299"/>
                      </a:lnTo>
                      <a:lnTo>
                        <a:pt x="152" y="296"/>
                      </a:lnTo>
                      <a:lnTo>
                        <a:pt x="157" y="292"/>
                      </a:lnTo>
                      <a:lnTo>
                        <a:pt x="166" y="287"/>
                      </a:lnTo>
                      <a:lnTo>
                        <a:pt x="173" y="284"/>
                      </a:lnTo>
                      <a:lnTo>
                        <a:pt x="181" y="281"/>
                      </a:lnTo>
                      <a:lnTo>
                        <a:pt x="190" y="279"/>
                      </a:lnTo>
                      <a:lnTo>
                        <a:pt x="200" y="277"/>
                      </a:lnTo>
                      <a:lnTo>
                        <a:pt x="210" y="274"/>
                      </a:lnTo>
                      <a:lnTo>
                        <a:pt x="218" y="274"/>
                      </a:lnTo>
                      <a:lnTo>
                        <a:pt x="311" y="265"/>
                      </a:lnTo>
                      <a:lnTo>
                        <a:pt x="313" y="265"/>
                      </a:lnTo>
                      <a:lnTo>
                        <a:pt x="315" y="264"/>
                      </a:lnTo>
                      <a:lnTo>
                        <a:pt x="320" y="264"/>
                      </a:lnTo>
                      <a:lnTo>
                        <a:pt x="327" y="264"/>
                      </a:lnTo>
                      <a:lnTo>
                        <a:pt x="333" y="265"/>
                      </a:lnTo>
                      <a:lnTo>
                        <a:pt x="340" y="269"/>
                      </a:lnTo>
                      <a:lnTo>
                        <a:pt x="347" y="276"/>
                      </a:lnTo>
                      <a:lnTo>
                        <a:pt x="355" y="287"/>
                      </a:lnTo>
                      <a:lnTo>
                        <a:pt x="359" y="301"/>
                      </a:lnTo>
                      <a:lnTo>
                        <a:pt x="467" y="284"/>
                      </a:lnTo>
                      <a:lnTo>
                        <a:pt x="597" y="379"/>
                      </a:lnTo>
                      <a:lnTo>
                        <a:pt x="601" y="379"/>
                      </a:lnTo>
                      <a:lnTo>
                        <a:pt x="602" y="379"/>
                      </a:lnTo>
                      <a:lnTo>
                        <a:pt x="604" y="377"/>
                      </a:lnTo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44" name="Freeform 165"/>
                <p:cNvSpPr>
                  <a:spLocks/>
                </p:cNvSpPr>
                <p:nvPr/>
              </p:nvSpPr>
              <p:spPr bwMode="auto">
                <a:xfrm>
                  <a:off x="4891" y="2263"/>
                  <a:ext cx="39" cy="57"/>
                </a:xfrm>
                <a:custGeom>
                  <a:avLst/>
                  <a:gdLst>
                    <a:gd name="T0" fmla="*/ 0 w 39"/>
                    <a:gd name="T1" fmla="*/ 57 h 57"/>
                    <a:gd name="T2" fmla="*/ 2 w 39"/>
                    <a:gd name="T3" fmla="*/ 54 h 57"/>
                    <a:gd name="T4" fmla="*/ 4 w 39"/>
                    <a:gd name="T5" fmla="*/ 51 h 57"/>
                    <a:gd name="T6" fmla="*/ 7 w 39"/>
                    <a:gd name="T7" fmla="*/ 44 h 57"/>
                    <a:gd name="T8" fmla="*/ 10 w 39"/>
                    <a:gd name="T9" fmla="*/ 35 h 57"/>
                    <a:gd name="T10" fmla="*/ 15 w 39"/>
                    <a:gd name="T11" fmla="*/ 25 h 57"/>
                    <a:gd name="T12" fmla="*/ 21 w 39"/>
                    <a:gd name="T13" fmla="*/ 15 h 57"/>
                    <a:gd name="T14" fmla="*/ 27 w 39"/>
                    <a:gd name="T15" fmla="*/ 7 h 57"/>
                    <a:gd name="T16" fmla="*/ 32 w 39"/>
                    <a:gd name="T17" fmla="*/ 0 h 57"/>
                    <a:gd name="T18" fmla="*/ 39 w 39"/>
                    <a:gd name="T19" fmla="*/ 1 h 57"/>
                    <a:gd name="T20" fmla="*/ 39 w 39"/>
                    <a:gd name="T21" fmla="*/ 1 h 57"/>
                    <a:gd name="T22" fmla="*/ 36 w 39"/>
                    <a:gd name="T23" fmla="*/ 5 h 57"/>
                    <a:gd name="T24" fmla="*/ 32 w 39"/>
                    <a:gd name="T25" fmla="*/ 8 h 57"/>
                    <a:gd name="T26" fmla="*/ 29 w 39"/>
                    <a:gd name="T27" fmla="*/ 13 h 57"/>
                    <a:gd name="T28" fmla="*/ 24 w 39"/>
                    <a:gd name="T29" fmla="*/ 22 h 57"/>
                    <a:gd name="T30" fmla="*/ 19 w 39"/>
                    <a:gd name="T31" fmla="*/ 30 h 57"/>
                    <a:gd name="T32" fmla="*/ 12 w 39"/>
                    <a:gd name="T33" fmla="*/ 40 h 57"/>
                    <a:gd name="T34" fmla="*/ 7 w 39"/>
                    <a:gd name="T35" fmla="*/ 54 h 57"/>
                    <a:gd name="T36" fmla="*/ 5 w 39"/>
                    <a:gd name="T37" fmla="*/ 54 h 57"/>
                    <a:gd name="T38" fmla="*/ 4 w 39"/>
                    <a:gd name="T39" fmla="*/ 56 h 57"/>
                    <a:gd name="T40" fmla="*/ 2 w 39"/>
                    <a:gd name="T41" fmla="*/ 56 h 57"/>
                    <a:gd name="T42" fmla="*/ 0 w 39"/>
                    <a:gd name="T43" fmla="*/ 57 h 57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w 39"/>
                    <a:gd name="T67" fmla="*/ 0 h 57"/>
                    <a:gd name="T68" fmla="*/ 39 w 39"/>
                    <a:gd name="T69" fmla="*/ 57 h 57"/>
                  </a:gdLst>
                  <a:ahLst/>
                  <a:cxnLst>
                    <a:cxn ang="T44">
                      <a:pos x="T0" y="T1"/>
                    </a:cxn>
                    <a:cxn ang="T45">
                      <a:pos x="T2" y="T3"/>
                    </a:cxn>
                    <a:cxn ang="T46">
                      <a:pos x="T4" y="T5"/>
                    </a:cxn>
                    <a:cxn ang="T47">
                      <a:pos x="T6" y="T7"/>
                    </a:cxn>
                    <a:cxn ang="T48">
                      <a:pos x="T8" y="T9"/>
                    </a:cxn>
                    <a:cxn ang="T49">
                      <a:pos x="T10" y="T11"/>
                    </a:cxn>
                    <a:cxn ang="T50">
                      <a:pos x="T12" y="T13"/>
                    </a:cxn>
                    <a:cxn ang="T51">
                      <a:pos x="T14" y="T15"/>
                    </a:cxn>
                    <a:cxn ang="T52">
                      <a:pos x="T16" y="T17"/>
                    </a:cxn>
                    <a:cxn ang="T53">
                      <a:pos x="T18" y="T19"/>
                    </a:cxn>
                    <a:cxn ang="T54">
                      <a:pos x="T20" y="T21"/>
                    </a:cxn>
                    <a:cxn ang="T55">
                      <a:pos x="T22" y="T23"/>
                    </a:cxn>
                    <a:cxn ang="T56">
                      <a:pos x="T24" y="T25"/>
                    </a:cxn>
                    <a:cxn ang="T57">
                      <a:pos x="T26" y="T27"/>
                    </a:cxn>
                    <a:cxn ang="T58">
                      <a:pos x="T28" y="T29"/>
                    </a:cxn>
                    <a:cxn ang="T59">
                      <a:pos x="T30" y="T31"/>
                    </a:cxn>
                    <a:cxn ang="T60">
                      <a:pos x="T32" y="T33"/>
                    </a:cxn>
                    <a:cxn ang="T61">
                      <a:pos x="T34" y="T35"/>
                    </a:cxn>
                    <a:cxn ang="T62">
                      <a:pos x="T36" y="T37"/>
                    </a:cxn>
                    <a:cxn ang="T63">
                      <a:pos x="T38" y="T39"/>
                    </a:cxn>
                    <a:cxn ang="T64">
                      <a:pos x="T40" y="T41"/>
                    </a:cxn>
                    <a:cxn ang="T65">
                      <a:pos x="T42" y="T43"/>
                    </a:cxn>
                  </a:cxnLst>
                  <a:rect l="T66" t="T67" r="T68" b="T69"/>
                  <a:pathLst>
                    <a:path w="39" h="57">
                      <a:moveTo>
                        <a:pt x="0" y="57"/>
                      </a:moveTo>
                      <a:lnTo>
                        <a:pt x="2" y="54"/>
                      </a:lnTo>
                      <a:lnTo>
                        <a:pt x="4" y="51"/>
                      </a:lnTo>
                      <a:lnTo>
                        <a:pt x="7" y="44"/>
                      </a:lnTo>
                      <a:lnTo>
                        <a:pt x="10" y="35"/>
                      </a:lnTo>
                      <a:lnTo>
                        <a:pt x="15" y="25"/>
                      </a:lnTo>
                      <a:lnTo>
                        <a:pt x="21" y="15"/>
                      </a:lnTo>
                      <a:lnTo>
                        <a:pt x="27" y="7"/>
                      </a:lnTo>
                      <a:lnTo>
                        <a:pt x="32" y="0"/>
                      </a:lnTo>
                      <a:lnTo>
                        <a:pt x="39" y="1"/>
                      </a:lnTo>
                      <a:lnTo>
                        <a:pt x="36" y="5"/>
                      </a:lnTo>
                      <a:lnTo>
                        <a:pt x="32" y="8"/>
                      </a:lnTo>
                      <a:lnTo>
                        <a:pt x="29" y="13"/>
                      </a:lnTo>
                      <a:lnTo>
                        <a:pt x="24" y="22"/>
                      </a:lnTo>
                      <a:lnTo>
                        <a:pt x="19" y="30"/>
                      </a:lnTo>
                      <a:lnTo>
                        <a:pt x="12" y="40"/>
                      </a:lnTo>
                      <a:lnTo>
                        <a:pt x="7" y="54"/>
                      </a:lnTo>
                      <a:lnTo>
                        <a:pt x="5" y="54"/>
                      </a:lnTo>
                      <a:lnTo>
                        <a:pt x="4" y="56"/>
                      </a:lnTo>
                      <a:lnTo>
                        <a:pt x="2" y="56"/>
                      </a:lnTo>
                      <a:lnTo>
                        <a:pt x="0" y="57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45" name="Freeform 166"/>
                <p:cNvSpPr>
                  <a:spLocks/>
                </p:cNvSpPr>
                <p:nvPr/>
              </p:nvSpPr>
              <p:spPr bwMode="auto">
                <a:xfrm>
                  <a:off x="4891" y="2263"/>
                  <a:ext cx="39" cy="57"/>
                </a:xfrm>
                <a:custGeom>
                  <a:avLst/>
                  <a:gdLst>
                    <a:gd name="T0" fmla="*/ 0 w 39"/>
                    <a:gd name="T1" fmla="*/ 57 h 57"/>
                    <a:gd name="T2" fmla="*/ 0 w 39"/>
                    <a:gd name="T3" fmla="*/ 57 h 57"/>
                    <a:gd name="T4" fmla="*/ 2 w 39"/>
                    <a:gd name="T5" fmla="*/ 54 h 57"/>
                    <a:gd name="T6" fmla="*/ 4 w 39"/>
                    <a:gd name="T7" fmla="*/ 51 h 57"/>
                    <a:gd name="T8" fmla="*/ 7 w 39"/>
                    <a:gd name="T9" fmla="*/ 44 h 57"/>
                    <a:gd name="T10" fmla="*/ 10 w 39"/>
                    <a:gd name="T11" fmla="*/ 35 h 57"/>
                    <a:gd name="T12" fmla="*/ 15 w 39"/>
                    <a:gd name="T13" fmla="*/ 25 h 57"/>
                    <a:gd name="T14" fmla="*/ 21 w 39"/>
                    <a:gd name="T15" fmla="*/ 15 h 57"/>
                    <a:gd name="T16" fmla="*/ 27 w 39"/>
                    <a:gd name="T17" fmla="*/ 7 h 57"/>
                    <a:gd name="T18" fmla="*/ 32 w 39"/>
                    <a:gd name="T19" fmla="*/ 0 h 57"/>
                    <a:gd name="T20" fmla="*/ 39 w 39"/>
                    <a:gd name="T21" fmla="*/ 1 h 57"/>
                    <a:gd name="T22" fmla="*/ 39 w 39"/>
                    <a:gd name="T23" fmla="*/ 1 h 57"/>
                    <a:gd name="T24" fmla="*/ 39 w 39"/>
                    <a:gd name="T25" fmla="*/ 1 h 57"/>
                    <a:gd name="T26" fmla="*/ 36 w 39"/>
                    <a:gd name="T27" fmla="*/ 5 h 57"/>
                    <a:gd name="T28" fmla="*/ 32 w 39"/>
                    <a:gd name="T29" fmla="*/ 8 h 57"/>
                    <a:gd name="T30" fmla="*/ 29 w 39"/>
                    <a:gd name="T31" fmla="*/ 13 h 57"/>
                    <a:gd name="T32" fmla="*/ 24 w 39"/>
                    <a:gd name="T33" fmla="*/ 22 h 57"/>
                    <a:gd name="T34" fmla="*/ 19 w 39"/>
                    <a:gd name="T35" fmla="*/ 30 h 57"/>
                    <a:gd name="T36" fmla="*/ 12 w 39"/>
                    <a:gd name="T37" fmla="*/ 40 h 57"/>
                    <a:gd name="T38" fmla="*/ 7 w 39"/>
                    <a:gd name="T39" fmla="*/ 54 h 57"/>
                    <a:gd name="T40" fmla="*/ 7 w 39"/>
                    <a:gd name="T41" fmla="*/ 54 h 57"/>
                    <a:gd name="T42" fmla="*/ 5 w 39"/>
                    <a:gd name="T43" fmla="*/ 54 h 57"/>
                    <a:gd name="T44" fmla="*/ 4 w 39"/>
                    <a:gd name="T45" fmla="*/ 56 h 57"/>
                    <a:gd name="T46" fmla="*/ 2 w 39"/>
                    <a:gd name="T47" fmla="*/ 56 h 57"/>
                    <a:gd name="T48" fmla="*/ 0 w 39"/>
                    <a:gd name="T49" fmla="*/ 57 h 57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w 39"/>
                    <a:gd name="T76" fmla="*/ 0 h 57"/>
                    <a:gd name="T77" fmla="*/ 39 w 39"/>
                    <a:gd name="T78" fmla="*/ 57 h 57"/>
                  </a:gdLst>
                  <a:ahLst/>
                  <a:cxnLst>
                    <a:cxn ang="T50">
                      <a:pos x="T0" y="T1"/>
                    </a:cxn>
                    <a:cxn ang="T51">
                      <a:pos x="T2" y="T3"/>
                    </a:cxn>
                    <a:cxn ang="T52">
                      <a:pos x="T4" y="T5"/>
                    </a:cxn>
                    <a:cxn ang="T53">
                      <a:pos x="T6" y="T7"/>
                    </a:cxn>
                    <a:cxn ang="T54">
                      <a:pos x="T8" y="T9"/>
                    </a:cxn>
                    <a:cxn ang="T55">
                      <a:pos x="T10" y="T11"/>
                    </a:cxn>
                    <a:cxn ang="T56">
                      <a:pos x="T12" y="T13"/>
                    </a:cxn>
                    <a:cxn ang="T57">
                      <a:pos x="T14" y="T15"/>
                    </a:cxn>
                    <a:cxn ang="T58">
                      <a:pos x="T16" y="T17"/>
                    </a:cxn>
                    <a:cxn ang="T59">
                      <a:pos x="T18" y="T19"/>
                    </a:cxn>
                    <a:cxn ang="T60">
                      <a:pos x="T20" y="T21"/>
                    </a:cxn>
                    <a:cxn ang="T61">
                      <a:pos x="T22" y="T23"/>
                    </a:cxn>
                    <a:cxn ang="T62">
                      <a:pos x="T24" y="T25"/>
                    </a:cxn>
                    <a:cxn ang="T63">
                      <a:pos x="T26" y="T27"/>
                    </a:cxn>
                    <a:cxn ang="T64">
                      <a:pos x="T28" y="T29"/>
                    </a:cxn>
                    <a:cxn ang="T65">
                      <a:pos x="T30" y="T31"/>
                    </a:cxn>
                    <a:cxn ang="T66">
                      <a:pos x="T32" y="T33"/>
                    </a:cxn>
                    <a:cxn ang="T67">
                      <a:pos x="T34" y="T35"/>
                    </a:cxn>
                    <a:cxn ang="T68">
                      <a:pos x="T36" y="T37"/>
                    </a:cxn>
                    <a:cxn ang="T69">
                      <a:pos x="T38" y="T39"/>
                    </a:cxn>
                    <a:cxn ang="T70">
                      <a:pos x="T40" y="T41"/>
                    </a:cxn>
                    <a:cxn ang="T71">
                      <a:pos x="T42" y="T43"/>
                    </a:cxn>
                    <a:cxn ang="T72">
                      <a:pos x="T44" y="T45"/>
                    </a:cxn>
                    <a:cxn ang="T73">
                      <a:pos x="T46" y="T47"/>
                    </a:cxn>
                    <a:cxn ang="T74">
                      <a:pos x="T48" y="T49"/>
                    </a:cxn>
                  </a:cxnLst>
                  <a:rect l="T75" t="T76" r="T77" b="T78"/>
                  <a:pathLst>
                    <a:path w="39" h="57">
                      <a:moveTo>
                        <a:pt x="0" y="57"/>
                      </a:moveTo>
                      <a:lnTo>
                        <a:pt x="0" y="57"/>
                      </a:lnTo>
                      <a:lnTo>
                        <a:pt x="2" y="54"/>
                      </a:lnTo>
                      <a:lnTo>
                        <a:pt x="4" y="51"/>
                      </a:lnTo>
                      <a:lnTo>
                        <a:pt x="7" y="44"/>
                      </a:lnTo>
                      <a:lnTo>
                        <a:pt x="10" y="35"/>
                      </a:lnTo>
                      <a:lnTo>
                        <a:pt x="15" y="25"/>
                      </a:lnTo>
                      <a:lnTo>
                        <a:pt x="21" y="15"/>
                      </a:lnTo>
                      <a:lnTo>
                        <a:pt x="27" y="7"/>
                      </a:lnTo>
                      <a:lnTo>
                        <a:pt x="32" y="0"/>
                      </a:lnTo>
                      <a:lnTo>
                        <a:pt x="39" y="1"/>
                      </a:lnTo>
                      <a:lnTo>
                        <a:pt x="36" y="5"/>
                      </a:lnTo>
                      <a:lnTo>
                        <a:pt x="32" y="8"/>
                      </a:lnTo>
                      <a:lnTo>
                        <a:pt x="29" y="13"/>
                      </a:lnTo>
                      <a:lnTo>
                        <a:pt x="24" y="22"/>
                      </a:lnTo>
                      <a:lnTo>
                        <a:pt x="19" y="30"/>
                      </a:lnTo>
                      <a:lnTo>
                        <a:pt x="12" y="40"/>
                      </a:lnTo>
                      <a:lnTo>
                        <a:pt x="7" y="54"/>
                      </a:lnTo>
                      <a:lnTo>
                        <a:pt x="5" y="54"/>
                      </a:lnTo>
                      <a:lnTo>
                        <a:pt x="4" y="56"/>
                      </a:lnTo>
                      <a:lnTo>
                        <a:pt x="2" y="56"/>
                      </a:lnTo>
                      <a:lnTo>
                        <a:pt x="0" y="57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46" name="Freeform 167"/>
                <p:cNvSpPr>
                  <a:spLocks/>
                </p:cNvSpPr>
                <p:nvPr/>
              </p:nvSpPr>
              <p:spPr bwMode="auto">
                <a:xfrm>
                  <a:off x="4905" y="2078"/>
                  <a:ext cx="54" cy="82"/>
                </a:xfrm>
                <a:custGeom>
                  <a:avLst/>
                  <a:gdLst>
                    <a:gd name="T0" fmla="*/ 5 w 54"/>
                    <a:gd name="T1" fmla="*/ 0 h 82"/>
                    <a:gd name="T2" fmla="*/ 5 w 54"/>
                    <a:gd name="T3" fmla="*/ 0 h 82"/>
                    <a:gd name="T4" fmla="*/ 5 w 54"/>
                    <a:gd name="T5" fmla="*/ 2 h 82"/>
                    <a:gd name="T6" fmla="*/ 7 w 54"/>
                    <a:gd name="T7" fmla="*/ 4 h 82"/>
                    <a:gd name="T8" fmla="*/ 7 w 54"/>
                    <a:gd name="T9" fmla="*/ 7 h 82"/>
                    <a:gd name="T10" fmla="*/ 8 w 54"/>
                    <a:gd name="T11" fmla="*/ 10 h 82"/>
                    <a:gd name="T12" fmla="*/ 10 w 54"/>
                    <a:gd name="T13" fmla="*/ 14 h 82"/>
                    <a:gd name="T14" fmla="*/ 13 w 54"/>
                    <a:gd name="T15" fmla="*/ 19 h 82"/>
                    <a:gd name="T16" fmla="*/ 15 w 54"/>
                    <a:gd name="T17" fmla="*/ 22 h 82"/>
                    <a:gd name="T18" fmla="*/ 17 w 54"/>
                    <a:gd name="T19" fmla="*/ 27 h 82"/>
                    <a:gd name="T20" fmla="*/ 20 w 54"/>
                    <a:gd name="T21" fmla="*/ 32 h 82"/>
                    <a:gd name="T22" fmla="*/ 23 w 54"/>
                    <a:gd name="T23" fmla="*/ 38 h 82"/>
                    <a:gd name="T24" fmla="*/ 25 w 54"/>
                    <a:gd name="T25" fmla="*/ 43 h 82"/>
                    <a:gd name="T26" fmla="*/ 29 w 54"/>
                    <a:gd name="T27" fmla="*/ 48 h 82"/>
                    <a:gd name="T28" fmla="*/ 32 w 54"/>
                    <a:gd name="T29" fmla="*/ 51 h 82"/>
                    <a:gd name="T30" fmla="*/ 35 w 54"/>
                    <a:gd name="T31" fmla="*/ 56 h 82"/>
                    <a:gd name="T32" fmla="*/ 39 w 54"/>
                    <a:gd name="T33" fmla="*/ 60 h 82"/>
                    <a:gd name="T34" fmla="*/ 40 w 54"/>
                    <a:gd name="T35" fmla="*/ 63 h 82"/>
                    <a:gd name="T36" fmla="*/ 44 w 54"/>
                    <a:gd name="T37" fmla="*/ 66 h 82"/>
                    <a:gd name="T38" fmla="*/ 47 w 54"/>
                    <a:gd name="T39" fmla="*/ 73 h 82"/>
                    <a:gd name="T40" fmla="*/ 52 w 54"/>
                    <a:gd name="T41" fmla="*/ 78 h 82"/>
                    <a:gd name="T42" fmla="*/ 54 w 54"/>
                    <a:gd name="T43" fmla="*/ 82 h 82"/>
                    <a:gd name="T44" fmla="*/ 52 w 54"/>
                    <a:gd name="T45" fmla="*/ 82 h 82"/>
                    <a:gd name="T46" fmla="*/ 45 w 54"/>
                    <a:gd name="T47" fmla="*/ 76 h 82"/>
                    <a:gd name="T48" fmla="*/ 34 w 54"/>
                    <a:gd name="T49" fmla="*/ 65 h 82"/>
                    <a:gd name="T50" fmla="*/ 34 w 54"/>
                    <a:gd name="T51" fmla="*/ 65 h 82"/>
                    <a:gd name="T52" fmla="*/ 32 w 54"/>
                    <a:gd name="T53" fmla="*/ 63 h 82"/>
                    <a:gd name="T54" fmla="*/ 30 w 54"/>
                    <a:gd name="T55" fmla="*/ 60 h 82"/>
                    <a:gd name="T56" fmla="*/ 27 w 54"/>
                    <a:gd name="T57" fmla="*/ 56 h 82"/>
                    <a:gd name="T58" fmla="*/ 25 w 54"/>
                    <a:gd name="T59" fmla="*/ 53 h 82"/>
                    <a:gd name="T60" fmla="*/ 22 w 54"/>
                    <a:gd name="T61" fmla="*/ 48 h 82"/>
                    <a:gd name="T62" fmla="*/ 18 w 54"/>
                    <a:gd name="T63" fmla="*/ 43 h 82"/>
                    <a:gd name="T64" fmla="*/ 15 w 54"/>
                    <a:gd name="T65" fmla="*/ 38 h 82"/>
                    <a:gd name="T66" fmla="*/ 12 w 54"/>
                    <a:gd name="T67" fmla="*/ 32 h 82"/>
                    <a:gd name="T68" fmla="*/ 10 w 54"/>
                    <a:gd name="T69" fmla="*/ 27 h 82"/>
                    <a:gd name="T70" fmla="*/ 7 w 54"/>
                    <a:gd name="T71" fmla="*/ 22 h 82"/>
                    <a:gd name="T72" fmla="*/ 5 w 54"/>
                    <a:gd name="T73" fmla="*/ 19 h 82"/>
                    <a:gd name="T74" fmla="*/ 1 w 54"/>
                    <a:gd name="T75" fmla="*/ 14 h 82"/>
                    <a:gd name="T76" fmla="*/ 1 w 54"/>
                    <a:gd name="T77" fmla="*/ 10 h 82"/>
                    <a:gd name="T78" fmla="*/ 0 w 54"/>
                    <a:gd name="T79" fmla="*/ 7 h 82"/>
                    <a:gd name="T80" fmla="*/ 0 w 54"/>
                    <a:gd name="T81" fmla="*/ 4 h 82"/>
                    <a:gd name="T82" fmla="*/ 0 w 54"/>
                    <a:gd name="T83" fmla="*/ 2 h 82"/>
                    <a:gd name="T84" fmla="*/ 1 w 54"/>
                    <a:gd name="T85" fmla="*/ 0 h 82"/>
                    <a:gd name="T86" fmla="*/ 3 w 54"/>
                    <a:gd name="T87" fmla="*/ 0 h 82"/>
                    <a:gd name="T88" fmla="*/ 5 w 54"/>
                    <a:gd name="T89" fmla="*/ 0 h 82"/>
                    <a:gd name="T90" fmla="*/ 0 60000 65536"/>
                    <a:gd name="T91" fmla="*/ 0 60000 65536"/>
                    <a:gd name="T92" fmla="*/ 0 60000 65536"/>
                    <a:gd name="T93" fmla="*/ 0 60000 65536"/>
                    <a:gd name="T94" fmla="*/ 0 60000 65536"/>
                    <a:gd name="T95" fmla="*/ 0 60000 65536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w 54"/>
                    <a:gd name="T136" fmla="*/ 0 h 82"/>
                    <a:gd name="T137" fmla="*/ 54 w 54"/>
                    <a:gd name="T138" fmla="*/ 82 h 82"/>
                  </a:gdLst>
                  <a:ahLst/>
                  <a:cxnLst>
                    <a:cxn ang="T90">
                      <a:pos x="T0" y="T1"/>
                    </a:cxn>
                    <a:cxn ang="T91">
                      <a:pos x="T2" y="T3"/>
                    </a:cxn>
                    <a:cxn ang="T92">
                      <a:pos x="T4" y="T5"/>
                    </a:cxn>
                    <a:cxn ang="T93">
                      <a:pos x="T6" y="T7"/>
                    </a:cxn>
                    <a:cxn ang="T94">
                      <a:pos x="T8" y="T9"/>
                    </a:cxn>
                    <a:cxn ang="T95">
                      <a:pos x="T10" y="T11"/>
                    </a:cxn>
                    <a:cxn ang="T96">
                      <a:pos x="T12" y="T13"/>
                    </a:cxn>
                    <a:cxn ang="T97">
                      <a:pos x="T14" y="T15"/>
                    </a:cxn>
                    <a:cxn ang="T98">
                      <a:pos x="T16" y="T17"/>
                    </a:cxn>
                    <a:cxn ang="T99">
                      <a:pos x="T18" y="T19"/>
                    </a:cxn>
                    <a:cxn ang="T100">
                      <a:pos x="T20" y="T21"/>
                    </a:cxn>
                    <a:cxn ang="T101">
                      <a:pos x="T22" y="T23"/>
                    </a:cxn>
                    <a:cxn ang="T102">
                      <a:pos x="T24" y="T25"/>
                    </a:cxn>
                    <a:cxn ang="T103">
                      <a:pos x="T26" y="T27"/>
                    </a:cxn>
                    <a:cxn ang="T104">
                      <a:pos x="T28" y="T29"/>
                    </a:cxn>
                    <a:cxn ang="T105">
                      <a:pos x="T30" y="T31"/>
                    </a:cxn>
                    <a:cxn ang="T106">
                      <a:pos x="T32" y="T33"/>
                    </a:cxn>
                    <a:cxn ang="T107">
                      <a:pos x="T34" y="T35"/>
                    </a:cxn>
                    <a:cxn ang="T108">
                      <a:pos x="T36" y="T37"/>
                    </a:cxn>
                    <a:cxn ang="T109">
                      <a:pos x="T38" y="T39"/>
                    </a:cxn>
                    <a:cxn ang="T110">
                      <a:pos x="T40" y="T41"/>
                    </a:cxn>
                    <a:cxn ang="T111">
                      <a:pos x="T42" y="T43"/>
                    </a:cxn>
                    <a:cxn ang="T112">
                      <a:pos x="T44" y="T45"/>
                    </a:cxn>
                    <a:cxn ang="T113">
                      <a:pos x="T46" y="T47"/>
                    </a:cxn>
                    <a:cxn ang="T114">
                      <a:pos x="T48" y="T49"/>
                    </a:cxn>
                    <a:cxn ang="T115">
                      <a:pos x="T50" y="T51"/>
                    </a:cxn>
                    <a:cxn ang="T116">
                      <a:pos x="T52" y="T53"/>
                    </a:cxn>
                    <a:cxn ang="T117">
                      <a:pos x="T54" y="T55"/>
                    </a:cxn>
                    <a:cxn ang="T118">
                      <a:pos x="T56" y="T57"/>
                    </a:cxn>
                    <a:cxn ang="T119">
                      <a:pos x="T58" y="T59"/>
                    </a:cxn>
                    <a:cxn ang="T120">
                      <a:pos x="T60" y="T61"/>
                    </a:cxn>
                    <a:cxn ang="T121">
                      <a:pos x="T62" y="T63"/>
                    </a:cxn>
                    <a:cxn ang="T122">
                      <a:pos x="T64" y="T65"/>
                    </a:cxn>
                    <a:cxn ang="T123">
                      <a:pos x="T66" y="T67"/>
                    </a:cxn>
                    <a:cxn ang="T124">
                      <a:pos x="T68" y="T69"/>
                    </a:cxn>
                    <a:cxn ang="T125">
                      <a:pos x="T70" y="T71"/>
                    </a:cxn>
                    <a:cxn ang="T126">
                      <a:pos x="T72" y="T73"/>
                    </a:cxn>
                    <a:cxn ang="T127">
                      <a:pos x="T74" y="T75"/>
                    </a:cxn>
                    <a:cxn ang="T128">
                      <a:pos x="T76" y="T77"/>
                    </a:cxn>
                    <a:cxn ang="T129">
                      <a:pos x="T78" y="T79"/>
                    </a:cxn>
                    <a:cxn ang="T130">
                      <a:pos x="T80" y="T81"/>
                    </a:cxn>
                    <a:cxn ang="T131">
                      <a:pos x="T82" y="T83"/>
                    </a:cxn>
                    <a:cxn ang="T132">
                      <a:pos x="T84" y="T85"/>
                    </a:cxn>
                    <a:cxn ang="T133">
                      <a:pos x="T86" y="T87"/>
                    </a:cxn>
                    <a:cxn ang="T134">
                      <a:pos x="T88" y="T89"/>
                    </a:cxn>
                  </a:cxnLst>
                  <a:rect l="T135" t="T136" r="T137" b="T138"/>
                  <a:pathLst>
                    <a:path w="54" h="82">
                      <a:moveTo>
                        <a:pt x="5" y="0"/>
                      </a:moveTo>
                      <a:lnTo>
                        <a:pt x="5" y="0"/>
                      </a:lnTo>
                      <a:lnTo>
                        <a:pt x="5" y="2"/>
                      </a:lnTo>
                      <a:lnTo>
                        <a:pt x="7" y="4"/>
                      </a:lnTo>
                      <a:lnTo>
                        <a:pt x="7" y="7"/>
                      </a:lnTo>
                      <a:lnTo>
                        <a:pt x="8" y="10"/>
                      </a:lnTo>
                      <a:lnTo>
                        <a:pt x="10" y="14"/>
                      </a:lnTo>
                      <a:lnTo>
                        <a:pt x="13" y="19"/>
                      </a:lnTo>
                      <a:lnTo>
                        <a:pt x="15" y="22"/>
                      </a:lnTo>
                      <a:lnTo>
                        <a:pt x="17" y="27"/>
                      </a:lnTo>
                      <a:lnTo>
                        <a:pt x="20" y="32"/>
                      </a:lnTo>
                      <a:lnTo>
                        <a:pt x="23" y="38"/>
                      </a:lnTo>
                      <a:lnTo>
                        <a:pt x="25" y="43"/>
                      </a:lnTo>
                      <a:lnTo>
                        <a:pt x="29" y="48"/>
                      </a:lnTo>
                      <a:lnTo>
                        <a:pt x="32" y="51"/>
                      </a:lnTo>
                      <a:lnTo>
                        <a:pt x="35" y="56"/>
                      </a:lnTo>
                      <a:lnTo>
                        <a:pt x="39" y="60"/>
                      </a:lnTo>
                      <a:lnTo>
                        <a:pt x="40" y="63"/>
                      </a:lnTo>
                      <a:lnTo>
                        <a:pt x="44" y="66"/>
                      </a:lnTo>
                      <a:lnTo>
                        <a:pt x="47" y="73"/>
                      </a:lnTo>
                      <a:lnTo>
                        <a:pt x="52" y="78"/>
                      </a:lnTo>
                      <a:lnTo>
                        <a:pt x="54" y="82"/>
                      </a:lnTo>
                      <a:lnTo>
                        <a:pt x="52" y="82"/>
                      </a:lnTo>
                      <a:lnTo>
                        <a:pt x="45" y="76"/>
                      </a:lnTo>
                      <a:lnTo>
                        <a:pt x="34" y="65"/>
                      </a:lnTo>
                      <a:lnTo>
                        <a:pt x="32" y="63"/>
                      </a:lnTo>
                      <a:lnTo>
                        <a:pt x="30" y="60"/>
                      </a:lnTo>
                      <a:lnTo>
                        <a:pt x="27" y="56"/>
                      </a:lnTo>
                      <a:lnTo>
                        <a:pt x="25" y="53"/>
                      </a:lnTo>
                      <a:lnTo>
                        <a:pt x="22" y="48"/>
                      </a:lnTo>
                      <a:lnTo>
                        <a:pt x="18" y="43"/>
                      </a:lnTo>
                      <a:lnTo>
                        <a:pt x="15" y="38"/>
                      </a:lnTo>
                      <a:lnTo>
                        <a:pt x="12" y="32"/>
                      </a:lnTo>
                      <a:lnTo>
                        <a:pt x="10" y="27"/>
                      </a:lnTo>
                      <a:lnTo>
                        <a:pt x="7" y="22"/>
                      </a:lnTo>
                      <a:lnTo>
                        <a:pt x="5" y="19"/>
                      </a:lnTo>
                      <a:lnTo>
                        <a:pt x="1" y="14"/>
                      </a:lnTo>
                      <a:lnTo>
                        <a:pt x="1" y="10"/>
                      </a:lnTo>
                      <a:lnTo>
                        <a:pt x="0" y="7"/>
                      </a:lnTo>
                      <a:lnTo>
                        <a:pt x="0" y="4"/>
                      </a:lnTo>
                      <a:lnTo>
                        <a:pt x="0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47" name="Freeform 168"/>
                <p:cNvSpPr>
                  <a:spLocks/>
                </p:cNvSpPr>
                <p:nvPr/>
              </p:nvSpPr>
              <p:spPr bwMode="auto">
                <a:xfrm>
                  <a:off x="4905" y="2078"/>
                  <a:ext cx="54" cy="82"/>
                </a:xfrm>
                <a:custGeom>
                  <a:avLst/>
                  <a:gdLst>
                    <a:gd name="T0" fmla="*/ 5 w 54"/>
                    <a:gd name="T1" fmla="*/ 0 h 82"/>
                    <a:gd name="T2" fmla="*/ 5 w 54"/>
                    <a:gd name="T3" fmla="*/ 0 h 82"/>
                    <a:gd name="T4" fmla="*/ 5 w 54"/>
                    <a:gd name="T5" fmla="*/ 0 h 82"/>
                    <a:gd name="T6" fmla="*/ 5 w 54"/>
                    <a:gd name="T7" fmla="*/ 2 h 82"/>
                    <a:gd name="T8" fmla="*/ 7 w 54"/>
                    <a:gd name="T9" fmla="*/ 4 h 82"/>
                    <a:gd name="T10" fmla="*/ 7 w 54"/>
                    <a:gd name="T11" fmla="*/ 7 h 82"/>
                    <a:gd name="T12" fmla="*/ 8 w 54"/>
                    <a:gd name="T13" fmla="*/ 10 h 82"/>
                    <a:gd name="T14" fmla="*/ 10 w 54"/>
                    <a:gd name="T15" fmla="*/ 14 h 82"/>
                    <a:gd name="T16" fmla="*/ 13 w 54"/>
                    <a:gd name="T17" fmla="*/ 19 h 82"/>
                    <a:gd name="T18" fmla="*/ 15 w 54"/>
                    <a:gd name="T19" fmla="*/ 22 h 82"/>
                    <a:gd name="T20" fmla="*/ 17 w 54"/>
                    <a:gd name="T21" fmla="*/ 27 h 82"/>
                    <a:gd name="T22" fmla="*/ 20 w 54"/>
                    <a:gd name="T23" fmla="*/ 32 h 82"/>
                    <a:gd name="T24" fmla="*/ 23 w 54"/>
                    <a:gd name="T25" fmla="*/ 38 h 82"/>
                    <a:gd name="T26" fmla="*/ 25 w 54"/>
                    <a:gd name="T27" fmla="*/ 43 h 82"/>
                    <a:gd name="T28" fmla="*/ 29 w 54"/>
                    <a:gd name="T29" fmla="*/ 48 h 82"/>
                    <a:gd name="T30" fmla="*/ 32 w 54"/>
                    <a:gd name="T31" fmla="*/ 51 h 82"/>
                    <a:gd name="T32" fmla="*/ 35 w 54"/>
                    <a:gd name="T33" fmla="*/ 56 h 82"/>
                    <a:gd name="T34" fmla="*/ 39 w 54"/>
                    <a:gd name="T35" fmla="*/ 60 h 82"/>
                    <a:gd name="T36" fmla="*/ 39 w 54"/>
                    <a:gd name="T37" fmla="*/ 60 h 82"/>
                    <a:gd name="T38" fmla="*/ 40 w 54"/>
                    <a:gd name="T39" fmla="*/ 63 h 82"/>
                    <a:gd name="T40" fmla="*/ 44 w 54"/>
                    <a:gd name="T41" fmla="*/ 66 h 82"/>
                    <a:gd name="T42" fmla="*/ 47 w 54"/>
                    <a:gd name="T43" fmla="*/ 73 h 82"/>
                    <a:gd name="T44" fmla="*/ 52 w 54"/>
                    <a:gd name="T45" fmla="*/ 78 h 82"/>
                    <a:gd name="T46" fmla="*/ 54 w 54"/>
                    <a:gd name="T47" fmla="*/ 82 h 82"/>
                    <a:gd name="T48" fmla="*/ 52 w 54"/>
                    <a:gd name="T49" fmla="*/ 82 h 82"/>
                    <a:gd name="T50" fmla="*/ 45 w 54"/>
                    <a:gd name="T51" fmla="*/ 76 h 82"/>
                    <a:gd name="T52" fmla="*/ 34 w 54"/>
                    <a:gd name="T53" fmla="*/ 65 h 82"/>
                    <a:gd name="T54" fmla="*/ 34 w 54"/>
                    <a:gd name="T55" fmla="*/ 65 h 82"/>
                    <a:gd name="T56" fmla="*/ 34 w 54"/>
                    <a:gd name="T57" fmla="*/ 65 h 82"/>
                    <a:gd name="T58" fmla="*/ 32 w 54"/>
                    <a:gd name="T59" fmla="*/ 63 h 82"/>
                    <a:gd name="T60" fmla="*/ 30 w 54"/>
                    <a:gd name="T61" fmla="*/ 60 h 82"/>
                    <a:gd name="T62" fmla="*/ 27 w 54"/>
                    <a:gd name="T63" fmla="*/ 56 h 82"/>
                    <a:gd name="T64" fmla="*/ 25 w 54"/>
                    <a:gd name="T65" fmla="*/ 53 h 82"/>
                    <a:gd name="T66" fmla="*/ 22 w 54"/>
                    <a:gd name="T67" fmla="*/ 48 h 82"/>
                    <a:gd name="T68" fmla="*/ 18 w 54"/>
                    <a:gd name="T69" fmla="*/ 43 h 82"/>
                    <a:gd name="T70" fmla="*/ 15 w 54"/>
                    <a:gd name="T71" fmla="*/ 38 h 82"/>
                    <a:gd name="T72" fmla="*/ 12 w 54"/>
                    <a:gd name="T73" fmla="*/ 32 h 82"/>
                    <a:gd name="T74" fmla="*/ 10 w 54"/>
                    <a:gd name="T75" fmla="*/ 27 h 82"/>
                    <a:gd name="T76" fmla="*/ 7 w 54"/>
                    <a:gd name="T77" fmla="*/ 22 h 82"/>
                    <a:gd name="T78" fmla="*/ 5 w 54"/>
                    <a:gd name="T79" fmla="*/ 19 h 82"/>
                    <a:gd name="T80" fmla="*/ 1 w 54"/>
                    <a:gd name="T81" fmla="*/ 14 h 82"/>
                    <a:gd name="T82" fmla="*/ 1 w 54"/>
                    <a:gd name="T83" fmla="*/ 10 h 82"/>
                    <a:gd name="T84" fmla="*/ 0 w 54"/>
                    <a:gd name="T85" fmla="*/ 7 h 82"/>
                    <a:gd name="T86" fmla="*/ 0 w 54"/>
                    <a:gd name="T87" fmla="*/ 4 h 82"/>
                    <a:gd name="T88" fmla="*/ 0 w 54"/>
                    <a:gd name="T89" fmla="*/ 4 h 82"/>
                    <a:gd name="T90" fmla="*/ 0 w 54"/>
                    <a:gd name="T91" fmla="*/ 2 h 82"/>
                    <a:gd name="T92" fmla="*/ 1 w 54"/>
                    <a:gd name="T93" fmla="*/ 0 h 82"/>
                    <a:gd name="T94" fmla="*/ 3 w 54"/>
                    <a:gd name="T95" fmla="*/ 0 h 82"/>
                    <a:gd name="T96" fmla="*/ 5 w 54"/>
                    <a:gd name="T97" fmla="*/ 0 h 82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w 54"/>
                    <a:gd name="T148" fmla="*/ 0 h 82"/>
                    <a:gd name="T149" fmla="*/ 54 w 54"/>
                    <a:gd name="T150" fmla="*/ 82 h 82"/>
                  </a:gdLst>
                  <a:ahLst/>
                  <a:cxnLst>
                    <a:cxn ang="T98">
                      <a:pos x="T0" y="T1"/>
                    </a:cxn>
                    <a:cxn ang="T99">
                      <a:pos x="T2" y="T3"/>
                    </a:cxn>
                    <a:cxn ang="T100">
                      <a:pos x="T4" y="T5"/>
                    </a:cxn>
                    <a:cxn ang="T101">
                      <a:pos x="T6" y="T7"/>
                    </a:cxn>
                    <a:cxn ang="T102">
                      <a:pos x="T8" y="T9"/>
                    </a:cxn>
                    <a:cxn ang="T103">
                      <a:pos x="T10" y="T11"/>
                    </a:cxn>
                    <a:cxn ang="T104">
                      <a:pos x="T12" y="T13"/>
                    </a:cxn>
                    <a:cxn ang="T105">
                      <a:pos x="T14" y="T15"/>
                    </a:cxn>
                    <a:cxn ang="T106">
                      <a:pos x="T16" y="T17"/>
                    </a:cxn>
                    <a:cxn ang="T107">
                      <a:pos x="T18" y="T19"/>
                    </a:cxn>
                    <a:cxn ang="T108">
                      <a:pos x="T20" y="T21"/>
                    </a:cxn>
                    <a:cxn ang="T109">
                      <a:pos x="T22" y="T23"/>
                    </a:cxn>
                    <a:cxn ang="T110">
                      <a:pos x="T24" y="T25"/>
                    </a:cxn>
                    <a:cxn ang="T111">
                      <a:pos x="T26" y="T27"/>
                    </a:cxn>
                    <a:cxn ang="T112">
                      <a:pos x="T28" y="T29"/>
                    </a:cxn>
                    <a:cxn ang="T113">
                      <a:pos x="T30" y="T31"/>
                    </a:cxn>
                    <a:cxn ang="T114">
                      <a:pos x="T32" y="T33"/>
                    </a:cxn>
                    <a:cxn ang="T115">
                      <a:pos x="T34" y="T35"/>
                    </a:cxn>
                    <a:cxn ang="T116">
                      <a:pos x="T36" y="T37"/>
                    </a:cxn>
                    <a:cxn ang="T117">
                      <a:pos x="T38" y="T39"/>
                    </a:cxn>
                    <a:cxn ang="T118">
                      <a:pos x="T40" y="T41"/>
                    </a:cxn>
                    <a:cxn ang="T119">
                      <a:pos x="T42" y="T43"/>
                    </a:cxn>
                    <a:cxn ang="T120">
                      <a:pos x="T44" y="T45"/>
                    </a:cxn>
                    <a:cxn ang="T121">
                      <a:pos x="T46" y="T47"/>
                    </a:cxn>
                    <a:cxn ang="T122">
                      <a:pos x="T48" y="T49"/>
                    </a:cxn>
                    <a:cxn ang="T123">
                      <a:pos x="T50" y="T51"/>
                    </a:cxn>
                    <a:cxn ang="T124">
                      <a:pos x="T52" y="T53"/>
                    </a:cxn>
                    <a:cxn ang="T125">
                      <a:pos x="T54" y="T55"/>
                    </a:cxn>
                    <a:cxn ang="T126">
                      <a:pos x="T56" y="T57"/>
                    </a:cxn>
                    <a:cxn ang="T127">
                      <a:pos x="T58" y="T59"/>
                    </a:cxn>
                    <a:cxn ang="T128">
                      <a:pos x="T60" y="T61"/>
                    </a:cxn>
                    <a:cxn ang="T129">
                      <a:pos x="T62" y="T63"/>
                    </a:cxn>
                    <a:cxn ang="T130">
                      <a:pos x="T64" y="T65"/>
                    </a:cxn>
                    <a:cxn ang="T131">
                      <a:pos x="T66" y="T67"/>
                    </a:cxn>
                    <a:cxn ang="T132">
                      <a:pos x="T68" y="T69"/>
                    </a:cxn>
                    <a:cxn ang="T133">
                      <a:pos x="T70" y="T71"/>
                    </a:cxn>
                    <a:cxn ang="T134">
                      <a:pos x="T72" y="T73"/>
                    </a:cxn>
                    <a:cxn ang="T135">
                      <a:pos x="T74" y="T75"/>
                    </a:cxn>
                    <a:cxn ang="T136">
                      <a:pos x="T76" y="T77"/>
                    </a:cxn>
                    <a:cxn ang="T137">
                      <a:pos x="T78" y="T79"/>
                    </a:cxn>
                    <a:cxn ang="T138">
                      <a:pos x="T80" y="T81"/>
                    </a:cxn>
                    <a:cxn ang="T139">
                      <a:pos x="T82" y="T83"/>
                    </a:cxn>
                    <a:cxn ang="T140">
                      <a:pos x="T84" y="T85"/>
                    </a:cxn>
                    <a:cxn ang="T141">
                      <a:pos x="T86" y="T87"/>
                    </a:cxn>
                    <a:cxn ang="T142">
                      <a:pos x="T88" y="T89"/>
                    </a:cxn>
                    <a:cxn ang="T143">
                      <a:pos x="T90" y="T91"/>
                    </a:cxn>
                    <a:cxn ang="T144">
                      <a:pos x="T92" y="T93"/>
                    </a:cxn>
                    <a:cxn ang="T145">
                      <a:pos x="T94" y="T95"/>
                    </a:cxn>
                    <a:cxn ang="T146">
                      <a:pos x="T96" y="T97"/>
                    </a:cxn>
                  </a:cxnLst>
                  <a:rect l="T147" t="T148" r="T149" b="T150"/>
                  <a:pathLst>
                    <a:path w="54" h="82">
                      <a:moveTo>
                        <a:pt x="5" y="0"/>
                      </a:moveTo>
                      <a:lnTo>
                        <a:pt x="5" y="0"/>
                      </a:lnTo>
                      <a:lnTo>
                        <a:pt x="5" y="2"/>
                      </a:lnTo>
                      <a:lnTo>
                        <a:pt x="7" y="4"/>
                      </a:lnTo>
                      <a:lnTo>
                        <a:pt x="7" y="7"/>
                      </a:lnTo>
                      <a:lnTo>
                        <a:pt x="8" y="10"/>
                      </a:lnTo>
                      <a:lnTo>
                        <a:pt x="10" y="14"/>
                      </a:lnTo>
                      <a:lnTo>
                        <a:pt x="13" y="19"/>
                      </a:lnTo>
                      <a:lnTo>
                        <a:pt x="15" y="22"/>
                      </a:lnTo>
                      <a:lnTo>
                        <a:pt x="17" y="27"/>
                      </a:lnTo>
                      <a:lnTo>
                        <a:pt x="20" y="32"/>
                      </a:lnTo>
                      <a:lnTo>
                        <a:pt x="23" y="38"/>
                      </a:lnTo>
                      <a:lnTo>
                        <a:pt x="25" y="43"/>
                      </a:lnTo>
                      <a:lnTo>
                        <a:pt x="29" y="48"/>
                      </a:lnTo>
                      <a:lnTo>
                        <a:pt x="32" y="51"/>
                      </a:lnTo>
                      <a:lnTo>
                        <a:pt x="35" y="56"/>
                      </a:lnTo>
                      <a:lnTo>
                        <a:pt x="39" y="60"/>
                      </a:lnTo>
                      <a:lnTo>
                        <a:pt x="40" y="63"/>
                      </a:lnTo>
                      <a:lnTo>
                        <a:pt x="44" y="66"/>
                      </a:lnTo>
                      <a:lnTo>
                        <a:pt x="47" y="73"/>
                      </a:lnTo>
                      <a:lnTo>
                        <a:pt x="52" y="78"/>
                      </a:lnTo>
                      <a:lnTo>
                        <a:pt x="54" y="82"/>
                      </a:lnTo>
                      <a:lnTo>
                        <a:pt x="52" y="82"/>
                      </a:lnTo>
                      <a:lnTo>
                        <a:pt x="45" y="76"/>
                      </a:lnTo>
                      <a:lnTo>
                        <a:pt x="34" y="65"/>
                      </a:lnTo>
                      <a:lnTo>
                        <a:pt x="32" y="63"/>
                      </a:lnTo>
                      <a:lnTo>
                        <a:pt x="30" y="60"/>
                      </a:lnTo>
                      <a:lnTo>
                        <a:pt x="27" y="56"/>
                      </a:lnTo>
                      <a:lnTo>
                        <a:pt x="25" y="53"/>
                      </a:lnTo>
                      <a:lnTo>
                        <a:pt x="22" y="48"/>
                      </a:lnTo>
                      <a:lnTo>
                        <a:pt x="18" y="43"/>
                      </a:lnTo>
                      <a:lnTo>
                        <a:pt x="15" y="38"/>
                      </a:lnTo>
                      <a:lnTo>
                        <a:pt x="12" y="32"/>
                      </a:lnTo>
                      <a:lnTo>
                        <a:pt x="10" y="27"/>
                      </a:lnTo>
                      <a:lnTo>
                        <a:pt x="7" y="22"/>
                      </a:lnTo>
                      <a:lnTo>
                        <a:pt x="5" y="19"/>
                      </a:lnTo>
                      <a:lnTo>
                        <a:pt x="1" y="14"/>
                      </a:lnTo>
                      <a:lnTo>
                        <a:pt x="1" y="10"/>
                      </a:lnTo>
                      <a:lnTo>
                        <a:pt x="0" y="7"/>
                      </a:lnTo>
                      <a:lnTo>
                        <a:pt x="0" y="4"/>
                      </a:lnTo>
                      <a:lnTo>
                        <a:pt x="0" y="2"/>
                      </a:lnTo>
                      <a:lnTo>
                        <a:pt x="1" y="0"/>
                      </a:lnTo>
                      <a:lnTo>
                        <a:pt x="3" y="0"/>
                      </a:lnTo>
                      <a:lnTo>
                        <a:pt x="5" y="0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48" name="Freeform 169"/>
                <p:cNvSpPr>
                  <a:spLocks/>
                </p:cNvSpPr>
                <p:nvPr/>
              </p:nvSpPr>
              <p:spPr bwMode="auto">
                <a:xfrm>
                  <a:off x="4956" y="2165"/>
                  <a:ext cx="20" cy="72"/>
                </a:xfrm>
                <a:custGeom>
                  <a:avLst/>
                  <a:gdLst>
                    <a:gd name="T0" fmla="*/ 8 w 20"/>
                    <a:gd name="T1" fmla="*/ 0 h 72"/>
                    <a:gd name="T2" fmla="*/ 18 w 20"/>
                    <a:gd name="T3" fmla="*/ 18 h 72"/>
                    <a:gd name="T4" fmla="*/ 20 w 20"/>
                    <a:gd name="T5" fmla="*/ 67 h 72"/>
                    <a:gd name="T6" fmla="*/ 3 w 20"/>
                    <a:gd name="T7" fmla="*/ 72 h 72"/>
                    <a:gd name="T8" fmla="*/ 0 w 20"/>
                    <a:gd name="T9" fmla="*/ 71 h 72"/>
                    <a:gd name="T10" fmla="*/ 15 w 20"/>
                    <a:gd name="T11" fmla="*/ 55 h 72"/>
                    <a:gd name="T12" fmla="*/ 13 w 20"/>
                    <a:gd name="T13" fmla="*/ 22 h 72"/>
                    <a:gd name="T14" fmla="*/ 3 w 20"/>
                    <a:gd name="T15" fmla="*/ 3 h 72"/>
                    <a:gd name="T16" fmla="*/ 8 w 20"/>
                    <a:gd name="T17" fmla="*/ 0 h 72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60000 65536"/>
                    <a:gd name="T25" fmla="*/ 0 60000 65536"/>
                    <a:gd name="T26" fmla="*/ 0 60000 65536"/>
                    <a:gd name="T27" fmla="*/ 0 w 20"/>
                    <a:gd name="T28" fmla="*/ 0 h 72"/>
                    <a:gd name="T29" fmla="*/ 20 w 20"/>
                    <a:gd name="T30" fmla="*/ 72 h 72"/>
                  </a:gdLst>
                  <a:ahLst/>
                  <a:cxnLst>
                    <a:cxn ang="T18">
                      <a:pos x="T0" y="T1"/>
                    </a:cxn>
                    <a:cxn ang="T19">
                      <a:pos x="T2" y="T3"/>
                    </a:cxn>
                    <a:cxn ang="T20">
                      <a:pos x="T4" y="T5"/>
                    </a:cxn>
                    <a:cxn ang="T21">
                      <a:pos x="T6" y="T7"/>
                    </a:cxn>
                    <a:cxn ang="T22">
                      <a:pos x="T8" y="T9"/>
                    </a:cxn>
                    <a:cxn ang="T23">
                      <a:pos x="T10" y="T11"/>
                    </a:cxn>
                    <a:cxn ang="T24">
                      <a:pos x="T12" y="T13"/>
                    </a:cxn>
                    <a:cxn ang="T25">
                      <a:pos x="T14" y="T15"/>
                    </a:cxn>
                    <a:cxn ang="T26">
                      <a:pos x="T16" y="T17"/>
                    </a:cxn>
                  </a:cxnLst>
                  <a:rect l="T27" t="T28" r="T29" b="T30"/>
                  <a:pathLst>
                    <a:path w="20" h="72">
                      <a:moveTo>
                        <a:pt x="8" y="0"/>
                      </a:moveTo>
                      <a:lnTo>
                        <a:pt x="18" y="18"/>
                      </a:lnTo>
                      <a:lnTo>
                        <a:pt x="20" y="67"/>
                      </a:lnTo>
                      <a:lnTo>
                        <a:pt x="3" y="72"/>
                      </a:lnTo>
                      <a:lnTo>
                        <a:pt x="0" y="71"/>
                      </a:lnTo>
                      <a:lnTo>
                        <a:pt x="15" y="55"/>
                      </a:lnTo>
                      <a:lnTo>
                        <a:pt x="13" y="22"/>
                      </a:lnTo>
                      <a:lnTo>
                        <a:pt x="3" y="3"/>
                      </a:lnTo>
                      <a:lnTo>
                        <a:pt x="8" y="0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49" name="Freeform 170"/>
                <p:cNvSpPr>
                  <a:spLocks/>
                </p:cNvSpPr>
                <p:nvPr/>
              </p:nvSpPr>
              <p:spPr bwMode="auto">
                <a:xfrm>
                  <a:off x="4956" y="2165"/>
                  <a:ext cx="20" cy="72"/>
                </a:xfrm>
                <a:custGeom>
                  <a:avLst/>
                  <a:gdLst>
                    <a:gd name="T0" fmla="*/ 8 w 20"/>
                    <a:gd name="T1" fmla="*/ 0 h 72"/>
                    <a:gd name="T2" fmla="*/ 18 w 20"/>
                    <a:gd name="T3" fmla="*/ 18 h 72"/>
                    <a:gd name="T4" fmla="*/ 20 w 20"/>
                    <a:gd name="T5" fmla="*/ 67 h 72"/>
                    <a:gd name="T6" fmla="*/ 3 w 20"/>
                    <a:gd name="T7" fmla="*/ 72 h 72"/>
                    <a:gd name="T8" fmla="*/ 0 w 20"/>
                    <a:gd name="T9" fmla="*/ 71 h 72"/>
                    <a:gd name="T10" fmla="*/ 15 w 20"/>
                    <a:gd name="T11" fmla="*/ 55 h 72"/>
                    <a:gd name="T12" fmla="*/ 13 w 20"/>
                    <a:gd name="T13" fmla="*/ 22 h 72"/>
                    <a:gd name="T14" fmla="*/ 3 w 20"/>
                    <a:gd name="T15" fmla="*/ 3 h 72"/>
                    <a:gd name="T16" fmla="*/ 8 w 20"/>
                    <a:gd name="T17" fmla="*/ 0 h 72"/>
                    <a:gd name="T18" fmla="*/ 0 60000 65536"/>
                    <a:gd name="T19" fmla="*/ 0 60000 65536"/>
                    <a:gd name="T20" fmla="*/ 0 60000 65536"/>
                    <a:gd name="T21" fmla="*/ 0 60000 65536"/>
                    <a:gd name="T22" fmla="*/ 0 60000 65536"/>
                    <a:gd name="T23" fmla="*/ 0 60000 65536"/>
                    <a:gd name="T24" fmla="*/ 0 60000 65536"/>
                    <a:gd name="T25" fmla="*/ 0 60000 65536"/>
                    <a:gd name="T26" fmla="*/ 0 60000 65536"/>
                    <a:gd name="T27" fmla="*/ 0 w 20"/>
                    <a:gd name="T28" fmla="*/ 0 h 72"/>
                    <a:gd name="T29" fmla="*/ 20 w 20"/>
                    <a:gd name="T30" fmla="*/ 72 h 72"/>
                  </a:gdLst>
                  <a:ahLst/>
                  <a:cxnLst>
                    <a:cxn ang="T18">
                      <a:pos x="T0" y="T1"/>
                    </a:cxn>
                    <a:cxn ang="T19">
                      <a:pos x="T2" y="T3"/>
                    </a:cxn>
                    <a:cxn ang="T20">
                      <a:pos x="T4" y="T5"/>
                    </a:cxn>
                    <a:cxn ang="T21">
                      <a:pos x="T6" y="T7"/>
                    </a:cxn>
                    <a:cxn ang="T22">
                      <a:pos x="T8" y="T9"/>
                    </a:cxn>
                    <a:cxn ang="T23">
                      <a:pos x="T10" y="T11"/>
                    </a:cxn>
                    <a:cxn ang="T24">
                      <a:pos x="T12" y="T13"/>
                    </a:cxn>
                    <a:cxn ang="T25">
                      <a:pos x="T14" y="T15"/>
                    </a:cxn>
                    <a:cxn ang="T26">
                      <a:pos x="T16" y="T17"/>
                    </a:cxn>
                  </a:cxnLst>
                  <a:rect l="T27" t="T28" r="T29" b="T30"/>
                  <a:pathLst>
                    <a:path w="20" h="72">
                      <a:moveTo>
                        <a:pt x="8" y="0"/>
                      </a:moveTo>
                      <a:lnTo>
                        <a:pt x="18" y="18"/>
                      </a:lnTo>
                      <a:lnTo>
                        <a:pt x="20" y="67"/>
                      </a:lnTo>
                      <a:lnTo>
                        <a:pt x="3" y="72"/>
                      </a:lnTo>
                      <a:lnTo>
                        <a:pt x="0" y="71"/>
                      </a:lnTo>
                      <a:lnTo>
                        <a:pt x="15" y="55"/>
                      </a:lnTo>
                      <a:lnTo>
                        <a:pt x="13" y="22"/>
                      </a:lnTo>
                      <a:lnTo>
                        <a:pt x="3" y="3"/>
                      </a:lnTo>
                      <a:lnTo>
                        <a:pt x="8" y="0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621" name="Freeform 171"/>
              <p:cNvSpPr>
                <a:spLocks/>
              </p:cNvSpPr>
              <p:nvPr/>
            </p:nvSpPr>
            <p:spPr bwMode="auto">
              <a:xfrm>
                <a:off x="420" y="850"/>
                <a:ext cx="638" cy="473"/>
              </a:xfrm>
              <a:custGeom>
                <a:avLst/>
                <a:gdLst>
                  <a:gd name="T0" fmla="*/ 18 w 656"/>
                  <a:gd name="T1" fmla="*/ 20 h 487"/>
                  <a:gd name="T2" fmla="*/ 44 w 656"/>
                  <a:gd name="T3" fmla="*/ 44 h 487"/>
                  <a:gd name="T4" fmla="*/ 65 w 656"/>
                  <a:gd name="T5" fmla="*/ 51 h 487"/>
                  <a:gd name="T6" fmla="*/ 79 w 656"/>
                  <a:gd name="T7" fmla="*/ 58 h 487"/>
                  <a:gd name="T8" fmla="*/ 109 w 656"/>
                  <a:gd name="T9" fmla="*/ 70 h 487"/>
                  <a:gd name="T10" fmla="*/ 117 w 656"/>
                  <a:gd name="T11" fmla="*/ 81 h 487"/>
                  <a:gd name="T12" fmla="*/ 112 w 656"/>
                  <a:gd name="T13" fmla="*/ 94 h 487"/>
                  <a:gd name="T14" fmla="*/ 109 w 656"/>
                  <a:gd name="T15" fmla="*/ 94 h 487"/>
                  <a:gd name="T16" fmla="*/ 85 w 656"/>
                  <a:gd name="T17" fmla="*/ 127 h 487"/>
                  <a:gd name="T18" fmla="*/ 98 w 656"/>
                  <a:gd name="T19" fmla="*/ 108 h 487"/>
                  <a:gd name="T20" fmla="*/ 112 w 656"/>
                  <a:gd name="T21" fmla="*/ 112 h 487"/>
                  <a:gd name="T22" fmla="*/ 101 w 656"/>
                  <a:gd name="T23" fmla="*/ 144 h 487"/>
                  <a:gd name="T24" fmla="*/ 101 w 656"/>
                  <a:gd name="T25" fmla="*/ 137 h 487"/>
                  <a:gd name="T26" fmla="*/ 93 w 656"/>
                  <a:gd name="T27" fmla="*/ 139 h 487"/>
                  <a:gd name="T28" fmla="*/ 91 w 656"/>
                  <a:gd name="T29" fmla="*/ 130 h 487"/>
                  <a:gd name="T30" fmla="*/ 77 w 656"/>
                  <a:gd name="T31" fmla="*/ 145 h 487"/>
                  <a:gd name="T32" fmla="*/ 89 w 656"/>
                  <a:gd name="T33" fmla="*/ 148 h 487"/>
                  <a:gd name="T34" fmla="*/ 97 w 656"/>
                  <a:gd name="T35" fmla="*/ 152 h 487"/>
                  <a:gd name="T36" fmla="*/ 114 w 656"/>
                  <a:gd name="T37" fmla="*/ 144 h 487"/>
                  <a:gd name="T38" fmla="*/ 144 w 656"/>
                  <a:gd name="T39" fmla="*/ 84 h 487"/>
                  <a:gd name="T40" fmla="*/ 129 w 656"/>
                  <a:gd name="T41" fmla="*/ 68 h 487"/>
                  <a:gd name="T42" fmla="*/ 133 w 656"/>
                  <a:gd name="T43" fmla="*/ 39 h 487"/>
                  <a:gd name="T44" fmla="*/ 144 w 656"/>
                  <a:gd name="T45" fmla="*/ 25 h 487"/>
                  <a:gd name="T46" fmla="*/ 141 w 656"/>
                  <a:gd name="T47" fmla="*/ 3 h 487"/>
                  <a:gd name="T48" fmla="*/ 181 w 656"/>
                  <a:gd name="T49" fmla="*/ 17 h 487"/>
                  <a:gd name="T50" fmla="*/ 252 w 656"/>
                  <a:gd name="T51" fmla="*/ 37 h 487"/>
                  <a:gd name="T52" fmla="*/ 342 w 656"/>
                  <a:gd name="T53" fmla="*/ 57 h 487"/>
                  <a:gd name="T54" fmla="*/ 443 w 656"/>
                  <a:gd name="T55" fmla="*/ 79 h 487"/>
                  <a:gd name="T56" fmla="*/ 440 w 656"/>
                  <a:gd name="T57" fmla="*/ 105 h 487"/>
                  <a:gd name="T58" fmla="*/ 427 w 656"/>
                  <a:gd name="T59" fmla="*/ 160 h 487"/>
                  <a:gd name="T60" fmla="*/ 412 w 656"/>
                  <a:gd name="T61" fmla="*/ 225 h 487"/>
                  <a:gd name="T62" fmla="*/ 403 w 656"/>
                  <a:gd name="T63" fmla="*/ 271 h 487"/>
                  <a:gd name="T64" fmla="*/ 400 w 656"/>
                  <a:gd name="T65" fmla="*/ 307 h 487"/>
                  <a:gd name="T66" fmla="*/ 281 w 656"/>
                  <a:gd name="T67" fmla="*/ 296 h 487"/>
                  <a:gd name="T68" fmla="*/ 260 w 656"/>
                  <a:gd name="T69" fmla="*/ 298 h 487"/>
                  <a:gd name="T70" fmla="*/ 241 w 656"/>
                  <a:gd name="T71" fmla="*/ 292 h 487"/>
                  <a:gd name="T72" fmla="*/ 219 w 656"/>
                  <a:gd name="T73" fmla="*/ 296 h 487"/>
                  <a:gd name="T74" fmla="*/ 185 w 656"/>
                  <a:gd name="T75" fmla="*/ 296 h 487"/>
                  <a:gd name="T76" fmla="*/ 165 w 656"/>
                  <a:gd name="T77" fmla="*/ 294 h 487"/>
                  <a:gd name="T78" fmla="*/ 142 w 656"/>
                  <a:gd name="T79" fmla="*/ 289 h 487"/>
                  <a:gd name="T80" fmla="*/ 114 w 656"/>
                  <a:gd name="T81" fmla="*/ 278 h 487"/>
                  <a:gd name="T82" fmla="*/ 91 w 656"/>
                  <a:gd name="T83" fmla="*/ 281 h 487"/>
                  <a:gd name="T84" fmla="*/ 71 w 656"/>
                  <a:gd name="T85" fmla="*/ 276 h 487"/>
                  <a:gd name="T86" fmla="*/ 61 w 656"/>
                  <a:gd name="T87" fmla="*/ 269 h 487"/>
                  <a:gd name="T88" fmla="*/ 60 w 656"/>
                  <a:gd name="T89" fmla="*/ 252 h 487"/>
                  <a:gd name="T90" fmla="*/ 55 w 656"/>
                  <a:gd name="T91" fmla="*/ 227 h 487"/>
                  <a:gd name="T92" fmla="*/ 43 w 656"/>
                  <a:gd name="T93" fmla="*/ 219 h 487"/>
                  <a:gd name="T94" fmla="*/ 40 w 656"/>
                  <a:gd name="T95" fmla="*/ 214 h 487"/>
                  <a:gd name="T96" fmla="*/ 25 w 656"/>
                  <a:gd name="T97" fmla="*/ 203 h 487"/>
                  <a:gd name="T98" fmla="*/ 11 w 656"/>
                  <a:gd name="T99" fmla="*/ 200 h 487"/>
                  <a:gd name="T100" fmla="*/ 0 w 656"/>
                  <a:gd name="T101" fmla="*/ 195 h 487"/>
                  <a:gd name="T102" fmla="*/ 5 w 656"/>
                  <a:gd name="T103" fmla="*/ 180 h 487"/>
                  <a:gd name="T104" fmla="*/ 15 w 656"/>
                  <a:gd name="T105" fmla="*/ 171 h 487"/>
                  <a:gd name="T106" fmla="*/ 11 w 656"/>
                  <a:gd name="T107" fmla="*/ 184 h 487"/>
                  <a:gd name="T108" fmla="*/ 15 w 656"/>
                  <a:gd name="T109" fmla="*/ 188 h 487"/>
                  <a:gd name="T110" fmla="*/ 18 w 656"/>
                  <a:gd name="T111" fmla="*/ 166 h 487"/>
                  <a:gd name="T112" fmla="*/ 18 w 656"/>
                  <a:gd name="T113" fmla="*/ 148 h 487"/>
                  <a:gd name="T114" fmla="*/ 18 w 656"/>
                  <a:gd name="T115" fmla="*/ 142 h 487"/>
                  <a:gd name="T116" fmla="*/ 18 w 656"/>
                  <a:gd name="T117" fmla="*/ 118 h 487"/>
                  <a:gd name="T118" fmla="*/ 18 w 656"/>
                  <a:gd name="T119" fmla="*/ 89 h 487"/>
                  <a:gd name="T120" fmla="*/ 17 w 656"/>
                  <a:gd name="T121" fmla="*/ 64 h 487"/>
                  <a:gd name="T122" fmla="*/ 15 w 656"/>
                  <a:gd name="T123" fmla="*/ 38 h 487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60000 65536"/>
                  <a:gd name="T178" fmla="*/ 0 60000 65536"/>
                  <a:gd name="T179" fmla="*/ 0 60000 65536"/>
                  <a:gd name="T180" fmla="*/ 0 60000 65536"/>
                  <a:gd name="T181" fmla="*/ 0 60000 65536"/>
                  <a:gd name="T182" fmla="*/ 0 60000 65536"/>
                  <a:gd name="T183" fmla="*/ 0 60000 65536"/>
                  <a:gd name="T184" fmla="*/ 0 60000 65536"/>
                  <a:gd name="T185" fmla="*/ 0 60000 65536"/>
                  <a:gd name="T186" fmla="*/ 0 w 656"/>
                  <a:gd name="T187" fmla="*/ 0 h 487"/>
                  <a:gd name="T188" fmla="*/ 656 w 656"/>
                  <a:gd name="T189" fmla="*/ 487 h 487"/>
                </a:gdLst>
                <a:ahLst/>
                <a:cxnLst>
                  <a:cxn ang="T124">
                    <a:pos x="T0" y="T1"/>
                  </a:cxn>
                  <a:cxn ang="T125">
                    <a:pos x="T2" y="T3"/>
                  </a:cxn>
                  <a:cxn ang="T126">
                    <a:pos x="T4" y="T5"/>
                  </a:cxn>
                  <a:cxn ang="T127">
                    <a:pos x="T6" y="T7"/>
                  </a:cxn>
                  <a:cxn ang="T128">
                    <a:pos x="T8" y="T9"/>
                  </a:cxn>
                  <a:cxn ang="T129">
                    <a:pos x="T10" y="T11"/>
                  </a:cxn>
                  <a:cxn ang="T130">
                    <a:pos x="T12" y="T13"/>
                  </a:cxn>
                  <a:cxn ang="T131">
                    <a:pos x="T14" y="T15"/>
                  </a:cxn>
                  <a:cxn ang="T132">
                    <a:pos x="T16" y="T17"/>
                  </a:cxn>
                  <a:cxn ang="T133">
                    <a:pos x="T18" y="T19"/>
                  </a:cxn>
                  <a:cxn ang="T134">
                    <a:pos x="T20" y="T21"/>
                  </a:cxn>
                  <a:cxn ang="T135">
                    <a:pos x="T22" y="T23"/>
                  </a:cxn>
                  <a:cxn ang="T136">
                    <a:pos x="T24" y="T25"/>
                  </a:cxn>
                  <a:cxn ang="T137">
                    <a:pos x="T26" y="T27"/>
                  </a:cxn>
                  <a:cxn ang="T138">
                    <a:pos x="T28" y="T29"/>
                  </a:cxn>
                  <a:cxn ang="T139">
                    <a:pos x="T30" y="T31"/>
                  </a:cxn>
                  <a:cxn ang="T140">
                    <a:pos x="T32" y="T33"/>
                  </a:cxn>
                  <a:cxn ang="T141">
                    <a:pos x="T34" y="T35"/>
                  </a:cxn>
                  <a:cxn ang="T142">
                    <a:pos x="T36" y="T37"/>
                  </a:cxn>
                  <a:cxn ang="T143">
                    <a:pos x="T38" y="T39"/>
                  </a:cxn>
                  <a:cxn ang="T144">
                    <a:pos x="T40" y="T41"/>
                  </a:cxn>
                  <a:cxn ang="T145">
                    <a:pos x="T42" y="T43"/>
                  </a:cxn>
                  <a:cxn ang="T146">
                    <a:pos x="T44" y="T45"/>
                  </a:cxn>
                  <a:cxn ang="T147">
                    <a:pos x="T46" y="T47"/>
                  </a:cxn>
                  <a:cxn ang="T148">
                    <a:pos x="T48" y="T49"/>
                  </a:cxn>
                  <a:cxn ang="T149">
                    <a:pos x="T50" y="T51"/>
                  </a:cxn>
                  <a:cxn ang="T150">
                    <a:pos x="T52" y="T53"/>
                  </a:cxn>
                  <a:cxn ang="T151">
                    <a:pos x="T54" y="T55"/>
                  </a:cxn>
                  <a:cxn ang="T152">
                    <a:pos x="T56" y="T57"/>
                  </a:cxn>
                  <a:cxn ang="T153">
                    <a:pos x="T58" y="T59"/>
                  </a:cxn>
                  <a:cxn ang="T154">
                    <a:pos x="T60" y="T61"/>
                  </a:cxn>
                  <a:cxn ang="T155">
                    <a:pos x="T62" y="T63"/>
                  </a:cxn>
                  <a:cxn ang="T156">
                    <a:pos x="T64" y="T65"/>
                  </a:cxn>
                  <a:cxn ang="T157">
                    <a:pos x="T66" y="T67"/>
                  </a:cxn>
                  <a:cxn ang="T158">
                    <a:pos x="T68" y="T69"/>
                  </a:cxn>
                  <a:cxn ang="T159">
                    <a:pos x="T70" y="T71"/>
                  </a:cxn>
                  <a:cxn ang="T160">
                    <a:pos x="T72" y="T73"/>
                  </a:cxn>
                  <a:cxn ang="T161">
                    <a:pos x="T74" y="T75"/>
                  </a:cxn>
                  <a:cxn ang="T162">
                    <a:pos x="T76" y="T77"/>
                  </a:cxn>
                  <a:cxn ang="T163">
                    <a:pos x="T78" y="T79"/>
                  </a:cxn>
                  <a:cxn ang="T164">
                    <a:pos x="T80" y="T81"/>
                  </a:cxn>
                  <a:cxn ang="T165">
                    <a:pos x="T82" y="T83"/>
                  </a:cxn>
                  <a:cxn ang="T166">
                    <a:pos x="T84" y="T85"/>
                  </a:cxn>
                  <a:cxn ang="T167">
                    <a:pos x="T86" y="T87"/>
                  </a:cxn>
                  <a:cxn ang="T168">
                    <a:pos x="T88" y="T89"/>
                  </a:cxn>
                  <a:cxn ang="T169">
                    <a:pos x="T90" y="T91"/>
                  </a:cxn>
                  <a:cxn ang="T170">
                    <a:pos x="T92" y="T93"/>
                  </a:cxn>
                  <a:cxn ang="T171">
                    <a:pos x="T94" y="T95"/>
                  </a:cxn>
                  <a:cxn ang="T172">
                    <a:pos x="T96" y="T97"/>
                  </a:cxn>
                  <a:cxn ang="T173">
                    <a:pos x="T98" y="T99"/>
                  </a:cxn>
                  <a:cxn ang="T174">
                    <a:pos x="T100" y="T101"/>
                  </a:cxn>
                  <a:cxn ang="T175">
                    <a:pos x="T102" y="T103"/>
                  </a:cxn>
                  <a:cxn ang="T176">
                    <a:pos x="T104" y="T105"/>
                  </a:cxn>
                  <a:cxn ang="T177">
                    <a:pos x="T106" y="T107"/>
                  </a:cxn>
                  <a:cxn ang="T178">
                    <a:pos x="T108" y="T109"/>
                  </a:cxn>
                  <a:cxn ang="T179">
                    <a:pos x="T110" y="T111"/>
                  </a:cxn>
                  <a:cxn ang="T180">
                    <a:pos x="T112" y="T113"/>
                  </a:cxn>
                  <a:cxn ang="T181">
                    <a:pos x="T114" y="T115"/>
                  </a:cxn>
                  <a:cxn ang="T182">
                    <a:pos x="T116" y="T117"/>
                  </a:cxn>
                  <a:cxn ang="T183">
                    <a:pos x="T118" y="T119"/>
                  </a:cxn>
                  <a:cxn ang="T184">
                    <a:pos x="T120" y="T121"/>
                  </a:cxn>
                  <a:cxn ang="T185">
                    <a:pos x="T122" y="T123"/>
                  </a:cxn>
                </a:cxnLst>
                <a:rect l="T186" t="T187" r="T188" b="T189"/>
                <a:pathLst>
                  <a:path w="656" h="487">
                    <a:moveTo>
                      <a:pt x="22" y="41"/>
                    </a:moveTo>
                    <a:lnTo>
                      <a:pt x="23" y="36"/>
                    </a:lnTo>
                    <a:lnTo>
                      <a:pt x="22" y="27"/>
                    </a:lnTo>
                    <a:lnTo>
                      <a:pt x="22" y="29"/>
                    </a:lnTo>
                    <a:lnTo>
                      <a:pt x="23" y="29"/>
                    </a:lnTo>
                    <a:lnTo>
                      <a:pt x="25" y="32"/>
                    </a:lnTo>
                    <a:lnTo>
                      <a:pt x="28" y="34"/>
                    </a:lnTo>
                    <a:lnTo>
                      <a:pt x="32" y="39"/>
                    </a:lnTo>
                    <a:lnTo>
                      <a:pt x="37" y="42"/>
                    </a:lnTo>
                    <a:lnTo>
                      <a:pt x="40" y="46"/>
                    </a:lnTo>
                    <a:lnTo>
                      <a:pt x="45" y="51"/>
                    </a:lnTo>
                    <a:lnTo>
                      <a:pt x="50" y="56"/>
                    </a:lnTo>
                    <a:lnTo>
                      <a:pt x="57" y="59"/>
                    </a:lnTo>
                    <a:lnTo>
                      <a:pt x="62" y="64"/>
                    </a:lnTo>
                    <a:lnTo>
                      <a:pt x="67" y="68"/>
                    </a:lnTo>
                    <a:lnTo>
                      <a:pt x="74" y="71"/>
                    </a:lnTo>
                    <a:lnTo>
                      <a:pt x="79" y="74"/>
                    </a:lnTo>
                    <a:lnTo>
                      <a:pt x="86" y="76"/>
                    </a:lnTo>
                    <a:lnTo>
                      <a:pt x="91" y="78"/>
                    </a:lnTo>
                    <a:lnTo>
                      <a:pt x="94" y="78"/>
                    </a:lnTo>
                    <a:lnTo>
                      <a:pt x="96" y="80"/>
                    </a:lnTo>
                    <a:lnTo>
                      <a:pt x="98" y="80"/>
                    </a:lnTo>
                    <a:lnTo>
                      <a:pt x="101" y="80"/>
                    </a:lnTo>
                    <a:lnTo>
                      <a:pt x="103" y="81"/>
                    </a:lnTo>
                    <a:lnTo>
                      <a:pt x="105" y="81"/>
                    </a:lnTo>
                    <a:lnTo>
                      <a:pt x="115" y="86"/>
                    </a:lnTo>
                    <a:lnTo>
                      <a:pt x="123" y="95"/>
                    </a:lnTo>
                    <a:lnTo>
                      <a:pt x="142" y="95"/>
                    </a:lnTo>
                    <a:lnTo>
                      <a:pt x="143" y="105"/>
                    </a:lnTo>
                    <a:lnTo>
                      <a:pt x="154" y="105"/>
                    </a:lnTo>
                    <a:lnTo>
                      <a:pt x="154" y="117"/>
                    </a:lnTo>
                    <a:lnTo>
                      <a:pt x="160" y="117"/>
                    </a:lnTo>
                    <a:lnTo>
                      <a:pt x="159" y="105"/>
                    </a:lnTo>
                    <a:lnTo>
                      <a:pt x="162" y="103"/>
                    </a:lnTo>
                    <a:lnTo>
                      <a:pt x="172" y="103"/>
                    </a:lnTo>
                    <a:lnTo>
                      <a:pt x="167" y="113"/>
                    </a:lnTo>
                    <a:lnTo>
                      <a:pt x="169" y="115"/>
                    </a:lnTo>
                    <a:lnTo>
                      <a:pt x="169" y="117"/>
                    </a:lnTo>
                    <a:lnTo>
                      <a:pt x="171" y="118"/>
                    </a:lnTo>
                    <a:lnTo>
                      <a:pt x="172" y="122"/>
                    </a:lnTo>
                    <a:lnTo>
                      <a:pt x="174" y="125"/>
                    </a:lnTo>
                    <a:lnTo>
                      <a:pt x="174" y="130"/>
                    </a:lnTo>
                    <a:lnTo>
                      <a:pt x="172" y="134"/>
                    </a:lnTo>
                    <a:lnTo>
                      <a:pt x="171" y="135"/>
                    </a:lnTo>
                    <a:lnTo>
                      <a:pt x="169" y="137"/>
                    </a:lnTo>
                    <a:lnTo>
                      <a:pt x="167" y="139"/>
                    </a:lnTo>
                    <a:lnTo>
                      <a:pt x="164" y="142"/>
                    </a:lnTo>
                    <a:lnTo>
                      <a:pt x="160" y="146"/>
                    </a:lnTo>
                    <a:lnTo>
                      <a:pt x="159" y="149"/>
                    </a:lnTo>
                    <a:lnTo>
                      <a:pt x="155" y="152"/>
                    </a:lnTo>
                    <a:lnTo>
                      <a:pt x="154" y="154"/>
                    </a:lnTo>
                    <a:lnTo>
                      <a:pt x="154" y="156"/>
                    </a:lnTo>
                    <a:lnTo>
                      <a:pt x="149" y="151"/>
                    </a:lnTo>
                    <a:lnTo>
                      <a:pt x="159" y="142"/>
                    </a:lnTo>
                    <a:lnTo>
                      <a:pt x="157" y="137"/>
                    </a:lnTo>
                    <a:lnTo>
                      <a:pt x="130" y="169"/>
                    </a:lnTo>
                    <a:lnTo>
                      <a:pt x="113" y="179"/>
                    </a:lnTo>
                    <a:lnTo>
                      <a:pt x="113" y="191"/>
                    </a:lnTo>
                    <a:lnTo>
                      <a:pt x="121" y="193"/>
                    </a:lnTo>
                    <a:lnTo>
                      <a:pt x="123" y="191"/>
                    </a:lnTo>
                    <a:lnTo>
                      <a:pt x="125" y="190"/>
                    </a:lnTo>
                    <a:lnTo>
                      <a:pt x="127" y="186"/>
                    </a:lnTo>
                    <a:lnTo>
                      <a:pt x="127" y="188"/>
                    </a:lnTo>
                    <a:lnTo>
                      <a:pt x="123" y="186"/>
                    </a:lnTo>
                    <a:lnTo>
                      <a:pt x="121" y="183"/>
                    </a:lnTo>
                    <a:lnTo>
                      <a:pt x="120" y="183"/>
                    </a:lnTo>
                    <a:lnTo>
                      <a:pt x="145" y="162"/>
                    </a:lnTo>
                    <a:lnTo>
                      <a:pt x="152" y="162"/>
                    </a:lnTo>
                    <a:lnTo>
                      <a:pt x="179" y="135"/>
                    </a:lnTo>
                    <a:lnTo>
                      <a:pt x="182" y="144"/>
                    </a:lnTo>
                    <a:lnTo>
                      <a:pt x="181" y="154"/>
                    </a:lnTo>
                    <a:lnTo>
                      <a:pt x="172" y="161"/>
                    </a:lnTo>
                    <a:lnTo>
                      <a:pt x="169" y="159"/>
                    </a:lnTo>
                    <a:lnTo>
                      <a:pt x="165" y="168"/>
                    </a:lnTo>
                    <a:lnTo>
                      <a:pt x="162" y="178"/>
                    </a:lnTo>
                    <a:lnTo>
                      <a:pt x="165" y="179"/>
                    </a:lnTo>
                    <a:lnTo>
                      <a:pt x="157" y="210"/>
                    </a:lnTo>
                    <a:lnTo>
                      <a:pt x="155" y="210"/>
                    </a:lnTo>
                    <a:lnTo>
                      <a:pt x="154" y="212"/>
                    </a:lnTo>
                    <a:lnTo>
                      <a:pt x="150" y="215"/>
                    </a:lnTo>
                    <a:lnTo>
                      <a:pt x="149" y="217"/>
                    </a:lnTo>
                    <a:lnTo>
                      <a:pt x="147" y="217"/>
                    </a:lnTo>
                    <a:lnTo>
                      <a:pt x="147" y="215"/>
                    </a:lnTo>
                    <a:lnTo>
                      <a:pt x="149" y="212"/>
                    </a:lnTo>
                    <a:lnTo>
                      <a:pt x="149" y="210"/>
                    </a:lnTo>
                    <a:lnTo>
                      <a:pt x="149" y="208"/>
                    </a:lnTo>
                    <a:lnTo>
                      <a:pt x="149" y="206"/>
                    </a:lnTo>
                    <a:lnTo>
                      <a:pt x="149" y="205"/>
                    </a:lnTo>
                    <a:lnTo>
                      <a:pt x="157" y="195"/>
                    </a:lnTo>
                    <a:lnTo>
                      <a:pt x="143" y="206"/>
                    </a:lnTo>
                    <a:lnTo>
                      <a:pt x="138" y="215"/>
                    </a:lnTo>
                    <a:lnTo>
                      <a:pt x="137" y="212"/>
                    </a:lnTo>
                    <a:lnTo>
                      <a:pt x="137" y="210"/>
                    </a:lnTo>
                    <a:lnTo>
                      <a:pt x="138" y="208"/>
                    </a:lnTo>
                    <a:lnTo>
                      <a:pt x="138" y="205"/>
                    </a:lnTo>
                    <a:lnTo>
                      <a:pt x="140" y="201"/>
                    </a:lnTo>
                    <a:lnTo>
                      <a:pt x="142" y="200"/>
                    </a:lnTo>
                    <a:lnTo>
                      <a:pt x="142" y="196"/>
                    </a:lnTo>
                    <a:lnTo>
                      <a:pt x="140" y="195"/>
                    </a:lnTo>
                    <a:lnTo>
                      <a:pt x="138" y="193"/>
                    </a:lnTo>
                    <a:lnTo>
                      <a:pt x="135" y="195"/>
                    </a:lnTo>
                    <a:lnTo>
                      <a:pt x="130" y="196"/>
                    </a:lnTo>
                    <a:lnTo>
                      <a:pt x="125" y="201"/>
                    </a:lnTo>
                    <a:lnTo>
                      <a:pt x="120" y="205"/>
                    </a:lnTo>
                    <a:lnTo>
                      <a:pt x="115" y="210"/>
                    </a:lnTo>
                    <a:lnTo>
                      <a:pt x="111" y="215"/>
                    </a:lnTo>
                    <a:lnTo>
                      <a:pt x="111" y="217"/>
                    </a:lnTo>
                    <a:lnTo>
                      <a:pt x="113" y="218"/>
                    </a:lnTo>
                    <a:lnTo>
                      <a:pt x="120" y="220"/>
                    </a:lnTo>
                    <a:lnTo>
                      <a:pt x="123" y="220"/>
                    </a:lnTo>
                    <a:lnTo>
                      <a:pt x="127" y="222"/>
                    </a:lnTo>
                    <a:lnTo>
                      <a:pt x="130" y="222"/>
                    </a:lnTo>
                    <a:lnTo>
                      <a:pt x="132" y="222"/>
                    </a:lnTo>
                    <a:lnTo>
                      <a:pt x="132" y="225"/>
                    </a:lnTo>
                    <a:lnTo>
                      <a:pt x="133" y="227"/>
                    </a:lnTo>
                    <a:lnTo>
                      <a:pt x="138" y="230"/>
                    </a:lnTo>
                    <a:lnTo>
                      <a:pt x="140" y="230"/>
                    </a:lnTo>
                    <a:lnTo>
                      <a:pt x="143" y="228"/>
                    </a:lnTo>
                    <a:lnTo>
                      <a:pt x="149" y="225"/>
                    </a:lnTo>
                    <a:lnTo>
                      <a:pt x="152" y="223"/>
                    </a:lnTo>
                    <a:lnTo>
                      <a:pt x="155" y="220"/>
                    </a:lnTo>
                    <a:lnTo>
                      <a:pt x="159" y="217"/>
                    </a:lnTo>
                    <a:lnTo>
                      <a:pt x="162" y="215"/>
                    </a:lnTo>
                    <a:lnTo>
                      <a:pt x="162" y="213"/>
                    </a:lnTo>
                    <a:lnTo>
                      <a:pt x="167" y="215"/>
                    </a:lnTo>
                    <a:lnTo>
                      <a:pt x="176" y="208"/>
                    </a:lnTo>
                    <a:lnTo>
                      <a:pt x="181" y="206"/>
                    </a:lnTo>
                    <a:lnTo>
                      <a:pt x="179" y="183"/>
                    </a:lnTo>
                    <a:lnTo>
                      <a:pt x="186" y="178"/>
                    </a:lnTo>
                    <a:lnTo>
                      <a:pt x="181" y="171"/>
                    </a:lnTo>
                    <a:lnTo>
                      <a:pt x="191" y="151"/>
                    </a:lnTo>
                    <a:lnTo>
                      <a:pt x="211" y="127"/>
                    </a:lnTo>
                    <a:lnTo>
                      <a:pt x="203" y="103"/>
                    </a:lnTo>
                    <a:lnTo>
                      <a:pt x="198" y="103"/>
                    </a:lnTo>
                    <a:lnTo>
                      <a:pt x="196" y="112"/>
                    </a:lnTo>
                    <a:lnTo>
                      <a:pt x="201" y="117"/>
                    </a:lnTo>
                    <a:lnTo>
                      <a:pt x="199" y="122"/>
                    </a:lnTo>
                    <a:lnTo>
                      <a:pt x="189" y="110"/>
                    </a:lnTo>
                    <a:lnTo>
                      <a:pt x="191" y="102"/>
                    </a:lnTo>
                    <a:lnTo>
                      <a:pt x="196" y="96"/>
                    </a:lnTo>
                    <a:lnTo>
                      <a:pt x="206" y="96"/>
                    </a:lnTo>
                    <a:lnTo>
                      <a:pt x="199" y="83"/>
                    </a:lnTo>
                    <a:lnTo>
                      <a:pt x="194" y="73"/>
                    </a:lnTo>
                    <a:lnTo>
                      <a:pt x="189" y="68"/>
                    </a:lnTo>
                    <a:lnTo>
                      <a:pt x="193" y="63"/>
                    </a:lnTo>
                    <a:lnTo>
                      <a:pt x="196" y="54"/>
                    </a:lnTo>
                    <a:lnTo>
                      <a:pt x="199" y="59"/>
                    </a:lnTo>
                    <a:lnTo>
                      <a:pt x="199" y="71"/>
                    </a:lnTo>
                    <a:lnTo>
                      <a:pt x="206" y="66"/>
                    </a:lnTo>
                    <a:lnTo>
                      <a:pt x="204" y="64"/>
                    </a:lnTo>
                    <a:lnTo>
                      <a:pt x="215" y="56"/>
                    </a:lnTo>
                    <a:lnTo>
                      <a:pt x="208" y="47"/>
                    </a:lnTo>
                    <a:lnTo>
                      <a:pt x="211" y="39"/>
                    </a:lnTo>
                    <a:lnTo>
                      <a:pt x="206" y="32"/>
                    </a:lnTo>
                    <a:lnTo>
                      <a:pt x="198" y="32"/>
                    </a:lnTo>
                    <a:lnTo>
                      <a:pt x="198" y="0"/>
                    </a:lnTo>
                    <a:lnTo>
                      <a:pt x="199" y="0"/>
                    </a:lnTo>
                    <a:lnTo>
                      <a:pt x="203" y="2"/>
                    </a:lnTo>
                    <a:lnTo>
                      <a:pt x="208" y="3"/>
                    </a:lnTo>
                    <a:lnTo>
                      <a:pt x="213" y="5"/>
                    </a:lnTo>
                    <a:lnTo>
                      <a:pt x="220" y="7"/>
                    </a:lnTo>
                    <a:lnTo>
                      <a:pt x="226" y="8"/>
                    </a:lnTo>
                    <a:lnTo>
                      <a:pt x="235" y="12"/>
                    </a:lnTo>
                    <a:lnTo>
                      <a:pt x="245" y="15"/>
                    </a:lnTo>
                    <a:lnTo>
                      <a:pt x="255" y="17"/>
                    </a:lnTo>
                    <a:lnTo>
                      <a:pt x="267" y="22"/>
                    </a:lnTo>
                    <a:lnTo>
                      <a:pt x="281" y="25"/>
                    </a:lnTo>
                    <a:lnTo>
                      <a:pt x="294" y="29"/>
                    </a:lnTo>
                    <a:lnTo>
                      <a:pt x="308" y="32"/>
                    </a:lnTo>
                    <a:lnTo>
                      <a:pt x="323" y="37"/>
                    </a:lnTo>
                    <a:lnTo>
                      <a:pt x="338" y="41"/>
                    </a:lnTo>
                    <a:lnTo>
                      <a:pt x="355" y="46"/>
                    </a:lnTo>
                    <a:lnTo>
                      <a:pt x="372" y="51"/>
                    </a:lnTo>
                    <a:lnTo>
                      <a:pt x="389" y="54"/>
                    </a:lnTo>
                    <a:lnTo>
                      <a:pt x="407" y="59"/>
                    </a:lnTo>
                    <a:lnTo>
                      <a:pt x="426" y="64"/>
                    </a:lnTo>
                    <a:lnTo>
                      <a:pt x="445" y="69"/>
                    </a:lnTo>
                    <a:lnTo>
                      <a:pt x="465" y="74"/>
                    </a:lnTo>
                    <a:lnTo>
                      <a:pt x="485" y="80"/>
                    </a:lnTo>
                    <a:lnTo>
                      <a:pt x="506" y="85"/>
                    </a:lnTo>
                    <a:lnTo>
                      <a:pt x="526" y="90"/>
                    </a:lnTo>
                    <a:lnTo>
                      <a:pt x="548" y="95"/>
                    </a:lnTo>
                    <a:lnTo>
                      <a:pt x="568" y="100"/>
                    </a:lnTo>
                    <a:lnTo>
                      <a:pt x="590" y="105"/>
                    </a:lnTo>
                    <a:lnTo>
                      <a:pt x="612" y="108"/>
                    </a:lnTo>
                    <a:lnTo>
                      <a:pt x="634" y="113"/>
                    </a:lnTo>
                    <a:lnTo>
                      <a:pt x="656" y="118"/>
                    </a:lnTo>
                    <a:lnTo>
                      <a:pt x="656" y="122"/>
                    </a:lnTo>
                    <a:lnTo>
                      <a:pt x="656" y="125"/>
                    </a:lnTo>
                    <a:lnTo>
                      <a:pt x="655" y="130"/>
                    </a:lnTo>
                    <a:lnTo>
                      <a:pt x="653" y="137"/>
                    </a:lnTo>
                    <a:lnTo>
                      <a:pt x="651" y="146"/>
                    </a:lnTo>
                    <a:lnTo>
                      <a:pt x="649" y="156"/>
                    </a:lnTo>
                    <a:lnTo>
                      <a:pt x="646" y="166"/>
                    </a:lnTo>
                    <a:lnTo>
                      <a:pt x="644" y="176"/>
                    </a:lnTo>
                    <a:lnTo>
                      <a:pt x="641" y="188"/>
                    </a:lnTo>
                    <a:lnTo>
                      <a:pt x="639" y="200"/>
                    </a:lnTo>
                    <a:lnTo>
                      <a:pt x="636" y="213"/>
                    </a:lnTo>
                    <a:lnTo>
                      <a:pt x="633" y="227"/>
                    </a:lnTo>
                    <a:lnTo>
                      <a:pt x="629" y="240"/>
                    </a:lnTo>
                    <a:lnTo>
                      <a:pt x="627" y="256"/>
                    </a:lnTo>
                    <a:lnTo>
                      <a:pt x="624" y="269"/>
                    </a:lnTo>
                    <a:lnTo>
                      <a:pt x="621" y="284"/>
                    </a:lnTo>
                    <a:lnTo>
                      <a:pt x="617" y="298"/>
                    </a:lnTo>
                    <a:lnTo>
                      <a:pt x="614" y="311"/>
                    </a:lnTo>
                    <a:lnTo>
                      <a:pt x="612" y="325"/>
                    </a:lnTo>
                    <a:lnTo>
                      <a:pt x="609" y="338"/>
                    </a:lnTo>
                    <a:lnTo>
                      <a:pt x="605" y="350"/>
                    </a:lnTo>
                    <a:lnTo>
                      <a:pt x="604" y="362"/>
                    </a:lnTo>
                    <a:lnTo>
                      <a:pt x="600" y="374"/>
                    </a:lnTo>
                    <a:lnTo>
                      <a:pt x="599" y="384"/>
                    </a:lnTo>
                    <a:lnTo>
                      <a:pt x="597" y="393"/>
                    </a:lnTo>
                    <a:lnTo>
                      <a:pt x="595" y="401"/>
                    </a:lnTo>
                    <a:lnTo>
                      <a:pt x="594" y="408"/>
                    </a:lnTo>
                    <a:lnTo>
                      <a:pt x="592" y="415"/>
                    </a:lnTo>
                    <a:lnTo>
                      <a:pt x="590" y="418"/>
                    </a:lnTo>
                    <a:lnTo>
                      <a:pt x="590" y="420"/>
                    </a:lnTo>
                    <a:lnTo>
                      <a:pt x="590" y="421"/>
                    </a:lnTo>
                    <a:lnTo>
                      <a:pt x="585" y="438"/>
                    </a:lnTo>
                    <a:lnTo>
                      <a:pt x="590" y="450"/>
                    </a:lnTo>
                    <a:lnTo>
                      <a:pt x="590" y="462"/>
                    </a:lnTo>
                    <a:lnTo>
                      <a:pt x="587" y="476"/>
                    </a:lnTo>
                    <a:lnTo>
                      <a:pt x="589" y="487"/>
                    </a:lnTo>
                    <a:lnTo>
                      <a:pt x="421" y="445"/>
                    </a:lnTo>
                    <a:lnTo>
                      <a:pt x="419" y="445"/>
                    </a:lnTo>
                    <a:lnTo>
                      <a:pt x="418" y="445"/>
                    </a:lnTo>
                    <a:lnTo>
                      <a:pt x="414" y="445"/>
                    </a:lnTo>
                    <a:lnTo>
                      <a:pt x="411" y="445"/>
                    </a:lnTo>
                    <a:lnTo>
                      <a:pt x="407" y="447"/>
                    </a:lnTo>
                    <a:lnTo>
                      <a:pt x="402" y="447"/>
                    </a:lnTo>
                    <a:lnTo>
                      <a:pt x="399" y="447"/>
                    </a:lnTo>
                    <a:lnTo>
                      <a:pt x="394" y="447"/>
                    </a:lnTo>
                    <a:lnTo>
                      <a:pt x="389" y="447"/>
                    </a:lnTo>
                    <a:lnTo>
                      <a:pt x="384" y="447"/>
                    </a:lnTo>
                    <a:lnTo>
                      <a:pt x="379" y="445"/>
                    </a:lnTo>
                    <a:lnTo>
                      <a:pt x="374" y="445"/>
                    </a:lnTo>
                    <a:lnTo>
                      <a:pt x="369" y="443"/>
                    </a:lnTo>
                    <a:lnTo>
                      <a:pt x="363" y="442"/>
                    </a:lnTo>
                    <a:lnTo>
                      <a:pt x="358" y="440"/>
                    </a:lnTo>
                    <a:lnTo>
                      <a:pt x="357" y="440"/>
                    </a:lnTo>
                    <a:lnTo>
                      <a:pt x="355" y="440"/>
                    </a:lnTo>
                    <a:lnTo>
                      <a:pt x="353" y="440"/>
                    </a:lnTo>
                    <a:lnTo>
                      <a:pt x="352" y="442"/>
                    </a:lnTo>
                    <a:lnTo>
                      <a:pt x="348" y="443"/>
                    </a:lnTo>
                    <a:lnTo>
                      <a:pt x="347" y="445"/>
                    </a:lnTo>
                    <a:lnTo>
                      <a:pt x="345" y="445"/>
                    </a:lnTo>
                    <a:lnTo>
                      <a:pt x="323" y="445"/>
                    </a:lnTo>
                    <a:lnTo>
                      <a:pt x="321" y="445"/>
                    </a:lnTo>
                    <a:lnTo>
                      <a:pt x="316" y="445"/>
                    </a:lnTo>
                    <a:lnTo>
                      <a:pt x="308" y="447"/>
                    </a:lnTo>
                    <a:lnTo>
                      <a:pt x="297" y="448"/>
                    </a:lnTo>
                    <a:lnTo>
                      <a:pt x="289" y="448"/>
                    </a:lnTo>
                    <a:lnTo>
                      <a:pt x="279" y="448"/>
                    </a:lnTo>
                    <a:lnTo>
                      <a:pt x="272" y="445"/>
                    </a:lnTo>
                    <a:lnTo>
                      <a:pt x="265" y="442"/>
                    </a:lnTo>
                    <a:lnTo>
                      <a:pt x="262" y="442"/>
                    </a:lnTo>
                    <a:lnTo>
                      <a:pt x="259" y="442"/>
                    </a:lnTo>
                    <a:lnTo>
                      <a:pt x="253" y="442"/>
                    </a:lnTo>
                    <a:lnTo>
                      <a:pt x="248" y="442"/>
                    </a:lnTo>
                    <a:lnTo>
                      <a:pt x="245" y="443"/>
                    </a:lnTo>
                    <a:lnTo>
                      <a:pt x="242" y="443"/>
                    </a:lnTo>
                    <a:lnTo>
                      <a:pt x="233" y="442"/>
                    </a:lnTo>
                    <a:lnTo>
                      <a:pt x="220" y="445"/>
                    </a:lnTo>
                    <a:lnTo>
                      <a:pt x="220" y="443"/>
                    </a:lnTo>
                    <a:lnTo>
                      <a:pt x="215" y="440"/>
                    </a:lnTo>
                    <a:lnTo>
                      <a:pt x="209" y="435"/>
                    </a:lnTo>
                    <a:lnTo>
                      <a:pt x="201" y="430"/>
                    </a:lnTo>
                    <a:lnTo>
                      <a:pt x="194" y="425"/>
                    </a:lnTo>
                    <a:lnTo>
                      <a:pt x="186" y="421"/>
                    </a:lnTo>
                    <a:lnTo>
                      <a:pt x="177" y="418"/>
                    </a:lnTo>
                    <a:lnTo>
                      <a:pt x="171" y="418"/>
                    </a:lnTo>
                    <a:lnTo>
                      <a:pt x="169" y="418"/>
                    </a:lnTo>
                    <a:lnTo>
                      <a:pt x="167" y="418"/>
                    </a:lnTo>
                    <a:lnTo>
                      <a:pt x="164" y="420"/>
                    </a:lnTo>
                    <a:lnTo>
                      <a:pt x="160" y="420"/>
                    </a:lnTo>
                    <a:lnTo>
                      <a:pt x="157" y="421"/>
                    </a:lnTo>
                    <a:lnTo>
                      <a:pt x="152" y="421"/>
                    </a:lnTo>
                    <a:lnTo>
                      <a:pt x="145" y="423"/>
                    </a:lnTo>
                    <a:lnTo>
                      <a:pt x="140" y="423"/>
                    </a:lnTo>
                    <a:lnTo>
                      <a:pt x="135" y="423"/>
                    </a:lnTo>
                    <a:lnTo>
                      <a:pt x="128" y="423"/>
                    </a:lnTo>
                    <a:lnTo>
                      <a:pt x="123" y="423"/>
                    </a:lnTo>
                    <a:lnTo>
                      <a:pt x="118" y="423"/>
                    </a:lnTo>
                    <a:lnTo>
                      <a:pt x="113" y="421"/>
                    </a:lnTo>
                    <a:lnTo>
                      <a:pt x="108" y="420"/>
                    </a:lnTo>
                    <a:lnTo>
                      <a:pt x="105" y="418"/>
                    </a:lnTo>
                    <a:lnTo>
                      <a:pt x="103" y="415"/>
                    </a:lnTo>
                    <a:lnTo>
                      <a:pt x="101" y="413"/>
                    </a:lnTo>
                    <a:lnTo>
                      <a:pt x="99" y="413"/>
                    </a:lnTo>
                    <a:lnTo>
                      <a:pt x="98" y="411"/>
                    </a:lnTo>
                    <a:lnTo>
                      <a:pt x="94" y="408"/>
                    </a:lnTo>
                    <a:lnTo>
                      <a:pt x="93" y="406"/>
                    </a:lnTo>
                    <a:lnTo>
                      <a:pt x="91" y="404"/>
                    </a:lnTo>
                    <a:lnTo>
                      <a:pt x="89" y="404"/>
                    </a:lnTo>
                    <a:lnTo>
                      <a:pt x="84" y="393"/>
                    </a:lnTo>
                    <a:lnTo>
                      <a:pt x="84" y="391"/>
                    </a:lnTo>
                    <a:lnTo>
                      <a:pt x="86" y="388"/>
                    </a:lnTo>
                    <a:lnTo>
                      <a:pt x="86" y="384"/>
                    </a:lnTo>
                    <a:lnTo>
                      <a:pt x="88" y="379"/>
                    </a:lnTo>
                    <a:lnTo>
                      <a:pt x="88" y="374"/>
                    </a:lnTo>
                    <a:lnTo>
                      <a:pt x="88" y="369"/>
                    </a:lnTo>
                    <a:lnTo>
                      <a:pt x="88" y="364"/>
                    </a:lnTo>
                    <a:lnTo>
                      <a:pt x="88" y="357"/>
                    </a:lnTo>
                    <a:lnTo>
                      <a:pt x="86" y="352"/>
                    </a:lnTo>
                    <a:lnTo>
                      <a:pt x="86" y="347"/>
                    </a:lnTo>
                    <a:lnTo>
                      <a:pt x="83" y="342"/>
                    </a:lnTo>
                    <a:lnTo>
                      <a:pt x="79" y="337"/>
                    </a:lnTo>
                    <a:lnTo>
                      <a:pt x="76" y="333"/>
                    </a:lnTo>
                    <a:lnTo>
                      <a:pt x="71" y="330"/>
                    </a:lnTo>
                    <a:lnTo>
                      <a:pt x="64" y="328"/>
                    </a:lnTo>
                    <a:lnTo>
                      <a:pt x="62" y="328"/>
                    </a:lnTo>
                    <a:lnTo>
                      <a:pt x="61" y="328"/>
                    </a:lnTo>
                    <a:lnTo>
                      <a:pt x="57" y="327"/>
                    </a:lnTo>
                    <a:lnTo>
                      <a:pt x="55" y="327"/>
                    </a:lnTo>
                    <a:lnTo>
                      <a:pt x="54" y="327"/>
                    </a:lnTo>
                    <a:lnTo>
                      <a:pt x="52" y="327"/>
                    </a:lnTo>
                    <a:lnTo>
                      <a:pt x="52" y="325"/>
                    </a:lnTo>
                    <a:lnTo>
                      <a:pt x="54" y="323"/>
                    </a:lnTo>
                    <a:lnTo>
                      <a:pt x="54" y="322"/>
                    </a:lnTo>
                    <a:lnTo>
                      <a:pt x="52" y="318"/>
                    </a:lnTo>
                    <a:lnTo>
                      <a:pt x="52" y="315"/>
                    </a:lnTo>
                    <a:lnTo>
                      <a:pt x="49" y="311"/>
                    </a:lnTo>
                    <a:lnTo>
                      <a:pt x="45" y="310"/>
                    </a:lnTo>
                    <a:lnTo>
                      <a:pt x="40" y="308"/>
                    </a:lnTo>
                    <a:lnTo>
                      <a:pt x="39" y="306"/>
                    </a:lnTo>
                    <a:lnTo>
                      <a:pt x="37" y="305"/>
                    </a:lnTo>
                    <a:lnTo>
                      <a:pt x="33" y="303"/>
                    </a:lnTo>
                    <a:lnTo>
                      <a:pt x="32" y="301"/>
                    </a:lnTo>
                    <a:lnTo>
                      <a:pt x="23" y="303"/>
                    </a:lnTo>
                    <a:lnTo>
                      <a:pt x="22" y="300"/>
                    </a:lnTo>
                    <a:lnTo>
                      <a:pt x="18" y="303"/>
                    </a:lnTo>
                    <a:lnTo>
                      <a:pt x="11" y="300"/>
                    </a:lnTo>
                    <a:lnTo>
                      <a:pt x="6" y="291"/>
                    </a:lnTo>
                    <a:lnTo>
                      <a:pt x="6" y="293"/>
                    </a:lnTo>
                    <a:lnTo>
                      <a:pt x="3" y="293"/>
                    </a:lnTo>
                    <a:lnTo>
                      <a:pt x="0" y="294"/>
                    </a:lnTo>
                    <a:lnTo>
                      <a:pt x="0" y="293"/>
                    </a:lnTo>
                    <a:lnTo>
                      <a:pt x="0" y="291"/>
                    </a:lnTo>
                    <a:lnTo>
                      <a:pt x="0" y="289"/>
                    </a:lnTo>
                    <a:lnTo>
                      <a:pt x="1" y="288"/>
                    </a:lnTo>
                    <a:lnTo>
                      <a:pt x="1" y="284"/>
                    </a:lnTo>
                    <a:lnTo>
                      <a:pt x="3" y="281"/>
                    </a:lnTo>
                    <a:lnTo>
                      <a:pt x="3" y="278"/>
                    </a:lnTo>
                    <a:lnTo>
                      <a:pt x="5" y="271"/>
                    </a:lnTo>
                    <a:lnTo>
                      <a:pt x="6" y="266"/>
                    </a:lnTo>
                    <a:lnTo>
                      <a:pt x="8" y="261"/>
                    </a:lnTo>
                    <a:lnTo>
                      <a:pt x="10" y="256"/>
                    </a:lnTo>
                    <a:lnTo>
                      <a:pt x="11" y="252"/>
                    </a:lnTo>
                    <a:lnTo>
                      <a:pt x="15" y="252"/>
                    </a:lnTo>
                    <a:lnTo>
                      <a:pt x="15" y="256"/>
                    </a:lnTo>
                    <a:lnTo>
                      <a:pt x="15" y="257"/>
                    </a:lnTo>
                    <a:lnTo>
                      <a:pt x="13" y="261"/>
                    </a:lnTo>
                    <a:lnTo>
                      <a:pt x="13" y="264"/>
                    </a:lnTo>
                    <a:lnTo>
                      <a:pt x="11" y="267"/>
                    </a:lnTo>
                    <a:lnTo>
                      <a:pt x="11" y="271"/>
                    </a:lnTo>
                    <a:lnTo>
                      <a:pt x="11" y="276"/>
                    </a:lnTo>
                    <a:lnTo>
                      <a:pt x="10" y="279"/>
                    </a:lnTo>
                    <a:lnTo>
                      <a:pt x="8" y="281"/>
                    </a:lnTo>
                    <a:lnTo>
                      <a:pt x="8" y="284"/>
                    </a:lnTo>
                    <a:lnTo>
                      <a:pt x="10" y="284"/>
                    </a:lnTo>
                    <a:lnTo>
                      <a:pt x="13" y="284"/>
                    </a:lnTo>
                    <a:lnTo>
                      <a:pt x="15" y="283"/>
                    </a:lnTo>
                    <a:lnTo>
                      <a:pt x="17" y="283"/>
                    </a:lnTo>
                    <a:lnTo>
                      <a:pt x="17" y="278"/>
                    </a:lnTo>
                    <a:lnTo>
                      <a:pt x="22" y="271"/>
                    </a:lnTo>
                    <a:lnTo>
                      <a:pt x="25" y="266"/>
                    </a:lnTo>
                    <a:lnTo>
                      <a:pt x="25" y="254"/>
                    </a:lnTo>
                    <a:lnTo>
                      <a:pt x="27" y="250"/>
                    </a:lnTo>
                    <a:lnTo>
                      <a:pt x="33" y="249"/>
                    </a:lnTo>
                    <a:lnTo>
                      <a:pt x="30" y="240"/>
                    </a:lnTo>
                    <a:lnTo>
                      <a:pt x="25" y="244"/>
                    </a:lnTo>
                    <a:lnTo>
                      <a:pt x="15" y="244"/>
                    </a:lnTo>
                    <a:lnTo>
                      <a:pt x="17" y="218"/>
                    </a:lnTo>
                    <a:lnTo>
                      <a:pt x="18" y="218"/>
                    </a:lnTo>
                    <a:lnTo>
                      <a:pt x="20" y="223"/>
                    </a:lnTo>
                    <a:lnTo>
                      <a:pt x="27" y="220"/>
                    </a:lnTo>
                    <a:lnTo>
                      <a:pt x="42" y="222"/>
                    </a:lnTo>
                    <a:lnTo>
                      <a:pt x="42" y="217"/>
                    </a:lnTo>
                    <a:lnTo>
                      <a:pt x="30" y="212"/>
                    </a:lnTo>
                    <a:lnTo>
                      <a:pt x="30" y="205"/>
                    </a:lnTo>
                    <a:lnTo>
                      <a:pt x="22" y="203"/>
                    </a:lnTo>
                    <a:lnTo>
                      <a:pt x="18" y="213"/>
                    </a:lnTo>
                    <a:lnTo>
                      <a:pt x="17" y="212"/>
                    </a:lnTo>
                    <a:lnTo>
                      <a:pt x="17" y="200"/>
                    </a:lnTo>
                    <a:lnTo>
                      <a:pt x="18" y="198"/>
                    </a:lnTo>
                    <a:lnTo>
                      <a:pt x="18" y="195"/>
                    </a:lnTo>
                    <a:lnTo>
                      <a:pt x="20" y="190"/>
                    </a:lnTo>
                    <a:lnTo>
                      <a:pt x="20" y="184"/>
                    </a:lnTo>
                    <a:lnTo>
                      <a:pt x="22" y="179"/>
                    </a:lnTo>
                    <a:lnTo>
                      <a:pt x="22" y="173"/>
                    </a:lnTo>
                    <a:lnTo>
                      <a:pt x="22" y="168"/>
                    </a:lnTo>
                    <a:lnTo>
                      <a:pt x="20" y="164"/>
                    </a:lnTo>
                    <a:lnTo>
                      <a:pt x="20" y="161"/>
                    </a:lnTo>
                    <a:lnTo>
                      <a:pt x="20" y="154"/>
                    </a:lnTo>
                    <a:lnTo>
                      <a:pt x="20" y="146"/>
                    </a:lnTo>
                    <a:lnTo>
                      <a:pt x="20" y="135"/>
                    </a:lnTo>
                    <a:lnTo>
                      <a:pt x="22" y="125"/>
                    </a:lnTo>
                    <a:lnTo>
                      <a:pt x="22" y="115"/>
                    </a:lnTo>
                    <a:lnTo>
                      <a:pt x="22" y="108"/>
                    </a:lnTo>
                    <a:lnTo>
                      <a:pt x="22" y="107"/>
                    </a:lnTo>
                    <a:lnTo>
                      <a:pt x="22" y="105"/>
                    </a:lnTo>
                    <a:lnTo>
                      <a:pt x="20" y="102"/>
                    </a:lnTo>
                    <a:lnTo>
                      <a:pt x="17" y="96"/>
                    </a:lnTo>
                    <a:lnTo>
                      <a:pt x="13" y="91"/>
                    </a:lnTo>
                    <a:lnTo>
                      <a:pt x="11" y="83"/>
                    </a:lnTo>
                    <a:lnTo>
                      <a:pt x="10" y="74"/>
                    </a:lnTo>
                    <a:lnTo>
                      <a:pt x="11" y="64"/>
                    </a:lnTo>
                    <a:lnTo>
                      <a:pt x="15" y="54"/>
                    </a:lnTo>
                    <a:lnTo>
                      <a:pt x="15" y="52"/>
                    </a:lnTo>
                    <a:lnTo>
                      <a:pt x="17" y="51"/>
                    </a:lnTo>
                    <a:lnTo>
                      <a:pt x="18" y="47"/>
                    </a:lnTo>
                    <a:lnTo>
                      <a:pt x="20" y="46"/>
                    </a:lnTo>
                    <a:lnTo>
                      <a:pt x="20" y="42"/>
                    </a:lnTo>
                    <a:lnTo>
                      <a:pt x="22" y="42"/>
                    </a:lnTo>
                    <a:lnTo>
                      <a:pt x="22" y="41"/>
                    </a:lnTo>
                    <a:close/>
                  </a:path>
                </a:pathLst>
              </a:custGeom>
              <a:solidFill>
                <a:srgbClr val="2D73FF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622" name="Freeform 172"/>
              <p:cNvSpPr>
                <a:spLocks/>
              </p:cNvSpPr>
              <p:nvPr/>
            </p:nvSpPr>
            <p:spPr bwMode="auto">
              <a:xfrm>
                <a:off x="2993" y="1379"/>
                <a:ext cx="508" cy="539"/>
              </a:xfrm>
              <a:custGeom>
                <a:avLst/>
                <a:gdLst>
                  <a:gd name="T0" fmla="*/ 144 w 522"/>
                  <a:gd name="T1" fmla="*/ 355 h 555"/>
                  <a:gd name="T2" fmla="*/ 124 w 522"/>
                  <a:gd name="T3" fmla="*/ 351 h 555"/>
                  <a:gd name="T4" fmla="*/ 121 w 522"/>
                  <a:gd name="T5" fmla="*/ 340 h 555"/>
                  <a:gd name="T6" fmla="*/ 115 w 522"/>
                  <a:gd name="T7" fmla="*/ 323 h 555"/>
                  <a:gd name="T8" fmla="*/ 118 w 522"/>
                  <a:gd name="T9" fmla="*/ 302 h 555"/>
                  <a:gd name="T10" fmla="*/ 109 w 522"/>
                  <a:gd name="T11" fmla="*/ 286 h 555"/>
                  <a:gd name="T12" fmla="*/ 103 w 522"/>
                  <a:gd name="T13" fmla="*/ 256 h 555"/>
                  <a:gd name="T14" fmla="*/ 72 w 522"/>
                  <a:gd name="T15" fmla="*/ 232 h 555"/>
                  <a:gd name="T16" fmla="*/ 42 w 522"/>
                  <a:gd name="T17" fmla="*/ 202 h 555"/>
                  <a:gd name="T18" fmla="*/ 37 w 522"/>
                  <a:gd name="T19" fmla="*/ 201 h 555"/>
                  <a:gd name="T20" fmla="*/ 18 w 522"/>
                  <a:gd name="T21" fmla="*/ 195 h 555"/>
                  <a:gd name="T22" fmla="*/ 18 w 522"/>
                  <a:gd name="T23" fmla="*/ 174 h 555"/>
                  <a:gd name="T24" fmla="*/ 12 w 522"/>
                  <a:gd name="T25" fmla="*/ 159 h 555"/>
                  <a:gd name="T26" fmla="*/ 18 w 522"/>
                  <a:gd name="T27" fmla="*/ 132 h 555"/>
                  <a:gd name="T28" fmla="*/ 2 w 522"/>
                  <a:gd name="T29" fmla="*/ 106 h 555"/>
                  <a:gd name="T30" fmla="*/ 7 w 522"/>
                  <a:gd name="T31" fmla="*/ 102 h 555"/>
                  <a:gd name="T32" fmla="*/ 24 w 522"/>
                  <a:gd name="T33" fmla="*/ 81 h 555"/>
                  <a:gd name="T34" fmla="*/ 34 w 522"/>
                  <a:gd name="T35" fmla="*/ 30 h 555"/>
                  <a:gd name="T36" fmla="*/ 45 w 522"/>
                  <a:gd name="T37" fmla="*/ 17 h 555"/>
                  <a:gd name="T38" fmla="*/ 55 w 522"/>
                  <a:gd name="T39" fmla="*/ 23 h 555"/>
                  <a:gd name="T40" fmla="*/ 73 w 522"/>
                  <a:gd name="T41" fmla="*/ 17 h 555"/>
                  <a:gd name="T42" fmla="*/ 87 w 522"/>
                  <a:gd name="T43" fmla="*/ 17 h 555"/>
                  <a:gd name="T44" fmla="*/ 96 w 522"/>
                  <a:gd name="T45" fmla="*/ 13 h 555"/>
                  <a:gd name="T46" fmla="*/ 112 w 522"/>
                  <a:gd name="T47" fmla="*/ 7 h 555"/>
                  <a:gd name="T48" fmla="*/ 124 w 522"/>
                  <a:gd name="T49" fmla="*/ 7 h 555"/>
                  <a:gd name="T50" fmla="*/ 118 w 522"/>
                  <a:gd name="T51" fmla="*/ 25 h 555"/>
                  <a:gd name="T52" fmla="*/ 121 w 522"/>
                  <a:gd name="T53" fmla="*/ 28 h 555"/>
                  <a:gd name="T54" fmla="*/ 129 w 522"/>
                  <a:gd name="T55" fmla="*/ 20 h 555"/>
                  <a:gd name="T56" fmla="*/ 149 w 522"/>
                  <a:gd name="T57" fmla="*/ 32 h 555"/>
                  <a:gd name="T58" fmla="*/ 163 w 522"/>
                  <a:gd name="T59" fmla="*/ 46 h 555"/>
                  <a:gd name="T60" fmla="*/ 170 w 522"/>
                  <a:gd name="T61" fmla="*/ 50 h 555"/>
                  <a:gd name="T62" fmla="*/ 184 w 522"/>
                  <a:gd name="T63" fmla="*/ 51 h 555"/>
                  <a:gd name="T64" fmla="*/ 217 w 522"/>
                  <a:gd name="T65" fmla="*/ 59 h 555"/>
                  <a:gd name="T66" fmla="*/ 243 w 522"/>
                  <a:gd name="T67" fmla="*/ 69 h 555"/>
                  <a:gd name="T68" fmla="*/ 278 w 522"/>
                  <a:gd name="T69" fmla="*/ 74 h 555"/>
                  <a:gd name="T70" fmla="*/ 292 w 522"/>
                  <a:gd name="T71" fmla="*/ 84 h 555"/>
                  <a:gd name="T72" fmla="*/ 303 w 522"/>
                  <a:gd name="T73" fmla="*/ 108 h 555"/>
                  <a:gd name="T74" fmla="*/ 300 w 522"/>
                  <a:gd name="T75" fmla="*/ 121 h 555"/>
                  <a:gd name="T76" fmla="*/ 312 w 522"/>
                  <a:gd name="T77" fmla="*/ 131 h 555"/>
                  <a:gd name="T78" fmla="*/ 320 w 522"/>
                  <a:gd name="T79" fmla="*/ 142 h 555"/>
                  <a:gd name="T80" fmla="*/ 307 w 522"/>
                  <a:gd name="T81" fmla="*/ 163 h 555"/>
                  <a:gd name="T82" fmla="*/ 299 w 522"/>
                  <a:gd name="T83" fmla="*/ 182 h 555"/>
                  <a:gd name="T84" fmla="*/ 308 w 522"/>
                  <a:gd name="T85" fmla="*/ 184 h 555"/>
                  <a:gd name="T86" fmla="*/ 318 w 522"/>
                  <a:gd name="T87" fmla="*/ 168 h 555"/>
                  <a:gd name="T88" fmla="*/ 336 w 522"/>
                  <a:gd name="T89" fmla="*/ 155 h 555"/>
                  <a:gd name="T90" fmla="*/ 337 w 522"/>
                  <a:gd name="T91" fmla="*/ 139 h 555"/>
                  <a:gd name="T92" fmla="*/ 349 w 522"/>
                  <a:gd name="T93" fmla="*/ 124 h 555"/>
                  <a:gd name="T94" fmla="*/ 354 w 522"/>
                  <a:gd name="T95" fmla="*/ 128 h 555"/>
                  <a:gd name="T96" fmla="*/ 346 w 522"/>
                  <a:gd name="T97" fmla="*/ 148 h 555"/>
                  <a:gd name="T98" fmla="*/ 345 w 522"/>
                  <a:gd name="T99" fmla="*/ 159 h 555"/>
                  <a:gd name="T100" fmla="*/ 336 w 522"/>
                  <a:gd name="T101" fmla="*/ 174 h 555"/>
                  <a:gd name="T102" fmla="*/ 333 w 522"/>
                  <a:gd name="T103" fmla="*/ 207 h 555"/>
                  <a:gd name="T104" fmla="*/ 328 w 522"/>
                  <a:gd name="T105" fmla="*/ 219 h 555"/>
                  <a:gd name="T106" fmla="*/ 323 w 522"/>
                  <a:gd name="T107" fmla="*/ 236 h 555"/>
                  <a:gd name="T108" fmla="*/ 326 w 522"/>
                  <a:gd name="T109" fmla="*/ 260 h 555"/>
                  <a:gd name="T110" fmla="*/ 318 w 522"/>
                  <a:gd name="T111" fmla="*/ 276 h 555"/>
                  <a:gd name="T112" fmla="*/ 318 w 522"/>
                  <a:gd name="T113" fmla="*/ 306 h 555"/>
                  <a:gd name="T114" fmla="*/ 324 w 522"/>
                  <a:gd name="T115" fmla="*/ 325 h 555"/>
                  <a:gd name="T116" fmla="*/ 327 w 522"/>
                  <a:gd name="T117" fmla="*/ 335 h 555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60000 65536"/>
                  <a:gd name="T175" fmla="*/ 0 60000 65536"/>
                  <a:gd name="T176" fmla="*/ 0 60000 65536"/>
                  <a:gd name="T177" fmla="*/ 0 w 522"/>
                  <a:gd name="T178" fmla="*/ 0 h 555"/>
                  <a:gd name="T179" fmla="*/ 522 w 522"/>
                  <a:gd name="T180" fmla="*/ 555 h 555"/>
                </a:gdLst>
                <a:ahLst/>
                <a:cxnLst>
                  <a:cxn ang="T118">
                    <a:pos x="T0" y="T1"/>
                  </a:cxn>
                  <a:cxn ang="T119">
                    <a:pos x="T2" y="T3"/>
                  </a:cxn>
                  <a:cxn ang="T120">
                    <a:pos x="T4" y="T5"/>
                  </a:cxn>
                  <a:cxn ang="T121">
                    <a:pos x="T6" y="T7"/>
                  </a:cxn>
                  <a:cxn ang="T122">
                    <a:pos x="T8" y="T9"/>
                  </a:cxn>
                  <a:cxn ang="T123">
                    <a:pos x="T10" y="T11"/>
                  </a:cxn>
                  <a:cxn ang="T124">
                    <a:pos x="T12" y="T13"/>
                  </a:cxn>
                  <a:cxn ang="T125">
                    <a:pos x="T14" y="T15"/>
                  </a:cxn>
                  <a:cxn ang="T126">
                    <a:pos x="T16" y="T17"/>
                  </a:cxn>
                  <a:cxn ang="T127">
                    <a:pos x="T18" y="T19"/>
                  </a:cxn>
                  <a:cxn ang="T128">
                    <a:pos x="T20" y="T21"/>
                  </a:cxn>
                  <a:cxn ang="T129">
                    <a:pos x="T22" y="T23"/>
                  </a:cxn>
                  <a:cxn ang="T130">
                    <a:pos x="T24" y="T25"/>
                  </a:cxn>
                  <a:cxn ang="T131">
                    <a:pos x="T26" y="T27"/>
                  </a:cxn>
                  <a:cxn ang="T132">
                    <a:pos x="T28" y="T29"/>
                  </a:cxn>
                  <a:cxn ang="T133">
                    <a:pos x="T30" y="T31"/>
                  </a:cxn>
                  <a:cxn ang="T134">
                    <a:pos x="T32" y="T33"/>
                  </a:cxn>
                  <a:cxn ang="T135">
                    <a:pos x="T34" y="T35"/>
                  </a:cxn>
                  <a:cxn ang="T136">
                    <a:pos x="T36" y="T37"/>
                  </a:cxn>
                  <a:cxn ang="T137">
                    <a:pos x="T38" y="T39"/>
                  </a:cxn>
                  <a:cxn ang="T138">
                    <a:pos x="T40" y="T41"/>
                  </a:cxn>
                  <a:cxn ang="T139">
                    <a:pos x="T42" y="T43"/>
                  </a:cxn>
                  <a:cxn ang="T140">
                    <a:pos x="T44" y="T45"/>
                  </a:cxn>
                  <a:cxn ang="T141">
                    <a:pos x="T46" y="T47"/>
                  </a:cxn>
                  <a:cxn ang="T142">
                    <a:pos x="T48" y="T49"/>
                  </a:cxn>
                  <a:cxn ang="T143">
                    <a:pos x="T50" y="T51"/>
                  </a:cxn>
                  <a:cxn ang="T144">
                    <a:pos x="T52" y="T53"/>
                  </a:cxn>
                  <a:cxn ang="T145">
                    <a:pos x="T54" y="T55"/>
                  </a:cxn>
                  <a:cxn ang="T146">
                    <a:pos x="T56" y="T57"/>
                  </a:cxn>
                  <a:cxn ang="T147">
                    <a:pos x="T58" y="T59"/>
                  </a:cxn>
                  <a:cxn ang="T148">
                    <a:pos x="T60" y="T61"/>
                  </a:cxn>
                  <a:cxn ang="T149">
                    <a:pos x="T62" y="T63"/>
                  </a:cxn>
                  <a:cxn ang="T150">
                    <a:pos x="T64" y="T65"/>
                  </a:cxn>
                  <a:cxn ang="T151">
                    <a:pos x="T66" y="T67"/>
                  </a:cxn>
                  <a:cxn ang="T152">
                    <a:pos x="T68" y="T69"/>
                  </a:cxn>
                  <a:cxn ang="T153">
                    <a:pos x="T70" y="T71"/>
                  </a:cxn>
                  <a:cxn ang="T154">
                    <a:pos x="T72" y="T73"/>
                  </a:cxn>
                  <a:cxn ang="T155">
                    <a:pos x="T74" y="T75"/>
                  </a:cxn>
                  <a:cxn ang="T156">
                    <a:pos x="T76" y="T77"/>
                  </a:cxn>
                  <a:cxn ang="T157">
                    <a:pos x="T78" y="T79"/>
                  </a:cxn>
                  <a:cxn ang="T158">
                    <a:pos x="T80" y="T81"/>
                  </a:cxn>
                  <a:cxn ang="T159">
                    <a:pos x="T82" y="T83"/>
                  </a:cxn>
                  <a:cxn ang="T160">
                    <a:pos x="T84" y="T85"/>
                  </a:cxn>
                  <a:cxn ang="T161">
                    <a:pos x="T86" y="T87"/>
                  </a:cxn>
                  <a:cxn ang="T162">
                    <a:pos x="T88" y="T89"/>
                  </a:cxn>
                  <a:cxn ang="T163">
                    <a:pos x="T90" y="T91"/>
                  </a:cxn>
                  <a:cxn ang="T164">
                    <a:pos x="T92" y="T93"/>
                  </a:cxn>
                  <a:cxn ang="T165">
                    <a:pos x="T94" y="T95"/>
                  </a:cxn>
                  <a:cxn ang="T166">
                    <a:pos x="T96" y="T97"/>
                  </a:cxn>
                  <a:cxn ang="T167">
                    <a:pos x="T98" y="T99"/>
                  </a:cxn>
                  <a:cxn ang="T168">
                    <a:pos x="T100" y="T101"/>
                  </a:cxn>
                  <a:cxn ang="T169">
                    <a:pos x="T102" y="T103"/>
                  </a:cxn>
                  <a:cxn ang="T170">
                    <a:pos x="T104" y="T105"/>
                  </a:cxn>
                  <a:cxn ang="T171">
                    <a:pos x="T106" y="T107"/>
                  </a:cxn>
                  <a:cxn ang="T172">
                    <a:pos x="T108" y="T109"/>
                  </a:cxn>
                  <a:cxn ang="T173">
                    <a:pos x="T110" y="T111"/>
                  </a:cxn>
                  <a:cxn ang="T174">
                    <a:pos x="T112" y="T113"/>
                  </a:cxn>
                  <a:cxn ang="T175">
                    <a:pos x="T114" y="T115"/>
                  </a:cxn>
                  <a:cxn ang="T176">
                    <a:pos x="T116" y="T117"/>
                  </a:cxn>
                </a:cxnLst>
                <a:rect l="T177" t="T178" r="T179" b="T180"/>
                <a:pathLst>
                  <a:path w="522" h="555">
                    <a:moveTo>
                      <a:pt x="220" y="555"/>
                    </a:moveTo>
                    <a:lnTo>
                      <a:pt x="219" y="550"/>
                    </a:lnTo>
                    <a:lnTo>
                      <a:pt x="217" y="545"/>
                    </a:lnTo>
                    <a:lnTo>
                      <a:pt x="215" y="541"/>
                    </a:lnTo>
                    <a:lnTo>
                      <a:pt x="212" y="538"/>
                    </a:lnTo>
                    <a:lnTo>
                      <a:pt x="210" y="536"/>
                    </a:lnTo>
                    <a:lnTo>
                      <a:pt x="207" y="536"/>
                    </a:lnTo>
                    <a:lnTo>
                      <a:pt x="205" y="535"/>
                    </a:lnTo>
                    <a:lnTo>
                      <a:pt x="181" y="528"/>
                    </a:lnTo>
                    <a:lnTo>
                      <a:pt x="181" y="526"/>
                    </a:lnTo>
                    <a:lnTo>
                      <a:pt x="181" y="525"/>
                    </a:lnTo>
                    <a:lnTo>
                      <a:pt x="181" y="521"/>
                    </a:lnTo>
                    <a:lnTo>
                      <a:pt x="181" y="519"/>
                    </a:lnTo>
                    <a:lnTo>
                      <a:pt x="180" y="514"/>
                    </a:lnTo>
                    <a:lnTo>
                      <a:pt x="176" y="511"/>
                    </a:lnTo>
                    <a:lnTo>
                      <a:pt x="175" y="506"/>
                    </a:lnTo>
                    <a:lnTo>
                      <a:pt x="171" y="503"/>
                    </a:lnTo>
                    <a:lnTo>
                      <a:pt x="170" y="499"/>
                    </a:lnTo>
                    <a:lnTo>
                      <a:pt x="168" y="494"/>
                    </a:lnTo>
                    <a:lnTo>
                      <a:pt x="168" y="491"/>
                    </a:lnTo>
                    <a:lnTo>
                      <a:pt x="166" y="486"/>
                    </a:lnTo>
                    <a:lnTo>
                      <a:pt x="168" y="482"/>
                    </a:lnTo>
                    <a:lnTo>
                      <a:pt x="170" y="477"/>
                    </a:lnTo>
                    <a:lnTo>
                      <a:pt x="173" y="469"/>
                    </a:lnTo>
                    <a:lnTo>
                      <a:pt x="175" y="464"/>
                    </a:lnTo>
                    <a:lnTo>
                      <a:pt x="175" y="459"/>
                    </a:lnTo>
                    <a:lnTo>
                      <a:pt x="173" y="455"/>
                    </a:lnTo>
                    <a:lnTo>
                      <a:pt x="171" y="453"/>
                    </a:lnTo>
                    <a:lnTo>
                      <a:pt x="170" y="453"/>
                    </a:lnTo>
                    <a:lnTo>
                      <a:pt x="170" y="452"/>
                    </a:lnTo>
                    <a:lnTo>
                      <a:pt x="168" y="452"/>
                    </a:lnTo>
                    <a:lnTo>
                      <a:pt x="159" y="431"/>
                    </a:lnTo>
                    <a:lnTo>
                      <a:pt x="159" y="430"/>
                    </a:lnTo>
                    <a:lnTo>
                      <a:pt x="161" y="428"/>
                    </a:lnTo>
                    <a:lnTo>
                      <a:pt x="161" y="421"/>
                    </a:lnTo>
                    <a:lnTo>
                      <a:pt x="158" y="413"/>
                    </a:lnTo>
                    <a:lnTo>
                      <a:pt x="156" y="403"/>
                    </a:lnTo>
                    <a:lnTo>
                      <a:pt x="153" y="394"/>
                    </a:lnTo>
                    <a:lnTo>
                      <a:pt x="151" y="386"/>
                    </a:lnTo>
                    <a:lnTo>
                      <a:pt x="148" y="379"/>
                    </a:lnTo>
                    <a:lnTo>
                      <a:pt x="146" y="377"/>
                    </a:lnTo>
                    <a:lnTo>
                      <a:pt x="132" y="372"/>
                    </a:lnTo>
                    <a:lnTo>
                      <a:pt x="120" y="365"/>
                    </a:lnTo>
                    <a:lnTo>
                      <a:pt x="112" y="357"/>
                    </a:lnTo>
                    <a:lnTo>
                      <a:pt x="104" y="349"/>
                    </a:lnTo>
                    <a:lnTo>
                      <a:pt x="98" y="340"/>
                    </a:lnTo>
                    <a:lnTo>
                      <a:pt x="93" y="332"/>
                    </a:lnTo>
                    <a:lnTo>
                      <a:pt x="90" y="328"/>
                    </a:lnTo>
                    <a:lnTo>
                      <a:pt x="90" y="325"/>
                    </a:lnTo>
                    <a:lnTo>
                      <a:pt x="60" y="313"/>
                    </a:lnTo>
                    <a:lnTo>
                      <a:pt x="58" y="305"/>
                    </a:lnTo>
                    <a:lnTo>
                      <a:pt x="56" y="305"/>
                    </a:lnTo>
                    <a:lnTo>
                      <a:pt x="56" y="303"/>
                    </a:lnTo>
                    <a:lnTo>
                      <a:pt x="54" y="303"/>
                    </a:lnTo>
                    <a:lnTo>
                      <a:pt x="51" y="303"/>
                    </a:lnTo>
                    <a:lnTo>
                      <a:pt x="49" y="303"/>
                    </a:lnTo>
                    <a:lnTo>
                      <a:pt x="46" y="305"/>
                    </a:lnTo>
                    <a:lnTo>
                      <a:pt x="43" y="303"/>
                    </a:lnTo>
                    <a:lnTo>
                      <a:pt x="38" y="301"/>
                    </a:lnTo>
                    <a:lnTo>
                      <a:pt x="31" y="299"/>
                    </a:lnTo>
                    <a:lnTo>
                      <a:pt x="26" y="294"/>
                    </a:lnTo>
                    <a:lnTo>
                      <a:pt x="21" y="289"/>
                    </a:lnTo>
                    <a:lnTo>
                      <a:pt x="17" y="286"/>
                    </a:lnTo>
                    <a:lnTo>
                      <a:pt x="16" y="281"/>
                    </a:lnTo>
                    <a:lnTo>
                      <a:pt x="16" y="276"/>
                    </a:lnTo>
                    <a:lnTo>
                      <a:pt x="19" y="267"/>
                    </a:lnTo>
                    <a:lnTo>
                      <a:pt x="21" y="262"/>
                    </a:lnTo>
                    <a:lnTo>
                      <a:pt x="21" y="257"/>
                    </a:lnTo>
                    <a:lnTo>
                      <a:pt x="21" y="254"/>
                    </a:lnTo>
                    <a:lnTo>
                      <a:pt x="19" y="250"/>
                    </a:lnTo>
                    <a:lnTo>
                      <a:pt x="17" y="247"/>
                    </a:lnTo>
                    <a:lnTo>
                      <a:pt x="16" y="244"/>
                    </a:lnTo>
                    <a:lnTo>
                      <a:pt x="12" y="240"/>
                    </a:lnTo>
                    <a:lnTo>
                      <a:pt x="12" y="235"/>
                    </a:lnTo>
                    <a:lnTo>
                      <a:pt x="12" y="227"/>
                    </a:lnTo>
                    <a:lnTo>
                      <a:pt x="12" y="220"/>
                    </a:lnTo>
                    <a:lnTo>
                      <a:pt x="16" y="211"/>
                    </a:lnTo>
                    <a:lnTo>
                      <a:pt x="17" y="205"/>
                    </a:lnTo>
                    <a:lnTo>
                      <a:pt x="21" y="198"/>
                    </a:lnTo>
                    <a:lnTo>
                      <a:pt x="21" y="193"/>
                    </a:lnTo>
                    <a:lnTo>
                      <a:pt x="22" y="193"/>
                    </a:lnTo>
                    <a:lnTo>
                      <a:pt x="14" y="179"/>
                    </a:lnTo>
                    <a:lnTo>
                      <a:pt x="0" y="179"/>
                    </a:lnTo>
                    <a:lnTo>
                      <a:pt x="0" y="159"/>
                    </a:lnTo>
                    <a:lnTo>
                      <a:pt x="2" y="159"/>
                    </a:lnTo>
                    <a:lnTo>
                      <a:pt x="4" y="157"/>
                    </a:lnTo>
                    <a:lnTo>
                      <a:pt x="5" y="157"/>
                    </a:lnTo>
                    <a:lnTo>
                      <a:pt x="7" y="154"/>
                    </a:lnTo>
                    <a:lnTo>
                      <a:pt x="7" y="152"/>
                    </a:lnTo>
                    <a:lnTo>
                      <a:pt x="9" y="149"/>
                    </a:lnTo>
                    <a:lnTo>
                      <a:pt x="10" y="144"/>
                    </a:lnTo>
                    <a:lnTo>
                      <a:pt x="17" y="139"/>
                    </a:lnTo>
                    <a:lnTo>
                      <a:pt x="22" y="134"/>
                    </a:lnTo>
                    <a:lnTo>
                      <a:pt x="31" y="127"/>
                    </a:lnTo>
                    <a:lnTo>
                      <a:pt x="38" y="122"/>
                    </a:lnTo>
                    <a:lnTo>
                      <a:pt x="44" y="118"/>
                    </a:lnTo>
                    <a:lnTo>
                      <a:pt x="48" y="115"/>
                    </a:lnTo>
                    <a:lnTo>
                      <a:pt x="51" y="115"/>
                    </a:lnTo>
                    <a:lnTo>
                      <a:pt x="49" y="44"/>
                    </a:lnTo>
                    <a:lnTo>
                      <a:pt x="48" y="44"/>
                    </a:lnTo>
                    <a:lnTo>
                      <a:pt x="48" y="42"/>
                    </a:lnTo>
                    <a:lnTo>
                      <a:pt x="49" y="41"/>
                    </a:lnTo>
                    <a:lnTo>
                      <a:pt x="51" y="37"/>
                    </a:lnTo>
                    <a:lnTo>
                      <a:pt x="56" y="34"/>
                    </a:lnTo>
                    <a:lnTo>
                      <a:pt x="63" y="29"/>
                    </a:lnTo>
                    <a:lnTo>
                      <a:pt x="65" y="27"/>
                    </a:lnTo>
                    <a:lnTo>
                      <a:pt x="68" y="30"/>
                    </a:lnTo>
                    <a:lnTo>
                      <a:pt x="73" y="32"/>
                    </a:lnTo>
                    <a:lnTo>
                      <a:pt x="78" y="35"/>
                    </a:lnTo>
                    <a:lnTo>
                      <a:pt x="83" y="37"/>
                    </a:lnTo>
                    <a:lnTo>
                      <a:pt x="90" y="39"/>
                    </a:lnTo>
                    <a:lnTo>
                      <a:pt x="97" y="37"/>
                    </a:lnTo>
                    <a:lnTo>
                      <a:pt x="102" y="34"/>
                    </a:lnTo>
                    <a:lnTo>
                      <a:pt x="102" y="32"/>
                    </a:lnTo>
                    <a:lnTo>
                      <a:pt x="104" y="30"/>
                    </a:lnTo>
                    <a:lnTo>
                      <a:pt x="105" y="30"/>
                    </a:lnTo>
                    <a:lnTo>
                      <a:pt x="109" y="27"/>
                    </a:lnTo>
                    <a:lnTo>
                      <a:pt x="112" y="27"/>
                    </a:lnTo>
                    <a:lnTo>
                      <a:pt x="115" y="25"/>
                    </a:lnTo>
                    <a:lnTo>
                      <a:pt x="119" y="25"/>
                    </a:lnTo>
                    <a:lnTo>
                      <a:pt x="124" y="25"/>
                    </a:lnTo>
                    <a:lnTo>
                      <a:pt x="126" y="25"/>
                    </a:lnTo>
                    <a:lnTo>
                      <a:pt x="127" y="24"/>
                    </a:lnTo>
                    <a:lnTo>
                      <a:pt x="129" y="22"/>
                    </a:lnTo>
                    <a:lnTo>
                      <a:pt x="131" y="20"/>
                    </a:lnTo>
                    <a:lnTo>
                      <a:pt x="132" y="19"/>
                    </a:lnTo>
                    <a:lnTo>
                      <a:pt x="136" y="17"/>
                    </a:lnTo>
                    <a:lnTo>
                      <a:pt x="141" y="13"/>
                    </a:lnTo>
                    <a:lnTo>
                      <a:pt x="148" y="12"/>
                    </a:lnTo>
                    <a:lnTo>
                      <a:pt x="154" y="10"/>
                    </a:lnTo>
                    <a:lnTo>
                      <a:pt x="158" y="8"/>
                    </a:lnTo>
                    <a:lnTo>
                      <a:pt x="161" y="8"/>
                    </a:lnTo>
                    <a:lnTo>
                      <a:pt x="163" y="7"/>
                    </a:lnTo>
                    <a:lnTo>
                      <a:pt x="164" y="5"/>
                    </a:lnTo>
                    <a:lnTo>
                      <a:pt x="168" y="3"/>
                    </a:lnTo>
                    <a:lnTo>
                      <a:pt x="173" y="0"/>
                    </a:lnTo>
                    <a:lnTo>
                      <a:pt x="176" y="0"/>
                    </a:lnTo>
                    <a:lnTo>
                      <a:pt x="180" y="3"/>
                    </a:lnTo>
                    <a:lnTo>
                      <a:pt x="181" y="7"/>
                    </a:lnTo>
                    <a:lnTo>
                      <a:pt x="183" y="8"/>
                    </a:lnTo>
                    <a:lnTo>
                      <a:pt x="176" y="20"/>
                    </a:lnTo>
                    <a:lnTo>
                      <a:pt x="175" y="29"/>
                    </a:lnTo>
                    <a:lnTo>
                      <a:pt x="173" y="37"/>
                    </a:lnTo>
                    <a:lnTo>
                      <a:pt x="173" y="39"/>
                    </a:lnTo>
                    <a:lnTo>
                      <a:pt x="171" y="41"/>
                    </a:lnTo>
                    <a:lnTo>
                      <a:pt x="171" y="44"/>
                    </a:lnTo>
                    <a:lnTo>
                      <a:pt x="171" y="46"/>
                    </a:lnTo>
                    <a:lnTo>
                      <a:pt x="175" y="44"/>
                    </a:lnTo>
                    <a:lnTo>
                      <a:pt x="178" y="42"/>
                    </a:lnTo>
                    <a:lnTo>
                      <a:pt x="180" y="41"/>
                    </a:lnTo>
                    <a:lnTo>
                      <a:pt x="181" y="39"/>
                    </a:lnTo>
                    <a:lnTo>
                      <a:pt x="185" y="39"/>
                    </a:lnTo>
                    <a:lnTo>
                      <a:pt x="186" y="37"/>
                    </a:lnTo>
                    <a:lnTo>
                      <a:pt x="188" y="35"/>
                    </a:lnTo>
                    <a:lnTo>
                      <a:pt x="190" y="34"/>
                    </a:lnTo>
                    <a:lnTo>
                      <a:pt x="192" y="34"/>
                    </a:lnTo>
                    <a:lnTo>
                      <a:pt x="210" y="46"/>
                    </a:lnTo>
                    <a:lnTo>
                      <a:pt x="212" y="46"/>
                    </a:lnTo>
                    <a:lnTo>
                      <a:pt x="214" y="46"/>
                    </a:lnTo>
                    <a:lnTo>
                      <a:pt x="217" y="46"/>
                    </a:lnTo>
                    <a:lnTo>
                      <a:pt x="220" y="46"/>
                    </a:lnTo>
                    <a:lnTo>
                      <a:pt x="225" y="47"/>
                    </a:lnTo>
                    <a:lnTo>
                      <a:pt x="229" y="52"/>
                    </a:lnTo>
                    <a:lnTo>
                      <a:pt x="234" y="57"/>
                    </a:lnTo>
                    <a:lnTo>
                      <a:pt x="237" y="66"/>
                    </a:lnTo>
                    <a:lnTo>
                      <a:pt x="239" y="68"/>
                    </a:lnTo>
                    <a:lnTo>
                      <a:pt x="239" y="69"/>
                    </a:lnTo>
                    <a:lnTo>
                      <a:pt x="242" y="71"/>
                    </a:lnTo>
                    <a:lnTo>
                      <a:pt x="244" y="73"/>
                    </a:lnTo>
                    <a:lnTo>
                      <a:pt x="246" y="74"/>
                    </a:lnTo>
                    <a:lnTo>
                      <a:pt x="247" y="76"/>
                    </a:lnTo>
                    <a:lnTo>
                      <a:pt x="249" y="76"/>
                    </a:lnTo>
                    <a:lnTo>
                      <a:pt x="249" y="78"/>
                    </a:lnTo>
                    <a:lnTo>
                      <a:pt x="252" y="78"/>
                    </a:lnTo>
                    <a:lnTo>
                      <a:pt x="256" y="78"/>
                    </a:lnTo>
                    <a:lnTo>
                      <a:pt x="261" y="78"/>
                    </a:lnTo>
                    <a:lnTo>
                      <a:pt x="268" y="79"/>
                    </a:lnTo>
                    <a:lnTo>
                      <a:pt x="274" y="79"/>
                    </a:lnTo>
                    <a:lnTo>
                      <a:pt x="283" y="81"/>
                    </a:lnTo>
                    <a:lnTo>
                      <a:pt x="291" y="83"/>
                    </a:lnTo>
                    <a:lnTo>
                      <a:pt x="300" y="85"/>
                    </a:lnTo>
                    <a:lnTo>
                      <a:pt x="308" y="86"/>
                    </a:lnTo>
                    <a:lnTo>
                      <a:pt x="317" y="88"/>
                    </a:lnTo>
                    <a:lnTo>
                      <a:pt x="325" y="91"/>
                    </a:lnTo>
                    <a:lnTo>
                      <a:pt x="334" y="93"/>
                    </a:lnTo>
                    <a:lnTo>
                      <a:pt x="340" y="96"/>
                    </a:lnTo>
                    <a:lnTo>
                      <a:pt x="347" y="100"/>
                    </a:lnTo>
                    <a:lnTo>
                      <a:pt x="354" y="103"/>
                    </a:lnTo>
                    <a:lnTo>
                      <a:pt x="356" y="103"/>
                    </a:lnTo>
                    <a:lnTo>
                      <a:pt x="362" y="105"/>
                    </a:lnTo>
                    <a:lnTo>
                      <a:pt x="373" y="107"/>
                    </a:lnTo>
                    <a:lnTo>
                      <a:pt x="383" y="107"/>
                    </a:lnTo>
                    <a:lnTo>
                      <a:pt x="393" y="108"/>
                    </a:lnTo>
                    <a:lnTo>
                      <a:pt x="401" y="110"/>
                    </a:lnTo>
                    <a:lnTo>
                      <a:pt x="408" y="110"/>
                    </a:lnTo>
                    <a:lnTo>
                      <a:pt x="412" y="110"/>
                    </a:lnTo>
                    <a:lnTo>
                      <a:pt x="415" y="115"/>
                    </a:lnTo>
                    <a:lnTo>
                      <a:pt x="418" y="127"/>
                    </a:lnTo>
                    <a:lnTo>
                      <a:pt x="420" y="127"/>
                    </a:lnTo>
                    <a:lnTo>
                      <a:pt x="422" y="127"/>
                    </a:lnTo>
                    <a:lnTo>
                      <a:pt x="427" y="127"/>
                    </a:lnTo>
                    <a:lnTo>
                      <a:pt x="430" y="129"/>
                    </a:lnTo>
                    <a:lnTo>
                      <a:pt x="435" y="132"/>
                    </a:lnTo>
                    <a:lnTo>
                      <a:pt x="439" y="139"/>
                    </a:lnTo>
                    <a:lnTo>
                      <a:pt x="442" y="147"/>
                    </a:lnTo>
                    <a:lnTo>
                      <a:pt x="444" y="159"/>
                    </a:lnTo>
                    <a:lnTo>
                      <a:pt x="444" y="161"/>
                    </a:lnTo>
                    <a:lnTo>
                      <a:pt x="442" y="164"/>
                    </a:lnTo>
                    <a:lnTo>
                      <a:pt x="442" y="167"/>
                    </a:lnTo>
                    <a:lnTo>
                      <a:pt x="442" y="173"/>
                    </a:lnTo>
                    <a:lnTo>
                      <a:pt x="440" y="176"/>
                    </a:lnTo>
                    <a:lnTo>
                      <a:pt x="440" y="179"/>
                    </a:lnTo>
                    <a:lnTo>
                      <a:pt x="439" y="183"/>
                    </a:lnTo>
                    <a:lnTo>
                      <a:pt x="461" y="183"/>
                    </a:lnTo>
                    <a:lnTo>
                      <a:pt x="461" y="184"/>
                    </a:lnTo>
                    <a:lnTo>
                      <a:pt x="459" y="188"/>
                    </a:lnTo>
                    <a:lnTo>
                      <a:pt x="459" y="191"/>
                    </a:lnTo>
                    <a:lnTo>
                      <a:pt x="457" y="196"/>
                    </a:lnTo>
                    <a:lnTo>
                      <a:pt x="459" y="201"/>
                    </a:lnTo>
                    <a:lnTo>
                      <a:pt x="461" y="205"/>
                    </a:lnTo>
                    <a:lnTo>
                      <a:pt x="464" y="208"/>
                    </a:lnTo>
                    <a:lnTo>
                      <a:pt x="469" y="210"/>
                    </a:lnTo>
                    <a:lnTo>
                      <a:pt x="469" y="211"/>
                    </a:lnTo>
                    <a:lnTo>
                      <a:pt x="469" y="213"/>
                    </a:lnTo>
                    <a:lnTo>
                      <a:pt x="471" y="217"/>
                    </a:lnTo>
                    <a:lnTo>
                      <a:pt x="471" y="218"/>
                    </a:lnTo>
                    <a:lnTo>
                      <a:pt x="457" y="228"/>
                    </a:lnTo>
                    <a:lnTo>
                      <a:pt x="450" y="239"/>
                    </a:lnTo>
                    <a:lnTo>
                      <a:pt x="449" y="244"/>
                    </a:lnTo>
                    <a:lnTo>
                      <a:pt x="449" y="245"/>
                    </a:lnTo>
                    <a:lnTo>
                      <a:pt x="447" y="247"/>
                    </a:lnTo>
                    <a:lnTo>
                      <a:pt x="444" y="250"/>
                    </a:lnTo>
                    <a:lnTo>
                      <a:pt x="442" y="255"/>
                    </a:lnTo>
                    <a:lnTo>
                      <a:pt x="439" y="261"/>
                    </a:lnTo>
                    <a:lnTo>
                      <a:pt x="437" y="267"/>
                    </a:lnTo>
                    <a:lnTo>
                      <a:pt x="437" y="274"/>
                    </a:lnTo>
                    <a:lnTo>
                      <a:pt x="439" y="283"/>
                    </a:lnTo>
                    <a:lnTo>
                      <a:pt x="440" y="284"/>
                    </a:lnTo>
                    <a:lnTo>
                      <a:pt x="442" y="284"/>
                    </a:lnTo>
                    <a:lnTo>
                      <a:pt x="444" y="283"/>
                    </a:lnTo>
                    <a:lnTo>
                      <a:pt x="447" y="279"/>
                    </a:lnTo>
                    <a:lnTo>
                      <a:pt x="450" y="276"/>
                    </a:lnTo>
                    <a:lnTo>
                      <a:pt x="454" y="271"/>
                    </a:lnTo>
                    <a:lnTo>
                      <a:pt x="459" y="266"/>
                    </a:lnTo>
                    <a:lnTo>
                      <a:pt x="462" y="261"/>
                    </a:lnTo>
                    <a:lnTo>
                      <a:pt x="464" y="259"/>
                    </a:lnTo>
                    <a:lnTo>
                      <a:pt x="464" y="255"/>
                    </a:lnTo>
                    <a:lnTo>
                      <a:pt x="464" y="252"/>
                    </a:lnTo>
                    <a:lnTo>
                      <a:pt x="466" y="247"/>
                    </a:lnTo>
                    <a:lnTo>
                      <a:pt x="469" y="244"/>
                    </a:lnTo>
                    <a:lnTo>
                      <a:pt x="474" y="240"/>
                    </a:lnTo>
                    <a:lnTo>
                      <a:pt x="481" y="237"/>
                    </a:lnTo>
                    <a:lnTo>
                      <a:pt x="491" y="235"/>
                    </a:lnTo>
                    <a:lnTo>
                      <a:pt x="491" y="232"/>
                    </a:lnTo>
                    <a:lnTo>
                      <a:pt x="491" y="228"/>
                    </a:lnTo>
                    <a:lnTo>
                      <a:pt x="491" y="223"/>
                    </a:lnTo>
                    <a:lnTo>
                      <a:pt x="491" y="217"/>
                    </a:lnTo>
                    <a:lnTo>
                      <a:pt x="494" y="208"/>
                    </a:lnTo>
                    <a:lnTo>
                      <a:pt x="500" y="198"/>
                    </a:lnTo>
                    <a:lnTo>
                      <a:pt x="501" y="198"/>
                    </a:lnTo>
                    <a:lnTo>
                      <a:pt x="503" y="196"/>
                    </a:lnTo>
                    <a:lnTo>
                      <a:pt x="506" y="193"/>
                    </a:lnTo>
                    <a:lnTo>
                      <a:pt x="508" y="189"/>
                    </a:lnTo>
                    <a:lnTo>
                      <a:pt x="511" y="186"/>
                    </a:lnTo>
                    <a:lnTo>
                      <a:pt x="513" y="183"/>
                    </a:lnTo>
                    <a:lnTo>
                      <a:pt x="515" y="181"/>
                    </a:lnTo>
                    <a:lnTo>
                      <a:pt x="516" y="181"/>
                    </a:lnTo>
                    <a:lnTo>
                      <a:pt x="522" y="181"/>
                    </a:lnTo>
                    <a:lnTo>
                      <a:pt x="522" y="191"/>
                    </a:lnTo>
                    <a:lnTo>
                      <a:pt x="518" y="193"/>
                    </a:lnTo>
                    <a:lnTo>
                      <a:pt x="518" y="206"/>
                    </a:lnTo>
                    <a:lnTo>
                      <a:pt x="516" y="206"/>
                    </a:lnTo>
                    <a:lnTo>
                      <a:pt x="515" y="210"/>
                    </a:lnTo>
                    <a:lnTo>
                      <a:pt x="513" y="213"/>
                    </a:lnTo>
                    <a:lnTo>
                      <a:pt x="510" y="217"/>
                    </a:lnTo>
                    <a:lnTo>
                      <a:pt x="508" y="222"/>
                    </a:lnTo>
                    <a:lnTo>
                      <a:pt x="506" y="227"/>
                    </a:lnTo>
                    <a:lnTo>
                      <a:pt x="506" y="232"/>
                    </a:lnTo>
                    <a:lnTo>
                      <a:pt x="508" y="235"/>
                    </a:lnTo>
                    <a:lnTo>
                      <a:pt x="506" y="235"/>
                    </a:lnTo>
                    <a:lnTo>
                      <a:pt x="506" y="237"/>
                    </a:lnTo>
                    <a:lnTo>
                      <a:pt x="505" y="239"/>
                    </a:lnTo>
                    <a:lnTo>
                      <a:pt x="503" y="240"/>
                    </a:lnTo>
                    <a:lnTo>
                      <a:pt x="501" y="244"/>
                    </a:lnTo>
                    <a:lnTo>
                      <a:pt x="500" y="247"/>
                    </a:lnTo>
                    <a:lnTo>
                      <a:pt x="498" y="252"/>
                    </a:lnTo>
                    <a:lnTo>
                      <a:pt x="494" y="257"/>
                    </a:lnTo>
                    <a:lnTo>
                      <a:pt x="493" y="262"/>
                    </a:lnTo>
                    <a:lnTo>
                      <a:pt x="491" y="269"/>
                    </a:lnTo>
                    <a:lnTo>
                      <a:pt x="489" y="276"/>
                    </a:lnTo>
                    <a:lnTo>
                      <a:pt x="488" y="284"/>
                    </a:lnTo>
                    <a:lnTo>
                      <a:pt x="486" y="293"/>
                    </a:lnTo>
                    <a:lnTo>
                      <a:pt x="486" y="303"/>
                    </a:lnTo>
                    <a:lnTo>
                      <a:pt x="486" y="311"/>
                    </a:lnTo>
                    <a:lnTo>
                      <a:pt x="486" y="323"/>
                    </a:lnTo>
                    <a:lnTo>
                      <a:pt x="486" y="325"/>
                    </a:lnTo>
                    <a:lnTo>
                      <a:pt x="484" y="325"/>
                    </a:lnTo>
                    <a:lnTo>
                      <a:pt x="483" y="328"/>
                    </a:lnTo>
                    <a:lnTo>
                      <a:pt x="481" y="330"/>
                    </a:lnTo>
                    <a:lnTo>
                      <a:pt x="479" y="333"/>
                    </a:lnTo>
                    <a:lnTo>
                      <a:pt x="478" y="337"/>
                    </a:lnTo>
                    <a:lnTo>
                      <a:pt x="476" y="340"/>
                    </a:lnTo>
                    <a:lnTo>
                      <a:pt x="474" y="345"/>
                    </a:lnTo>
                    <a:lnTo>
                      <a:pt x="472" y="349"/>
                    </a:lnTo>
                    <a:lnTo>
                      <a:pt x="472" y="355"/>
                    </a:lnTo>
                    <a:lnTo>
                      <a:pt x="471" y="360"/>
                    </a:lnTo>
                    <a:lnTo>
                      <a:pt x="471" y="367"/>
                    </a:lnTo>
                    <a:lnTo>
                      <a:pt x="472" y="374"/>
                    </a:lnTo>
                    <a:lnTo>
                      <a:pt x="474" y="381"/>
                    </a:lnTo>
                    <a:lnTo>
                      <a:pt x="476" y="389"/>
                    </a:lnTo>
                    <a:lnTo>
                      <a:pt x="476" y="391"/>
                    </a:lnTo>
                    <a:lnTo>
                      <a:pt x="474" y="393"/>
                    </a:lnTo>
                    <a:lnTo>
                      <a:pt x="474" y="396"/>
                    </a:lnTo>
                    <a:lnTo>
                      <a:pt x="472" y="399"/>
                    </a:lnTo>
                    <a:lnTo>
                      <a:pt x="471" y="404"/>
                    </a:lnTo>
                    <a:lnTo>
                      <a:pt x="469" y="409"/>
                    </a:lnTo>
                    <a:lnTo>
                      <a:pt x="467" y="415"/>
                    </a:lnTo>
                    <a:lnTo>
                      <a:pt x="466" y="421"/>
                    </a:lnTo>
                    <a:lnTo>
                      <a:pt x="464" y="428"/>
                    </a:lnTo>
                    <a:lnTo>
                      <a:pt x="464" y="437"/>
                    </a:lnTo>
                    <a:lnTo>
                      <a:pt x="462" y="443"/>
                    </a:lnTo>
                    <a:lnTo>
                      <a:pt x="462" y="452"/>
                    </a:lnTo>
                    <a:lnTo>
                      <a:pt x="464" y="460"/>
                    </a:lnTo>
                    <a:lnTo>
                      <a:pt x="466" y="469"/>
                    </a:lnTo>
                    <a:lnTo>
                      <a:pt x="467" y="477"/>
                    </a:lnTo>
                    <a:lnTo>
                      <a:pt x="471" y="484"/>
                    </a:lnTo>
                    <a:lnTo>
                      <a:pt x="472" y="486"/>
                    </a:lnTo>
                    <a:lnTo>
                      <a:pt x="472" y="487"/>
                    </a:lnTo>
                    <a:lnTo>
                      <a:pt x="474" y="491"/>
                    </a:lnTo>
                    <a:lnTo>
                      <a:pt x="476" y="492"/>
                    </a:lnTo>
                    <a:lnTo>
                      <a:pt x="478" y="496"/>
                    </a:lnTo>
                    <a:lnTo>
                      <a:pt x="478" y="497"/>
                    </a:lnTo>
                    <a:lnTo>
                      <a:pt x="479" y="499"/>
                    </a:lnTo>
                    <a:lnTo>
                      <a:pt x="479" y="506"/>
                    </a:lnTo>
                    <a:lnTo>
                      <a:pt x="478" y="525"/>
                    </a:lnTo>
                    <a:lnTo>
                      <a:pt x="479" y="536"/>
                    </a:lnTo>
                    <a:lnTo>
                      <a:pt x="220" y="555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623" name="Group 173"/>
              <p:cNvGrpSpPr>
                <a:grpSpLocks/>
              </p:cNvGrpSpPr>
              <p:nvPr/>
            </p:nvGrpSpPr>
            <p:grpSpPr bwMode="auto">
              <a:xfrm>
                <a:off x="4170" y="1392"/>
                <a:ext cx="723" cy="540"/>
                <a:chOff x="4407" y="988"/>
                <a:chExt cx="743" cy="556"/>
              </a:xfrm>
            </p:grpSpPr>
            <p:sp>
              <p:nvSpPr>
                <p:cNvPr id="640" name="Freeform 174"/>
                <p:cNvSpPr>
                  <a:spLocks/>
                </p:cNvSpPr>
                <p:nvPr/>
              </p:nvSpPr>
              <p:spPr bwMode="auto">
                <a:xfrm>
                  <a:off x="4972" y="1435"/>
                  <a:ext cx="178" cy="109"/>
                </a:xfrm>
                <a:custGeom>
                  <a:avLst/>
                  <a:gdLst>
                    <a:gd name="T0" fmla="*/ 2 w 178"/>
                    <a:gd name="T1" fmla="*/ 109 h 109"/>
                    <a:gd name="T2" fmla="*/ 0 w 178"/>
                    <a:gd name="T3" fmla="*/ 107 h 109"/>
                    <a:gd name="T4" fmla="*/ 0 w 178"/>
                    <a:gd name="T5" fmla="*/ 102 h 109"/>
                    <a:gd name="T6" fmla="*/ 0 w 178"/>
                    <a:gd name="T7" fmla="*/ 95 h 109"/>
                    <a:gd name="T8" fmla="*/ 4 w 178"/>
                    <a:gd name="T9" fmla="*/ 88 h 109"/>
                    <a:gd name="T10" fmla="*/ 9 w 178"/>
                    <a:gd name="T11" fmla="*/ 81 h 109"/>
                    <a:gd name="T12" fmla="*/ 12 w 178"/>
                    <a:gd name="T13" fmla="*/ 80 h 109"/>
                    <a:gd name="T14" fmla="*/ 21 w 178"/>
                    <a:gd name="T15" fmla="*/ 73 h 109"/>
                    <a:gd name="T16" fmla="*/ 24 w 178"/>
                    <a:gd name="T17" fmla="*/ 65 h 109"/>
                    <a:gd name="T18" fmla="*/ 26 w 178"/>
                    <a:gd name="T19" fmla="*/ 61 h 109"/>
                    <a:gd name="T20" fmla="*/ 28 w 178"/>
                    <a:gd name="T21" fmla="*/ 59 h 109"/>
                    <a:gd name="T22" fmla="*/ 38 w 178"/>
                    <a:gd name="T23" fmla="*/ 56 h 109"/>
                    <a:gd name="T24" fmla="*/ 41 w 178"/>
                    <a:gd name="T25" fmla="*/ 53 h 109"/>
                    <a:gd name="T26" fmla="*/ 63 w 178"/>
                    <a:gd name="T27" fmla="*/ 53 h 109"/>
                    <a:gd name="T28" fmla="*/ 65 w 178"/>
                    <a:gd name="T29" fmla="*/ 49 h 109"/>
                    <a:gd name="T30" fmla="*/ 68 w 178"/>
                    <a:gd name="T31" fmla="*/ 43 h 109"/>
                    <a:gd name="T32" fmla="*/ 77 w 178"/>
                    <a:gd name="T33" fmla="*/ 39 h 109"/>
                    <a:gd name="T34" fmla="*/ 83 w 178"/>
                    <a:gd name="T35" fmla="*/ 37 h 109"/>
                    <a:gd name="T36" fmla="*/ 105 w 178"/>
                    <a:gd name="T37" fmla="*/ 31 h 109"/>
                    <a:gd name="T38" fmla="*/ 116 w 178"/>
                    <a:gd name="T39" fmla="*/ 24 h 109"/>
                    <a:gd name="T40" fmla="*/ 132 w 178"/>
                    <a:gd name="T41" fmla="*/ 4 h 109"/>
                    <a:gd name="T42" fmla="*/ 138 w 178"/>
                    <a:gd name="T43" fmla="*/ 2 h 109"/>
                    <a:gd name="T44" fmla="*/ 131 w 178"/>
                    <a:gd name="T45" fmla="*/ 14 h 109"/>
                    <a:gd name="T46" fmla="*/ 127 w 178"/>
                    <a:gd name="T47" fmla="*/ 19 h 109"/>
                    <a:gd name="T48" fmla="*/ 122 w 178"/>
                    <a:gd name="T49" fmla="*/ 26 h 109"/>
                    <a:gd name="T50" fmla="*/ 116 w 178"/>
                    <a:gd name="T51" fmla="*/ 34 h 109"/>
                    <a:gd name="T52" fmla="*/ 116 w 178"/>
                    <a:gd name="T53" fmla="*/ 37 h 109"/>
                    <a:gd name="T54" fmla="*/ 122 w 178"/>
                    <a:gd name="T55" fmla="*/ 36 h 109"/>
                    <a:gd name="T56" fmla="*/ 122 w 178"/>
                    <a:gd name="T57" fmla="*/ 39 h 109"/>
                    <a:gd name="T58" fmla="*/ 122 w 178"/>
                    <a:gd name="T59" fmla="*/ 43 h 109"/>
                    <a:gd name="T60" fmla="*/ 122 w 178"/>
                    <a:gd name="T61" fmla="*/ 48 h 109"/>
                    <a:gd name="T62" fmla="*/ 129 w 178"/>
                    <a:gd name="T63" fmla="*/ 43 h 109"/>
                    <a:gd name="T64" fmla="*/ 129 w 178"/>
                    <a:gd name="T65" fmla="*/ 34 h 109"/>
                    <a:gd name="T66" fmla="*/ 136 w 178"/>
                    <a:gd name="T67" fmla="*/ 22 h 109"/>
                    <a:gd name="T68" fmla="*/ 148 w 178"/>
                    <a:gd name="T69" fmla="*/ 14 h 109"/>
                    <a:gd name="T70" fmla="*/ 160 w 178"/>
                    <a:gd name="T71" fmla="*/ 14 h 109"/>
                    <a:gd name="T72" fmla="*/ 165 w 178"/>
                    <a:gd name="T73" fmla="*/ 9 h 109"/>
                    <a:gd name="T74" fmla="*/ 175 w 178"/>
                    <a:gd name="T75" fmla="*/ 0 h 109"/>
                    <a:gd name="T76" fmla="*/ 178 w 178"/>
                    <a:gd name="T77" fmla="*/ 4 h 109"/>
                    <a:gd name="T78" fmla="*/ 175 w 178"/>
                    <a:gd name="T79" fmla="*/ 9 h 109"/>
                    <a:gd name="T80" fmla="*/ 160 w 178"/>
                    <a:gd name="T81" fmla="*/ 22 h 109"/>
                    <a:gd name="T82" fmla="*/ 143 w 178"/>
                    <a:gd name="T83" fmla="*/ 36 h 109"/>
                    <a:gd name="T84" fmla="*/ 127 w 178"/>
                    <a:gd name="T85" fmla="*/ 48 h 109"/>
                    <a:gd name="T86" fmla="*/ 116 w 178"/>
                    <a:gd name="T87" fmla="*/ 58 h 109"/>
                    <a:gd name="T88" fmla="*/ 109 w 178"/>
                    <a:gd name="T89" fmla="*/ 63 h 109"/>
                    <a:gd name="T90" fmla="*/ 88 w 178"/>
                    <a:gd name="T91" fmla="*/ 76 h 109"/>
                    <a:gd name="T92" fmla="*/ 85 w 178"/>
                    <a:gd name="T93" fmla="*/ 76 h 109"/>
                    <a:gd name="T94" fmla="*/ 90 w 178"/>
                    <a:gd name="T95" fmla="*/ 70 h 109"/>
                    <a:gd name="T96" fmla="*/ 97 w 178"/>
                    <a:gd name="T97" fmla="*/ 58 h 109"/>
                    <a:gd name="T98" fmla="*/ 80 w 178"/>
                    <a:gd name="T99" fmla="*/ 68 h 109"/>
                    <a:gd name="T100" fmla="*/ 61 w 178"/>
                    <a:gd name="T101" fmla="*/ 76 h 109"/>
                    <a:gd name="T102" fmla="*/ 55 w 178"/>
                    <a:gd name="T103" fmla="*/ 81 h 109"/>
                    <a:gd name="T104" fmla="*/ 44 w 178"/>
                    <a:gd name="T105" fmla="*/ 90 h 109"/>
                    <a:gd name="T106" fmla="*/ 29 w 178"/>
                    <a:gd name="T107" fmla="*/ 100 h 109"/>
                    <a:gd name="T108" fmla="*/ 14 w 178"/>
                    <a:gd name="T109" fmla="*/ 109 h 109"/>
                    <a:gd name="T110" fmla="*/ 14 w 178"/>
                    <a:gd name="T111" fmla="*/ 105 h 109"/>
                    <a:gd name="T112" fmla="*/ 17 w 178"/>
                    <a:gd name="T113" fmla="*/ 102 h 109"/>
                    <a:gd name="T114" fmla="*/ 19 w 178"/>
                    <a:gd name="T115" fmla="*/ 95 h 109"/>
                    <a:gd name="T116" fmla="*/ 7 w 178"/>
                    <a:gd name="T117" fmla="*/ 105 h 109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60000 65536"/>
                    <a:gd name="T175" fmla="*/ 0 60000 65536"/>
                    <a:gd name="T176" fmla="*/ 0 60000 65536"/>
                    <a:gd name="T177" fmla="*/ 0 w 178"/>
                    <a:gd name="T178" fmla="*/ 0 h 109"/>
                    <a:gd name="T179" fmla="*/ 178 w 178"/>
                    <a:gd name="T180" fmla="*/ 109 h 109"/>
                  </a:gdLst>
                  <a:ahLst/>
                  <a:cxnLst>
                    <a:cxn ang="T118">
                      <a:pos x="T0" y="T1"/>
                    </a:cxn>
                    <a:cxn ang="T119">
                      <a:pos x="T2" y="T3"/>
                    </a:cxn>
                    <a:cxn ang="T120">
                      <a:pos x="T4" y="T5"/>
                    </a:cxn>
                    <a:cxn ang="T121">
                      <a:pos x="T6" y="T7"/>
                    </a:cxn>
                    <a:cxn ang="T122">
                      <a:pos x="T8" y="T9"/>
                    </a:cxn>
                    <a:cxn ang="T123">
                      <a:pos x="T10" y="T11"/>
                    </a:cxn>
                    <a:cxn ang="T124">
                      <a:pos x="T12" y="T13"/>
                    </a:cxn>
                    <a:cxn ang="T125">
                      <a:pos x="T14" y="T15"/>
                    </a:cxn>
                    <a:cxn ang="T126">
                      <a:pos x="T16" y="T17"/>
                    </a:cxn>
                    <a:cxn ang="T127">
                      <a:pos x="T18" y="T19"/>
                    </a:cxn>
                    <a:cxn ang="T128">
                      <a:pos x="T20" y="T21"/>
                    </a:cxn>
                    <a:cxn ang="T129">
                      <a:pos x="T22" y="T23"/>
                    </a:cxn>
                    <a:cxn ang="T130">
                      <a:pos x="T24" y="T25"/>
                    </a:cxn>
                    <a:cxn ang="T131">
                      <a:pos x="T26" y="T27"/>
                    </a:cxn>
                    <a:cxn ang="T132">
                      <a:pos x="T28" y="T29"/>
                    </a:cxn>
                    <a:cxn ang="T133">
                      <a:pos x="T30" y="T31"/>
                    </a:cxn>
                    <a:cxn ang="T134">
                      <a:pos x="T32" y="T33"/>
                    </a:cxn>
                    <a:cxn ang="T135">
                      <a:pos x="T34" y="T35"/>
                    </a:cxn>
                    <a:cxn ang="T136">
                      <a:pos x="T36" y="T37"/>
                    </a:cxn>
                    <a:cxn ang="T137">
                      <a:pos x="T38" y="T39"/>
                    </a:cxn>
                    <a:cxn ang="T138">
                      <a:pos x="T40" y="T41"/>
                    </a:cxn>
                    <a:cxn ang="T139">
                      <a:pos x="T42" y="T43"/>
                    </a:cxn>
                    <a:cxn ang="T140">
                      <a:pos x="T44" y="T45"/>
                    </a:cxn>
                    <a:cxn ang="T141">
                      <a:pos x="T46" y="T47"/>
                    </a:cxn>
                    <a:cxn ang="T142">
                      <a:pos x="T48" y="T49"/>
                    </a:cxn>
                    <a:cxn ang="T143">
                      <a:pos x="T50" y="T51"/>
                    </a:cxn>
                    <a:cxn ang="T144">
                      <a:pos x="T52" y="T53"/>
                    </a:cxn>
                    <a:cxn ang="T145">
                      <a:pos x="T54" y="T55"/>
                    </a:cxn>
                    <a:cxn ang="T146">
                      <a:pos x="T56" y="T57"/>
                    </a:cxn>
                    <a:cxn ang="T147">
                      <a:pos x="T58" y="T59"/>
                    </a:cxn>
                    <a:cxn ang="T148">
                      <a:pos x="T60" y="T61"/>
                    </a:cxn>
                    <a:cxn ang="T149">
                      <a:pos x="T62" y="T63"/>
                    </a:cxn>
                    <a:cxn ang="T150">
                      <a:pos x="T64" y="T65"/>
                    </a:cxn>
                    <a:cxn ang="T151">
                      <a:pos x="T66" y="T67"/>
                    </a:cxn>
                    <a:cxn ang="T152">
                      <a:pos x="T68" y="T69"/>
                    </a:cxn>
                    <a:cxn ang="T153">
                      <a:pos x="T70" y="T71"/>
                    </a:cxn>
                    <a:cxn ang="T154">
                      <a:pos x="T72" y="T73"/>
                    </a:cxn>
                    <a:cxn ang="T155">
                      <a:pos x="T74" y="T75"/>
                    </a:cxn>
                    <a:cxn ang="T156">
                      <a:pos x="T76" y="T77"/>
                    </a:cxn>
                    <a:cxn ang="T157">
                      <a:pos x="T78" y="T79"/>
                    </a:cxn>
                    <a:cxn ang="T158">
                      <a:pos x="T80" y="T81"/>
                    </a:cxn>
                    <a:cxn ang="T159">
                      <a:pos x="T82" y="T83"/>
                    </a:cxn>
                    <a:cxn ang="T160">
                      <a:pos x="T84" y="T85"/>
                    </a:cxn>
                    <a:cxn ang="T161">
                      <a:pos x="T86" y="T87"/>
                    </a:cxn>
                    <a:cxn ang="T162">
                      <a:pos x="T88" y="T89"/>
                    </a:cxn>
                    <a:cxn ang="T163">
                      <a:pos x="T90" y="T91"/>
                    </a:cxn>
                    <a:cxn ang="T164">
                      <a:pos x="T92" y="T93"/>
                    </a:cxn>
                    <a:cxn ang="T165">
                      <a:pos x="T94" y="T95"/>
                    </a:cxn>
                    <a:cxn ang="T166">
                      <a:pos x="T96" y="T97"/>
                    </a:cxn>
                    <a:cxn ang="T167">
                      <a:pos x="T98" y="T99"/>
                    </a:cxn>
                    <a:cxn ang="T168">
                      <a:pos x="T100" y="T101"/>
                    </a:cxn>
                    <a:cxn ang="T169">
                      <a:pos x="T102" y="T103"/>
                    </a:cxn>
                    <a:cxn ang="T170">
                      <a:pos x="T104" y="T105"/>
                    </a:cxn>
                    <a:cxn ang="T171">
                      <a:pos x="T106" y="T107"/>
                    </a:cxn>
                    <a:cxn ang="T172">
                      <a:pos x="T108" y="T109"/>
                    </a:cxn>
                    <a:cxn ang="T173">
                      <a:pos x="T110" y="T111"/>
                    </a:cxn>
                    <a:cxn ang="T174">
                      <a:pos x="T112" y="T113"/>
                    </a:cxn>
                    <a:cxn ang="T175">
                      <a:pos x="T114" y="T115"/>
                    </a:cxn>
                    <a:cxn ang="T176">
                      <a:pos x="T116" y="T117"/>
                    </a:cxn>
                  </a:cxnLst>
                  <a:rect l="T177" t="T178" r="T179" b="T180"/>
                  <a:pathLst>
                    <a:path w="178" h="109">
                      <a:moveTo>
                        <a:pt x="7" y="105"/>
                      </a:moveTo>
                      <a:lnTo>
                        <a:pt x="4" y="107"/>
                      </a:lnTo>
                      <a:lnTo>
                        <a:pt x="2" y="109"/>
                      </a:lnTo>
                      <a:lnTo>
                        <a:pt x="0" y="107"/>
                      </a:lnTo>
                      <a:lnTo>
                        <a:pt x="0" y="105"/>
                      </a:lnTo>
                      <a:lnTo>
                        <a:pt x="0" y="103"/>
                      </a:lnTo>
                      <a:lnTo>
                        <a:pt x="0" y="102"/>
                      </a:lnTo>
                      <a:lnTo>
                        <a:pt x="0" y="98"/>
                      </a:lnTo>
                      <a:lnTo>
                        <a:pt x="0" y="97"/>
                      </a:lnTo>
                      <a:lnTo>
                        <a:pt x="0" y="95"/>
                      </a:lnTo>
                      <a:lnTo>
                        <a:pt x="2" y="92"/>
                      </a:lnTo>
                      <a:lnTo>
                        <a:pt x="4" y="88"/>
                      </a:lnTo>
                      <a:lnTo>
                        <a:pt x="6" y="85"/>
                      </a:lnTo>
                      <a:lnTo>
                        <a:pt x="7" y="83"/>
                      </a:lnTo>
                      <a:lnTo>
                        <a:pt x="9" y="81"/>
                      </a:lnTo>
                      <a:lnTo>
                        <a:pt x="11" y="80"/>
                      </a:lnTo>
                      <a:lnTo>
                        <a:pt x="12" y="80"/>
                      </a:lnTo>
                      <a:lnTo>
                        <a:pt x="16" y="78"/>
                      </a:lnTo>
                      <a:lnTo>
                        <a:pt x="19" y="76"/>
                      </a:lnTo>
                      <a:lnTo>
                        <a:pt x="21" y="73"/>
                      </a:lnTo>
                      <a:lnTo>
                        <a:pt x="22" y="70"/>
                      </a:lnTo>
                      <a:lnTo>
                        <a:pt x="22" y="68"/>
                      </a:lnTo>
                      <a:lnTo>
                        <a:pt x="24" y="65"/>
                      </a:lnTo>
                      <a:lnTo>
                        <a:pt x="24" y="61"/>
                      </a:lnTo>
                      <a:lnTo>
                        <a:pt x="26" y="61"/>
                      </a:lnTo>
                      <a:lnTo>
                        <a:pt x="26" y="59"/>
                      </a:lnTo>
                      <a:lnTo>
                        <a:pt x="28" y="59"/>
                      </a:lnTo>
                      <a:lnTo>
                        <a:pt x="31" y="58"/>
                      </a:lnTo>
                      <a:lnTo>
                        <a:pt x="34" y="58"/>
                      </a:lnTo>
                      <a:lnTo>
                        <a:pt x="38" y="56"/>
                      </a:lnTo>
                      <a:lnTo>
                        <a:pt x="39" y="54"/>
                      </a:lnTo>
                      <a:lnTo>
                        <a:pt x="41" y="53"/>
                      </a:lnTo>
                      <a:lnTo>
                        <a:pt x="43" y="51"/>
                      </a:lnTo>
                      <a:lnTo>
                        <a:pt x="63" y="53"/>
                      </a:lnTo>
                      <a:lnTo>
                        <a:pt x="63" y="51"/>
                      </a:lnTo>
                      <a:lnTo>
                        <a:pt x="65" y="49"/>
                      </a:lnTo>
                      <a:lnTo>
                        <a:pt x="65" y="48"/>
                      </a:lnTo>
                      <a:lnTo>
                        <a:pt x="66" y="46"/>
                      </a:lnTo>
                      <a:lnTo>
                        <a:pt x="68" y="43"/>
                      </a:lnTo>
                      <a:lnTo>
                        <a:pt x="70" y="41"/>
                      </a:lnTo>
                      <a:lnTo>
                        <a:pt x="73" y="39"/>
                      </a:lnTo>
                      <a:lnTo>
                        <a:pt x="77" y="39"/>
                      </a:lnTo>
                      <a:lnTo>
                        <a:pt x="80" y="39"/>
                      </a:lnTo>
                      <a:lnTo>
                        <a:pt x="82" y="37"/>
                      </a:lnTo>
                      <a:lnTo>
                        <a:pt x="83" y="37"/>
                      </a:lnTo>
                      <a:lnTo>
                        <a:pt x="94" y="36"/>
                      </a:lnTo>
                      <a:lnTo>
                        <a:pt x="100" y="34"/>
                      </a:lnTo>
                      <a:lnTo>
                        <a:pt x="105" y="31"/>
                      </a:lnTo>
                      <a:lnTo>
                        <a:pt x="109" y="29"/>
                      </a:lnTo>
                      <a:lnTo>
                        <a:pt x="112" y="27"/>
                      </a:lnTo>
                      <a:lnTo>
                        <a:pt x="116" y="24"/>
                      </a:lnTo>
                      <a:lnTo>
                        <a:pt x="119" y="19"/>
                      </a:lnTo>
                      <a:lnTo>
                        <a:pt x="124" y="12"/>
                      </a:lnTo>
                      <a:lnTo>
                        <a:pt x="132" y="4"/>
                      </a:lnTo>
                      <a:lnTo>
                        <a:pt x="138" y="0"/>
                      </a:lnTo>
                      <a:lnTo>
                        <a:pt x="138" y="2"/>
                      </a:lnTo>
                      <a:lnTo>
                        <a:pt x="136" y="7"/>
                      </a:lnTo>
                      <a:lnTo>
                        <a:pt x="132" y="10"/>
                      </a:lnTo>
                      <a:lnTo>
                        <a:pt x="131" y="14"/>
                      </a:lnTo>
                      <a:lnTo>
                        <a:pt x="129" y="15"/>
                      </a:lnTo>
                      <a:lnTo>
                        <a:pt x="129" y="17"/>
                      </a:lnTo>
                      <a:lnTo>
                        <a:pt x="127" y="19"/>
                      </a:lnTo>
                      <a:lnTo>
                        <a:pt x="127" y="21"/>
                      </a:lnTo>
                      <a:lnTo>
                        <a:pt x="126" y="21"/>
                      </a:lnTo>
                      <a:lnTo>
                        <a:pt x="122" y="26"/>
                      </a:lnTo>
                      <a:lnTo>
                        <a:pt x="119" y="29"/>
                      </a:lnTo>
                      <a:lnTo>
                        <a:pt x="117" y="32"/>
                      </a:lnTo>
                      <a:lnTo>
                        <a:pt x="116" y="34"/>
                      </a:lnTo>
                      <a:lnTo>
                        <a:pt x="116" y="36"/>
                      </a:lnTo>
                      <a:lnTo>
                        <a:pt x="116" y="37"/>
                      </a:lnTo>
                      <a:lnTo>
                        <a:pt x="119" y="36"/>
                      </a:lnTo>
                      <a:lnTo>
                        <a:pt x="122" y="36"/>
                      </a:lnTo>
                      <a:lnTo>
                        <a:pt x="124" y="37"/>
                      </a:lnTo>
                      <a:lnTo>
                        <a:pt x="122" y="39"/>
                      </a:lnTo>
                      <a:lnTo>
                        <a:pt x="122" y="41"/>
                      </a:lnTo>
                      <a:lnTo>
                        <a:pt x="122" y="43"/>
                      </a:lnTo>
                      <a:lnTo>
                        <a:pt x="121" y="48"/>
                      </a:lnTo>
                      <a:lnTo>
                        <a:pt x="122" y="48"/>
                      </a:lnTo>
                      <a:lnTo>
                        <a:pt x="124" y="46"/>
                      </a:lnTo>
                      <a:lnTo>
                        <a:pt x="126" y="46"/>
                      </a:lnTo>
                      <a:lnTo>
                        <a:pt x="129" y="43"/>
                      </a:lnTo>
                      <a:lnTo>
                        <a:pt x="132" y="41"/>
                      </a:lnTo>
                      <a:lnTo>
                        <a:pt x="132" y="39"/>
                      </a:lnTo>
                      <a:lnTo>
                        <a:pt x="129" y="34"/>
                      </a:lnTo>
                      <a:lnTo>
                        <a:pt x="129" y="31"/>
                      </a:lnTo>
                      <a:lnTo>
                        <a:pt x="131" y="26"/>
                      </a:lnTo>
                      <a:lnTo>
                        <a:pt x="136" y="22"/>
                      </a:lnTo>
                      <a:lnTo>
                        <a:pt x="139" y="19"/>
                      </a:lnTo>
                      <a:lnTo>
                        <a:pt x="144" y="15"/>
                      </a:lnTo>
                      <a:lnTo>
                        <a:pt x="148" y="14"/>
                      </a:lnTo>
                      <a:lnTo>
                        <a:pt x="149" y="12"/>
                      </a:lnTo>
                      <a:lnTo>
                        <a:pt x="154" y="12"/>
                      </a:lnTo>
                      <a:lnTo>
                        <a:pt x="160" y="14"/>
                      </a:lnTo>
                      <a:lnTo>
                        <a:pt x="161" y="14"/>
                      </a:lnTo>
                      <a:lnTo>
                        <a:pt x="163" y="12"/>
                      </a:lnTo>
                      <a:lnTo>
                        <a:pt x="165" y="9"/>
                      </a:lnTo>
                      <a:lnTo>
                        <a:pt x="166" y="9"/>
                      </a:lnTo>
                      <a:lnTo>
                        <a:pt x="171" y="4"/>
                      </a:lnTo>
                      <a:lnTo>
                        <a:pt x="175" y="0"/>
                      </a:lnTo>
                      <a:lnTo>
                        <a:pt x="176" y="0"/>
                      </a:lnTo>
                      <a:lnTo>
                        <a:pt x="178" y="2"/>
                      </a:lnTo>
                      <a:lnTo>
                        <a:pt x="178" y="4"/>
                      </a:lnTo>
                      <a:lnTo>
                        <a:pt x="176" y="7"/>
                      </a:lnTo>
                      <a:lnTo>
                        <a:pt x="175" y="9"/>
                      </a:lnTo>
                      <a:lnTo>
                        <a:pt x="170" y="14"/>
                      </a:lnTo>
                      <a:lnTo>
                        <a:pt x="165" y="17"/>
                      </a:lnTo>
                      <a:lnTo>
                        <a:pt x="160" y="22"/>
                      </a:lnTo>
                      <a:lnTo>
                        <a:pt x="154" y="27"/>
                      </a:lnTo>
                      <a:lnTo>
                        <a:pt x="148" y="31"/>
                      </a:lnTo>
                      <a:lnTo>
                        <a:pt x="143" y="36"/>
                      </a:lnTo>
                      <a:lnTo>
                        <a:pt x="138" y="39"/>
                      </a:lnTo>
                      <a:lnTo>
                        <a:pt x="132" y="44"/>
                      </a:lnTo>
                      <a:lnTo>
                        <a:pt x="127" y="48"/>
                      </a:lnTo>
                      <a:lnTo>
                        <a:pt x="122" y="51"/>
                      </a:lnTo>
                      <a:lnTo>
                        <a:pt x="119" y="54"/>
                      </a:lnTo>
                      <a:lnTo>
                        <a:pt x="116" y="58"/>
                      </a:lnTo>
                      <a:lnTo>
                        <a:pt x="112" y="59"/>
                      </a:lnTo>
                      <a:lnTo>
                        <a:pt x="110" y="61"/>
                      </a:lnTo>
                      <a:lnTo>
                        <a:pt x="109" y="63"/>
                      </a:lnTo>
                      <a:lnTo>
                        <a:pt x="97" y="71"/>
                      </a:lnTo>
                      <a:lnTo>
                        <a:pt x="88" y="76"/>
                      </a:lnTo>
                      <a:lnTo>
                        <a:pt x="85" y="78"/>
                      </a:lnTo>
                      <a:lnTo>
                        <a:pt x="85" y="76"/>
                      </a:lnTo>
                      <a:lnTo>
                        <a:pt x="87" y="73"/>
                      </a:lnTo>
                      <a:lnTo>
                        <a:pt x="88" y="71"/>
                      </a:lnTo>
                      <a:lnTo>
                        <a:pt x="90" y="70"/>
                      </a:lnTo>
                      <a:lnTo>
                        <a:pt x="97" y="61"/>
                      </a:lnTo>
                      <a:lnTo>
                        <a:pt x="100" y="58"/>
                      </a:lnTo>
                      <a:lnTo>
                        <a:pt x="97" y="58"/>
                      </a:lnTo>
                      <a:lnTo>
                        <a:pt x="94" y="59"/>
                      </a:lnTo>
                      <a:lnTo>
                        <a:pt x="87" y="65"/>
                      </a:lnTo>
                      <a:lnTo>
                        <a:pt x="80" y="68"/>
                      </a:lnTo>
                      <a:lnTo>
                        <a:pt x="75" y="71"/>
                      </a:lnTo>
                      <a:lnTo>
                        <a:pt x="73" y="73"/>
                      </a:lnTo>
                      <a:lnTo>
                        <a:pt x="61" y="76"/>
                      </a:lnTo>
                      <a:lnTo>
                        <a:pt x="61" y="78"/>
                      </a:lnTo>
                      <a:lnTo>
                        <a:pt x="58" y="80"/>
                      </a:lnTo>
                      <a:lnTo>
                        <a:pt x="55" y="81"/>
                      </a:lnTo>
                      <a:lnTo>
                        <a:pt x="51" y="85"/>
                      </a:lnTo>
                      <a:lnTo>
                        <a:pt x="48" y="87"/>
                      </a:lnTo>
                      <a:lnTo>
                        <a:pt x="44" y="90"/>
                      </a:lnTo>
                      <a:lnTo>
                        <a:pt x="41" y="92"/>
                      </a:lnTo>
                      <a:lnTo>
                        <a:pt x="39" y="92"/>
                      </a:lnTo>
                      <a:lnTo>
                        <a:pt x="29" y="100"/>
                      </a:lnTo>
                      <a:lnTo>
                        <a:pt x="21" y="105"/>
                      </a:lnTo>
                      <a:lnTo>
                        <a:pt x="16" y="109"/>
                      </a:lnTo>
                      <a:lnTo>
                        <a:pt x="14" y="109"/>
                      </a:lnTo>
                      <a:lnTo>
                        <a:pt x="12" y="109"/>
                      </a:lnTo>
                      <a:lnTo>
                        <a:pt x="12" y="107"/>
                      </a:lnTo>
                      <a:lnTo>
                        <a:pt x="14" y="105"/>
                      </a:lnTo>
                      <a:lnTo>
                        <a:pt x="16" y="103"/>
                      </a:lnTo>
                      <a:lnTo>
                        <a:pt x="17" y="102"/>
                      </a:lnTo>
                      <a:lnTo>
                        <a:pt x="19" y="98"/>
                      </a:lnTo>
                      <a:lnTo>
                        <a:pt x="19" y="97"/>
                      </a:lnTo>
                      <a:lnTo>
                        <a:pt x="19" y="95"/>
                      </a:lnTo>
                      <a:lnTo>
                        <a:pt x="16" y="97"/>
                      </a:lnTo>
                      <a:lnTo>
                        <a:pt x="12" y="98"/>
                      </a:lnTo>
                      <a:lnTo>
                        <a:pt x="7" y="105"/>
                      </a:lnTo>
                      <a:close/>
                    </a:path>
                  </a:pathLst>
                </a:custGeom>
                <a:solidFill>
                  <a:srgbClr val="8B3102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41" name="Freeform 175"/>
                <p:cNvSpPr>
                  <a:spLocks/>
                </p:cNvSpPr>
                <p:nvPr/>
              </p:nvSpPr>
              <p:spPr bwMode="auto">
                <a:xfrm>
                  <a:off x="4407" y="988"/>
                  <a:ext cx="591" cy="534"/>
                </a:xfrm>
                <a:custGeom>
                  <a:avLst/>
                  <a:gdLst>
                    <a:gd name="T0" fmla="*/ 17 w 591"/>
                    <a:gd name="T1" fmla="*/ 486 h 534"/>
                    <a:gd name="T2" fmla="*/ 54 w 591"/>
                    <a:gd name="T3" fmla="*/ 478 h 534"/>
                    <a:gd name="T4" fmla="*/ 112 w 591"/>
                    <a:gd name="T5" fmla="*/ 468 h 534"/>
                    <a:gd name="T6" fmla="*/ 181 w 591"/>
                    <a:gd name="T7" fmla="*/ 454 h 534"/>
                    <a:gd name="T8" fmla="*/ 252 w 591"/>
                    <a:gd name="T9" fmla="*/ 440 h 534"/>
                    <a:gd name="T10" fmla="*/ 317 w 591"/>
                    <a:gd name="T11" fmla="*/ 427 h 534"/>
                    <a:gd name="T12" fmla="*/ 366 w 591"/>
                    <a:gd name="T13" fmla="*/ 417 h 534"/>
                    <a:gd name="T14" fmla="*/ 391 w 591"/>
                    <a:gd name="T15" fmla="*/ 412 h 534"/>
                    <a:gd name="T16" fmla="*/ 410 w 591"/>
                    <a:gd name="T17" fmla="*/ 413 h 534"/>
                    <a:gd name="T18" fmla="*/ 418 w 591"/>
                    <a:gd name="T19" fmla="*/ 425 h 534"/>
                    <a:gd name="T20" fmla="*/ 433 w 591"/>
                    <a:gd name="T21" fmla="*/ 432 h 534"/>
                    <a:gd name="T22" fmla="*/ 437 w 591"/>
                    <a:gd name="T23" fmla="*/ 442 h 534"/>
                    <a:gd name="T24" fmla="*/ 449 w 591"/>
                    <a:gd name="T25" fmla="*/ 459 h 534"/>
                    <a:gd name="T26" fmla="*/ 459 w 591"/>
                    <a:gd name="T27" fmla="*/ 468 h 534"/>
                    <a:gd name="T28" fmla="*/ 564 w 591"/>
                    <a:gd name="T29" fmla="*/ 534 h 534"/>
                    <a:gd name="T30" fmla="*/ 591 w 591"/>
                    <a:gd name="T31" fmla="*/ 468 h 534"/>
                    <a:gd name="T32" fmla="*/ 567 w 591"/>
                    <a:gd name="T33" fmla="*/ 278 h 534"/>
                    <a:gd name="T34" fmla="*/ 564 w 591"/>
                    <a:gd name="T35" fmla="*/ 263 h 534"/>
                    <a:gd name="T36" fmla="*/ 557 w 591"/>
                    <a:gd name="T37" fmla="*/ 232 h 534"/>
                    <a:gd name="T38" fmla="*/ 552 w 591"/>
                    <a:gd name="T39" fmla="*/ 202 h 534"/>
                    <a:gd name="T40" fmla="*/ 547 w 591"/>
                    <a:gd name="T41" fmla="*/ 185 h 534"/>
                    <a:gd name="T42" fmla="*/ 537 w 591"/>
                    <a:gd name="T43" fmla="*/ 170 h 534"/>
                    <a:gd name="T44" fmla="*/ 532 w 591"/>
                    <a:gd name="T45" fmla="*/ 176 h 534"/>
                    <a:gd name="T46" fmla="*/ 510 w 591"/>
                    <a:gd name="T47" fmla="*/ 73 h 534"/>
                    <a:gd name="T48" fmla="*/ 484 w 591"/>
                    <a:gd name="T49" fmla="*/ 4 h 534"/>
                    <a:gd name="T50" fmla="*/ 452 w 591"/>
                    <a:gd name="T51" fmla="*/ 12 h 534"/>
                    <a:gd name="T52" fmla="*/ 413 w 591"/>
                    <a:gd name="T53" fmla="*/ 21 h 534"/>
                    <a:gd name="T54" fmla="*/ 389 w 591"/>
                    <a:gd name="T55" fmla="*/ 28 h 534"/>
                    <a:gd name="T56" fmla="*/ 364 w 591"/>
                    <a:gd name="T57" fmla="*/ 38 h 534"/>
                    <a:gd name="T58" fmla="*/ 335 w 591"/>
                    <a:gd name="T59" fmla="*/ 66 h 534"/>
                    <a:gd name="T60" fmla="*/ 313 w 591"/>
                    <a:gd name="T61" fmla="*/ 99 h 534"/>
                    <a:gd name="T62" fmla="*/ 305 w 591"/>
                    <a:gd name="T63" fmla="*/ 117 h 534"/>
                    <a:gd name="T64" fmla="*/ 261 w 591"/>
                    <a:gd name="T65" fmla="*/ 173 h 534"/>
                    <a:gd name="T66" fmla="*/ 278 w 591"/>
                    <a:gd name="T67" fmla="*/ 198 h 534"/>
                    <a:gd name="T68" fmla="*/ 278 w 591"/>
                    <a:gd name="T69" fmla="*/ 209 h 534"/>
                    <a:gd name="T70" fmla="*/ 285 w 591"/>
                    <a:gd name="T71" fmla="*/ 231 h 534"/>
                    <a:gd name="T72" fmla="*/ 276 w 591"/>
                    <a:gd name="T73" fmla="*/ 241 h 534"/>
                    <a:gd name="T74" fmla="*/ 252 w 591"/>
                    <a:gd name="T75" fmla="*/ 263 h 534"/>
                    <a:gd name="T76" fmla="*/ 244 w 591"/>
                    <a:gd name="T77" fmla="*/ 275 h 534"/>
                    <a:gd name="T78" fmla="*/ 230 w 591"/>
                    <a:gd name="T79" fmla="*/ 283 h 534"/>
                    <a:gd name="T80" fmla="*/ 215 w 591"/>
                    <a:gd name="T81" fmla="*/ 285 h 534"/>
                    <a:gd name="T82" fmla="*/ 191 w 591"/>
                    <a:gd name="T83" fmla="*/ 292 h 534"/>
                    <a:gd name="T84" fmla="*/ 181 w 591"/>
                    <a:gd name="T85" fmla="*/ 298 h 534"/>
                    <a:gd name="T86" fmla="*/ 158 w 591"/>
                    <a:gd name="T87" fmla="*/ 293 h 534"/>
                    <a:gd name="T88" fmla="*/ 109 w 591"/>
                    <a:gd name="T89" fmla="*/ 297 h 534"/>
                    <a:gd name="T90" fmla="*/ 70 w 591"/>
                    <a:gd name="T91" fmla="*/ 307 h 534"/>
                    <a:gd name="T92" fmla="*/ 51 w 591"/>
                    <a:gd name="T93" fmla="*/ 319 h 534"/>
                    <a:gd name="T94" fmla="*/ 44 w 591"/>
                    <a:gd name="T95" fmla="*/ 327 h 534"/>
                    <a:gd name="T96" fmla="*/ 49 w 591"/>
                    <a:gd name="T97" fmla="*/ 342 h 534"/>
                    <a:gd name="T98" fmla="*/ 59 w 591"/>
                    <a:gd name="T99" fmla="*/ 354 h 534"/>
                    <a:gd name="T100" fmla="*/ 66 w 591"/>
                    <a:gd name="T101" fmla="*/ 363 h 534"/>
                    <a:gd name="T102" fmla="*/ 66 w 591"/>
                    <a:gd name="T103" fmla="*/ 380 h 534"/>
                    <a:gd name="T104" fmla="*/ 59 w 591"/>
                    <a:gd name="T105" fmla="*/ 388 h 534"/>
                    <a:gd name="T106" fmla="*/ 31 w 591"/>
                    <a:gd name="T107" fmla="*/ 427 h 534"/>
                    <a:gd name="T108" fmla="*/ 31 w 591"/>
                    <a:gd name="T109" fmla="*/ 425 h 534"/>
                    <a:gd name="T110" fmla="*/ 9 w 591"/>
                    <a:gd name="T111" fmla="*/ 451 h 534"/>
                    <a:gd name="T112" fmla="*/ 0 w 591"/>
                    <a:gd name="T113" fmla="*/ 456 h 534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w 591"/>
                    <a:gd name="T172" fmla="*/ 0 h 534"/>
                    <a:gd name="T173" fmla="*/ 591 w 591"/>
                    <a:gd name="T174" fmla="*/ 534 h 534"/>
                  </a:gdLst>
                  <a:ahLst/>
                  <a:cxnLst>
                    <a:cxn ang="T114">
                      <a:pos x="T0" y="T1"/>
                    </a:cxn>
                    <a:cxn ang="T115">
                      <a:pos x="T2" y="T3"/>
                    </a:cxn>
                    <a:cxn ang="T116">
                      <a:pos x="T4" y="T5"/>
                    </a:cxn>
                    <a:cxn ang="T117">
                      <a:pos x="T6" y="T7"/>
                    </a:cxn>
                    <a:cxn ang="T118">
                      <a:pos x="T8" y="T9"/>
                    </a:cxn>
                    <a:cxn ang="T119">
                      <a:pos x="T10" y="T11"/>
                    </a:cxn>
                    <a:cxn ang="T120">
                      <a:pos x="T12" y="T13"/>
                    </a:cxn>
                    <a:cxn ang="T121">
                      <a:pos x="T14" y="T15"/>
                    </a:cxn>
                    <a:cxn ang="T122">
                      <a:pos x="T16" y="T17"/>
                    </a:cxn>
                    <a:cxn ang="T123">
                      <a:pos x="T18" y="T19"/>
                    </a:cxn>
                    <a:cxn ang="T124">
                      <a:pos x="T20" y="T21"/>
                    </a:cxn>
                    <a:cxn ang="T125">
                      <a:pos x="T22" y="T23"/>
                    </a:cxn>
                    <a:cxn ang="T126">
                      <a:pos x="T24" y="T25"/>
                    </a:cxn>
                    <a:cxn ang="T127">
                      <a:pos x="T26" y="T27"/>
                    </a:cxn>
                    <a:cxn ang="T128">
                      <a:pos x="T28" y="T29"/>
                    </a:cxn>
                    <a:cxn ang="T129">
                      <a:pos x="T30" y="T31"/>
                    </a:cxn>
                    <a:cxn ang="T130">
                      <a:pos x="T32" y="T33"/>
                    </a:cxn>
                    <a:cxn ang="T131">
                      <a:pos x="T34" y="T35"/>
                    </a:cxn>
                    <a:cxn ang="T132">
                      <a:pos x="T36" y="T37"/>
                    </a:cxn>
                    <a:cxn ang="T133">
                      <a:pos x="T38" y="T39"/>
                    </a:cxn>
                    <a:cxn ang="T134">
                      <a:pos x="T40" y="T41"/>
                    </a:cxn>
                    <a:cxn ang="T135">
                      <a:pos x="T42" y="T43"/>
                    </a:cxn>
                    <a:cxn ang="T136">
                      <a:pos x="T44" y="T45"/>
                    </a:cxn>
                    <a:cxn ang="T137">
                      <a:pos x="T46" y="T47"/>
                    </a:cxn>
                    <a:cxn ang="T138">
                      <a:pos x="T48" y="T49"/>
                    </a:cxn>
                    <a:cxn ang="T139">
                      <a:pos x="T50" y="T51"/>
                    </a:cxn>
                    <a:cxn ang="T140">
                      <a:pos x="T52" y="T53"/>
                    </a:cxn>
                    <a:cxn ang="T141">
                      <a:pos x="T54" y="T55"/>
                    </a:cxn>
                    <a:cxn ang="T142">
                      <a:pos x="T56" y="T57"/>
                    </a:cxn>
                    <a:cxn ang="T143">
                      <a:pos x="T58" y="T59"/>
                    </a:cxn>
                    <a:cxn ang="T144">
                      <a:pos x="T60" y="T61"/>
                    </a:cxn>
                    <a:cxn ang="T145">
                      <a:pos x="T62" y="T63"/>
                    </a:cxn>
                    <a:cxn ang="T146">
                      <a:pos x="T64" y="T65"/>
                    </a:cxn>
                    <a:cxn ang="T147">
                      <a:pos x="T66" y="T67"/>
                    </a:cxn>
                    <a:cxn ang="T148">
                      <a:pos x="T68" y="T69"/>
                    </a:cxn>
                    <a:cxn ang="T149">
                      <a:pos x="T70" y="T71"/>
                    </a:cxn>
                    <a:cxn ang="T150">
                      <a:pos x="T72" y="T73"/>
                    </a:cxn>
                    <a:cxn ang="T151">
                      <a:pos x="T74" y="T75"/>
                    </a:cxn>
                    <a:cxn ang="T152">
                      <a:pos x="T76" y="T77"/>
                    </a:cxn>
                    <a:cxn ang="T153">
                      <a:pos x="T78" y="T79"/>
                    </a:cxn>
                    <a:cxn ang="T154">
                      <a:pos x="T80" y="T81"/>
                    </a:cxn>
                    <a:cxn ang="T155">
                      <a:pos x="T82" y="T83"/>
                    </a:cxn>
                    <a:cxn ang="T156">
                      <a:pos x="T84" y="T85"/>
                    </a:cxn>
                    <a:cxn ang="T157">
                      <a:pos x="T86" y="T87"/>
                    </a:cxn>
                    <a:cxn ang="T158">
                      <a:pos x="T88" y="T89"/>
                    </a:cxn>
                    <a:cxn ang="T159">
                      <a:pos x="T90" y="T91"/>
                    </a:cxn>
                    <a:cxn ang="T160">
                      <a:pos x="T92" y="T93"/>
                    </a:cxn>
                    <a:cxn ang="T161">
                      <a:pos x="T94" y="T95"/>
                    </a:cxn>
                    <a:cxn ang="T162">
                      <a:pos x="T96" y="T97"/>
                    </a:cxn>
                    <a:cxn ang="T163">
                      <a:pos x="T98" y="T99"/>
                    </a:cxn>
                    <a:cxn ang="T164">
                      <a:pos x="T100" y="T101"/>
                    </a:cxn>
                    <a:cxn ang="T165">
                      <a:pos x="T102" y="T103"/>
                    </a:cxn>
                    <a:cxn ang="T166">
                      <a:pos x="T104" y="T105"/>
                    </a:cxn>
                    <a:cxn ang="T167">
                      <a:pos x="T106" y="T107"/>
                    </a:cxn>
                    <a:cxn ang="T168">
                      <a:pos x="T108" y="T109"/>
                    </a:cxn>
                    <a:cxn ang="T169">
                      <a:pos x="T110" y="T111"/>
                    </a:cxn>
                    <a:cxn ang="T170">
                      <a:pos x="T112" y="T113"/>
                    </a:cxn>
                  </a:cxnLst>
                  <a:rect l="T171" t="T172" r="T173" b="T174"/>
                  <a:pathLst>
                    <a:path w="591" h="534">
                      <a:moveTo>
                        <a:pt x="9" y="488"/>
                      </a:moveTo>
                      <a:lnTo>
                        <a:pt x="9" y="486"/>
                      </a:lnTo>
                      <a:lnTo>
                        <a:pt x="12" y="486"/>
                      </a:lnTo>
                      <a:lnTo>
                        <a:pt x="17" y="486"/>
                      </a:lnTo>
                      <a:lnTo>
                        <a:pt x="24" y="484"/>
                      </a:lnTo>
                      <a:lnTo>
                        <a:pt x="32" y="483"/>
                      </a:lnTo>
                      <a:lnTo>
                        <a:pt x="43" y="481"/>
                      </a:lnTo>
                      <a:lnTo>
                        <a:pt x="54" y="478"/>
                      </a:lnTo>
                      <a:lnTo>
                        <a:pt x="68" y="476"/>
                      </a:lnTo>
                      <a:lnTo>
                        <a:pt x="81" y="473"/>
                      </a:lnTo>
                      <a:lnTo>
                        <a:pt x="97" y="471"/>
                      </a:lnTo>
                      <a:lnTo>
                        <a:pt x="112" y="468"/>
                      </a:lnTo>
                      <a:lnTo>
                        <a:pt x="129" y="464"/>
                      </a:lnTo>
                      <a:lnTo>
                        <a:pt x="146" y="461"/>
                      </a:lnTo>
                      <a:lnTo>
                        <a:pt x="164" y="457"/>
                      </a:lnTo>
                      <a:lnTo>
                        <a:pt x="181" y="454"/>
                      </a:lnTo>
                      <a:lnTo>
                        <a:pt x="200" y="451"/>
                      </a:lnTo>
                      <a:lnTo>
                        <a:pt x="217" y="447"/>
                      </a:lnTo>
                      <a:lnTo>
                        <a:pt x="235" y="444"/>
                      </a:lnTo>
                      <a:lnTo>
                        <a:pt x="252" y="440"/>
                      </a:lnTo>
                      <a:lnTo>
                        <a:pt x="269" y="437"/>
                      </a:lnTo>
                      <a:lnTo>
                        <a:pt x="286" y="434"/>
                      </a:lnTo>
                      <a:lnTo>
                        <a:pt x="301" y="430"/>
                      </a:lnTo>
                      <a:lnTo>
                        <a:pt x="317" y="427"/>
                      </a:lnTo>
                      <a:lnTo>
                        <a:pt x="332" y="424"/>
                      </a:lnTo>
                      <a:lnTo>
                        <a:pt x="344" y="422"/>
                      </a:lnTo>
                      <a:lnTo>
                        <a:pt x="356" y="420"/>
                      </a:lnTo>
                      <a:lnTo>
                        <a:pt x="366" y="417"/>
                      </a:lnTo>
                      <a:lnTo>
                        <a:pt x="376" y="415"/>
                      </a:lnTo>
                      <a:lnTo>
                        <a:pt x="383" y="415"/>
                      </a:lnTo>
                      <a:lnTo>
                        <a:pt x="388" y="413"/>
                      </a:lnTo>
                      <a:lnTo>
                        <a:pt x="391" y="412"/>
                      </a:lnTo>
                      <a:lnTo>
                        <a:pt x="393" y="412"/>
                      </a:lnTo>
                      <a:lnTo>
                        <a:pt x="400" y="412"/>
                      </a:lnTo>
                      <a:lnTo>
                        <a:pt x="405" y="412"/>
                      </a:lnTo>
                      <a:lnTo>
                        <a:pt x="410" y="413"/>
                      </a:lnTo>
                      <a:lnTo>
                        <a:pt x="413" y="417"/>
                      </a:lnTo>
                      <a:lnTo>
                        <a:pt x="415" y="420"/>
                      </a:lnTo>
                      <a:lnTo>
                        <a:pt x="417" y="424"/>
                      </a:lnTo>
                      <a:lnTo>
                        <a:pt x="418" y="425"/>
                      </a:lnTo>
                      <a:lnTo>
                        <a:pt x="420" y="427"/>
                      </a:lnTo>
                      <a:lnTo>
                        <a:pt x="427" y="427"/>
                      </a:lnTo>
                      <a:lnTo>
                        <a:pt x="430" y="429"/>
                      </a:lnTo>
                      <a:lnTo>
                        <a:pt x="433" y="432"/>
                      </a:lnTo>
                      <a:lnTo>
                        <a:pt x="435" y="434"/>
                      </a:lnTo>
                      <a:lnTo>
                        <a:pt x="437" y="437"/>
                      </a:lnTo>
                      <a:lnTo>
                        <a:pt x="437" y="440"/>
                      </a:lnTo>
                      <a:lnTo>
                        <a:pt x="437" y="442"/>
                      </a:lnTo>
                      <a:lnTo>
                        <a:pt x="439" y="444"/>
                      </a:lnTo>
                      <a:lnTo>
                        <a:pt x="442" y="451"/>
                      </a:lnTo>
                      <a:lnTo>
                        <a:pt x="445" y="456"/>
                      </a:lnTo>
                      <a:lnTo>
                        <a:pt x="449" y="459"/>
                      </a:lnTo>
                      <a:lnTo>
                        <a:pt x="452" y="462"/>
                      </a:lnTo>
                      <a:lnTo>
                        <a:pt x="454" y="466"/>
                      </a:lnTo>
                      <a:lnTo>
                        <a:pt x="457" y="468"/>
                      </a:lnTo>
                      <a:lnTo>
                        <a:pt x="459" y="468"/>
                      </a:lnTo>
                      <a:lnTo>
                        <a:pt x="477" y="474"/>
                      </a:lnTo>
                      <a:lnTo>
                        <a:pt x="562" y="501"/>
                      </a:lnTo>
                      <a:lnTo>
                        <a:pt x="564" y="534"/>
                      </a:lnTo>
                      <a:lnTo>
                        <a:pt x="574" y="520"/>
                      </a:lnTo>
                      <a:lnTo>
                        <a:pt x="584" y="496"/>
                      </a:lnTo>
                      <a:lnTo>
                        <a:pt x="577" y="484"/>
                      </a:lnTo>
                      <a:lnTo>
                        <a:pt x="591" y="468"/>
                      </a:lnTo>
                      <a:lnTo>
                        <a:pt x="584" y="459"/>
                      </a:lnTo>
                      <a:lnTo>
                        <a:pt x="571" y="364"/>
                      </a:lnTo>
                      <a:lnTo>
                        <a:pt x="565" y="364"/>
                      </a:lnTo>
                      <a:lnTo>
                        <a:pt x="567" y="278"/>
                      </a:lnTo>
                      <a:lnTo>
                        <a:pt x="567" y="276"/>
                      </a:lnTo>
                      <a:lnTo>
                        <a:pt x="567" y="275"/>
                      </a:lnTo>
                      <a:lnTo>
                        <a:pt x="565" y="270"/>
                      </a:lnTo>
                      <a:lnTo>
                        <a:pt x="564" y="263"/>
                      </a:lnTo>
                      <a:lnTo>
                        <a:pt x="562" y="256"/>
                      </a:lnTo>
                      <a:lnTo>
                        <a:pt x="562" y="249"/>
                      </a:lnTo>
                      <a:lnTo>
                        <a:pt x="560" y="241"/>
                      </a:lnTo>
                      <a:lnTo>
                        <a:pt x="557" y="232"/>
                      </a:lnTo>
                      <a:lnTo>
                        <a:pt x="555" y="224"/>
                      </a:lnTo>
                      <a:lnTo>
                        <a:pt x="554" y="215"/>
                      </a:lnTo>
                      <a:lnTo>
                        <a:pt x="552" y="209"/>
                      </a:lnTo>
                      <a:lnTo>
                        <a:pt x="552" y="202"/>
                      </a:lnTo>
                      <a:lnTo>
                        <a:pt x="550" y="195"/>
                      </a:lnTo>
                      <a:lnTo>
                        <a:pt x="549" y="190"/>
                      </a:lnTo>
                      <a:lnTo>
                        <a:pt x="549" y="187"/>
                      </a:lnTo>
                      <a:lnTo>
                        <a:pt x="547" y="185"/>
                      </a:lnTo>
                      <a:lnTo>
                        <a:pt x="543" y="176"/>
                      </a:lnTo>
                      <a:lnTo>
                        <a:pt x="540" y="171"/>
                      </a:lnTo>
                      <a:lnTo>
                        <a:pt x="538" y="170"/>
                      </a:lnTo>
                      <a:lnTo>
                        <a:pt x="537" y="170"/>
                      </a:lnTo>
                      <a:lnTo>
                        <a:pt x="535" y="171"/>
                      </a:lnTo>
                      <a:lnTo>
                        <a:pt x="533" y="175"/>
                      </a:lnTo>
                      <a:lnTo>
                        <a:pt x="532" y="176"/>
                      </a:lnTo>
                      <a:lnTo>
                        <a:pt x="528" y="173"/>
                      </a:lnTo>
                      <a:lnTo>
                        <a:pt x="520" y="124"/>
                      </a:lnTo>
                      <a:lnTo>
                        <a:pt x="516" y="88"/>
                      </a:lnTo>
                      <a:lnTo>
                        <a:pt x="510" y="73"/>
                      </a:lnTo>
                      <a:lnTo>
                        <a:pt x="494" y="0"/>
                      </a:lnTo>
                      <a:lnTo>
                        <a:pt x="493" y="2"/>
                      </a:lnTo>
                      <a:lnTo>
                        <a:pt x="489" y="2"/>
                      </a:lnTo>
                      <a:lnTo>
                        <a:pt x="484" y="4"/>
                      </a:lnTo>
                      <a:lnTo>
                        <a:pt x="477" y="6"/>
                      </a:lnTo>
                      <a:lnTo>
                        <a:pt x="471" y="7"/>
                      </a:lnTo>
                      <a:lnTo>
                        <a:pt x="461" y="9"/>
                      </a:lnTo>
                      <a:lnTo>
                        <a:pt x="452" y="12"/>
                      </a:lnTo>
                      <a:lnTo>
                        <a:pt x="442" y="14"/>
                      </a:lnTo>
                      <a:lnTo>
                        <a:pt x="432" y="17"/>
                      </a:lnTo>
                      <a:lnTo>
                        <a:pt x="423" y="19"/>
                      </a:lnTo>
                      <a:lnTo>
                        <a:pt x="413" y="21"/>
                      </a:lnTo>
                      <a:lnTo>
                        <a:pt x="406" y="22"/>
                      </a:lnTo>
                      <a:lnTo>
                        <a:pt x="400" y="26"/>
                      </a:lnTo>
                      <a:lnTo>
                        <a:pt x="393" y="26"/>
                      </a:lnTo>
                      <a:lnTo>
                        <a:pt x="389" y="28"/>
                      </a:lnTo>
                      <a:lnTo>
                        <a:pt x="388" y="28"/>
                      </a:lnTo>
                      <a:lnTo>
                        <a:pt x="379" y="29"/>
                      </a:lnTo>
                      <a:lnTo>
                        <a:pt x="371" y="33"/>
                      </a:lnTo>
                      <a:lnTo>
                        <a:pt x="364" y="38"/>
                      </a:lnTo>
                      <a:lnTo>
                        <a:pt x="356" y="43"/>
                      </a:lnTo>
                      <a:lnTo>
                        <a:pt x="349" y="50"/>
                      </a:lnTo>
                      <a:lnTo>
                        <a:pt x="342" y="58"/>
                      </a:lnTo>
                      <a:lnTo>
                        <a:pt x="335" y="66"/>
                      </a:lnTo>
                      <a:lnTo>
                        <a:pt x="329" y="75"/>
                      </a:lnTo>
                      <a:lnTo>
                        <a:pt x="323" y="83"/>
                      </a:lnTo>
                      <a:lnTo>
                        <a:pt x="318" y="90"/>
                      </a:lnTo>
                      <a:lnTo>
                        <a:pt x="313" y="99"/>
                      </a:lnTo>
                      <a:lnTo>
                        <a:pt x="310" y="105"/>
                      </a:lnTo>
                      <a:lnTo>
                        <a:pt x="308" y="110"/>
                      </a:lnTo>
                      <a:lnTo>
                        <a:pt x="305" y="116"/>
                      </a:lnTo>
                      <a:lnTo>
                        <a:pt x="305" y="117"/>
                      </a:lnTo>
                      <a:lnTo>
                        <a:pt x="303" y="119"/>
                      </a:lnTo>
                      <a:lnTo>
                        <a:pt x="288" y="139"/>
                      </a:lnTo>
                      <a:lnTo>
                        <a:pt x="290" y="139"/>
                      </a:lnTo>
                      <a:lnTo>
                        <a:pt x="261" y="173"/>
                      </a:lnTo>
                      <a:lnTo>
                        <a:pt x="274" y="173"/>
                      </a:lnTo>
                      <a:lnTo>
                        <a:pt x="285" y="182"/>
                      </a:lnTo>
                      <a:lnTo>
                        <a:pt x="279" y="197"/>
                      </a:lnTo>
                      <a:lnTo>
                        <a:pt x="278" y="198"/>
                      </a:lnTo>
                      <a:lnTo>
                        <a:pt x="274" y="200"/>
                      </a:lnTo>
                      <a:lnTo>
                        <a:pt x="271" y="202"/>
                      </a:lnTo>
                      <a:lnTo>
                        <a:pt x="271" y="204"/>
                      </a:lnTo>
                      <a:lnTo>
                        <a:pt x="278" y="209"/>
                      </a:lnTo>
                      <a:lnTo>
                        <a:pt x="281" y="214"/>
                      </a:lnTo>
                      <a:lnTo>
                        <a:pt x="285" y="219"/>
                      </a:lnTo>
                      <a:lnTo>
                        <a:pt x="285" y="226"/>
                      </a:lnTo>
                      <a:lnTo>
                        <a:pt x="285" y="231"/>
                      </a:lnTo>
                      <a:lnTo>
                        <a:pt x="285" y="236"/>
                      </a:lnTo>
                      <a:lnTo>
                        <a:pt x="285" y="239"/>
                      </a:lnTo>
                      <a:lnTo>
                        <a:pt x="276" y="241"/>
                      </a:lnTo>
                      <a:lnTo>
                        <a:pt x="269" y="244"/>
                      </a:lnTo>
                      <a:lnTo>
                        <a:pt x="263" y="251"/>
                      </a:lnTo>
                      <a:lnTo>
                        <a:pt x="257" y="256"/>
                      </a:lnTo>
                      <a:lnTo>
                        <a:pt x="252" y="263"/>
                      </a:lnTo>
                      <a:lnTo>
                        <a:pt x="249" y="268"/>
                      </a:lnTo>
                      <a:lnTo>
                        <a:pt x="246" y="271"/>
                      </a:lnTo>
                      <a:lnTo>
                        <a:pt x="246" y="273"/>
                      </a:lnTo>
                      <a:lnTo>
                        <a:pt x="244" y="275"/>
                      </a:lnTo>
                      <a:lnTo>
                        <a:pt x="242" y="276"/>
                      </a:lnTo>
                      <a:lnTo>
                        <a:pt x="239" y="278"/>
                      </a:lnTo>
                      <a:lnTo>
                        <a:pt x="235" y="281"/>
                      </a:lnTo>
                      <a:lnTo>
                        <a:pt x="230" y="283"/>
                      </a:lnTo>
                      <a:lnTo>
                        <a:pt x="227" y="286"/>
                      </a:lnTo>
                      <a:lnTo>
                        <a:pt x="224" y="288"/>
                      </a:lnTo>
                      <a:lnTo>
                        <a:pt x="222" y="288"/>
                      </a:lnTo>
                      <a:lnTo>
                        <a:pt x="215" y="285"/>
                      </a:lnTo>
                      <a:lnTo>
                        <a:pt x="208" y="285"/>
                      </a:lnTo>
                      <a:lnTo>
                        <a:pt x="202" y="286"/>
                      </a:lnTo>
                      <a:lnTo>
                        <a:pt x="197" y="288"/>
                      </a:lnTo>
                      <a:lnTo>
                        <a:pt x="191" y="292"/>
                      </a:lnTo>
                      <a:lnTo>
                        <a:pt x="186" y="293"/>
                      </a:lnTo>
                      <a:lnTo>
                        <a:pt x="183" y="295"/>
                      </a:lnTo>
                      <a:lnTo>
                        <a:pt x="183" y="297"/>
                      </a:lnTo>
                      <a:lnTo>
                        <a:pt x="181" y="298"/>
                      </a:lnTo>
                      <a:lnTo>
                        <a:pt x="163" y="297"/>
                      </a:lnTo>
                      <a:lnTo>
                        <a:pt x="161" y="295"/>
                      </a:lnTo>
                      <a:lnTo>
                        <a:pt x="158" y="293"/>
                      </a:lnTo>
                      <a:lnTo>
                        <a:pt x="156" y="293"/>
                      </a:lnTo>
                      <a:lnTo>
                        <a:pt x="139" y="293"/>
                      </a:lnTo>
                      <a:lnTo>
                        <a:pt x="122" y="295"/>
                      </a:lnTo>
                      <a:lnTo>
                        <a:pt x="109" y="297"/>
                      </a:lnTo>
                      <a:lnTo>
                        <a:pt x="97" y="298"/>
                      </a:lnTo>
                      <a:lnTo>
                        <a:pt x="87" y="300"/>
                      </a:lnTo>
                      <a:lnTo>
                        <a:pt x="76" y="303"/>
                      </a:lnTo>
                      <a:lnTo>
                        <a:pt x="70" y="307"/>
                      </a:lnTo>
                      <a:lnTo>
                        <a:pt x="63" y="310"/>
                      </a:lnTo>
                      <a:lnTo>
                        <a:pt x="58" y="312"/>
                      </a:lnTo>
                      <a:lnTo>
                        <a:pt x="54" y="315"/>
                      </a:lnTo>
                      <a:lnTo>
                        <a:pt x="51" y="319"/>
                      </a:lnTo>
                      <a:lnTo>
                        <a:pt x="48" y="320"/>
                      </a:lnTo>
                      <a:lnTo>
                        <a:pt x="48" y="324"/>
                      </a:lnTo>
                      <a:lnTo>
                        <a:pt x="46" y="325"/>
                      </a:lnTo>
                      <a:lnTo>
                        <a:pt x="44" y="327"/>
                      </a:lnTo>
                      <a:lnTo>
                        <a:pt x="46" y="332"/>
                      </a:lnTo>
                      <a:lnTo>
                        <a:pt x="48" y="337"/>
                      </a:lnTo>
                      <a:lnTo>
                        <a:pt x="49" y="342"/>
                      </a:lnTo>
                      <a:lnTo>
                        <a:pt x="53" y="347"/>
                      </a:lnTo>
                      <a:lnTo>
                        <a:pt x="54" y="351"/>
                      </a:lnTo>
                      <a:lnTo>
                        <a:pt x="58" y="354"/>
                      </a:lnTo>
                      <a:lnTo>
                        <a:pt x="59" y="354"/>
                      </a:lnTo>
                      <a:lnTo>
                        <a:pt x="59" y="356"/>
                      </a:lnTo>
                      <a:lnTo>
                        <a:pt x="61" y="358"/>
                      </a:lnTo>
                      <a:lnTo>
                        <a:pt x="65" y="359"/>
                      </a:lnTo>
                      <a:lnTo>
                        <a:pt x="66" y="363"/>
                      </a:lnTo>
                      <a:lnTo>
                        <a:pt x="68" y="364"/>
                      </a:lnTo>
                      <a:lnTo>
                        <a:pt x="68" y="371"/>
                      </a:lnTo>
                      <a:lnTo>
                        <a:pt x="66" y="376"/>
                      </a:lnTo>
                      <a:lnTo>
                        <a:pt x="66" y="380"/>
                      </a:lnTo>
                      <a:lnTo>
                        <a:pt x="65" y="383"/>
                      </a:lnTo>
                      <a:lnTo>
                        <a:pt x="63" y="385"/>
                      </a:lnTo>
                      <a:lnTo>
                        <a:pt x="61" y="386"/>
                      </a:lnTo>
                      <a:lnTo>
                        <a:pt x="59" y="388"/>
                      </a:lnTo>
                      <a:lnTo>
                        <a:pt x="54" y="395"/>
                      </a:lnTo>
                      <a:lnTo>
                        <a:pt x="46" y="412"/>
                      </a:lnTo>
                      <a:lnTo>
                        <a:pt x="31" y="427"/>
                      </a:lnTo>
                      <a:lnTo>
                        <a:pt x="32" y="425"/>
                      </a:lnTo>
                      <a:lnTo>
                        <a:pt x="31" y="425"/>
                      </a:lnTo>
                      <a:lnTo>
                        <a:pt x="24" y="435"/>
                      </a:lnTo>
                      <a:lnTo>
                        <a:pt x="17" y="442"/>
                      </a:lnTo>
                      <a:lnTo>
                        <a:pt x="12" y="447"/>
                      </a:lnTo>
                      <a:lnTo>
                        <a:pt x="9" y="451"/>
                      </a:lnTo>
                      <a:lnTo>
                        <a:pt x="5" y="452"/>
                      </a:lnTo>
                      <a:lnTo>
                        <a:pt x="2" y="454"/>
                      </a:lnTo>
                      <a:lnTo>
                        <a:pt x="0" y="456"/>
                      </a:lnTo>
                      <a:lnTo>
                        <a:pt x="9" y="488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624" name="Freeform 176"/>
              <p:cNvSpPr>
                <a:spLocks/>
              </p:cNvSpPr>
              <p:nvPr/>
            </p:nvSpPr>
            <p:spPr bwMode="auto">
              <a:xfrm>
                <a:off x="4773" y="1315"/>
                <a:ext cx="156" cy="330"/>
              </a:xfrm>
              <a:custGeom>
                <a:avLst/>
                <a:gdLst>
                  <a:gd name="T0" fmla="*/ 88 w 160"/>
                  <a:gd name="T1" fmla="*/ 205 h 340"/>
                  <a:gd name="T2" fmla="*/ 90 w 160"/>
                  <a:gd name="T3" fmla="*/ 201 h 340"/>
                  <a:gd name="T4" fmla="*/ 99 w 160"/>
                  <a:gd name="T5" fmla="*/ 190 h 340"/>
                  <a:gd name="T6" fmla="*/ 108 w 160"/>
                  <a:gd name="T7" fmla="*/ 189 h 340"/>
                  <a:gd name="T8" fmla="*/ 109 w 160"/>
                  <a:gd name="T9" fmla="*/ 186 h 340"/>
                  <a:gd name="T10" fmla="*/ 110 w 160"/>
                  <a:gd name="T11" fmla="*/ 178 h 340"/>
                  <a:gd name="T12" fmla="*/ 113 w 160"/>
                  <a:gd name="T13" fmla="*/ 174 h 340"/>
                  <a:gd name="T14" fmla="*/ 109 w 160"/>
                  <a:gd name="T15" fmla="*/ 171 h 340"/>
                  <a:gd name="T16" fmla="*/ 104 w 160"/>
                  <a:gd name="T17" fmla="*/ 168 h 340"/>
                  <a:gd name="T18" fmla="*/ 100 w 160"/>
                  <a:gd name="T19" fmla="*/ 157 h 340"/>
                  <a:gd name="T20" fmla="*/ 96 w 160"/>
                  <a:gd name="T21" fmla="*/ 153 h 340"/>
                  <a:gd name="T22" fmla="*/ 89 w 160"/>
                  <a:gd name="T23" fmla="*/ 147 h 340"/>
                  <a:gd name="T24" fmla="*/ 33 w 160"/>
                  <a:gd name="T25" fmla="*/ 0 h 340"/>
                  <a:gd name="T26" fmla="*/ 20 w 160"/>
                  <a:gd name="T27" fmla="*/ 8 h 340"/>
                  <a:gd name="T28" fmla="*/ 20 w 160"/>
                  <a:gd name="T29" fmla="*/ 13 h 340"/>
                  <a:gd name="T30" fmla="*/ 20 w 160"/>
                  <a:gd name="T31" fmla="*/ 17 h 340"/>
                  <a:gd name="T32" fmla="*/ 20 w 160"/>
                  <a:gd name="T33" fmla="*/ 25 h 340"/>
                  <a:gd name="T34" fmla="*/ 20 w 160"/>
                  <a:gd name="T35" fmla="*/ 35 h 340"/>
                  <a:gd name="T36" fmla="*/ 20 w 160"/>
                  <a:gd name="T37" fmla="*/ 39 h 340"/>
                  <a:gd name="T38" fmla="*/ 20 w 160"/>
                  <a:gd name="T39" fmla="*/ 45 h 340"/>
                  <a:gd name="T40" fmla="*/ 20 w 160"/>
                  <a:gd name="T41" fmla="*/ 48 h 340"/>
                  <a:gd name="T42" fmla="*/ 20 w 160"/>
                  <a:gd name="T43" fmla="*/ 55 h 340"/>
                  <a:gd name="T44" fmla="*/ 25 w 160"/>
                  <a:gd name="T45" fmla="*/ 62 h 340"/>
                  <a:gd name="T46" fmla="*/ 25 w 160"/>
                  <a:gd name="T47" fmla="*/ 71 h 340"/>
                  <a:gd name="T48" fmla="*/ 20 w 160"/>
                  <a:gd name="T49" fmla="*/ 81 h 340"/>
                  <a:gd name="T50" fmla="*/ 17 w 160"/>
                  <a:gd name="T51" fmla="*/ 88 h 340"/>
                  <a:gd name="T52" fmla="*/ 17 w 160"/>
                  <a:gd name="T53" fmla="*/ 86 h 340"/>
                  <a:gd name="T54" fmla="*/ 10 w 160"/>
                  <a:gd name="T55" fmla="*/ 92 h 340"/>
                  <a:gd name="T56" fmla="*/ 11 w 160"/>
                  <a:gd name="T57" fmla="*/ 101 h 340"/>
                  <a:gd name="T58" fmla="*/ 11 w 160"/>
                  <a:gd name="T59" fmla="*/ 110 h 340"/>
                  <a:gd name="T60" fmla="*/ 11 w 160"/>
                  <a:gd name="T61" fmla="*/ 123 h 340"/>
                  <a:gd name="T62" fmla="*/ 8 w 160"/>
                  <a:gd name="T63" fmla="*/ 134 h 340"/>
                  <a:gd name="T64" fmla="*/ 6 w 160"/>
                  <a:gd name="T65" fmla="*/ 142 h 340"/>
                  <a:gd name="T66" fmla="*/ 5 w 160"/>
                  <a:gd name="T67" fmla="*/ 147 h 340"/>
                  <a:gd name="T68" fmla="*/ 1 w 160"/>
                  <a:gd name="T69" fmla="*/ 153 h 340"/>
                  <a:gd name="T70" fmla="*/ 0 w 160"/>
                  <a:gd name="T71" fmla="*/ 168 h 340"/>
                  <a:gd name="T72" fmla="*/ 6 w 160"/>
                  <a:gd name="T73" fmla="*/ 176 h 340"/>
                  <a:gd name="T74" fmla="*/ 6 w 160"/>
                  <a:gd name="T75" fmla="*/ 182 h 340"/>
                  <a:gd name="T76" fmla="*/ 6 w 160"/>
                  <a:gd name="T77" fmla="*/ 189 h 340"/>
                  <a:gd name="T78" fmla="*/ 8 w 160"/>
                  <a:gd name="T79" fmla="*/ 190 h 340"/>
                  <a:gd name="T80" fmla="*/ 10 w 160"/>
                  <a:gd name="T81" fmla="*/ 196 h 340"/>
                  <a:gd name="T82" fmla="*/ 6 w 160"/>
                  <a:gd name="T83" fmla="*/ 205 h 340"/>
                  <a:gd name="T84" fmla="*/ 6 w 160"/>
                  <a:gd name="T85" fmla="*/ 211 h 340"/>
                  <a:gd name="T86" fmla="*/ 8 w 160"/>
                  <a:gd name="T87" fmla="*/ 219 h 340"/>
                  <a:gd name="T88" fmla="*/ 82 w 160"/>
                  <a:gd name="T89" fmla="*/ 209 h 340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w 160"/>
                  <a:gd name="T136" fmla="*/ 0 h 340"/>
                  <a:gd name="T137" fmla="*/ 160 w 160"/>
                  <a:gd name="T138" fmla="*/ 340 h 340"/>
                </a:gdLst>
                <a:ahLst/>
                <a:cxnLst>
                  <a:cxn ang="T90">
                    <a:pos x="T0" y="T1"/>
                  </a:cxn>
                  <a:cxn ang="T91">
                    <a:pos x="T2" y="T3"/>
                  </a:cxn>
                  <a:cxn ang="T92">
                    <a:pos x="T4" y="T5"/>
                  </a:cxn>
                  <a:cxn ang="T93">
                    <a:pos x="T6" y="T7"/>
                  </a:cxn>
                  <a:cxn ang="T94">
                    <a:pos x="T8" y="T9"/>
                  </a:cxn>
                  <a:cxn ang="T95">
                    <a:pos x="T10" y="T11"/>
                  </a:cxn>
                  <a:cxn ang="T96">
                    <a:pos x="T12" y="T13"/>
                  </a:cxn>
                  <a:cxn ang="T97">
                    <a:pos x="T14" y="T15"/>
                  </a:cxn>
                  <a:cxn ang="T98">
                    <a:pos x="T16" y="T17"/>
                  </a:cxn>
                  <a:cxn ang="T99">
                    <a:pos x="T18" y="T19"/>
                  </a:cxn>
                  <a:cxn ang="T100">
                    <a:pos x="T20" y="T21"/>
                  </a:cxn>
                  <a:cxn ang="T101">
                    <a:pos x="T22" y="T23"/>
                  </a:cxn>
                  <a:cxn ang="T102">
                    <a:pos x="T24" y="T25"/>
                  </a:cxn>
                  <a:cxn ang="T103">
                    <a:pos x="T26" y="T27"/>
                  </a:cxn>
                  <a:cxn ang="T104">
                    <a:pos x="T28" y="T29"/>
                  </a:cxn>
                  <a:cxn ang="T105">
                    <a:pos x="T30" y="T31"/>
                  </a:cxn>
                  <a:cxn ang="T106">
                    <a:pos x="T32" y="T33"/>
                  </a:cxn>
                  <a:cxn ang="T107">
                    <a:pos x="T34" y="T35"/>
                  </a:cxn>
                  <a:cxn ang="T108">
                    <a:pos x="T36" y="T37"/>
                  </a:cxn>
                  <a:cxn ang="T109">
                    <a:pos x="T38" y="T39"/>
                  </a:cxn>
                  <a:cxn ang="T110">
                    <a:pos x="T40" y="T41"/>
                  </a:cxn>
                  <a:cxn ang="T111">
                    <a:pos x="T42" y="T43"/>
                  </a:cxn>
                  <a:cxn ang="T112">
                    <a:pos x="T44" y="T45"/>
                  </a:cxn>
                  <a:cxn ang="T113">
                    <a:pos x="T46" y="T47"/>
                  </a:cxn>
                  <a:cxn ang="T114">
                    <a:pos x="T48" y="T49"/>
                  </a:cxn>
                  <a:cxn ang="T115">
                    <a:pos x="T50" y="T51"/>
                  </a:cxn>
                  <a:cxn ang="T116">
                    <a:pos x="T52" y="T53"/>
                  </a:cxn>
                  <a:cxn ang="T117">
                    <a:pos x="T54" y="T55"/>
                  </a:cxn>
                  <a:cxn ang="T118">
                    <a:pos x="T56" y="T57"/>
                  </a:cxn>
                  <a:cxn ang="T119">
                    <a:pos x="T58" y="T59"/>
                  </a:cxn>
                  <a:cxn ang="T120">
                    <a:pos x="T60" y="T61"/>
                  </a:cxn>
                  <a:cxn ang="T121">
                    <a:pos x="T62" y="T63"/>
                  </a:cxn>
                  <a:cxn ang="T122">
                    <a:pos x="T64" y="T65"/>
                  </a:cxn>
                  <a:cxn ang="T123">
                    <a:pos x="T66" y="T67"/>
                  </a:cxn>
                  <a:cxn ang="T124">
                    <a:pos x="T68" y="T69"/>
                  </a:cxn>
                  <a:cxn ang="T125">
                    <a:pos x="T70" y="T71"/>
                  </a:cxn>
                  <a:cxn ang="T126">
                    <a:pos x="T72" y="T73"/>
                  </a:cxn>
                  <a:cxn ang="T127">
                    <a:pos x="T74" y="T75"/>
                  </a:cxn>
                  <a:cxn ang="T128">
                    <a:pos x="T76" y="T77"/>
                  </a:cxn>
                  <a:cxn ang="T129">
                    <a:pos x="T78" y="T79"/>
                  </a:cxn>
                  <a:cxn ang="T130">
                    <a:pos x="T80" y="T81"/>
                  </a:cxn>
                  <a:cxn ang="T131">
                    <a:pos x="T82" y="T83"/>
                  </a:cxn>
                  <a:cxn ang="T132">
                    <a:pos x="T84" y="T85"/>
                  </a:cxn>
                  <a:cxn ang="T133">
                    <a:pos x="T86" y="T87"/>
                  </a:cxn>
                  <a:cxn ang="T134">
                    <a:pos x="T88" y="T89"/>
                  </a:cxn>
                </a:cxnLst>
                <a:rect l="T135" t="T136" r="T137" b="T138"/>
                <a:pathLst>
                  <a:path w="160" h="340">
                    <a:moveTo>
                      <a:pt x="116" y="318"/>
                    </a:moveTo>
                    <a:lnTo>
                      <a:pt x="123" y="311"/>
                    </a:lnTo>
                    <a:lnTo>
                      <a:pt x="125" y="311"/>
                    </a:lnTo>
                    <a:lnTo>
                      <a:pt x="125" y="308"/>
                    </a:lnTo>
                    <a:lnTo>
                      <a:pt x="127" y="306"/>
                    </a:lnTo>
                    <a:lnTo>
                      <a:pt x="128" y="305"/>
                    </a:lnTo>
                    <a:lnTo>
                      <a:pt x="132" y="298"/>
                    </a:lnTo>
                    <a:lnTo>
                      <a:pt x="137" y="293"/>
                    </a:lnTo>
                    <a:lnTo>
                      <a:pt x="142" y="289"/>
                    </a:lnTo>
                    <a:lnTo>
                      <a:pt x="147" y="286"/>
                    </a:lnTo>
                    <a:lnTo>
                      <a:pt x="150" y="286"/>
                    </a:lnTo>
                    <a:lnTo>
                      <a:pt x="154" y="286"/>
                    </a:lnTo>
                    <a:lnTo>
                      <a:pt x="155" y="286"/>
                    </a:lnTo>
                    <a:lnTo>
                      <a:pt x="157" y="286"/>
                    </a:lnTo>
                    <a:lnTo>
                      <a:pt x="155" y="283"/>
                    </a:lnTo>
                    <a:lnTo>
                      <a:pt x="155" y="279"/>
                    </a:lnTo>
                    <a:lnTo>
                      <a:pt x="157" y="274"/>
                    </a:lnTo>
                    <a:lnTo>
                      <a:pt x="157" y="271"/>
                    </a:lnTo>
                    <a:lnTo>
                      <a:pt x="159" y="269"/>
                    </a:lnTo>
                    <a:lnTo>
                      <a:pt x="159" y="266"/>
                    </a:lnTo>
                    <a:lnTo>
                      <a:pt x="160" y="264"/>
                    </a:lnTo>
                    <a:lnTo>
                      <a:pt x="157" y="261"/>
                    </a:lnTo>
                    <a:lnTo>
                      <a:pt x="155" y="259"/>
                    </a:lnTo>
                    <a:lnTo>
                      <a:pt x="154" y="257"/>
                    </a:lnTo>
                    <a:lnTo>
                      <a:pt x="150" y="255"/>
                    </a:lnTo>
                    <a:lnTo>
                      <a:pt x="149" y="254"/>
                    </a:lnTo>
                    <a:lnTo>
                      <a:pt x="149" y="247"/>
                    </a:lnTo>
                    <a:lnTo>
                      <a:pt x="147" y="242"/>
                    </a:lnTo>
                    <a:lnTo>
                      <a:pt x="143" y="239"/>
                    </a:lnTo>
                    <a:lnTo>
                      <a:pt x="142" y="235"/>
                    </a:lnTo>
                    <a:lnTo>
                      <a:pt x="138" y="233"/>
                    </a:lnTo>
                    <a:lnTo>
                      <a:pt x="137" y="233"/>
                    </a:lnTo>
                    <a:lnTo>
                      <a:pt x="133" y="232"/>
                    </a:lnTo>
                    <a:lnTo>
                      <a:pt x="127" y="223"/>
                    </a:lnTo>
                    <a:lnTo>
                      <a:pt x="61" y="5"/>
                    </a:lnTo>
                    <a:lnTo>
                      <a:pt x="54" y="2"/>
                    </a:lnTo>
                    <a:lnTo>
                      <a:pt x="47" y="0"/>
                    </a:lnTo>
                    <a:lnTo>
                      <a:pt x="42" y="2"/>
                    </a:lnTo>
                    <a:lnTo>
                      <a:pt x="37" y="5"/>
                    </a:lnTo>
                    <a:lnTo>
                      <a:pt x="33" y="8"/>
                    </a:lnTo>
                    <a:lnTo>
                      <a:pt x="32" y="10"/>
                    </a:lnTo>
                    <a:lnTo>
                      <a:pt x="30" y="13"/>
                    </a:lnTo>
                    <a:lnTo>
                      <a:pt x="33" y="15"/>
                    </a:lnTo>
                    <a:lnTo>
                      <a:pt x="37" y="24"/>
                    </a:lnTo>
                    <a:lnTo>
                      <a:pt x="32" y="25"/>
                    </a:lnTo>
                    <a:lnTo>
                      <a:pt x="33" y="32"/>
                    </a:lnTo>
                    <a:lnTo>
                      <a:pt x="28" y="34"/>
                    </a:lnTo>
                    <a:lnTo>
                      <a:pt x="28" y="39"/>
                    </a:lnTo>
                    <a:lnTo>
                      <a:pt x="30" y="39"/>
                    </a:lnTo>
                    <a:lnTo>
                      <a:pt x="32" y="49"/>
                    </a:lnTo>
                    <a:lnTo>
                      <a:pt x="32" y="51"/>
                    </a:lnTo>
                    <a:lnTo>
                      <a:pt x="33" y="54"/>
                    </a:lnTo>
                    <a:lnTo>
                      <a:pt x="33" y="56"/>
                    </a:lnTo>
                    <a:lnTo>
                      <a:pt x="33" y="61"/>
                    </a:lnTo>
                    <a:lnTo>
                      <a:pt x="33" y="64"/>
                    </a:lnTo>
                    <a:lnTo>
                      <a:pt x="32" y="68"/>
                    </a:lnTo>
                    <a:lnTo>
                      <a:pt x="28" y="73"/>
                    </a:lnTo>
                    <a:lnTo>
                      <a:pt x="28" y="74"/>
                    </a:lnTo>
                    <a:lnTo>
                      <a:pt x="30" y="74"/>
                    </a:lnTo>
                    <a:lnTo>
                      <a:pt x="32" y="76"/>
                    </a:lnTo>
                    <a:lnTo>
                      <a:pt x="32" y="79"/>
                    </a:lnTo>
                    <a:lnTo>
                      <a:pt x="33" y="83"/>
                    </a:lnTo>
                    <a:lnTo>
                      <a:pt x="35" y="85"/>
                    </a:lnTo>
                    <a:lnTo>
                      <a:pt x="37" y="90"/>
                    </a:lnTo>
                    <a:lnTo>
                      <a:pt x="39" y="93"/>
                    </a:lnTo>
                    <a:lnTo>
                      <a:pt x="39" y="98"/>
                    </a:lnTo>
                    <a:lnTo>
                      <a:pt x="39" y="101"/>
                    </a:lnTo>
                    <a:lnTo>
                      <a:pt x="39" y="107"/>
                    </a:lnTo>
                    <a:lnTo>
                      <a:pt x="37" y="112"/>
                    </a:lnTo>
                    <a:lnTo>
                      <a:pt x="33" y="117"/>
                    </a:lnTo>
                    <a:lnTo>
                      <a:pt x="30" y="122"/>
                    </a:lnTo>
                    <a:lnTo>
                      <a:pt x="23" y="127"/>
                    </a:lnTo>
                    <a:lnTo>
                      <a:pt x="17" y="132"/>
                    </a:lnTo>
                    <a:lnTo>
                      <a:pt x="17" y="134"/>
                    </a:lnTo>
                    <a:lnTo>
                      <a:pt x="17" y="132"/>
                    </a:lnTo>
                    <a:lnTo>
                      <a:pt x="10" y="139"/>
                    </a:lnTo>
                    <a:lnTo>
                      <a:pt x="10" y="140"/>
                    </a:lnTo>
                    <a:lnTo>
                      <a:pt x="10" y="144"/>
                    </a:lnTo>
                    <a:lnTo>
                      <a:pt x="11" y="147"/>
                    </a:lnTo>
                    <a:lnTo>
                      <a:pt x="11" y="152"/>
                    </a:lnTo>
                    <a:lnTo>
                      <a:pt x="11" y="157"/>
                    </a:lnTo>
                    <a:lnTo>
                      <a:pt x="11" y="162"/>
                    </a:lnTo>
                    <a:lnTo>
                      <a:pt x="11" y="167"/>
                    </a:lnTo>
                    <a:lnTo>
                      <a:pt x="11" y="174"/>
                    </a:lnTo>
                    <a:lnTo>
                      <a:pt x="11" y="179"/>
                    </a:lnTo>
                    <a:lnTo>
                      <a:pt x="11" y="186"/>
                    </a:lnTo>
                    <a:lnTo>
                      <a:pt x="10" y="193"/>
                    </a:lnTo>
                    <a:lnTo>
                      <a:pt x="10" y="198"/>
                    </a:lnTo>
                    <a:lnTo>
                      <a:pt x="8" y="203"/>
                    </a:lnTo>
                    <a:lnTo>
                      <a:pt x="8" y="208"/>
                    </a:lnTo>
                    <a:lnTo>
                      <a:pt x="6" y="211"/>
                    </a:lnTo>
                    <a:lnTo>
                      <a:pt x="6" y="215"/>
                    </a:lnTo>
                    <a:lnTo>
                      <a:pt x="5" y="218"/>
                    </a:lnTo>
                    <a:lnTo>
                      <a:pt x="5" y="222"/>
                    </a:lnTo>
                    <a:lnTo>
                      <a:pt x="5" y="223"/>
                    </a:lnTo>
                    <a:lnTo>
                      <a:pt x="3" y="228"/>
                    </a:lnTo>
                    <a:lnTo>
                      <a:pt x="1" y="233"/>
                    </a:lnTo>
                    <a:lnTo>
                      <a:pt x="0" y="240"/>
                    </a:lnTo>
                    <a:lnTo>
                      <a:pt x="0" y="247"/>
                    </a:lnTo>
                    <a:lnTo>
                      <a:pt x="0" y="254"/>
                    </a:lnTo>
                    <a:lnTo>
                      <a:pt x="1" y="261"/>
                    </a:lnTo>
                    <a:lnTo>
                      <a:pt x="5" y="267"/>
                    </a:lnTo>
                    <a:lnTo>
                      <a:pt x="6" y="267"/>
                    </a:lnTo>
                    <a:lnTo>
                      <a:pt x="6" y="271"/>
                    </a:lnTo>
                    <a:lnTo>
                      <a:pt x="6" y="274"/>
                    </a:lnTo>
                    <a:lnTo>
                      <a:pt x="6" y="277"/>
                    </a:lnTo>
                    <a:lnTo>
                      <a:pt x="6" y="281"/>
                    </a:lnTo>
                    <a:lnTo>
                      <a:pt x="6" y="284"/>
                    </a:lnTo>
                    <a:lnTo>
                      <a:pt x="6" y="286"/>
                    </a:lnTo>
                    <a:lnTo>
                      <a:pt x="6" y="288"/>
                    </a:lnTo>
                    <a:lnTo>
                      <a:pt x="8" y="289"/>
                    </a:lnTo>
                    <a:lnTo>
                      <a:pt x="8" y="293"/>
                    </a:lnTo>
                    <a:lnTo>
                      <a:pt x="10" y="296"/>
                    </a:lnTo>
                    <a:lnTo>
                      <a:pt x="10" y="299"/>
                    </a:lnTo>
                    <a:lnTo>
                      <a:pt x="10" y="305"/>
                    </a:lnTo>
                    <a:lnTo>
                      <a:pt x="10" y="308"/>
                    </a:lnTo>
                    <a:lnTo>
                      <a:pt x="6" y="311"/>
                    </a:lnTo>
                    <a:lnTo>
                      <a:pt x="6" y="313"/>
                    </a:lnTo>
                    <a:lnTo>
                      <a:pt x="6" y="315"/>
                    </a:lnTo>
                    <a:lnTo>
                      <a:pt x="6" y="320"/>
                    </a:lnTo>
                    <a:lnTo>
                      <a:pt x="6" y="323"/>
                    </a:lnTo>
                    <a:lnTo>
                      <a:pt x="6" y="328"/>
                    </a:lnTo>
                    <a:lnTo>
                      <a:pt x="8" y="333"/>
                    </a:lnTo>
                    <a:lnTo>
                      <a:pt x="10" y="337"/>
                    </a:lnTo>
                    <a:lnTo>
                      <a:pt x="15" y="340"/>
                    </a:lnTo>
                    <a:lnTo>
                      <a:pt x="116" y="318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grpSp>
            <p:nvGrpSpPr>
              <p:cNvPr id="625" name="Group 177"/>
              <p:cNvGrpSpPr>
                <a:grpSpLocks/>
              </p:cNvGrpSpPr>
              <p:nvPr/>
            </p:nvGrpSpPr>
            <p:grpSpPr bwMode="auto">
              <a:xfrm>
                <a:off x="3502" y="2791"/>
                <a:ext cx="368" cy="598"/>
                <a:chOff x="3720" y="2429"/>
                <a:chExt cx="378" cy="616"/>
              </a:xfrm>
            </p:grpSpPr>
            <p:sp>
              <p:nvSpPr>
                <p:cNvPr id="638" name="Freeform 178"/>
                <p:cNvSpPr>
                  <a:spLocks/>
                </p:cNvSpPr>
                <p:nvPr/>
              </p:nvSpPr>
              <p:spPr bwMode="auto">
                <a:xfrm>
                  <a:off x="3720" y="2429"/>
                  <a:ext cx="378" cy="616"/>
                </a:xfrm>
                <a:custGeom>
                  <a:avLst/>
                  <a:gdLst>
                    <a:gd name="T0" fmla="*/ 51 w 378"/>
                    <a:gd name="T1" fmla="*/ 607 h 616"/>
                    <a:gd name="T2" fmla="*/ 54 w 378"/>
                    <a:gd name="T3" fmla="*/ 592 h 616"/>
                    <a:gd name="T4" fmla="*/ 75 w 378"/>
                    <a:gd name="T5" fmla="*/ 548 h 616"/>
                    <a:gd name="T6" fmla="*/ 97 w 378"/>
                    <a:gd name="T7" fmla="*/ 605 h 616"/>
                    <a:gd name="T8" fmla="*/ 92 w 378"/>
                    <a:gd name="T9" fmla="*/ 607 h 616"/>
                    <a:gd name="T10" fmla="*/ 81 w 378"/>
                    <a:gd name="T11" fmla="*/ 611 h 616"/>
                    <a:gd name="T12" fmla="*/ 73 w 378"/>
                    <a:gd name="T13" fmla="*/ 614 h 616"/>
                    <a:gd name="T14" fmla="*/ 70 w 378"/>
                    <a:gd name="T15" fmla="*/ 616 h 616"/>
                    <a:gd name="T16" fmla="*/ 83 w 378"/>
                    <a:gd name="T17" fmla="*/ 614 h 616"/>
                    <a:gd name="T18" fmla="*/ 98 w 378"/>
                    <a:gd name="T19" fmla="*/ 611 h 616"/>
                    <a:gd name="T20" fmla="*/ 110 w 378"/>
                    <a:gd name="T21" fmla="*/ 607 h 616"/>
                    <a:gd name="T22" fmla="*/ 115 w 378"/>
                    <a:gd name="T23" fmla="*/ 607 h 616"/>
                    <a:gd name="T24" fmla="*/ 114 w 378"/>
                    <a:gd name="T25" fmla="*/ 604 h 616"/>
                    <a:gd name="T26" fmla="*/ 112 w 378"/>
                    <a:gd name="T27" fmla="*/ 600 h 616"/>
                    <a:gd name="T28" fmla="*/ 122 w 378"/>
                    <a:gd name="T29" fmla="*/ 590 h 616"/>
                    <a:gd name="T30" fmla="*/ 125 w 378"/>
                    <a:gd name="T31" fmla="*/ 585 h 616"/>
                    <a:gd name="T32" fmla="*/ 125 w 378"/>
                    <a:gd name="T33" fmla="*/ 582 h 616"/>
                    <a:gd name="T34" fmla="*/ 125 w 378"/>
                    <a:gd name="T35" fmla="*/ 582 h 616"/>
                    <a:gd name="T36" fmla="*/ 125 w 378"/>
                    <a:gd name="T37" fmla="*/ 580 h 616"/>
                    <a:gd name="T38" fmla="*/ 125 w 378"/>
                    <a:gd name="T39" fmla="*/ 577 h 616"/>
                    <a:gd name="T40" fmla="*/ 124 w 378"/>
                    <a:gd name="T41" fmla="*/ 572 h 616"/>
                    <a:gd name="T42" fmla="*/ 124 w 378"/>
                    <a:gd name="T43" fmla="*/ 570 h 616"/>
                    <a:gd name="T44" fmla="*/ 127 w 378"/>
                    <a:gd name="T45" fmla="*/ 558 h 616"/>
                    <a:gd name="T46" fmla="*/ 119 w 378"/>
                    <a:gd name="T47" fmla="*/ 548 h 616"/>
                    <a:gd name="T48" fmla="*/ 109 w 378"/>
                    <a:gd name="T49" fmla="*/ 539 h 616"/>
                    <a:gd name="T50" fmla="*/ 103 w 378"/>
                    <a:gd name="T51" fmla="*/ 538 h 616"/>
                    <a:gd name="T52" fmla="*/ 378 w 378"/>
                    <a:gd name="T53" fmla="*/ 489 h 616"/>
                    <a:gd name="T54" fmla="*/ 361 w 378"/>
                    <a:gd name="T55" fmla="*/ 455 h 616"/>
                    <a:gd name="T56" fmla="*/ 361 w 378"/>
                    <a:gd name="T57" fmla="*/ 445 h 616"/>
                    <a:gd name="T58" fmla="*/ 361 w 378"/>
                    <a:gd name="T59" fmla="*/ 431 h 616"/>
                    <a:gd name="T60" fmla="*/ 359 w 378"/>
                    <a:gd name="T61" fmla="*/ 421 h 616"/>
                    <a:gd name="T62" fmla="*/ 354 w 378"/>
                    <a:gd name="T63" fmla="*/ 413 h 616"/>
                    <a:gd name="T64" fmla="*/ 349 w 378"/>
                    <a:gd name="T65" fmla="*/ 399 h 616"/>
                    <a:gd name="T66" fmla="*/ 349 w 378"/>
                    <a:gd name="T67" fmla="*/ 385 h 616"/>
                    <a:gd name="T68" fmla="*/ 351 w 378"/>
                    <a:gd name="T69" fmla="*/ 377 h 616"/>
                    <a:gd name="T70" fmla="*/ 351 w 378"/>
                    <a:gd name="T71" fmla="*/ 367 h 616"/>
                    <a:gd name="T72" fmla="*/ 351 w 378"/>
                    <a:gd name="T73" fmla="*/ 355 h 616"/>
                    <a:gd name="T74" fmla="*/ 352 w 378"/>
                    <a:gd name="T75" fmla="*/ 348 h 616"/>
                    <a:gd name="T76" fmla="*/ 354 w 378"/>
                    <a:gd name="T77" fmla="*/ 345 h 616"/>
                    <a:gd name="T78" fmla="*/ 361 w 378"/>
                    <a:gd name="T79" fmla="*/ 336 h 616"/>
                    <a:gd name="T80" fmla="*/ 364 w 378"/>
                    <a:gd name="T81" fmla="*/ 328 h 616"/>
                    <a:gd name="T82" fmla="*/ 361 w 378"/>
                    <a:gd name="T83" fmla="*/ 323 h 616"/>
                    <a:gd name="T84" fmla="*/ 357 w 378"/>
                    <a:gd name="T85" fmla="*/ 321 h 616"/>
                    <a:gd name="T86" fmla="*/ 356 w 378"/>
                    <a:gd name="T87" fmla="*/ 314 h 616"/>
                    <a:gd name="T88" fmla="*/ 352 w 378"/>
                    <a:gd name="T89" fmla="*/ 304 h 616"/>
                    <a:gd name="T90" fmla="*/ 349 w 378"/>
                    <a:gd name="T91" fmla="*/ 297 h 616"/>
                    <a:gd name="T92" fmla="*/ 347 w 378"/>
                    <a:gd name="T93" fmla="*/ 296 h 616"/>
                    <a:gd name="T94" fmla="*/ 329 w 378"/>
                    <a:gd name="T95" fmla="*/ 257 h 616"/>
                    <a:gd name="T96" fmla="*/ 257 w 378"/>
                    <a:gd name="T97" fmla="*/ 0 h 616"/>
                    <a:gd name="T98" fmla="*/ 0 w 378"/>
                    <a:gd name="T99" fmla="*/ 414 h 616"/>
                    <a:gd name="T100" fmla="*/ 44 w 378"/>
                    <a:gd name="T101" fmla="*/ 599 h 61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w 378"/>
                    <a:gd name="T154" fmla="*/ 0 h 616"/>
                    <a:gd name="T155" fmla="*/ 378 w 378"/>
                    <a:gd name="T156" fmla="*/ 616 h 616"/>
                  </a:gdLst>
                  <a:ahLst/>
                  <a:cxnLst>
                    <a:cxn ang="T102">
                      <a:pos x="T0" y="T1"/>
                    </a:cxn>
                    <a:cxn ang="T103">
                      <a:pos x="T2" y="T3"/>
                    </a:cxn>
                    <a:cxn ang="T104">
                      <a:pos x="T4" y="T5"/>
                    </a:cxn>
                    <a:cxn ang="T105">
                      <a:pos x="T6" y="T7"/>
                    </a:cxn>
                    <a:cxn ang="T106">
                      <a:pos x="T8" y="T9"/>
                    </a:cxn>
                    <a:cxn ang="T107">
                      <a:pos x="T10" y="T11"/>
                    </a:cxn>
                    <a:cxn ang="T108">
                      <a:pos x="T12" y="T13"/>
                    </a:cxn>
                    <a:cxn ang="T109">
                      <a:pos x="T14" y="T15"/>
                    </a:cxn>
                    <a:cxn ang="T110">
                      <a:pos x="T16" y="T17"/>
                    </a:cxn>
                    <a:cxn ang="T111">
                      <a:pos x="T18" y="T19"/>
                    </a:cxn>
                    <a:cxn ang="T112">
                      <a:pos x="T20" y="T21"/>
                    </a:cxn>
                    <a:cxn ang="T113">
                      <a:pos x="T22" y="T23"/>
                    </a:cxn>
                    <a:cxn ang="T114">
                      <a:pos x="T24" y="T25"/>
                    </a:cxn>
                    <a:cxn ang="T115">
                      <a:pos x="T26" y="T27"/>
                    </a:cxn>
                    <a:cxn ang="T116">
                      <a:pos x="T28" y="T29"/>
                    </a:cxn>
                    <a:cxn ang="T117">
                      <a:pos x="T30" y="T31"/>
                    </a:cxn>
                    <a:cxn ang="T118">
                      <a:pos x="T32" y="T33"/>
                    </a:cxn>
                    <a:cxn ang="T119">
                      <a:pos x="T34" y="T35"/>
                    </a:cxn>
                    <a:cxn ang="T120">
                      <a:pos x="T36" y="T37"/>
                    </a:cxn>
                    <a:cxn ang="T121">
                      <a:pos x="T38" y="T39"/>
                    </a:cxn>
                    <a:cxn ang="T122">
                      <a:pos x="T40" y="T41"/>
                    </a:cxn>
                    <a:cxn ang="T123">
                      <a:pos x="T42" y="T43"/>
                    </a:cxn>
                    <a:cxn ang="T124">
                      <a:pos x="T44" y="T45"/>
                    </a:cxn>
                    <a:cxn ang="T125">
                      <a:pos x="T46" y="T47"/>
                    </a:cxn>
                    <a:cxn ang="T126">
                      <a:pos x="T48" y="T49"/>
                    </a:cxn>
                    <a:cxn ang="T127">
                      <a:pos x="T50" y="T51"/>
                    </a:cxn>
                    <a:cxn ang="T128">
                      <a:pos x="T52" y="T53"/>
                    </a:cxn>
                    <a:cxn ang="T129">
                      <a:pos x="T54" y="T55"/>
                    </a:cxn>
                    <a:cxn ang="T130">
                      <a:pos x="T56" y="T57"/>
                    </a:cxn>
                    <a:cxn ang="T131">
                      <a:pos x="T58" y="T59"/>
                    </a:cxn>
                    <a:cxn ang="T132">
                      <a:pos x="T60" y="T61"/>
                    </a:cxn>
                    <a:cxn ang="T133">
                      <a:pos x="T62" y="T63"/>
                    </a:cxn>
                    <a:cxn ang="T134">
                      <a:pos x="T64" y="T65"/>
                    </a:cxn>
                    <a:cxn ang="T135">
                      <a:pos x="T66" y="T67"/>
                    </a:cxn>
                    <a:cxn ang="T136">
                      <a:pos x="T68" y="T69"/>
                    </a:cxn>
                    <a:cxn ang="T137">
                      <a:pos x="T70" y="T71"/>
                    </a:cxn>
                    <a:cxn ang="T138">
                      <a:pos x="T72" y="T73"/>
                    </a:cxn>
                    <a:cxn ang="T139">
                      <a:pos x="T74" y="T75"/>
                    </a:cxn>
                    <a:cxn ang="T140">
                      <a:pos x="T76" y="T77"/>
                    </a:cxn>
                    <a:cxn ang="T141">
                      <a:pos x="T78" y="T79"/>
                    </a:cxn>
                    <a:cxn ang="T142">
                      <a:pos x="T80" y="T81"/>
                    </a:cxn>
                    <a:cxn ang="T143">
                      <a:pos x="T82" y="T83"/>
                    </a:cxn>
                    <a:cxn ang="T144">
                      <a:pos x="T84" y="T85"/>
                    </a:cxn>
                    <a:cxn ang="T145">
                      <a:pos x="T86" y="T87"/>
                    </a:cxn>
                    <a:cxn ang="T146">
                      <a:pos x="T88" y="T89"/>
                    </a:cxn>
                    <a:cxn ang="T147">
                      <a:pos x="T90" y="T91"/>
                    </a:cxn>
                    <a:cxn ang="T148">
                      <a:pos x="T92" y="T93"/>
                    </a:cxn>
                    <a:cxn ang="T149">
                      <a:pos x="T94" y="T95"/>
                    </a:cxn>
                    <a:cxn ang="T150">
                      <a:pos x="T96" y="T97"/>
                    </a:cxn>
                    <a:cxn ang="T151">
                      <a:pos x="T98" y="T99"/>
                    </a:cxn>
                    <a:cxn ang="T152">
                      <a:pos x="T100" y="T101"/>
                    </a:cxn>
                  </a:cxnLst>
                  <a:rect l="T153" t="T154" r="T155" b="T156"/>
                  <a:pathLst>
                    <a:path w="378" h="616">
                      <a:moveTo>
                        <a:pt x="44" y="599"/>
                      </a:moveTo>
                      <a:lnTo>
                        <a:pt x="51" y="607"/>
                      </a:lnTo>
                      <a:lnTo>
                        <a:pt x="58" y="600"/>
                      </a:lnTo>
                      <a:lnTo>
                        <a:pt x="54" y="592"/>
                      </a:lnTo>
                      <a:lnTo>
                        <a:pt x="61" y="550"/>
                      </a:lnTo>
                      <a:lnTo>
                        <a:pt x="75" y="548"/>
                      </a:lnTo>
                      <a:lnTo>
                        <a:pt x="73" y="587"/>
                      </a:lnTo>
                      <a:lnTo>
                        <a:pt x="97" y="605"/>
                      </a:lnTo>
                      <a:lnTo>
                        <a:pt x="95" y="605"/>
                      </a:lnTo>
                      <a:lnTo>
                        <a:pt x="92" y="607"/>
                      </a:lnTo>
                      <a:lnTo>
                        <a:pt x="87" y="609"/>
                      </a:lnTo>
                      <a:lnTo>
                        <a:pt x="81" y="611"/>
                      </a:lnTo>
                      <a:lnTo>
                        <a:pt x="76" y="612"/>
                      </a:lnTo>
                      <a:lnTo>
                        <a:pt x="73" y="614"/>
                      </a:lnTo>
                      <a:lnTo>
                        <a:pt x="70" y="616"/>
                      </a:lnTo>
                      <a:lnTo>
                        <a:pt x="76" y="616"/>
                      </a:lnTo>
                      <a:lnTo>
                        <a:pt x="83" y="614"/>
                      </a:lnTo>
                      <a:lnTo>
                        <a:pt x="92" y="612"/>
                      </a:lnTo>
                      <a:lnTo>
                        <a:pt x="98" y="611"/>
                      </a:lnTo>
                      <a:lnTo>
                        <a:pt x="105" y="609"/>
                      </a:lnTo>
                      <a:lnTo>
                        <a:pt x="110" y="607"/>
                      </a:lnTo>
                      <a:lnTo>
                        <a:pt x="114" y="607"/>
                      </a:lnTo>
                      <a:lnTo>
                        <a:pt x="115" y="607"/>
                      </a:lnTo>
                      <a:lnTo>
                        <a:pt x="115" y="605"/>
                      </a:lnTo>
                      <a:lnTo>
                        <a:pt x="114" y="604"/>
                      </a:lnTo>
                      <a:lnTo>
                        <a:pt x="112" y="602"/>
                      </a:lnTo>
                      <a:lnTo>
                        <a:pt x="112" y="600"/>
                      </a:lnTo>
                      <a:lnTo>
                        <a:pt x="117" y="595"/>
                      </a:lnTo>
                      <a:lnTo>
                        <a:pt x="122" y="590"/>
                      </a:lnTo>
                      <a:lnTo>
                        <a:pt x="124" y="587"/>
                      </a:lnTo>
                      <a:lnTo>
                        <a:pt x="125" y="585"/>
                      </a:lnTo>
                      <a:lnTo>
                        <a:pt x="125" y="583"/>
                      </a:lnTo>
                      <a:lnTo>
                        <a:pt x="125" y="582"/>
                      </a:lnTo>
                      <a:lnTo>
                        <a:pt x="125" y="580"/>
                      </a:lnTo>
                      <a:lnTo>
                        <a:pt x="125" y="578"/>
                      </a:lnTo>
                      <a:lnTo>
                        <a:pt x="125" y="577"/>
                      </a:lnTo>
                      <a:lnTo>
                        <a:pt x="124" y="573"/>
                      </a:lnTo>
                      <a:lnTo>
                        <a:pt x="124" y="572"/>
                      </a:lnTo>
                      <a:lnTo>
                        <a:pt x="124" y="570"/>
                      </a:lnTo>
                      <a:lnTo>
                        <a:pt x="127" y="565"/>
                      </a:lnTo>
                      <a:lnTo>
                        <a:pt x="127" y="558"/>
                      </a:lnTo>
                      <a:lnTo>
                        <a:pt x="124" y="553"/>
                      </a:lnTo>
                      <a:lnTo>
                        <a:pt x="119" y="548"/>
                      </a:lnTo>
                      <a:lnTo>
                        <a:pt x="114" y="545"/>
                      </a:lnTo>
                      <a:lnTo>
                        <a:pt x="109" y="539"/>
                      </a:lnTo>
                      <a:lnTo>
                        <a:pt x="105" y="538"/>
                      </a:lnTo>
                      <a:lnTo>
                        <a:pt x="103" y="538"/>
                      </a:lnTo>
                      <a:lnTo>
                        <a:pt x="102" y="516"/>
                      </a:lnTo>
                      <a:lnTo>
                        <a:pt x="378" y="489"/>
                      </a:lnTo>
                      <a:lnTo>
                        <a:pt x="361" y="457"/>
                      </a:lnTo>
                      <a:lnTo>
                        <a:pt x="361" y="455"/>
                      </a:lnTo>
                      <a:lnTo>
                        <a:pt x="361" y="450"/>
                      </a:lnTo>
                      <a:lnTo>
                        <a:pt x="361" y="445"/>
                      </a:lnTo>
                      <a:lnTo>
                        <a:pt x="361" y="438"/>
                      </a:lnTo>
                      <a:lnTo>
                        <a:pt x="361" y="431"/>
                      </a:lnTo>
                      <a:lnTo>
                        <a:pt x="359" y="424"/>
                      </a:lnTo>
                      <a:lnTo>
                        <a:pt x="359" y="421"/>
                      </a:lnTo>
                      <a:lnTo>
                        <a:pt x="359" y="418"/>
                      </a:lnTo>
                      <a:lnTo>
                        <a:pt x="354" y="413"/>
                      </a:lnTo>
                      <a:lnTo>
                        <a:pt x="351" y="406"/>
                      </a:lnTo>
                      <a:lnTo>
                        <a:pt x="349" y="399"/>
                      </a:lnTo>
                      <a:lnTo>
                        <a:pt x="349" y="391"/>
                      </a:lnTo>
                      <a:lnTo>
                        <a:pt x="349" y="385"/>
                      </a:lnTo>
                      <a:lnTo>
                        <a:pt x="349" y="380"/>
                      </a:lnTo>
                      <a:lnTo>
                        <a:pt x="351" y="377"/>
                      </a:lnTo>
                      <a:lnTo>
                        <a:pt x="351" y="374"/>
                      </a:lnTo>
                      <a:lnTo>
                        <a:pt x="351" y="367"/>
                      </a:lnTo>
                      <a:lnTo>
                        <a:pt x="351" y="360"/>
                      </a:lnTo>
                      <a:lnTo>
                        <a:pt x="351" y="355"/>
                      </a:lnTo>
                      <a:lnTo>
                        <a:pt x="352" y="350"/>
                      </a:lnTo>
                      <a:lnTo>
                        <a:pt x="352" y="348"/>
                      </a:lnTo>
                      <a:lnTo>
                        <a:pt x="352" y="345"/>
                      </a:lnTo>
                      <a:lnTo>
                        <a:pt x="354" y="345"/>
                      </a:lnTo>
                      <a:lnTo>
                        <a:pt x="354" y="343"/>
                      </a:lnTo>
                      <a:lnTo>
                        <a:pt x="361" y="336"/>
                      </a:lnTo>
                      <a:lnTo>
                        <a:pt x="364" y="331"/>
                      </a:lnTo>
                      <a:lnTo>
                        <a:pt x="364" y="328"/>
                      </a:lnTo>
                      <a:lnTo>
                        <a:pt x="364" y="325"/>
                      </a:lnTo>
                      <a:lnTo>
                        <a:pt x="361" y="323"/>
                      </a:lnTo>
                      <a:lnTo>
                        <a:pt x="359" y="323"/>
                      </a:lnTo>
                      <a:lnTo>
                        <a:pt x="357" y="321"/>
                      </a:lnTo>
                      <a:lnTo>
                        <a:pt x="356" y="319"/>
                      </a:lnTo>
                      <a:lnTo>
                        <a:pt x="356" y="314"/>
                      </a:lnTo>
                      <a:lnTo>
                        <a:pt x="356" y="308"/>
                      </a:lnTo>
                      <a:lnTo>
                        <a:pt x="352" y="304"/>
                      </a:lnTo>
                      <a:lnTo>
                        <a:pt x="351" y="301"/>
                      </a:lnTo>
                      <a:lnTo>
                        <a:pt x="349" y="297"/>
                      </a:lnTo>
                      <a:lnTo>
                        <a:pt x="347" y="296"/>
                      </a:lnTo>
                      <a:lnTo>
                        <a:pt x="345" y="294"/>
                      </a:lnTo>
                      <a:lnTo>
                        <a:pt x="329" y="257"/>
                      </a:lnTo>
                      <a:lnTo>
                        <a:pt x="256" y="0"/>
                      </a:lnTo>
                      <a:lnTo>
                        <a:pt x="257" y="0"/>
                      </a:lnTo>
                      <a:lnTo>
                        <a:pt x="5" y="22"/>
                      </a:lnTo>
                      <a:lnTo>
                        <a:pt x="0" y="414"/>
                      </a:lnTo>
                      <a:lnTo>
                        <a:pt x="24" y="599"/>
                      </a:lnTo>
                      <a:lnTo>
                        <a:pt x="44" y="599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39" name="Freeform 179"/>
                <p:cNvSpPr>
                  <a:spLocks/>
                </p:cNvSpPr>
                <p:nvPr/>
              </p:nvSpPr>
              <p:spPr bwMode="auto">
                <a:xfrm>
                  <a:off x="3720" y="2429"/>
                  <a:ext cx="378" cy="616"/>
                </a:xfrm>
                <a:custGeom>
                  <a:avLst/>
                  <a:gdLst>
                    <a:gd name="T0" fmla="*/ 51 w 378"/>
                    <a:gd name="T1" fmla="*/ 607 h 616"/>
                    <a:gd name="T2" fmla="*/ 54 w 378"/>
                    <a:gd name="T3" fmla="*/ 592 h 616"/>
                    <a:gd name="T4" fmla="*/ 75 w 378"/>
                    <a:gd name="T5" fmla="*/ 548 h 616"/>
                    <a:gd name="T6" fmla="*/ 97 w 378"/>
                    <a:gd name="T7" fmla="*/ 605 h 616"/>
                    <a:gd name="T8" fmla="*/ 95 w 378"/>
                    <a:gd name="T9" fmla="*/ 605 h 616"/>
                    <a:gd name="T10" fmla="*/ 87 w 378"/>
                    <a:gd name="T11" fmla="*/ 609 h 616"/>
                    <a:gd name="T12" fmla="*/ 76 w 378"/>
                    <a:gd name="T13" fmla="*/ 612 h 616"/>
                    <a:gd name="T14" fmla="*/ 70 w 378"/>
                    <a:gd name="T15" fmla="*/ 616 h 616"/>
                    <a:gd name="T16" fmla="*/ 70 w 378"/>
                    <a:gd name="T17" fmla="*/ 616 h 616"/>
                    <a:gd name="T18" fmla="*/ 83 w 378"/>
                    <a:gd name="T19" fmla="*/ 614 h 616"/>
                    <a:gd name="T20" fmla="*/ 98 w 378"/>
                    <a:gd name="T21" fmla="*/ 611 h 616"/>
                    <a:gd name="T22" fmla="*/ 110 w 378"/>
                    <a:gd name="T23" fmla="*/ 607 h 616"/>
                    <a:gd name="T24" fmla="*/ 115 w 378"/>
                    <a:gd name="T25" fmla="*/ 607 h 616"/>
                    <a:gd name="T26" fmla="*/ 115 w 378"/>
                    <a:gd name="T27" fmla="*/ 605 h 616"/>
                    <a:gd name="T28" fmla="*/ 112 w 378"/>
                    <a:gd name="T29" fmla="*/ 602 h 616"/>
                    <a:gd name="T30" fmla="*/ 112 w 378"/>
                    <a:gd name="T31" fmla="*/ 600 h 616"/>
                    <a:gd name="T32" fmla="*/ 122 w 378"/>
                    <a:gd name="T33" fmla="*/ 590 h 616"/>
                    <a:gd name="T34" fmla="*/ 125 w 378"/>
                    <a:gd name="T35" fmla="*/ 585 h 616"/>
                    <a:gd name="T36" fmla="*/ 125 w 378"/>
                    <a:gd name="T37" fmla="*/ 582 h 616"/>
                    <a:gd name="T38" fmla="*/ 125 w 378"/>
                    <a:gd name="T39" fmla="*/ 582 h 616"/>
                    <a:gd name="T40" fmla="*/ 125 w 378"/>
                    <a:gd name="T41" fmla="*/ 582 h 616"/>
                    <a:gd name="T42" fmla="*/ 125 w 378"/>
                    <a:gd name="T43" fmla="*/ 578 h 616"/>
                    <a:gd name="T44" fmla="*/ 124 w 378"/>
                    <a:gd name="T45" fmla="*/ 573 h 616"/>
                    <a:gd name="T46" fmla="*/ 124 w 378"/>
                    <a:gd name="T47" fmla="*/ 570 h 616"/>
                    <a:gd name="T48" fmla="*/ 124 w 378"/>
                    <a:gd name="T49" fmla="*/ 570 h 616"/>
                    <a:gd name="T50" fmla="*/ 127 w 378"/>
                    <a:gd name="T51" fmla="*/ 558 h 616"/>
                    <a:gd name="T52" fmla="*/ 119 w 378"/>
                    <a:gd name="T53" fmla="*/ 548 h 616"/>
                    <a:gd name="T54" fmla="*/ 109 w 378"/>
                    <a:gd name="T55" fmla="*/ 539 h 616"/>
                    <a:gd name="T56" fmla="*/ 103 w 378"/>
                    <a:gd name="T57" fmla="*/ 538 h 616"/>
                    <a:gd name="T58" fmla="*/ 378 w 378"/>
                    <a:gd name="T59" fmla="*/ 489 h 616"/>
                    <a:gd name="T60" fmla="*/ 361 w 378"/>
                    <a:gd name="T61" fmla="*/ 457 h 616"/>
                    <a:gd name="T62" fmla="*/ 361 w 378"/>
                    <a:gd name="T63" fmla="*/ 450 h 616"/>
                    <a:gd name="T64" fmla="*/ 361 w 378"/>
                    <a:gd name="T65" fmla="*/ 438 h 616"/>
                    <a:gd name="T66" fmla="*/ 359 w 378"/>
                    <a:gd name="T67" fmla="*/ 424 h 616"/>
                    <a:gd name="T68" fmla="*/ 359 w 378"/>
                    <a:gd name="T69" fmla="*/ 418 h 616"/>
                    <a:gd name="T70" fmla="*/ 354 w 378"/>
                    <a:gd name="T71" fmla="*/ 413 h 616"/>
                    <a:gd name="T72" fmla="*/ 349 w 378"/>
                    <a:gd name="T73" fmla="*/ 399 h 616"/>
                    <a:gd name="T74" fmla="*/ 349 w 378"/>
                    <a:gd name="T75" fmla="*/ 385 h 616"/>
                    <a:gd name="T76" fmla="*/ 351 w 378"/>
                    <a:gd name="T77" fmla="*/ 377 h 616"/>
                    <a:gd name="T78" fmla="*/ 351 w 378"/>
                    <a:gd name="T79" fmla="*/ 374 h 616"/>
                    <a:gd name="T80" fmla="*/ 351 w 378"/>
                    <a:gd name="T81" fmla="*/ 360 h 616"/>
                    <a:gd name="T82" fmla="*/ 352 w 378"/>
                    <a:gd name="T83" fmla="*/ 350 h 616"/>
                    <a:gd name="T84" fmla="*/ 352 w 378"/>
                    <a:gd name="T85" fmla="*/ 345 h 616"/>
                    <a:gd name="T86" fmla="*/ 354 w 378"/>
                    <a:gd name="T87" fmla="*/ 343 h 616"/>
                    <a:gd name="T88" fmla="*/ 361 w 378"/>
                    <a:gd name="T89" fmla="*/ 336 h 616"/>
                    <a:gd name="T90" fmla="*/ 364 w 378"/>
                    <a:gd name="T91" fmla="*/ 328 h 616"/>
                    <a:gd name="T92" fmla="*/ 361 w 378"/>
                    <a:gd name="T93" fmla="*/ 323 h 616"/>
                    <a:gd name="T94" fmla="*/ 357 w 378"/>
                    <a:gd name="T95" fmla="*/ 321 h 616"/>
                    <a:gd name="T96" fmla="*/ 356 w 378"/>
                    <a:gd name="T97" fmla="*/ 319 h 616"/>
                    <a:gd name="T98" fmla="*/ 356 w 378"/>
                    <a:gd name="T99" fmla="*/ 308 h 616"/>
                    <a:gd name="T100" fmla="*/ 351 w 378"/>
                    <a:gd name="T101" fmla="*/ 301 h 616"/>
                    <a:gd name="T102" fmla="*/ 347 w 378"/>
                    <a:gd name="T103" fmla="*/ 296 h 616"/>
                    <a:gd name="T104" fmla="*/ 345 w 378"/>
                    <a:gd name="T105" fmla="*/ 294 h 616"/>
                    <a:gd name="T106" fmla="*/ 256 w 378"/>
                    <a:gd name="T107" fmla="*/ 0 h 616"/>
                    <a:gd name="T108" fmla="*/ 5 w 378"/>
                    <a:gd name="T109" fmla="*/ 22 h 616"/>
                    <a:gd name="T110" fmla="*/ 24 w 378"/>
                    <a:gd name="T111" fmla="*/ 599 h 61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w 378"/>
                    <a:gd name="T169" fmla="*/ 0 h 616"/>
                    <a:gd name="T170" fmla="*/ 378 w 378"/>
                    <a:gd name="T171" fmla="*/ 616 h 616"/>
                  </a:gdLst>
                  <a:ahLst/>
                  <a:cxnLst>
                    <a:cxn ang="T112">
                      <a:pos x="T0" y="T1"/>
                    </a:cxn>
                    <a:cxn ang="T113">
                      <a:pos x="T2" y="T3"/>
                    </a:cxn>
                    <a:cxn ang="T114">
                      <a:pos x="T4" y="T5"/>
                    </a:cxn>
                    <a:cxn ang="T115">
                      <a:pos x="T6" y="T7"/>
                    </a:cxn>
                    <a:cxn ang="T116">
                      <a:pos x="T8" y="T9"/>
                    </a:cxn>
                    <a:cxn ang="T117">
                      <a:pos x="T10" y="T11"/>
                    </a:cxn>
                    <a:cxn ang="T118">
                      <a:pos x="T12" y="T13"/>
                    </a:cxn>
                    <a:cxn ang="T119">
                      <a:pos x="T14" y="T15"/>
                    </a:cxn>
                    <a:cxn ang="T120">
                      <a:pos x="T16" y="T17"/>
                    </a:cxn>
                    <a:cxn ang="T121">
                      <a:pos x="T18" y="T19"/>
                    </a:cxn>
                    <a:cxn ang="T122">
                      <a:pos x="T20" y="T21"/>
                    </a:cxn>
                    <a:cxn ang="T123">
                      <a:pos x="T22" y="T23"/>
                    </a:cxn>
                    <a:cxn ang="T124">
                      <a:pos x="T24" y="T25"/>
                    </a:cxn>
                    <a:cxn ang="T125">
                      <a:pos x="T26" y="T27"/>
                    </a:cxn>
                    <a:cxn ang="T126">
                      <a:pos x="T28" y="T29"/>
                    </a:cxn>
                    <a:cxn ang="T127">
                      <a:pos x="T30" y="T31"/>
                    </a:cxn>
                    <a:cxn ang="T128">
                      <a:pos x="T32" y="T33"/>
                    </a:cxn>
                    <a:cxn ang="T129">
                      <a:pos x="T34" y="T35"/>
                    </a:cxn>
                    <a:cxn ang="T130">
                      <a:pos x="T36" y="T37"/>
                    </a:cxn>
                    <a:cxn ang="T131">
                      <a:pos x="T38" y="T39"/>
                    </a:cxn>
                    <a:cxn ang="T132">
                      <a:pos x="T40" y="T41"/>
                    </a:cxn>
                    <a:cxn ang="T133">
                      <a:pos x="T42" y="T43"/>
                    </a:cxn>
                    <a:cxn ang="T134">
                      <a:pos x="T44" y="T45"/>
                    </a:cxn>
                    <a:cxn ang="T135">
                      <a:pos x="T46" y="T47"/>
                    </a:cxn>
                    <a:cxn ang="T136">
                      <a:pos x="T48" y="T49"/>
                    </a:cxn>
                    <a:cxn ang="T137">
                      <a:pos x="T50" y="T51"/>
                    </a:cxn>
                    <a:cxn ang="T138">
                      <a:pos x="T52" y="T53"/>
                    </a:cxn>
                    <a:cxn ang="T139">
                      <a:pos x="T54" y="T55"/>
                    </a:cxn>
                    <a:cxn ang="T140">
                      <a:pos x="T56" y="T57"/>
                    </a:cxn>
                    <a:cxn ang="T141">
                      <a:pos x="T58" y="T59"/>
                    </a:cxn>
                    <a:cxn ang="T142">
                      <a:pos x="T60" y="T61"/>
                    </a:cxn>
                    <a:cxn ang="T143">
                      <a:pos x="T62" y="T63"/>
                    </a:cxn>
                    <a:cxn ang="T144">
                      <a:pos x="T64" y="T65"/>
                    </a:cxn>
                    <a:cxn ang="T145">
                      <a:pos x="T66" y="T67"/>
                    </a:cxn>
                    <a:cxn ang="T146">
                      <a:pos x="T68" y="T69"/>
                    </a:cxn>
                    <a:cxn ang="T147">
                      <a:pos x="T70" y="T71"/>
                    </a:cxn>
                    <a:cxn ang="T148">
                      <a:pos x="T72" y="T73"/>
                    </a:cxn>
                    <a:cxn ang="T149">
                      <a:pos x="T74" y="T75"/>
                    </a:cxn>
                    <a:cxn ang="T150">
                      <a:pos x="T76" y="T77"/>
                    </a:cxn>
                    <a:cxn ang="T151">
                      <a:pos x="T78" y="T79"/>
                    </a:cxn>
                    <a:cxn ang="T152">
                      <a:pos x="T80" y="T81"/>
                    </a:cxn>
                    <a:cxn ang="T153">
                      <a:pos x="T82" y="T83"/>
                    </a:cxn>
                    <a:cxn ang="T154">
                      <a:pos x="T84" y="T85"/>
                    </a:cxn>
                    <a:cxn ang="T155">
                      <a:pos x="T86" y="T87"/>
                    </a:cxn>
                    <a:cxn ang="T156">
                      <a:pos x="T88" y="T89"/>
                    </a:cxn>
                    <a:cxn ang="T157">
                      <a:pos x="T90" y="T91"/>
                    </a:cxn>
                    <a:cxn ang="T158">
                      <a:pos x="T92" y="T93"/>
                    </a:cxn>
                    <a:cxn ang="T159">
                      <a:pos x="T94" y="T95"/>
                    </a:cxn>
                    <a:cxn ang="T160">
                      <a:pos x="T96" y="T97"/>
                    </a:cxn>
                    <a:cxn ang="T161">
                      <a:pos x="T98" y="T99"/>
                    </a:cxn>
                    <a:cxn ang="T162">
                      <a:pos x="T100" y="T101"/>
                    </a:cxn>
                    <a:cxn ang="T163">
                      <a:pos x="T102" y="T103"/>
                    </a:cxn>
                    <a:cxn ang="T164">
                      <a:pos x="T104" y="T105"/>
                    </a:cxn>
                    <a:cxn ang="T165">
                      <a:pos x="T106" y="T107"/>
                    </a:cxn>
                    <a:cxn ang="T166">
                      <a:pos x="T108" y="T109"/>
                    </a:cxn>
                    <a:cxn ang="T167">
                      <a:pos x="T110" y="T111"/>
                    </a:cxn>
                  </a:cxnLst>
                  <a:rect l="T168" t="T169" r="T170" b="T171"/>
                  <a:pathLst>
                    <a:path w="378" h="616">
                      <a:moveTo>
                        <a:pt x="44" y="599"/>
                      </a:moveTo>
                      <a:lnTo>
                        <a:pt x="51" y="607"/>
                      </a:lnTo>
                      <a:lnTo>
                        <a:pt x="58" y="600"/>
                      </a:lnTo>
                      <a:lnTo>
                        <a:pt x="54" y="592"/>
                      </a:lnTo>
                      <a:lnTo>
                        <a:pt x="61" y="550"/>
                      </a:lnTo>
                      <a:lnTo>
                        <a:pt x="75" y="548"/>
                      </a:lnTo>
                      <a:lnTo>
                        <a:pt x="73" y="587"/>
                      </a:lnTo>
                      <a:lnTo>
                        <a:pt x="97" y="605"/>
                      </a:lnTo>
                      <a:lnTo>
                        <a:pt x="95" y="605"/>
                      </a:lnTo>
                      <a:lnTo>
                        <a:pt x="92" y="607"/>
                      </a:lnTo>
                      <a:lnTo>
                        <a:pt x="87" y="609"/>
                      </a:lnTo>
                      <a:lnTo>
                        <a:pt x="81" y="611"/>
                      </a:lnTo>
                      <a:lnTo>
                        <a:pt x="76" y="612"/>
                      </a:lnTo>
                      <a:lnTo>
                        <a:pt x="73" y="614"/>
                      </a:lnTo>
                      <a:lnTo>
                        <a:pt x="70" y="616"/>
                      </a:lnTo>
                      <a:lnTo>
                        <a:pt x="76" y="616"/>
                      </a:lnTo>
                      <a:lnTo>
                        <a:pt x="83" y="614"/>
                      </a:lnTo>
                      <a:lnTo>
                        <a:pt x="92" y="612"/>
                      </a:lnTo>
                      <a:lnTo>
                        <a:pt x="98" y="611"/>
                      </a:lnTo>
                      <a:lnTo>
                        <a:pt x="105" y="609"/>
                      </a:lnTo>
                      <a:lnTo>
                        <a:pt x="110" y="607"/>
                      </a:lnTo>
                      <a:lnTo>
                        <a:pt x="114" y="607"/>
                      </a:lnTo>
                      <a:lnTo>
                        <a:pt x="115" y="607"/>
                      </a:lnTo>
                      <a:lnTo>
                        <a:pt x="115" y="605"/>
                      </a:lnTo>
                      <a:lnTo>
                        <a:pt x="114" y="604"/>
                      </a:lnTo>
                      <a:lnTo>
                        <a:pt x="112" y="602"/>
                      </a:lnTo>
                      <a:lnTo>
                        <a:pt x="112" y="600"/>
                      </a:lnTo>
                      <a:lnTo>
                        <a:pt x="117" y="595"/>
                      </a:lnTo>
                      <a:lnTo>
                        <a:pt x="122" y="590"/>
                      </a:lnTo>
                      <a:lnTo>
                        <a:pt x="124" y="587"/>
                      </a:lnTo>
                      <a:lnTo>
                        <a:pt x="125" y="585"/>
                      </a:lnTo>
                      <a:lnTo>
                        <a:pt x="125" y="583"/>
                      </a:lnTo>
                      <a:lnTo>
                        <a:pt x="125" y="582"/>
                      </a:lnTo>
                      <a:lnTo>
                        <a:pt x="125" y="580"/>
                      </a:lnTo>
                      <a:lnTo>
                        <a:pt x="125" y="578"/>
                      </a:lnTo>
                      <a:lnTo>
                        <a:pt x="125" y="577"/>
                      </a:lnTo>
                      <a:lnTo>
                        <a:pt x="124" y="573"/>
                      </a:lnTo>
                      <a:lnTo>
                        <a:pt x="124" y="572"/>
                      </a:lnTo>
                      <a:lnTo>
                        <a:pt x="124" y="570"/>
                      </a:lnTo>
                      <a:lnTo>
                        <a:pt x="127" y="565"/>
                      </a:lnTo>
                      <a:lnTo>
                        <a:pt x="127" y="558"/>
                      </a:lnTo>
                      <a:lnTo>
                        <a:pt x="124" y="553"/>
                      </a:lnTo>
                      <a:lnTo>
                        <a:pt x="119" y="548"/>
                      </a:lnTo>
                      <a:lnTo>
                        <a:pt x="114" y="545"/>
                      </a:lnTo>
                      <a:lnTo>
                        <a:pt x="109" y="539"/>
                      </a:lnTo>
                      <a:lnTo>
                        <a:pt x="105" y="538"/>
                      </a:lnTo>
                      <a:lnTo>
                        <a:pt x="103" y="538"/>
                      </a:lnTo>
                      <a:lnTo>
                        <a:pt x="102" y="516"/>
                      </a:lnTo>
                      <a:lnTo>
                        <a:pt x="378" y="489"/>
                      </a:lnTo>
                      <a:lnTo>
                        <a:pt x="361" y="457"/>
                      </a:lnTo>
                      <a:lnTo>
                        <a:pt x="361" y="455"/>
                      </a:lnTo>
                      <a:lnTo>
                        <a:pt x="361" y="450"/>
                      </a:lnTo>
                      <a:lnTo>
                        <a:pt x="361" y="445"/>
                      </a:lnTo>
                      <a:lnTo>
                        <a:pt x="361" y="438"/>
                      </a:lnTo>
                      <a:lnTo>
                        <a:pt x="361" y="431"/>
                      </a:lnTo>
                      <a:lnTo>
                        <a:pt x="359" y="424"/>
                      </a:lnTo>
                      <a:lnTo>
                        <a:pt x="359" y="421"/>
                      </a:lnTo>
                      <a:lnTo>
                        <a:pt x="359" y="418"/>
                      </a:lnTo>
                      <a:lnTo>
                        <a:pt x="354" y="413"/>
                      </a:lnTo>
                      <a:lnTo>
                        <a:pt x="351" y="406"/>
                      </a:lnTo>
                      <a:lnTo>
                        <a:pt x="349" y="399"/>
                      </a:lnTo>
                      <a:lnTo>
                        <a:pt x="349" y="391"/>
                      </a:lnTo>
                      <a:lnTo>
                        <a:pt x="349" y="385"/>
                      </a:lnTo>
                      <a:lnTo>
                        <a:pt x="349" y="380"/>
                      </a:lnTo>
                      <a:lnTo>
                        <a:pt x="351" y="377"/>
                      </a:lnTo>
                      <a:lnTo>
                        <a:pt x="351" y="374"/>
                      </a:lnTo>
                      <a:lnTo>
                        <a:pt x="351" y="367"/>
                      </a:lnTo>
                      <a:lnTo>
                        <a:pt x="351" y="360"/>
                      </a:lnTo>
                      <a:lnTo>
                        <a:pt x="351" y="355"/>
                      </a:lnTo>
                      <a:lnTo>
                        <a:pt x="352" y="350"/>
                      </a:lnTo>
                      <a:lnTo>
                        <a:pt x="352" y="348"/>
                      </a:lnTo>
                      <a:lnTo>
                        <a:pt x="352" y="345"/>
                      </a:lnTo>
                      <a:lnTo>
                        <a:pt x="354" y="345"/>
                      </a:lnTo>
                      <a:lnTo>
                        <a:pt x="354" y="343"/>
                      </a:lnTo>
                      <a:lnTo>
                        <a:pt x="361" y="336"/>
                      </a:lnTo>
                      <a:lnTo>
                        <a:pt x="364" y="331"/>
                      </a:lnTo>
                      <a:lnTo>
                        <a:pt x="364" y="328"/>
                      </a:lnTo>
                      <a:lnTo>
                        <a:pt x="364" y="325"/>
                      </a:lnTo>
                      <a:lnTo>
                        <a:pt x="361" y="323"/>
                      </a:lnTo>
                      <a:lnTo>
                        <a:pt x="359" y="323"/>
                      </a:lnTo>
                      <a:lnTo>
                        <a:pt x="357" y="321"/>
                      </a:lnTo>
                      <a:lnTo>
                        <a:pt x="356" y="319"/>
                      </a:lnTo>
                      <a:lnTo>
                        <a:pt x="356" y="314"/>
                      </a:lnTo>
                      <a:lnTo>
                        <a:pt x="356" y="308"/>
                      </a:lnTo>
                      <a:lnTo>
                        <a:pt x="352" y="304"/>
                      </a:lnTo>
                      <a:lnTo>
                        <a:pt x="351" y="301"/>
                      </a:lnTo>
                      <a:lnTo>
                        <a:pt x="349" y="297"/>
                      </a:lnTo>
                      <a:lnTo>
                        <a:pt x="347" y="296"/>
                      </a:lnTo>
                      <a:lnTo>
                        <a:pt x="345" y="294"/>
                      </a:lnTo>
                      <a:lnTo>
                        <a:pt x="329" y="257"/>
                      </a:lnTo>
                      <a:lnTo>
                        <a:pt x="256" y="0"/>
                      </a:lnTo>
                      <a:lnTo>
                        <a:pt x="257" y="0"/>
                      </a:lnTo>
                      <a:lnTo>
                        <a:pt x="5" y="22"/>
                      </a:lnTo>
                      <a:lnTo>
                        <a:pt x="0" y="414"/>
                      </a:lnTo>
                      <a:lnTo>
                        <a:pt x="24" y="599"/>
                      </a:lnTo>
                      <a:lnTo>
                        <a:pt x="44" y="599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626" name="Group 180"/>
              <p:cNvGrpSpPr>
                <a:grpSpLocks/>
              </p:cNvGrpSpPr>
              <p:nvPr/>
            </p:nvGrpSpPr>
            <p:grpSpPr bwMode="auto">
              <a:xfrm>
                <a:off x="3751" y="2759"/>
                <a:ext cx="502" cy="541"/>
                <a:chOff x="3976" y="2396"/>
                <a:chExt cx="516" cy="557"/>
              </a:xfrm>
            </p:grpSpPr>
            <p:sp>
              <p:nvSpPr>
                <p:cNvPr id="636" name="Freeform 181"/>
                <p:cNvSpPr>
                  <a:spLocks/>
                </p:cNvSpPr>
                <p:nvPr/>
              </p:nvSpPr>
              <p:spPr bwMode="auto">
                <a:xfrm>
                  <a:off x="3976" y="2396"/>
                  <a:ext cx="516" cy="557"/>
                </a:xfrm>
                <a:custGeom>
                  <a:avLst/>
                  <a:gdLst>
                    <a:gd name="T0" fmla="*/ 490 w 516"/>
                    <a:gd name="T1" fmla="*/ 488 h 557"/>
                    <a:gd name="T2" fmla="*/ 490 w 516"/>
                    <a:gd name="T3" fmla="*/ 464 h 557"/>
                    <a:gd name="T4" fmla="*/ 487 w 516"/>
                    <a:gd name="T5" fmla="*/ 468 h 557"/>
                    <a:gd name="T6" fmla="*/ 485 w 516"/>
                    <a:gd name="T7" fmla="*/ 464 h 557"/>
                    <a:gd name="T8" fmla="*/ 480 w 516"/>
                    <a:gd name="T9" fmla="*/ 444 h 557"/>
                    <a:gd name="T10" fmla="*/ 489 w 516"/>
                    <a:gd name="T11" fmla="*/ 451 h 557"/>
                    <a:gd name="T12" fmla="*/ 485 w 516"/>
                    <a:gd name="T13" fmla="*/ 425 h 557"/>
                    <a:gd name="T14" fmla="*/ 494 w 516"/>
                    <a:gd name="T15" fmla="*/ 427 h 557"/>
                    <a:gd name="T16" fmla="*/ 497 w 516"/>
                    <a:gd name="T17" fmla="*/ 418 h 557"/>
                    <a:gd name="T18" fmla="*/ 497 w 516"/>
                    <a:gd name="T19" fmla="*/ 400 h 557"/>
                    <a:gd name="T20" fmla="*/ 504 w 516"/>
                    <a:gd name="T21" fmla="*/ 398 h 557"/>
                    <a:gd name="T22" fmla="*/ 507 w 516"/>
                    <a:gd name="T23" fmla="*/ 391 h 557"/>
                    <a:gd name="T24" fmla="*/ 499 w 516"/>
                    <a:gd name="T25" fmla="*/ 386 h 557"/>
                    <a:gd name="T26" fmla="*/ 499 w 516"/>
                    <a:gd name="T27" fmla="*/ 380 h 557"/>
                    <a:gd name="T28" fmla="*/ 501 w 516"/>
                    <a:gd name="T29" fmla="*/ 371 h 557"/>
                    <a:gd name="T30" fmla="*/ 506 w 516"/>
                    <a:gd name="T31" fmla="*/ 354 h 557"/>
                    <a:gd name="T32" fmla="*/ 509 w 516"/>
                    <a:gd name="T33" fmla="*/ 344 h 557"/>
                    <a:gd name="T34" fmla="*/ 502 w 516"/>
                    <a:gd name="T35" fmla="*/ 324 h 557"/>
                    <a:gd name="T36" fmla="*/ 502 w 516"/>
                    <a:gd name="T37" fmla="*/ 319 h 557"/>
                    <a:gd name="T38" fmla="*/ 502 w 516"/>
                    <a:gd name="T39" fmla="*/ 312 h 557"/>
                    <a:gd name="T40" fmla="*/ 490 w 516"/>
                    <a:gd name="T41" fmla="*/ 280 h 557"/>
                    <a:gd name="T42" fmla="*/ 467 w 516"/>
                    <a:gd name="T43" fmla="*/ 259 h 557"/>
                    <a:gd name="T44" fmla="*/ 453 w 516"/>
                    <a:gd name="T45" fmla="*/ 224 h 557"/>
                    <a:gd name="T46" fmla="*/ 430 w 516"/>
                    <a:gd name="T47" fmla="*/ 212 h 557"/>
                    <a:gd name="T48" fmla="*/ 419 w 516"/>
                    <a:gd name="T49" fmla="*/ 204 h 557"/>
                    <a:gd name="T50" fmla="*/ 402 w 516"/>
                    <a:gd name="T51" fmla="*/ 187 h 557"/>
                    <a:gd name="T52" fmla="*/ 389 w 516"/>
                    <a:gd name="T53" fmla="*/ 163 h 557"/>
                    <a:gd name="T54" fmla="*/ 374 w 516"/>
                    <a:gd name="T55" fmla="*/ 160 h 557"/>
                    <a:gd name="T56" fmla="*/ 367 w 516"/>
                    <a:gd name="T57" fmla="*/ 153 h 557"/>
                    <a:gd name="T58" fmla="*/ 355 w 516"/>
                    <a:gd name="T59" fmla="*/ 134 h 557"/>
                    <a:gd name="T60" fmla="*/ 343 w 516"/>
                    <a:gd name="T61" fmla="*/ 132 h 557"/>
                    <a:gd name="T62" fmla="*/ 328 w 516"/>
                    <a:gd name="T63" fmla="*/ 124 h 557"/>
                    <a:gd name="T64" fmla="*/ 318 w 516"/>
                    <a:gd name="T65" fmla="*/ 107 h 557"/>
                    <a:gd name="T66" fmla="*/ 301 w 516"/>
                    <a:gd name="T67" fmla="*/ 88 h 557"/>
                    <a:gd name="T68" fmla="*/ 287 w 516"/>
                    <a:gd name="T69" fmla="*/ 65 h 557"/>
                    <a:gd name="T70" fmla="*/ 282 w 516"/>
                    <a:gd name="T71" fmla="*/ 61 h 557"/>
                    <a:gd name="T72" fmla="*/ 262 w 516"/>
                    <a:gd name="T73" fmla="*/ 56 h 557"/>
                    <a:gd name="T74" fmla="*/ 252 w 516"/>
                    <a:gd name="T75" fmla="*/ 50 h 557"/>
                    <a:gd name="T76" fmla="*/ 235 w 516"/>
                    <a:gd name="T77" fmla="*/ 34 h 557"/>
                    <a:gd name="T78" fmla="*/ 252 w 516"/>
                    <a:gd name="T79" fmla="*/ 2 h 557"/>
                    <a:gd name="T80" fmla="*/ 73 w 516"/>
                    <a:gd name="T81" fmla="*/ 290 h 557"/>
                    <a:gd name="T82" fmla="*/ 93 w 516"/>
                    <a:gd name="T83" fmla="*/ 330 h 557"/>
                    <a:gd name="T84" fmla="*/ 100 w 516"/>
                    <a:gd name="T85" fmla="*/ 347 h 557"/>
                    <a:gd name="T86" fmla="*/ 105 w 516"/>
                    <a:gd name="T87" fmla="*/ 356 h 557"/>
                    <a:gd name="T88" fmla="*/ 105 w 516"/>
                    <a:gd name="T89" fmla="*/ 369 h 557"/>
                    <a:gd name="T90" fmla="*/ 96 w 516"/>
                    <a:gd name="T91" fmla="*/ 381 h 557"/>
                    <a:gd name="T92" fmla="*/ 95 w 516"/>
                    <a:gd name="T93" fmla="*/ 400 h 557"/>
                    <a:gd name="T94" fmla="*/ 93 w 516"/>
                    <a:gd name="T95" fmla="*/ 418 h 557"/>
                    <a:gd name="T96" fmla="*/ 98 w 516"/>
                    <a:gd name="T97" fmla="*/ 446 h 557"/>
                    <a:gd name="T98" fmla="*/ 105 w 516"/>
                    <a:gd name="T99" fmla="*/ 464 h 557"/>
                    <a:gd name="T100" fmla="*/ 105 w 516"/>
                    <a:gd name="T101" fmla="*/ 488 h 557"/>
                    <a:gd name="T102" fmla="*/ 418 w 516"/>
                    <a:gd name="T103" fmla="*/ 535 h 557"/>
                    <a:gd name="T104" fmla="*/ 441 w 516"/>
                    <a:gd name="T105" fmla="*/ 552 h 557"/>
                    <a:gd name="T106" fmla="*/ 440 w 516"/>
                    <a:gd name="T107" fmla="*/ 534 h 557"/>
                    <a:gd name="T108" fmla="*/ 435 w 516"/>
                    <a:gd name="T109" fmla="*/ 512 h 557"/>
                    <a:gd name="T110" fmla="*/ 443 w 516"/>
                    <a:gd name="T111" fmla="*/ 498 h 557"/>
                    <a:gd name="T112" fmla="*/ 462 w 516"/>
                    <a:gd name="T113" fmla="*/ 503 h 557"/>
                    <a:gd name="T114" fmla="*/ 485 w 516"/>
                    <a:gd name="T115" fmla="*/ 506 h 557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60000 65536"/>
                    <a:gd name="T157" fmla="*/ 0 60000 65536"/>
                    <a:gd name="T158" fmla="*/ 0 60000 65536"/>
                    <a:gd name="T159" fmla="*/ 0 60000 65536"/>
                    <a:gd name="T160" fmla="*/ 0 60000 65536"/>
                    <a:gd name="T161" fmla="*/ 0 60000 65536"/>
                    <a:gd name="T162" fmla="*/ 0 60000 65536"/>
                    <a:gd name="T163" fmla="*/ 0 60000 65536"/>
                    <a:gd name="T164" fmla="*/ 0 60000 65536"/>
                    <a:gd name="T165" fmla="*/ 0 60000 65536"/>
                    <a:gd name="T166" fmla="*/ 0 60000 65536"/>
                    <a:gd name="T167" fmla="*/ 0 60000 65536"/>
                    <a:gd name="T168" fmla="*/ 0 60000 65536"/>
                    <a:gd name="T169" fmla="*/ 0 60000 65536"/>
                    <a:gd name="T170" fmla="*/ 0 60000 65536"/>
                    <a:gd name="T171" fmla="*/ 0 60000 65536"/>
                    <a:gd name="T172" fmla="*/ 0 60000 65536"/>
                    <a:gd name="T173" fmla="*/ 0 60000 65536"/>
                    <a:gd name="T174" fmla="*/ 0 w 516"/>
                    <a:gd name="T175" fmla="*/ 0 h 557"/>
                    <a:gd name="T176" fmla="*/ 516 w 516"/>
                    <a:gd name="T177" fmla="*/ 557 h 557"/>
                  </a:gdLst>
                  <a:ahLst/>
                  <a:cxnLst>
                    <a:cxn ang="T116">
                      <a:pos x="T0" y="T1"/>
                    </a:cxn>
                    <a:cxn ang="T117">
                      <a:pos x="T2" y="T3"/>
                    </a:cxn>
                    <a:cxn ang="T118">
                      <a:pos x="T4" y="T5"/>
                    </a:cxn>
                    <a:cxn ang="T119">
                      <a:pos x="T6" y="T7"/>
                    </a:cxn>
                    <a:cxn ang="T120">
                      <a:pos x="T8" y="T9"/>
                    </a:cxn>
                    <a:cxn ang="T121">
                      <a:pos x="T10" y="T11"/>
                    </a:cxn>
                    <a:cxn ang="T122">
                      <a:pos x="T12" y="T13"/>
                    </a:cxn>
                    <a:cxn ang="T123">
                      <a:pos x="T14" y="T15"/>
                    </a:cxn>
                    <a:cxn ang="T124">
                      <a:pos x="T16" y="T17"/>
                    </a:cxn>
                    <a:cxn ang="T125">
                      <a:pos x="T18" y="T19"/>
                    </a:cxn>
                    <a:cxn ang="T126">
                      <a:pos x="T20" y="T21"/>
                    </a:cxn>
                    <a:cxn ang="T127">
                      <a:pos x="T22" y="T23"/>
                    </a:cxn>
                    <a:cxn ang="T128">
                      <a:pos x="T24" y="T25"/>
                    </a:cxn>
                    <a:cxn ang="T129">
                      <a:pos x="T26" y="T27"/>
                    </a:cxn>
                    <a:cxn ang="T130">
                      <a:pos x="T28" y="T29"/>
                    </a:cxn>
                    <a:cxn ang="T131">
                      <a:pos x="T30" y="T31"/>
                    </a:cxn>
                    <a:cxn ang="T132">
                      <a:pos x="T32" y="T33"/>
                    </a:cxn>
                    <a:cxn ang="T133">
                      <a:pos x="T34" y="T35"/>
                    </a:cxn>
                    <a:cxn ang="T134">
                      <a:pos x="T36" y="T37"/>
                    </a:cxn>
                    <a:cxn ang="T135">
                      <a:pos x="T38" y="T39"/>
                    </a:cxn>
                    <a:cxn ang="T136">
                      <a:pos x="T40" y="T41"/>
                    </a:cxn>
                    <a:cxn ang="T137">
                      <a:pos x="T42" y="T43"/>
                    </a:cxn>
                    <a:cxn ang="T138">
                      <a:pos x="T44" y="T45"/>
                    </a:cxn>
                    <a:cxn ang="T139">
                      <a:pos x="T46" y="T47"/>
                    </a:cxn>
                    <a:cxn ang="T140">
                      <a:pos x="T48" y="T49"/>
                    </a:cxn>
                    <a:cxn ang="T141">
                      <a:pos x="T50" y="T51"/>
                    </a:cxn>
                    <a:cxn ang="T142">
                      <a:pos x="T52" y="T53"/>
                    </a:cxn>
                    <a:cxn ang="T143">
                      <a:pos x="T54" y="T55"/>
                    </a:cxn>
                    <a:cxn ang="T144">
                      <a:pos x="T56" y="T57"/>
                    </a:cxn>
                    <a:cxn ang="T145">
                      <a:pos x="T58" y="T59"/>
                    </a:cxn>
                    <a:cxn ang="T146">
                      <a:pos x="T60" y="T61"/>
                    </a:cxn>
                    <a:cxn ang="T147">
                      <a:pos x="T62" y="T63"/>
                    </a:cxn>
                    <a:cxn ang="T148">
                      <a:pos x="T64" y="T65"/>
                    </a:cxn>
                    <a:cxn ang="T149">
                      <a:pos x="T66" y="T67"/>
                    </a:cxn>
                    <a:cxn ang="T150">
                      <a:pos x="T68" y="T69"/>
                    </a:cxn>
                    <a:cxn ang="T151">
                      <a:pos x="T70" y="T71"/>
                    </a:cxn>
                    <a:cxn ang="T152">
                      <a:pos x="T72" y="T73"/>
                    </a:cxn>
                    <a:cxn ang="T153">
                      <a:pos x="T74" y="T75"/>
                    </a:cxn>
                    <a:cxn ang="T154">
                      <a:pos x="T76" y="T77"/>
                    </a:cxn>
                    <a:cxn ang="T155">
                      <a:pos x="T78" y="T79"/>
                    </a:cxn>
                    <a:cxn ang="T156">
                      <a:pos x="T80" y="T81"/>
                    </a:cxn>
                    <a:cxn ang="T157">
                      <a:pos x="T82" y="T83"/>
                    </a:cxn>
                    <a:cxn ang="T158">
                      <a:pos x="T84" y="T85"/>
                    </a:cxn>
                    <a:cxn ang="T159">
                      <a:pos x="T86" y="T87"/>
                    </a:cxn>
                    <a:cxn ang="T160">
                      <a:pos x="T88" y="T89"/>
                    </a:cxn>
                    <a:cxn ang="T161">
                      <a:pos x="T90" y="T91"/>
                    </a:cxn>
                    <a:cxn ang="T162">
                      <a:pos x="T92" y="T93"/>
                    </a:cxn>
                    <a:cxn ang="T163">
                      <a:pos x="T94" y="T95"/>
                    </a:cxn>
                    <a:cxn ang="T164">
                      <a:pos x="T96" y="T97"/>
                    </a:cxn>
                    <a:cxn ang="T165">
                      <a:pos x="T98" y="T99"/>
                    </a:cxn>
                    <a:cxn ang="T166">
                      <a:pos x="T100" y="T101"/>
                    </a:cxn>
                    <a:cxn ang="T167">
                      <a:pos x="T102" y="T103"/>
                    </a:cxn>
                    <a:cxn ang="T168">
                      <a:pos x="T104" y="T105"/>
                    </a:cxn>
                    <a:cxn ang="T169">
                      <a:pos x="T106" y="T107"/>
                    </a:cxn>
                    <a:cxn ang="T170">
                      <a:pos x="T108" y="T109"/>
                    </a:cxn>
                    <a:cxn ang="T171">
                      <a:pos x="T110" y="T111"/>
                    </a:cxn>
                    <a:cxn ang="T172">
                      <a:pos x="T112" y="T113"/>
                    </a:cxn>
                    <a:cxn ang="T173">
                      <a:pos x="T114" y="T115"/>
                    </a:cxn>
                  </a:cxnLst>
                  <a:rect l="T174" t="T175" r="T176" b="T177"/>
                  <a:pathLst>
                    <a:path w="516" h="557">
                      <a:moveTo>
                        <a:pt x="492" y="498"/>
                      </a:moveTo>
                      <a:lnTo>
                        <a:pt x="487" y="493"/>
                      </a:lnTo>
                      <a:lnTo>
                        <a:pt x="485" y="490"/>
                      </a:lnTo>
                      <a:lnTo>
                        <a:pt x="490" y="488"/>
                      </a:lnTo>
                      <a:lnTo>
                        <a:pt x="492" y="474"/>
                      </a:lnTo>
                      <a:lnTo>
                        <a:pt x="489" y="474"/>
                      </a:lnTo>
                      <a:lnTo>
                        <a:pt x="489" y="471"/>
                      </a:lnTo>
                      <a:lnTo>
                        <a:pt x="490" y="464"/>
                      </a:lnTo>
                      <a:lnTo>
                        <a:pt x="485" y="462"/>
                      </a:lnTo>
                      <a:lnTo>
                        <a:pt x="487" y="464"/>
                      </a:lnTo>
                      <a:lnTo>
                        <a:pt x="487" y="466"/>
                      </a:lnTo>
                      <a:lnTo>
                        <a:pt x="487" y="468"/>
                      </a:lnTo>
                      <a:lnTo>
                        <a:pt x="487" y="469"/>
                      </a:lnTo>
                      <a:lnTo>
                        <a:pt x="487" y="468"/>
                      </a:lnTo>
                      <a:lnTo>
                        <a:pt x="485" y="464"/>
                      </a:lnTo>
                      <a:lnTo>
                        <a:pt x="482" y="457"/>
                      </a:lnTo>
                      <a:lnTo>
                        <a:pt x="480" y="449"/>
                      </a:lnTo>
                      <a:lnTo>
                        <a:pt x="480" y="446"/>
                      </a:lnTo>
                      <a:lnTo>
                        <a:pt x="480" y="444"/>
                      </a:lnTo>
                      <a:lnTo>
                        <a:pt x="482" y="444"/>
                      </a:lnTo>
                      <a:lnTo>
                        <a:pt x="485" y="446"/>
                      </a:lnTo>
                      <a:lnTo>
                        <a:pt x="487" y="449"/>
                      </a:lnTo>
                      <a:lnTo>
                        <a:pt x="489" y="451"/>
                      </a:lnTo>
                      <a:lnTo>
                        <a:pt x="489" y="432"/>
                      </a:lnTo>
                      <a:lnTo>
                        <a:pt x="485" y="425"/>
                      </a:lnTo>
                      <a:lnTo>
                        <a:pt x="487" y="427"/>
                      </a:lnTo>
                      <a:lnTo>
                        <a:pt x="489" y="427"/>
                      </a:lnTo>
                      <a:lnTo>
                        <a:pt x="490" y="427"/>
                      </a:lnTo>
                      <a:lnTo>
                        <a:pt x="494" y="427"/>
                      </a:lnTo>
                      <a:lnTo>
                        <a:pt x="496" y="427"/>
                      </a:lnTo>
                      <a:lnTo>
                        <a:pt x="497" y="427"/>
                      </a:lnTo>
                      <a:lnTo>
                        <a:pt x="497" y="418"/>
                      </a:lnTo>
                      <a:lnTo>
                        <a:pt x="497" y="412"/>
                      </a:lnTo>
                      <a:lnTo>
                        <a:pt x="497" y="407"/>
                      </a:lnTo>
                      <a:lnTo>
                        <a:pt x="497" y="403"/>
                      </a:lnTo>
                      <a:lnTo>
                        <a:pt x="497" y="400"/>
                      </a:lnTo>
                      <a:lnTo>
                        <a:pt x="499" y="398"/>
                      </a:lnTo>
                      <a:lnTo>
                        <a:pt x="504" y="398"/>
                      </a:lnTo>
                      <a:lnTo>
                        <a:pt x="506" y="396"/>
                      </a:lnTo>
                      <a:lnTo>
                        <a:pt x="507" y="395"/>
                      </a:lnTo>
                      <a:lnTo>
                        <a:pt x="507" y="393"/>
                      </a:lnTo>
                      <a:lnTo>
                        <a:pt x="507" y="391"/>
                      </a:lnTo>
                      <a:lnTo>
                        <a:pt x="506" y="391"/>
                      </a:lnTo>
                      <a:lnTo>
                        <a:pt x="506" y="390"/>
                      </a:lnTo>
                      <a:lnTo>
                        <a:pt x="504" y="390"/>
                      </a:lnTo>
                      <a:lnTo>
                        <a:pt x="499" y="386"/>
                      </a:lnTo>
                      <a:lnTo>
                        <a:pt x="497" y="385"/>
                      </a:lnTo>
                      <a:lnTo>
                        <a:pt x="496" y="383"/>
                      </a:lnTo>
                      <a:lnTo>
                        <a:pt x="497" y="381"/>
                      </a:lnTo>
                      <a:lnTo>
                        <a:pt x="499" y="380"/>
                      </a:lnTo>
                      <a:lnTo>
                        <a:pt x="501" y="380"/>
                      </a:lnTo>
                      <a:lnTo>
                        <a:pt x="502" y="380"/>
                      </a:lnTo>
                      <a:lnTo>
                        <a:pt x="504" y="378"/>
                      </a:lnTo>
                      <a:lnTo>
                        <a:pt x="501" y="371"/>
                      </a:lnTo>
                      <a:lnTo>
                        <a:pt x="501" y="364"/>
                      </a:lnTo>
                      <a:lnTo>
                        <a:pt x="502" y="361"/>
                      </a:lnTo>
                      <a:lnTo>
                        <a:pt x="504" y="356"/>
                      </a:lnTo>
                      <a:lnTo>
                        <a:pt x="506" y="354"/>
                      </a:lnTo>
                      <a:lnTo>
                        <a:pt x="507" y="352"/>
                      </a:lnTo>
                      <a:lnTo>
                        <a:pt x="509" y="352"/>
                      </a:lnTo>
                      <a:lnTo>
                        <a:pt x="509" y="351"/>
                      </a:lnTo>
                      <a:lnTo>
                        <a:pt x="509" y="344"/>
                      </a:lnTo>
                      <a:lnTo>
                        <a:pt x="516" y="339"/>
                      </a:lnTo>
                      <a:lnTo>
                        <a:pt x="514" y="330"/>
                      </a:lnTo>
                      <a:lnTo>
                        <a:pt x="506" y="329"/>
                      </a:lnTo>
                      <a:lnTo>
                        <a:pt x="502" y="324"/>
                      </a:lnTo>
                      <a:lnTo>
                        <a:pt x="504" y="324"/>
                      </a:lnTo>
                      <a:lnTo>
                        <a:pt x="504" y="322"/>
                      </a:lnTo>
                      <a:lnTo>
                        <a:pt x="502" y="320"/>
                      </a:lnTo>
                      <a:lnTo>
                        <a:pt x="502" y="319"/>
                      </a:lnTo>
                      <a:lnTo>
                        <a:pt x="502" y="317"/>
                      </a:lnTo>
                      <a:lnTo>
                        <a:pt x="502" y="315"/>
                      </a:lnTo>
                      <a:lnTo>
                        <a:pt x="502" y="314"/>
                      </a:lnTo>
                      <a:lnTo>
                        <a:pt x="502" y="312"/>
                      </a:lnTo>
                      <a:lnTo>
                        <a:pt x="501" y="298"/>
                      </a:lnTo>
                      <a:lnTo>
                        <a:pt x="496" y="288"/>
                      </a:lnTo>
                      <a:lnTo>
                        <a:pt x="490" y="280"/>
                      </a:lnTo>
                      <a:lnTo>
                        <a:pt x="484" y="271"/>
                      </a:lnTo>
                      <a:lnTo>
                        <a:pt x="477" y="266"/>
                      </a:lnTo>
                      <a:lnTo>
                        <a:pt x="470" y="263"/>
                      </a:lnTo>
                      <a:lnTo>
                        <a:pt x="467" y="259"/>
                      </a:lnTo>
                      <a:lnTo>
                        <a:pt x="465" y="258"/>
                      </a:lnTo>
                      <a:lnTo>
                        <a:pt x="463" y="242"/>
                      </a:lnTo>
                      <a:lnTo>
                        <a:pt x="460" y="232"/>
                      </a:lnTo>
                      <a:lnTo>
                        <a:pt x="453" y="224"/>
                      </a:lnTo>
                      <a:lnTo>
                        <a:pt x="446" y="219"/>
                      </a:lnTo>
                      <a:lnTo>
                        <a:pt x="440" y="215"/>
                      </a:lnTo>
                      <a:lnTo>
                        <a:pt x="435" y="214"/>
                      </a:lnTo>
                      <a:lnTo>
                        <a:pt x="430" y="212"/>
                      </a:lnTo>
                      <a:lnTo>
                        <a:pt x="428" y="212"/>
                      </a:lnTo>
                      <a:lnTo>
                        <a:pt x="428" y="210"/>
                      </a:lnTo>
                      <a:lnTo>
                        <a:pt x="424" y="209"/>
                      </a:lnTo>
                      <a:lnTo>
                        <a:pt x="419" y="204"/>
                      </a:lnTo>
                      <a:lnTo>
                        <a:pt x="414" y="200"/>
                      </a:lnTo>
                      <a:lnTo>
                        <a:pt x="409" y="195"/>
                      </a:lnTo>
                      <a:lnTo>
                        <a:pt x="406" y="190"/>
                      </a:lnTo>
                      <a:lnTo>
                        <a:pt x="402" y="187"/>
                      </a:lnTo>
                      <a:lnTo>
                        <a:pt x="401" y="183"/>
                      </a:lnTo>
                      <a:lnTo>
                        <a:pt x="397" y="175"/>
                      </a:lnTo>
                      <a:lnTo>
                        <a:pt x="392" y="168"/>
                      </a:lnTo>
                      <a:lnTo>
                        <a:pt x="389" y="163"/>
                      </a:lnTo>
                      <a:lnTo>
                        <a:pt x="384" y="161"/>
                      </a:lnTo>
                      <a:lnTo>
                        <a:pt x="380" y="160"/>
                      </a:lnTo>
                      <a:lnTo>
                        <a:pt x="377" y="160"/>
                      </a:lnTo>
                      <a:lnTo>
                        <a:pt x="374" y="160"/>
                      </a:lnTo>
                      <a:lnTo>
                        <a:pt x="372" y="158"/>
                      </a:lnTo>
                      <a:lnTo>
                        <a:pt x="370" y="154"/>
                      </a:lnTo>
                      <a:lnTo>
                        <a:pt x="367" y="153"/>
                      </a:lnTo>
                      <a:lnTo>
                        <a:pt x="365" y="149"/>
                      </a:lnTo>
                      <a:lnTo>
                        <a:pt x="362" y="143"/>
                      </a:lnTo>
                      <a:lnTo>
                        <a:pt x="358" y="138"/>
                      </a:lnTo>
                      <a:lnTo>
                        <a:pt x="355" y="134"/>
                      </a:lnTo>
                      <a:lnTo>
                        <a:pt x="352" y="132"/>
                      </a:lnTo>
                      <a:lnTo>
                        <a:pt x="348" y="131"/>
                      </a:lnTo>
                      <a:lnTo>
                        <a:pt x="347" y="132"/>
                      </a:lnTo>
                      <a:lnTo>
                        <a:pt x="343" y="132"/>
                      </a:lnTo>
                      <a:lnTo>
                        <a:pt x="336" y="131"/>
                      </a:lnTo>
                      <a:lnTo>
                        <a:pt x="331" y="129"/>
                      </a:lnTo>
                      <a:lnTo>
                        <a:pt x="328" y="124"/>
                      </a:lnTo>
                      <a:lnTo>
                        <a:pt x="325" y="119"/>
                      </a:lnTo>
                      <a:lnTo>
                        <a:pt x="321" y="114"/>
                      </a:lnTo>
                      <a:lnTo>
                        <a:pt x="320" y="110"/>
                      </a:lnTo>
                      <a:lnTo>
                        <a:pt x="318" y="107"/>
                      </a:lnTo>
                      <a:lnTo>
                        <a:pt x="318" y="105"/>
                      </a:lnTo>
                      <a:lnTo>
                        <a:pt x="313" y="102"/>
                      </a:lnTo>
                      <a:lnTo>
                        <a:pt x="306" y="95"/>
                      </a:lnTo>
                      <a:lnTo>
                        <a:pt x="301" y="88"/>
                      </a:lnTo>
                      <a:lnTo>
                        <a:pt x="296" y="82"/>
                      </a:lnTo>
                      <a:lnTo>
                        <a:pt x="292" y="75"/>
                      </a:lnTo>
                      <a:lnTo>
                        <a:pt x="291" y="68"/>
                      </a:lnTo>
                      <a:lnTo>
                        <a:pt x="287" y="65"/>
                      </a:lnTo>
                      <a:lnTo>
                        <a:pt x="287" y="63"/>
                      </a:lnTo>
                      <a:lnTo>
                        <a:pt x="287" y="61"/>
                      </a:lnTo>
                      <a:lnTo>
                        <a:pt x="284" y="61"/>
                      </a:lnTo>
                      <a:lnTo>
                        <a:pt x="282" y="61"/>
                      </a:lnTo>
                      <a:lnTo>
                        <a:pt x="281" y="60"/>
                      </a:lnTo>
                      <a:lnTo>
                        <a:pt x="274" y="60"/>
                      </a:lnTo>
                      <a:lnTo>
                        <a:pt x="267" y="58"/>
                      </a:lnTo>
                      <a:lnTo>
                        <a:pt x="262" y="56"/>
                      </a:lnTo>
                      <a:lnTo>
                        <a:pt x="259" y="55"/>
                      </a:lnTo>
                      <a:lnTo>
                        <a:pt x="255" y="53"/>
                      </a:lnTo>
                      <a:lnTo>
                        <a:pt x="254" y="51"/>
                      </a:lnTo>
                      <a:lnTo>
                        <a:pt x="252" y="50"/>
                      </a:lnTo>
                      <a:lnTo>
                        <a:pt x="240" y="48"/>
                      </a:lnTo>
                      <a:lnTo>
                        <a:pt x="235" y="43"/>
                      </a:lnTo>
                      <a:lnTo>
                        <a:pt x="235" y="34"/>
                      </a:lnTo>
                      <a:lnTo>
                        <a:pt x="237" y="24"/>
                      </a:lnTo>
                      <a:lnTo>
                        <a:pt x="242" y="16"/>
                      </a:lnTo>
                      <a:lnTo>
                        <a:pt x="248" y="7"/>
                      </a:lnTo>
                      <a:lnTo>
                        <a:pt x="252" y="2"/>
                      </a:lnTo>
                      <a:lnTo>
                        <a:pt x="254" y="0"/>
                      </a:lnTo>
                      <a:lnTo>
                        <a:pt x="130" y="19"/>
                      </a:lnTo>
                      <a:lnTo>
                        <a:pt x="0" y="33"/>
                      </a:lnTo>
                      <a:lnTo>
                        <a:pt x="73" y="290"/>
                      </a:lnTo>
                      <a:lnTo>
                        <a:pt x="89" y="327"/>
                      </a:lnTo>
                      <a:lnTo>
                        <a:pt x="91" y="329"/>
                      </a:lnTo>
                      <a:lnTo>
                        <a:pt x="93" y="330"/>
                      </a:lnTo>
                      <a:lnTo>
                        <a:pt x="95" y="334"/>
                      </a:lnTo>
                      <a:lnTo>
                        <a:pt x="96" y="337"/>
                      </a:lnTo>
                      <a:lnTo>
                        <a:pt x="100" y="341"/>
                      </a:lnTo>
                      <a:lnTo>
                        <a:pt x="100" y="347"/>
                      </a:lnTo>
                      <a:lnTo>
                        <a:pt x="100" y="352"/>
                      </a:lnTo>
                      <a:lnTo>
                        <a:pt x="101" y="354"/>
                      </a:lnTo>
                      <a:lnTo>
                        <a:pt x="103" y="356"/>
                      </a:lnTo>
                      <a:lnTo>
                        <a:pt x="105" y="356"/>
                      </a:lnTo>
                      <a:lnTo>
                        <a:pt x="108" y="358"/>
                      </a:lnTo>
                      <a:lnTo>
                        <a:pt x="108" y="361"/>
                      </a:lnTo>
                      <a:lnTo>
                        <a:pt x="108" y="364"/>
                      </a:lnTo>
                      <a:lnTo>
                        <a:pt x="105" y="369"/>
                      </a:lnTo>
                      <a:lnTo>
                        <a:pt x="98" y="376"/>
                      </a:lnTo>
                      <a:lnTo>
                        <a:pt x="98" y="378"/>
                      </a:lnTo>
                      <a:lnTo>
                        <a:pt x="96" y="378"/>
                      </a:lnTo>
                      <a:lnTo>
                        <a:pt x="96" y="381"/>
                      </a:lnTo>
                      <a:lnTo>
                        <a:pt x="96" y="383"/>
                      </a:lnTo>
                      <a:lnTo>
                        <a:pt x="95" y="388"/>
                      </a:lnTo>
                      <a:lnTo>
                        <a:pt x="95" y="393"/>
                      </a:lnTo>
                      <a:lnTo>
                        <a:pt x="95" y="400"/>
                      </a:lnTo>
                      <a:lnTo>
                        <a:pt x="95" y="407"/>
                      </a:lnTo>
                      <a:lnTo>
                        <a:pt x="95" y="410"/>
                      </a:lnTo>
                      <a:lnTo>
                        <a:pt x="93" y="413"/>
                      </a:lnTo>
                      <a:lnTo>
                        <a:pt x="93" y="418"/>
                      </a:lnTo>
                      <a:lnTo>
                        <a:pt x="93" y="424"/>
                      </a:lnTo>
                      <a:lnTo>
                        <a:pt x="93" y="432"/>
                      </a:lnTo>
                      <a:lnTo>
                        <a:pt x="95" y="439"/>
                      </a:lnTo>
                      <a:lnTo>
                        <a:pt x="98" y="446"/>
                      </a:lnTo>
                      <a:lnTo>
                        <a:pt x="103" y="451"/>
                      </a:lnTo>
                      <a:lnTo>
                        <a:pt x="103" y="454"/>
                      </a:lnTo>
                      <a:lnTo>
                        <a:pt x="103" y="457"/>
                      </a:lnTo>
                      <a:lnTo>
                        <a:pt x="105" y="464"/>
                      </a:lnTo>
                      <a:lnTo>
                        <a:pt x="105" y="471"/>
                      </a:lnTo>
                      <a:lnTo>
                        <a:pt x="105" y="478"/>
                      </a:lnTo>
                      <a:lnTo>
                        <a:pt x="105" y="483"/>
                      </a:lnTo>
                      <a:lnTo>
                        <a:pt x="105" y="488"/>
                      </a:lnTo>
                      <a:lnTo>
                        <a:pt x="105" y="490"/>
                      </a:lnTo>
                      <a:lnTo>
                        <a:pt x="122" y="522"/>
                      </a:lnTo>
                      <a:lnTo>
                        <a:pt x="139" y="554"/>
                      </a:lnTo>
                      <a:lnTo>
                        <a:pt x="418" y="535"/>
                      </a:lnTo>
                      <a:lnTo>
                        <a:pt x="428" y="557"/>
                      </a:lnTo>
                      <a:lnTo>
                        <a:pt x="443" y="557"/>
                      </a:lnTo>
                      <a:lnTo>
                        <a:pt x="443" y="556"/>
                      </a:lnTo>
                      <a:lnTo>
                        <a:pt x="441" y="552"/>
                      </a:lnTo>
                      <a:lnTo>
                        <a:pt x="441" y="549"/>
                      </a:lnTo>
                      <a:lnTo>
                        <a:pt x="441" y="544"/>
                      </a:lnTo>
                      <a:lnTo>
                        <a:pt x="440" y="539"/>
                      </a:lnTo>
                      <a:lnTo>
                        <a:pt x="440" y="534"/>
                      </a:lnTo>
                      <a:lnTo>
                        <a:pt x="440" y="530"/>
                      </a:lnTo>
                      <a:lnTo>
                        <a:pt x="440" y="528"/>
                      </a:lnTo>
                      <a:lnTo>
                        <a:pt x="435" y="520"/>
                      </a:lnTo>
                      <a:lnTo>
                        <a:pt x="435" y="512"/>
                      </a:lnTo>
                      <a:lnTo>
                        <a:pt x="435" y="506"/>
                      </a:lnTo>
                      <a:lnTo>
                        <a:pt x="438" y="503"/>
                      </a:lnTo>
                      <a:lnTo>
                        <a:pt x="441" y="500"/>
                      </a:lnTo>
                      <a:lnTo>
                        <a:pt x="443" y="498"/>
                      </a:lnTo>
                      <a:lnTo>
                        <a:pt x="446" y="498"/>
                      </a:lnTo>
                      <a:lnTo>
                        <a:pt x="448" y="498"/>
                      </a:lnTo>
                      <a:lnTo>
                        <a:pt x="453" y="501"/>
                      </a:lnTo>
                      <a:lnTo>
                        <a:pt x="462" y="503"/>
                      </a:lnTo>
                      <a:lnTo>
                        <a:pt x="468" y="505"/>
                      </a:lnTo>
                      <a:lnTo>
                        <a:pt x="475" y="506"/>
                      </a:lnTo>
                      <a:lnTo>
                        <a:pt x="482" y="506"/>
                      </a:lnTo>
                      <a:lnTo>
                        <a:pt x="485" y="506"/>
                      </a:lnTo>
                      <a:lnTo>
                        <a:pt x="489" y="506"/>
                      </a:lnTo>
                      <a:lnTo>
                        <a:pt x="490" y="506"/>
                      </a:lnTo>
                      <a:lnTo>
                        <a:pt x="492" y="498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37" name="Freeform 182"/>
                <p:cNvSpPr>
                  <a:spLocks/>
                </p:cNvSpPr>
                <p:nvPr/>
              </p:nvSpPr>
              <p:spPr bwMode="auto">
                <a:xfrm>
                  <a:off x="3976" y="2396"/>
                  <a:ext cx="516" cy="557"/>
                </a:xfrm>
                <a:custGeom>
                  <a:avLst/>
                  <a:gdLst>
                    <a:gd name="T0" fmla="*/ 492 w 516"/>
                    <a:gd name="T1" fmla="*/ 474 h 557"/>
                    <a:gd name="T2" fmla="*/ 485 w 516"/>
                    <a:gd name="T3" fmla="*/ 462 h 557"/>
                    <a:gd name="T4" fmla="*/ 487 w 516"/>
                    <a:gd name="T5" fmla="*/ 469 h 557"/>
                    <a:gd name="T6" fmla="*/ 480 w 516"/>
                    <a:gd name="T7" fmla="*/ 449 h 557"/>
                    <a:gd name="T8" fmla="*/ 487 w 516"/>
                    <a:gd name="T9" fmla="*/ 449 h 557"/>
                    <a:gd name="T10" fmla="*/ 485 w 516"/>
                    <a:gd name="T11" fmla="*/ 425 h 557"/>
                    <a:gd name="T12" fmla="*/ 494 w 516"/>
                    <a:gd name="T13" fmla="*/ 427 h 557"/>
                    <a:gd name="T14" fmla="*/ 497 w 516"/>
                    <a:gd name="T15" fmla="*/ 418 h 557"/>
                    <a:gd name="T16" fmla="*/ 499 w 516"/>
                    <a:gd name="T17" fmla="*/ 398 h 557"/>
                    <a:gd name="T18" fmla="*/ 506 w 516"/>
                    <a:gd name="T19" fmla="*/ 396 h 557"/>
                    <a:gd name="T20" fmla="*/ 506 w 516"/>
                    <a:gd name="T21" fmla="*/ 390 h 557"/>
                    <a:gd name="T22" fmla="*/ 496 w 516"/>
                    <a:gd name="T23" fmla="*/ 383 h 557"/>
                    <a:gd name="T24" fmla="*/ 504 w 516"/>
                    <a:gd name="T25" fmla="*/ 378 h 557"/>
                    <a:gd name="T26" fmla="*/ 504 w 516"/>
                    <a:gd name="T27" fmla="*/ 356 h 557"/>
                    <a:gd name="T28" fmla="*/ 509 w 516"/>
                    <a:gd name="T29" fmla="*/ 344 h 557"/>
                    <a:gd name="T30" fmla="*/ 504 w 516"/>
                    <a:gd name="T31" fmla="*/ 324 h 557"/>
                    <a:gd name="T32" fmla="*/ 502 w 516"/>
                    <a:gd name="T33" fmla="*/ 317 h 557"/>
                    <a:gd name="T34" fmla="*/ 502 w 516"/>
                    <a:gd name="T35" fmla="*/ 312 h 557"/>
                    <a:gd name="T36" fmla="*/ 477 w 516"/>
                    <a:gd name="T37" fmla="*/ 266 h 557"/>
                    <a:gd name="T38" fmla="*/ 463 w 516"/>
                    <a:gd name="T39" fmla="*/ 242 h 557"/>
                    <a:gd name="T40" fmla="*/ 435 w 516"/>
                    <a:gd name="T41" fmla="*/ 214 h 557"/>
                    <a:gd name="T42" fmla="*/ 424 w 516"/>
                    <a:gd name="T43" fmla="*/ 209 h 557"/>
                    <a:gd name="T44" fmla="*/ 402 w 516"/>
                    <a:gd name="T45" fmla="*/ 187 h 557"/>
                    <a:gd name="T46" fmla="*/ 389 w 516"/>
                    <a:gd name="T47" fmla="*/ 163 h 557"/>
                    <a:gd name="T48" fmla="*/ 374 w 516"/>
                    <a:gd name="T49" fmla="*/ 160 h 557"/>
                    <a:gd name="T50" fmla="*/ 365 w 516"/>
                    <a:gd name="T51" fmla="*/ 149 h 557"/>
                    <a:gd name="T52" fmla="*/ 352 w 516"/>
                    <a:gd name="T53" fmla="*/ 132 h 557"/>
                    <a:gd name="T54" fmla="*/ 343 w 516"/>
                    <a:gd name="T55" fmla="*/ 132 h 557"/>
                    <a:gd name="T56" fmla="*/ 321 w 516"/>
                    <a:gd name="T57" fmla="*/ 114 h 557"/>
                    <a:gd name="T58" fmla="*/ 313 w 516"/>
                    <a:gd name="T59" fmla="*/ 102 h 557"/>
                    <a:gd name="T60" fmla="*/ 291 w 516"/>
                    <a:gd name="T61" fmla="*/ 68 h 557"/>
                    <a:gd name="T62" fmla="*/ 284 w 516"/>
                    <a:gd name="T63" fmla="*/ 61 h 557"/>
                    <a:gd name="T64" fmla="*/ 267 w 516"/>
                    <a:gd name="T65" fmla="*/ 58 h 557"/>
                    <a:gd name="T66" fmla="*/ 252 w 516"/>
                    <a:gd name="T67" fmla="*/ 50 h 557"/>
                    <a:gd name="T68" fmla="*/ 235 w 516"/>
                    <a:gd name="T69" fmla="*/ 34 h 557"/>
                    <a:gd name="T70" fmla="*/ 254 w 516"/>
                    <a:gd name="T71" fmla="*/ 0 h 557"/>
                    <a:gd name="T72" fmla="*/ 89 w 516"/>
                    <a:gd name="T73" fmla="*/ 327 h 557"/>
                    <a:gd name="T74" fmla="*/ 96 w 516"/>
                    <a:gd name="T75" fmla="*/ 337 h 557"/>
                    <a:gd name="T76" fmla="*/ 101 w 516"/>
                    <a:gd name="T77" fmla="*/ 354 h 557"/>
                    <a:gd name="T78" fmla="*/ 108 w 516"/>
                    <a:gd name="T79" fmla="*/ 364 h 557"/>
                    <a:gd name="T80" fmla="*/ 96 w 516"/>
                    <a:gd name="T81" fmla="*/ 378 h 557"/>
                    <a:gd name="T82" fmla="*/ 95 w 516"/>
                    <a:gd name="T83" fmla="*/ 400 h 557"/>
                    <a:gd name="T84" fmla="*/ 93 w 516"/>
                    <a:gd name="T85" fmla="*/ 418 h 557"/>
                    <a:gd name="T86" fmla="*/ 103 w 516"/>
                    <a:gd name="T87" fmla="*/ 451 h 557"/>
                    <a:gd name="T88" fmla="*/ 105 w 516"/>
                    <a:gd name="T89" fmla="*/ 471 h 557"/>
                    <a:gd name="T90" fmla="*/ 122 w 516"/>
                    <a:gd name="T91" fmla="*/ 522 h 557"/>
                    <a:gd name="T92" fmla="*/ 443 w 516"/>
                    <a:gd name="T93" fmla="*/ 557 h 557"/>
                    <a:gd name="T94" fmla="*/ 440 w 516"/>
                    <a:gd name="T95" fmla="*/ 539 h 557"/>
                    <a:gd name="T96" fmla="*/ 435 w 516"/>
                    <a:gd name="T97" fmla="*/ 520 h 557"/>
                    <a:gd name="T98" fmla="*/ 443 w 516"/>
                    <a:gd name="T99" fmla="*/ 498 h 557"/>
                    <a:gd name="T100" fmla="*/ 462 w 516"/>
                    <a:gd name="T101" fmla="*/ 503 h 557"/>
                    <a:gd name="T102" fmla="*/ 489 w 516"/>
                    <a:gd name="T103" fmla="*/ 506 h 557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60000 65536"/>
                    <a:gd name="T145" fmla="*/ 0 60000 65536"/>
                    <a:gd name="T146" fmla="*/ 0 60000 65536"/>
                    <a:gd name="T147" fmla="*/ 0 60000 65536"/>
                    <a:gd name="T148" fmla="*/ 0 60000 65536"/>
                    <a:gd name="T149" fmla="*/ 0 60000 65536"/>
                    <a:gd name="T150" fmla="*/ 0 60000 65536"/>
                    <a:gd name="T151" fmla="*/ 0 60000 65536"/>
                    <a:gd name="T152" fmla="*/ 0 60000 65536"/>
                    <a:gd name="T153" fmla="*/ 0 60000 65536"/>
                    <a:gd name="T154" fmla="*/ 0 60000 65536"/>
                    <a:gd name="T155" fmla="*/ 0 60000 65536"/>
                    <a:gd name="T156" fmla="*/ 0 w 516"/>
                    <a:gd name="T157" fmla="*/ 0 h 557"/>
                    <a:gd name="T158" fmla="*/ 516 w 516"/>
                    <a:gd name="T159" fmla="*/ 557 h 557"/>
                  </a:gdLst>
                  <a:ahLst/>
                  <a:cxnLst>
                    <a:cxn ang="T104">
                      <a:pos x="T0" y="T1"/>
                    </a:cxn>
                    <a:cxn ang="T105">
                      <a:pos x="T2" y="T3"/>
                    </a:cxn>
                    <a:cxn ang="T106">
                      <a:pos x="T4" y="T5"/>
                    </a:cxn>
                    <a:cxn ang="T107">
                      <a:pos x="T6" y="T7"/>
                    </a:cxn>
                    <a:cxn ang="T108">
                      <a:pos x="T8" y="T9"/>
                    </a:cxn>
                    <a:cxn ang="T109">
                      <a:pos x="T10" y="T11"/>
                    </a:cxn>
                    <a:cxn ang="T110">
                      <a:pos x="T12" y="T13"/>
                    </a:cxn>
                    <a:cxn ang="T111">
                      <a:pos x="T14" y="T15"/>
                    </a:cxn>
                    <a:cxn ang="T112">
                      <a:pos x="T16" y="T17"/>
                    </a:cxn>
                    <a:cxn ang="T113">
                      <a:pos x="T18" y="T19"/>
                    </a:cxn>
                    <a:cxn ang="T114">
                      <a:pos x="T20" y="T21"/>
                    </a:cxn>
                    <a:cxn ang="T115">
                      <a:pos x="T22" y="T23"/>
                    </a:cxn>
                    <a:cxn ang="T116">
                      <a:pos x="T24" y="T25"/>
                    </a:cxn>
                    <a:cxn ang="T117">
                      <a:pos x="T26" y="T27"/>
                    </a:cxn>
                    <a:cxn ang="T118">
                      <a:pos x="T28" y="T29"/>
                    </a:cxn>
                    <a:cxn ang="T119">
                      <a:pos x="T30" y="T31"/>
                    </a:cxn>
                    <a:cxn ang="T120">
                      <a:pos x="T32" y="T33"/>
                    </a:cxn>
                    <a:cxn ang="T121">
                      <a:pos x="T34" y="T35"/>
                    </a:cxn>
                    <a:cxn ang="T122">
                      <a:pos x="T36" y="T37"/>
                    </a:cxn>
                    <a:cxn ang="T123">
                      <a:pos x="T38" y="T39"/>
                    </a:cxn>
                    <a:cxn ang="T124">
                      <a:pos x="T40" y="T41"/>
                    </a:cxn>
                    <a:cxn ang="T125">
                      <a:pos x="T42" y="T43"/>
                    </a:cxn>
                    <a:cxn ang="T126">
                      <a:pos x="T44" y="T45"/>
                    </a:cxn>
                    <a:cxn ang="T127">
                      <a:pos x="T46" y="T47"/>
                    </a:cxn>
                    <a:cxn ang="T128">
                      <a:pos x="T48" y="T49"/>
                    </a:cxn>
                    <a:cxn ang="T129">
                      <a:pos x="T50" y="T51"/>
                    </a:cxn>
                    <a:cxn ang="T130">
                      <a:pos x="T52" y="T53"/>
                    </a:cxn>
                    <a:cxn ang="T131">
                      <a:pos x="T54" y="T55"/>
                    </a:cxn>
                    <a:cxn ang="T132">
                      <a:pos x="T56" y="T57"/>
                    </a:cxn>
                    <a:cxn ang="T133">
                      <a:pos x="T58" y="T59"/>
                    </a:cxn>
                    <a:cxn ang="T134">
                      <a:pos x="T60" y="T61"/>
                    </a:cxn>
                    <a:cxn ang="T135">
                      <a:pos x="T62" y="T63"/>
                    </a:cxn>
                    <a:cxn ang="T136">
                      <a:pos x="T64" y="T65"/>
                    </a:cxn>
                    <a:cxn ang="T137">
                      <a:pos x="T66" y="T67"/>
                    </a:cxn>
                    <a:cxn ang="T138">
                      <a:pos x="T68" y="T69"/>
                    </a:cxn>
                    <a:cxn ang="T139">
                      <a:pos x="T70" y="T71"/>
                    </a:cxn>
                    <a:cxn ang="T140">
                      <a:pos x="T72" y="T73"/>
                    </a:cxn>
                    <a:cxn ang="T141">
                      <a:pos x="T74" y="T75"/>
                    </a:cxn>
                    <a:cxn ang="T142">
                      <a:pos x="T76" y="T77"/>
                    </a:cxn>
                    <a:cxn ang="T143">
                      <a:pos x="T78" y="T79"/>
                    </a:cxn>
                    <a:cxn ang="T144">
                      <a:pos x="T80" y="T81"/>
                    </a:cxn>
                    <a:cxn ang="T145">
                      <a:pos x="T82" y="T83"/>
                    </a:cxn>
                    <a:cxn ang="T146">
                      <a:pos x="T84" y="T85"/>
                    </a:cxn>
                    <a:cxn ang="T147">
                      <a:pos x="T86" y="T87"/>
                    </a:cxn>
                    <a:cxn ang="T148">
                      <a:pos x="T88" y="T89"/>
                    </a:cxn>
                    <a:cxn ang="T149">
                      <a:pos x="T90" y="T91"/>
                    </a:cxn>
                    <a:cxn ang="T150">
                      <a:pos x="T92" y="T93"/>
                    </a:cxn>
                    <a:cxn ang="T151">
                      <a:pos x="T94" y="T95"/>
                    </a:cxn>
                    <a:cxn ang="T152">
                      <a:pos x="T96" y="T97"/>
                    </a:cxn>
                    <a:cxn ang="T153">
                      <a:pos x="T98" y="T99"/>
                    </a:cxn>
                    <a:cxn ang="T154">
                      <a:pos x="T100" y="T101"/>
                    </a:cxn>
                    <a:cxn ang="T155">
                      <a:pos x="T102" y="T103"/>
                    </a:cxn>
                  </a:cxnLst>
                  <a:rect l="T156" t="T157" r="T158" b="T159"/>
                  <a:pathLst>
                    <a:path w="516" h="557">
                      <a:moveTo>
                        <a:pt x="492" y="498"/>
                      </a:moveTo>
                      <a:lnTo>
                        <a:pt x="487" y="493"/>
                      </a:lnTo>
                      <a:lnTo>
                        <a:pt x="485" y="490"/>
                      </a:lnTo>
                      <a:lnTo>
                        <a:pt x="490" y="488"/>
                      </a:lnTo>
                      <a:lnTo>
                        <a:pt x="492" y="474"/>
                      </a:lnTo>
                      <a:lnTo>
                        <a:pt x="489" y="474"/>
                      </a:lnTo>
                      <a:lnTo>
                        <a:pt x="489" y="471"/>
                      </a:lnTo>
                      <a:lnTo>
                        <a:pt x="490" y="464"/>
                      </a:lnTo>
                      <a:lnTo>
                        <a:pt x="485" y="462"/>
                      </a:lnTo>
                      <a:lnTo>
                        <a:pt x="487" y="464"/>
                      </a:lnTo>
                      <a:lnTo>
                        <a:pt x="487" y="466"/>
                      </a:lnTo>
                      <a:lnTo>
                        <a:pt x="487" y="468"/>
                      </a:lnTo>
                      <a:lnTo>
                        <a:pt x="487" y="469"/>
                      </a:lnTo>
                      <a:lnTo>
                        <a:pt x="487" y="468"/>
                      </a:lnTo>
                      <a:lnTo>
                        <a:pt x="485" y="464"/>
                      </a:lnTo>
                      <a:lnTo>
                        <a:pt x="482" y="457"/>
                      </a:lnTo>
                      <a:lnTo>
                        <a:pt x="480" y="449"/>
                      </a:lnTo>
                      <a:lnTo>
                        <a:pt x="480" y="446"/>
                      </a:lnTo>
                      <a:lnTo>
                        <a:pt x="480" y="444"/>
                      </a:lnTo>
                      <a:lnTo>
                        <a:pt x="482" y="444"/>
                      </a:lnTo>
                      <a:lnTo>
                        <a:pt x="485" y="446"/>
                      </a:lnTo>
                      <a:lnTo>
                        <a:pt x="487" y="449"/>
                      </a:lnTo>
                      <a:lnTo>
                        <a:pt x="489" y="451"/>
                      </a:lnTo>
                      <a:lnTo>
                        <a:pt x="489" y="432"/>
                      </a:lnTo>
                      <a:lnTo>
                        <a:pt x="485" y="425"/>
                      </a:lnTo>
                      <a:lnTo>
                        <a:pt x="487" y="427"/>
                      </a:lnTo>
                      <a:lnTo>
                        <a:pt x="489" y="427"/>
                      </a:lnTo>
                      <a:lnTo>
                        <a:pt x="490" y="427"/>
                      </a:lnTo>
                      <a:lnTo>
                        <a:pt x="494" y="427"/>
                      </a:lnTo>
                      <a:lnTo>
                        <a:pt x="496" y="427"/>
                      </a:lnTo>
                      <a:lnTo>
                        <a:pt x="497" y="427"/>
                      </a:lnTo>
                      <a:lnTo>
                        <a:pt x="497" y="418"/>
                      </a:lnTo>
                      <a:lnTo>
                        <a:pt x="497" y="412"/>
                      </a:lnTo>
                      <a:lnTo>
                        <a:pt x="497" y="407"/>
                      </a:lnTo>
                      <a:lnTo>
                        <a:pt x="497" y="403"/>
                      </a:lnTo>
                      <a:lnTo>
                        <a:pt x="497" y="400"/>
                      </a:lnTo>
                      <a:lnTo>
                        <a:pt x="499" y="398"/>
                      </a:lnTo>
                      <a:lnTo>
                        <a:pt x="504" y="398"/>
                      </a:lnTo>
                      <a:lnTo>
                        <a:pt x="506" y="396"/>
                      </a:lnTo>
                      <a:lnTo>
                        <a:pt x="507" y="395"/>
                      </a:lnTo>
                      <a:lnTo>
                        <a:pt x="507" y="393"/>
                      </a:lnTo>
                      <a:lnTo>
                        <a:pt x="507" y="391"/>
                      </a:lnTo>
                      <a:lnTo>
                        <a:pt x="506" y="391"/>
                      </a:lnTo>
                      <a:lnTo>
                        <a:pt x="506" y="390"/>
                      </a:lnTo>
                      <a:lnTo>
                        <a:pt x="504" y="390"/>
                      </a:lnTo>
                      <a:lnTo>
                        <a:pt x="499" y="386"/>
                      </a:lnTo>
                      <a:lnTo>
                        <a:pt x="497" y="385"/>
                      </a:lnTo>
                      <a:lnTo>
                        <a:pt x="496" y="383"/>
                      </a:lnTo>
                      <a:lnTo>
                        <a:pt x="497" y="381"/>
                      </a:lnTo>
                      <a:lnTo>
                        <a:pt x="499" y="380"/>
                      </a:lnTo>
                      <a:lnTo>
                        <a:pt x="501" y="380"/>
                      </a:lnTo>
                      <a:lnTo>
                        <a:pt x="502" y="380"/>
                      </a:lnTo>
                      <a:lnTo>
                        <a:pt x="504" y="378"/>
                      </a:lnTo>
                      <a:lnTo>
                        <a:pt x="501" y="371"/>
                      </a:lnTo>
                      <a:lnTo>
                        <a:pt x="501" y="364"/>
                      </a:lnTo>
                      <a:lnTo>
                        <a:pt x="502" y="361"/>
                      </a:lnTo>
                      <a:lnTo>
                        <a:pt x="504" y="356"/>
                      </a:lnTo>
                      <a:lnTo>
                        <a:pt x="506" y="354"/>
                      </a:lnTo>
                      <a:lnTo>
                        <a:pt x="507" y="352"/>
                      </a:lnTo>
                      <a:lnTo>
                        <a:pt x="509" y="352"/>
                      </a:lnTo>
                      <a:lnTo>
                        <a:pt x="509" y="351"/>
                      </a:lnTo>
                      <a:lnTo>
                        <a:pt x="509" y="344"/>
                      </a:lnTo>
                      <a:lnTo>
                        <a:pt x="516" y="339"/>
                      </a:lnTo>
                      <a:lnTo>
                        <a:pt x="514" y="330"/>
                      </a:lnTo>
                      <a:lnTo>
                        <a:pt x="506" y="329"/>
                      </a:lnTo>
                      <a:lnTo>
                        <a:pt x="502" y="324"/>
                      </a:lnTo>
                      <a:lnTo>
                        <a:pt x="504" y="324"/>
                      </a:lnTo>
                      <a:lnTo>
                        <a:pt x="504" y="322"/>
                      </a:lnTo>
                      <a:lnTo>
                        <a:pt x="502" y="320"/>
                      </a:lnTo>
                      <a:lnTo>
                        <a:pt x="502" y="319"/>
                      </a:lnTo>
                      <a:lnTo>
                        <a:pt x="502" y="317"/>
                      </a:lnTo>
                      <a:lnTo>
                        <a:pt x="502" y="315"/>
                      </a:lnTo>
                      <a:lnTo>
                        <a:pt x="502" y="314"/>
                      </a:lnTo>
                      <a:lnTo>
                        <a:pt x="502" y="312"/>
                      </a:lnTo>
                      <a:lnTo>
                        <a:pt x="501" y="298"/>
                      </a:lnTo>
                      <a:lnTo>
                        <a:pt x="496" y="288"/>
                      </a:lnTo>
                      <a:lnTo>
                        <a:pt x="490" y="280"/>
                      </a:lnTo>
                      <a:lnTo>
                        <a:pt x="484" y="271"/>
                      </a:lnTo>
                      <a:lnTo>
                        <a:pt x="477" y="266"/>
                      </a:lnTo>
                      <a:lnTo>
                        <a:pt x="470" y="263"/>
                      </a:lnTo>
                      <a:lnTo>
                        <a:pt x="467" y="259"/>
                      </a:lnTo>
                      <a:lnTo>
                        <a:pt x="465" y="258"/>
                      </a:lnTo>
                      <a:lnTo>
                        <a:pt x="463" y="242"/>
                      </a:lnTo>
                      <a:lnTo>
                        <a:pt x="460" y="232"/>
                      </a:lnTo>
                      <a:lnTo>
                        <a:pt x="453" y="224"/>
                      </a:lnTo>
                      <a:lnTo>
                        <a:pt x="446" y="219"/>
                      </a:lnTo>
                      <a:lnTo>
                        <a:pt x="440" y="215"/>
                      </a:lnTo>
                      <a:lnTo>
                        <a:pt x="435" y="214"/>
                      </a:lnTo>
                      <a:lnTo>
                        <a:pt x="430" y="212"/>
                      </a:lnTo>
                      <a:lnTo>
                        <a:pt x="428" y="212"/>
                      </a:lnTo>
                      <a:lnTo>
                        <a:pt x="428" y="210"/>
                      </a:lnTo>
                      <a:lnTo>
                        <a:pt x="424" y="209"/>
                      </a:lnTo>
                      <a:lnTo>
                        <a:pt x="419" y="204"/>
                      </a:lnTo>
                      <a:lnTo>
                        <a:pt x="414" y="200"/>
                      </a:lnTo>
                      <a:lnTo>
                        <a:pt x="409" y="195"/>
                      </a:lnTo>
                      <a:lnTo>
                        <a:pt x="406" y="190"/>
                      </a:lnTo>
                      <a:lnTo>
                        <a:pt x="402" y="187"/>
                      </a:lnTo>
                      <a:lnTo>
                        <a:pt x="401" y="183"/>
                      </a:lnTo>
                      <a:lnTo>
                        <a:pt x="397" y="175"/>
                      </a:lnTo>
                      <a:lnTo>
                        <a:pt x="392" y="168"/>
                      </a:lnTo>
                      <a:lnTo>
                        <a:pt x="389" y="163"/>
                      </a:lnTo>
                      <a:lnTo>
                        <a:pt x="384" y="161"/>
                      </a:lnTo>
                      <a:lnTo>
                        <a:pt x="380" y="160"/>
                      </a:lnTo>
                      <a:lnTo>
                        <a:pt x="377" y="160"/>
                      </a:lnTo>
                      <a:lnTo>
                        <a:pt x="374" y="160"/>
                      </a:lnTo>
                      <a:lnTo>
                        <a:pt x="372" y="158"/>
                      </a:lnTo>
                      <a:lnTo>
                        <a:pt x="370" y="154"/>
                      </a:lnTo>
                      <a:lnTo>
                        <a:pt x="367" y="153"/>
                      </a:lnTo>
                      <a:lnTo>
                        <a:pt x="365" y="149"/>
                      </a:lnTo>
                      <a:lnTo>
                        <a:pt x="362" y="143"/>
                      </a:lnTo>
                      <a:lnTo>
                        <a:pt x="358" y="138"/>
                      </a:lnTo>
                      <a:lnTo>
                        <a:pt x="355" y="134"/>
                      </a:lnTo>
                      <a:lnTo>
                        <a:pt x="352" y="132"/>
                      </a:lnTo>
                      <a:lnTo>
                        <a:pt x="348" y="131"/>
                      </a:lnTo>
                      <a:lnTo>
                        <a:pt x="347" y="132"/>
                      </a:lnTo>
                      <a:lnTo>
                        <a:pt x="343" y="132"/>
                      </a:lnTo>
                      <a:lnTo>
                        <a:pt x="336" y="131"/>
                      </a:lnTo>
                      <a:lnTo>
                        <a:pt x="331" y="129"/>
                      </a:lnTo>
                      <a:lnTo>
                        <a:pt x="328" y="124"/>
                      </a:lnTo>
                      <a:lnTo>
                        <a:pt x="325" y="119"/>
                      </a:lnTo>
                      <a:lnTo>
                        <a:pt x="321" y="114"/>
                      </a:lnTo>
                      <a:lnTo>
                        <a:pt x="320" y="110"/>
                      </a:lnTo>
                      <a:lnTo>
                        <a:pt x="318" y="107"/>
                      </a:lnTo>
                      <a:lnTo>
                        <a:pt x="318" y="105"/>
                      </a:lnTo>
                      <a:lnTo>
                        <a:pt x="313" y="102"/>
                      </a:lnTo>
                      <a:lnTo>
                        <a:pt x="306" y="95"/>
                      </a:lnTo>
                      <a:lnTo>
                        <a:pt x="301" y="88"/>
                      </a:lnTo>
                      <a:lnTo>
                        <a:pt x="296" y="82"/>
                      </a:lnTo>
                      <a:lnTo>
                        <a:pt x="292" y="75"/>
                      </a:lnTo>
                      <a:lnTo>
                        <a:pt x="291" y="68"/>
                      </a:lnTo>
                      <a:lnTo>
                        <a:pt x="287" y="65"/>
                      </a:lnTo>
                      <a:lnTo>
                        <a:pt x="287" y="63"/>
                      </a:lnTo>
                      <a:lnTo>
                        <a:pt x="287" y="61"/>
                      </a:lnTo>
                      <a:lnTo>
                        <a:pt x="284" y="61"/>
                      </a:lnTo>
                      <a:lnTo>
                        <a:pt x="282" y="61"/>
                      </a:lnTo>
                      <a:lnTo>
                        <a:pt x="281" y="60"/>
                      </a:lnTo>
                      <a:lnTo>
                        <a:pt x="274" y="60"/>
                      </a:lnTo>
                      <a:lnTo>
                        <a:pt x="267" y="58"/>
                      </a:lnTo>
                      <a:lnTo>
                        <a:pt x="262" y="56"/>
                      </a:lnTo>
                      <a:lnTo>
                        <a:pt x="259" y="55"/>
                      </a:lnTo>
                      <a:lnTo>
                        <a:pt x="255" y="53"/>
                      </a:lnTo>
                      <a:lnTo>
                        <a:pt x="254" y="51"/>
                      </a:lnTo>
                      <a:lnTo>
                        <a:pt x="252" y="50"/>
                      </a:lnTo>
                      <a:lnTo>
                        <a:pt x="240" y="48"/>
                      </a:lnTo>
                      <a:lnTo>
                        <a:pt x="235" y="43"/>
                      </a:lnTo>
                      <a:lnTo>
                        <a:pt x="235" y="34"/>
                      </a:lnTo>
                      <a:lnTo>
                        <a:pt x="237" y="24"/>
                      </a:lnTo>
                      <a:lnTo>
                        <a:pt x="242" y="16"/>
                      </a:lnTo>
                      <a:lnTo>
                        <a:pt x="248" y="7"/>
                      </a:lnTo>
                      <a:lnTo>
                        <a:pt x="252" y="2"/>
                      </a:lnTo>
                      <a:lnTo>
                        <a:pt x="254" y="0"/>
                      </a:lnTo>
                      <a:lnTo>
                        <a:pt x="130" y="19"/>
                      </a:lnTo>
                      <a:lnTo>
                        <a:pt x="0" y="33"/>
                      </a:lnTo>
                      <a:lnTo>
                        <a:pt x="73" y="290"/>
                      </a:lnTo>
                      <a:lnTo>
                        <a:pt x="89" y="327"/>
                      </a:lnTo>
                      <a:lnTo>
                        <a:pt x="91" y="329"/>
                      </a:lnTo>
                      <a:lnTo>
                        <a:pt x="93" y="330"/>
                      </a:lnTo>
                      <a:lnTo>
                        <a:pt x="95" y="334"/>
                      </a:lnTo>
                      <a:lnTo>
                        <a:pt x="96" y="337"/>
                      </a:lnTo>
                      <a:lnTo>
                        <a:pt x="100" y="341"/>
                      </a:lnTo>
                      <a:lnTo>
                        <a:pt x="100" y="347"/>
                      </a:lnTo>
                      <a:lnTo>
                        <a:pt x="100" y="352"/>
                      </a:lnTo>
                      <a:lnTo>
                        <a:pt x="101" y="354"/>
                      </a:lnTo>
                      <a:lnTo>
                        <a:pt x="103" y="356"/>
                      </a:lnTo>
                      <a:lnTo>
                        <a:pt x="105" y="356"/>
                      </a:lnTo>
                      <a:lnTo>
                        <a:pt x="108" y="358"/>
                      </a:lnTo>
                      <a:lnTo>
                        <a:pt x="108" y="361"/>
                      </a:lnTo>
                      <a:lnTo>
                        <a:pt x="108" y="364"/>
                      </a:lnTo>
                      <a:lnTo>
                        <a:pt x="105" y="369"/>
                      </a:lnTo>
                      <a:lnTo>
                        <a:pt x="98" y="376"/>
                      </a:lnTo>
                      <a:lnTo>
                        <a:pt x="98" y="378"/>
                      </a:lnTo>
                      <a:lnTo>
                        <a:pt x="96" y="378"/>
                      </a:lnTo>
                      <a:lnTo>
                        <a:pt x="96" y="381"/>
                      </a:lnTo>
                      <a:lnTo>
                        <a:pt x="96" y="383"/>
                      </a:lnTo>
                      <a:lnTo>
                        <a:pt x="95" y="388"/>
                      </a:lnTo>
                      <a:lnTo>
                        <a:pt x="95" y="393"/>
                      </a:lnTo>
                      <a:lnTo>
                        <a:pt x="95" y="400"/>
                      </a:lnTo>
                      <a:lnTo>
                        <a:pt x="95" y="407"/>
                      </a:lnTo>
                      <a:lnTo>
                        <a:pt x="95" y="410"/>
                      </a:lnTo>
                      <a:lnTo>
                        <a:pt x="93" y="413"/>
                      </a:lnTo>
                      <a:lnTo>
                        <a:pt x="93" y="418"/>
                      </a:lnTo>
                      <a:lnTo>
                        <a:pt x="93" y="424"/>
                      </a:lnTo>
                      <a:lnTo>
                        <a:pt x="93" y="432"/>
                      </a:lnTo>
                      <a:lnTo>
                        <a:pt x="95" y="439"/>
                      </a:lnTo>
                      <a:lnTo>
                        <a:pt x="98" y="446"/>
                      </a:lnTo>
                      <a:lnTo>
                        <a:pt x="103" y="451"/>
                      </a:lnTo>
                      <a:lnTo>
                        <a:pt x="103" y="454"/>
                      </a:lnTo>
                      <a:lnTo>
                        <a:pt x="103" y="457"/>
                      </a:lnTo>
                      <a:lnTo>
                        <a:pt x="105" y="464"/>
                      </a:lnTo>
                      <a:lnTo>
                        <a:pt x="105" y="471"/>
                      </a:lnTo>
                      <a:lnTo>
                        <a:pt x="105" y="478"/>
                      </a:lnTo>
                      <a:lnTo>
                        <a:pt x="105" y="483"/>
                      </a:lnTo>
                      <a:lnTo>
                        <a:pt x="105" y="488"/>
                      </a:lnTo>
                      <a:lnTo>
                        <a:pt x="105" y="490"/>
                      </a:lnTo>
                      <a:lnTo>
                        <a:pt x="122" y="522"/>
                      </a:lnTo>
                      <a:lnTo>
                        <a:pt x="139" y="554"/>
                      </a:lnTo>
                      <a:lnTo>
                        <a:pt x="418" y="535"/>
                      </a:lnTo>
                      <a:lnTo>
                        <a:pt x="428" y="557"/>
                      </a:lnTo>
                      <a:lnTo>
                        <a:pt x="443" y="557"/>
                      </a:lnTo>
                      <a:lnTo>
                        <a:pt x="443" y="556"/>
                      </a:lnTo>
                      <a:lnTo>
                        <a:pt x="441" y="552"/>
                      </a:lnTo>
                      <a:lnTo>
                        <a:pt x="441" y="549"/>
                      </a:lnTo>
                      <a:lnTo>
                        <a:pt x="441" y="544"/>
                      </a:lnTo>
                      <a:lnTo>
                        <a:pt x="440" y="539"/>
                      </a:lnTo>
                      <a:lnTo>
                        <a:pt x="440" y="534"/>
                      </a:lnTo>
                      <a:lnTo>
                        <a:pt x="440" y="530"/>
                      </a:lnTo>
                      <a:lnTo>
                        <a:pt x="440" y="528"/>
                      </a:lnTo>
                      <a:lnTo>
                        <a:pt x="435" y="520"/>
                      </a:lnTo>
                      <a:lnTo>
                        <a:pt x="435" y="512"/>
                      </a:lnTo>
                      <a:lnTo>
                        <a:pt x="435" y="506"/>
                      </a:lnTo>
                      <a:lnTo>
                        <a:pt x="438" y="503"/>
                      </a:lnTo>
                      <a:lnTo>
                        <a:pt x="441" y="500"/>
                      </a:lnTo>
                      <a:lnTo>
                        <a:pt x="443" y="498"/>
                      </a:lnTo>
                      <a:lnTo>
                        <a:pt x="446" y="498"/>
                      </a:lnTo>
                      <a:lnTo>
                        <a:pt x="448" y="498"/>
                      </a:lnTo>
                      <a:lnTo>
                        <a:pt x="453" y="501"/>
                      </a:lnTo>
                      <a:lnTo>
                        <a:pt x="462" y="503"/>
                      </a:lnTo>
                      <a:lnTo>
                        <a:pt x="468" y="505"/>
                      </a:lnTo>
                      <a:lnTo>
                        <a:pt x="475" y="506"/>
                      </a:lnTo>
                      <a:lnTo>
                        <a:pt x="482" y="506"/>
                      </a:lnTo>
                      <a:lnTo>
                        <a:pt x="485" y="506"/>
                      </a:lnTo>
                      <a:lnTo>
                        <a:pt x="489" y="506"/>
                      </a:lnTo>
                      <a:lnTo>
                        <a:pt x="490" y="506"/>
                      </a:lnTo>
                      <a:lnTo>
                        <a:pt x="492" y="498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grpSp>
            <p:nvGrpSpPr>
              <p:cNvPr id="627" name="Group 183"/>
              <p:cNvGrpSpPr>
                <a:grpSpLocks/>
              </p:cNvGrpSpPr>
              <p:nvPr/>
            </p:nvGrpSpPr>
            <p:grpSpPr bwMode="auto">
              <a:xfrm>
                <a:off x="4720" y="1593"/>
                <a:ext cx="332" cy="182"/>
                <a:chOff x="4972" y="1195"/>
                <a:chExt cx="342" cy="188"/>
              </a:xfrm>
            </p:grpSpPr>
            <p:sp>
              <p:nvSpPr>
                <p:cNvPr id="631" name="Freeform 184"/>
                <p:cNvSpPr>
                  <a:spLocks/>
                </p:cNvSpPr>
                <p:nvPr/>
              </p:nvSpPr>
              <p:spPr bwMode="auto">
                <a:xfrm>
                  <a:off x="5289" y="1356"/>
                  <a:ext cx="25" cy="17"/>
                </a:xfrm>
                <a:custGeom>
                  <a:avLst/>
                  <a:gdLst>
                    <a:gd name="T0" fmla="*/ 0 w 25"/>
                    <a:gd name="T1" fmla="*/ 17 h 17"/>
                    <a:gd name="T2" fmla="*/ 2 w 25"/>
                    <a:gd name="T3" fmla="*/ 17 h 17"/>
                    <a:gd name="T4" fmla="*/ 7 w 25"/>
                    <a:gd name="T5" fmla="*/ 17 h 17"/>
                    <a:gd name="T6" fmla="*/ 12 w 25"/>
                    <a:gd name="T7" fmla="*/ 17 h 17"/>
                    <a:gd name="T8" fmla="*/ 19 w 25"/>
                    <a:gd name="T9" fmla="*/ 15 h 17"/>
                    <a:gd name="T10" fmla="*/ 24 w 25"/>
                    <a:gd name="T11" fmla="*/ 13 h 17"/>
                    <a:gd name="T12" fmla="*/ 25 w 25"/>
                    <a:gd name="T13" fmla="*/ 10 h 17"/>
                    <a:gd name="T14" fmla="*/ 24 w 25"/>
                    <a:gd name="T15" fmla="*/ 6 h 17"/>
                    <a:gd name="T16" fmla="*/ 19 w 25"/>
                    <a:gd name="T17" fmla="*/ 1 h 17"/>
                    <a:gd name="T18" fmla="*/ 19 w 25"/>
                    <a:gd name="T19" fmla="*/ 0 h 17"/>
                    <a:gd name="T20" fmla="*/ 17 w 25"/>
                    <a:gd name="T21" fmla="*/ 0 h 17"/>
                    <a:gd name="T22" fmla="*/ 15 w 25"/>
                    <a:gd name="T23" fmla="*/ 3 h 17"/>
                    <a:gd name="T24" fmla="*/ 15 w 25"/>
                    <a:gd name="T25" fmla="*/ 8 h 17"/>
                    <a:gd name="T26" fmla="*/ 13 w 25"/>
                    <a:gd name="T27" fmla="*/ 8 h 17"/>
                    <a:gd name="T28" fmla="*/ 12 w 25"/>
                    <a:gd name="T29" fmla="*/ 8 h 17"/>
                    <a:gd name="T30" fmla="*/ 8 w 25"/>
                    <a:gd name="T31" fmla="*/ 8 h 17"/>
                    <a:gd name="T32" fmla="*/ 7 w 25"/>
                    <a:gd name="T33" fmla="*/ 8 h 17"/>
                    <a:gd name="T34" fmla="*/ 3 w 25"/>
                    <a:gd name="T35" fmla="*/ 10 h 17"/>
                    <a:gd name="T36" fmla="*/ 0 w 25"/>
                    <a:gd name="T37" fmla="*/ 12 h 17"/>
                    <a:gd name="T38" fmla="*/ 0 w 25"/>
                    <a:gd name="T39" fmla="*/ 13 h 17"/>
                    <a:gd name="T40" fmla="*/ 0 w 25"/>
                    <a:gd name="T41" fmla="*/ 17 h 17"/>
                    <a:gd name="T42" fmla="*/ 0 60000 65536"/>
                    <a:gd name="T43" fmla="*/ 0 60000 65536"/>
                    <a:gd name="T44" fmla="*/ 0 60000 65536"/>
                    <a:gd name="T45" fmla="*/ 0 60000 65536"/>
                    <a:gd name="T46" fmla="*/ 0 60000 65536"/>
                    <a:gd name="T47" fmla="*/ 0 60000 6553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w 25"/>
                    <a:gd name="T64" fmla="*/ 0 h 17"/>
                    <a:gd name="T65" fmla="*/ 25 w 25"/>
                    <a:gd name="T66" fmla="*/ 17 h 17"/>
                  </a:gdLst>
                  <a:ahLst/>
                  <a:cxnLst>
                    <a:cxn ang="T42">
                      <a:pos x="T0" y="T1"/>
                    </a:cxn>
                    <a:cxn ang="T43">
                      <a:pos x="T2" y="T3"/>
                    </a:cxn>
                    <a:cxn ang="T44">
                      <a:pos x="T4" y="T5"/>
                    </a:cxn>
                    <a:cxn ang="T45">
                      <a:pos x="T6" y="T7"/>
                    </a:cxn>
                    <a:cxn ang="T46">
                      <a:pos x="T8" y="T9"/>
                    </a:cxn>
                    <a:cxn ang="T47">
                      <a:pos x="T10" y="T11"/>
                    </a:cxn>
                    <a:cxn ang="T48">
                      <a:pos x="T12" y="T13"/>
                    </a:cxn>
                    <a:cxn ang="T49">
                      <a:pos x="T14" y="T15"/>
                    </a:cxn>
                    <a:cxn ang="T50">
                      <a:pos x="T16" y="T17"/>
                    </a:cxn>
                    <a:cxn ang="T51">
                      <a:pos x="T18" y="T19"/>
                    </a:cxn>
                    <a:cxn ang="T52">
                      <a:pos x="T20" y="T21"/>
                    </a:cxn>
                    <a:cxn ang="T53">
                      <a:pos x="T22" y="T23"/>
                    </a:cxn>
                    <a:cxn ang="T54">
                      <a:pos x="T24" y="T25"/>
                    </a:cxn>
                    <a:cxn ang="T55">
                      <a:pos x="T26" y="T27"/>
                    </a:cxn>
                    <a:cxn ang="T56">
                      <a:pos x="T28" y="T29"/>
                    </a:cxn>
                    <a:cxn ang="T57">
                      <a:pos x="T30" y="T31"/>
                    </a:cxn>
                    <a:cxn ang="T58">
                      <a:pos x="T32" y="T33"/>
                    </a:cxn>
                    <a:cxn ang="T59">
                      <a:pos x="T34" y="T35"/>
                    </a:cxn>
                    <a:cxn ang="T60">
                      <a:pos x="T36" y="T37"/>
                    </a:cxn>
                    <a:cxn ang="T61">
                      <a:pos x="T38" y="T39"/>
                    </a:cxn>
                    <a:cxn ang="T62">
                      <a:pos x="T40" y="T41"/>
                    </a:cxn>
                  </a:cxnLst>
                  <a:rect l="T63" t="T64" r="T65" b="T66"/>
                  <a:pathLst>
                    <a:path w="25" h="17">
                      <a:moveTo>
                        <a:pt x="0" y="17"/>
                      </a:moveTo>
                      <a:lnTo>
                        <a:pt x="2" y="17"/>
                      </a:lnTo>
                      <a:lnTo>
                        <a:pt x="7" y="17"/>
                      </a:lnTo>
                      <a:lnTo>
                        <a:pt x="12" y="17"/>
                      </a:lnTo>
                      <a:lnTo>
                        <a:pt x="19" y="15"/>
                      </a:lnTo>
                      <a:lnTo>
                        <a:pt x="24" y="13"/>
                      </a:lnTo>
                      <a:lnTo>
                        <a:pt x="25" y="10"/>
                      </a:lnTo>
                      <a:lnTo>
                        <a:pt x="24" y="6"/>
                      </a:lnTo>
                      <a:lnTo>
                        <a:pt x="19" y="1"/>
                      </a:lnTo>
                      <a:lnTo>
                        <a:pt x="19" y="0"/>
                      </a:lnTo>
                      <a:lnTo>
                        <a:pt x="17" y="0"/>
                      </a:lnTo>
                      <a:lnTo>
                        <a:pt x="15" y="3"/>
                      </a:lnTo>
                      <a:lnTo>
                        <a:pt x="15" y="8"/>
                      </a:lnTo>
                      <a:lnTo>
                        <a:pt x="13" y="8"/>
                      </a:lnTo>
                      <a:lnTo>
                        <a:pt x="12" y="8"/>
                      </a:lnTo>
                      <a:lnTo>
                        <a:pt x="8" y="8"/>
                      </a:lnTo>
                      <a:lnTo>
                        <a:pt x="7" y="8"/>
                      </a:lnTo>
                      <a:lnTo>
                        <a:pt x="3" y="10"/>
                      </a:lnTo>
                      <a:lnTo>
                        <a:pt x="0" y="12"/>
                      </a:lnTo>
                      <a:lnTo>
                        <a:pt x="0" y="13"/>
                      </a:lnTo>
                      <a:lnTo>
                        <a:pt x="0" y="17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32" name="Freeform 185"/>
                <p:cNvSpPr>
                  <a:spLocks/>
                </p:cNvSpPr>
                <p:nvPr/>
              </p:nvSpPr>
              <p:spPr bwMode="auto">
                <a:xfrm>
                  <a:off x="5289" y="1356"/>
                  <a:ext cx="25" cy="17"/>
                </a:xfrm>
                <a:custGeom>
                  <a:avLst/>
                  <a:gdLst>
                    <a:gd name="T0" fmla="*/ 0 w 25"/>
                    <a:gd name="T1" fmla="*/ 17 h 17"/>
                    <a:gd name="T2" fmla="*/ 0 w 25"/>
                    <a:gd name="T3" fmla="*/ 17 h 17"/>
                    <a:gd name="T4" fmla="*/ 2 w 25"/>
                    <a:gd name="T5" fmla="*/ 17 h 17"/>
                    <a:gd name="T6" fmla="*/ 7 w 25"/>
                    <a:gd name="T7" fmla="*/ 17 h 17"/>
                    <a:gd name="T8" fmla="*/ 12 w 25"/>
                    <a:gd name="T9" fmla="*/ 17 h 17"/>
                    <a:gd name="T10" fmla="*/ 19 w 25"/>
                    <a:gd name="T11" fmla="*/ 15 h 17"/>
                    <a:gd name="T12" fmla="*/ 24 w 25"/>
                    <a:gd name="T13" fmla="*/ 13 h 17"/>
                    <a:gd name="T14" fmla="*/ 25 w 25"/>
                    <a:gd name="T15" fmla="*/ 10 h 17"/>
                    <a:gd name="T16" fmla="*/ 24 w 25"/>
                    <a:gd name="T17" fmla="*/ 6 h 17"/>
                    <a:gd name="T18" fmla="*/ 19 w 25"/>
                    <a:gd name="T19" fmla="*/ 1 h 17"/>
                    <a:gd name="T20" fmla="*/ 19 w 25"/>
                    <a:gd name="T21" fmla="*/ 1 h 17"/>
                    <a:gd name="T22" fmla="*/ 19 w 25"/>
                    <a:gd name="T23" fmla="*/ 0 h 17"/>
                    <a:gd name="T24" fmla="*/ 17 w 25"/>
                    <a:gd name="T25" fmla="*/ 0 h 17"/>
                    <a:gd name="T26" fmla="*/ 15 w 25"/>
                    <a:gd name="T27" fmla="*/ 3 h 17"/>
                    <a:gd name="T28" fmla="*/ 15 w 25"/>
                    <a:gd name="T29" fmla="*/ 8 h 17"/>
                    <a:gd name="T30" fmla="*/ 15 w 25"/>
                    <a:gd name="T31" fmla="*/ 8 h 17"/>
                    <a:gd name="T32" fmla="*/ 13 w 25"/>
                    <a:gd name="T33" fmla="*/ 8 h 17"/>
                    <a:gd name="T34" fmla="*/ 12 w 25"/>
                    <a:gd name="T35" fmla="*/ 8 h 17"/>
                    <a:gd name="T36" fmla="*/ 8 w 25"/>
                    <a:gd name="T37" fmla="*/ 8 h 17"/>
                    <a:gd name="T38" fmla="*/ 7 w 25"/>
                    <a:gd name="T39" fmla="*/ 8 h 17"/>
                    <a:gd name="T40" fmla="*/ 3 w 25"/>
                    <a:gd name="T41" fmla="*/ 10 h 17"/>
                    <a:gd name="T42" fmla="*/ 0 w 25"/>
                    <a:gd name="T43" fmla="*/ 12 h 17"/>
                    <a:gd name="T44" fmla="*/ 0 w 25"/>
                    <a:gd name="T45" fmla="*/ 13 h 17"/>
                    <a:gd name="T46" fmla="*/ 0 w 25"/>
                    <a:gd name="T47" fmla="*/ 17 h 17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w 25"/>
                    <a:gd name="T73" fmla="*/ 0 h 17"/>
                    <a:gd name="T74" fmla="*/ 25 w 25"/>
                    <a:gd name="T75" fmla="*/ 17 h 17"/>
                  </a:gdLst>
                  <a:ahLst/>
                  <a:cxnLst>
                    <a:cxn ang="T48">
                      <a:pos x="T0" y="T1"/>
                    </a:cxn>
                    <a:cxn ang="T49">
                      <a:pos x="T2" y="T3"/>
                    </a:cxn>
                    <a:cxn ang="T50">
                      <a:pos x="T4" y="T5"/>
                    </a:cxn>
                    <a:cxn ang="T51">
                      <a:pos x="T6" y="T7"/>
                    </a:cxn>
                    <a:cxn ang="T52">
                      <a:pos x="T8" y="T9"/>
                    </a:cxn>
                    <a:cxn ang="T53">
                      <a:pos x="T10" y="T11"/>
                    </a:cxn>
                    <a:cxn ang="T54">
                      <a:pos x="T12" y="T13"/>
                    </a:cxn>
                    <a:cxn ang="T55">
                      <a:pos x="T14" y="T15"/>
                    </a:cxn>
                    <a:cxn ang="T56">
                      <a:pos x="T16" y="T17"/>
                    </a:cxn>
                    <a:cxn ang="T57">
                      <a:pos x="T18" y="T19"/>
                    </a:cxn>
                    <a:cxn ang="T58">
                      <a:pos x="T20" y="T21"/>
                    </a:cxn>
                    <a:cxn ang="T59">
                      <a:pos x="T22" y="T23"/>
                    </a:cxn>
                    <a:cxn ang="T60">
                      <a:pos x="T24" y="T25"/>
                    </a:cxn>
                    <a:cxn ang="T61">
                      <a:pos x="T26" y="T27"/>
                    </a:cxn>
                    <a:cxn ang="T62">
                      <a:pos x="T28" y="T29"/>
                    </a:cxn>
                    <a:cxn ang="T63">
                      <a:pos x="T30" y="T31"/>
                    </a:cxn>
                    <a:cxn ang="T64">
                      <a:pos x="T32" y="T33"/>
                    </a:cxn>
                    <a:cxn ang="T65">
                      <a:pos x="T34" y="T35"/>
                    </a:cxn>
                    <a:cxn ang="T66">
                      <a:pos x="T36" y="T37"/>
                    </a:cxn>
                    <a:cxn ang="T67">
                      <a:pos x="T38" y="T39"/>
                    </a:cxn>
                    <a:cxn ang="T68">
                      <a:pos x="T40" y="T41"/>
                    </a:cxn>
                    <a:cxn ang="T69">
                      <a:pos x="T42" y="T43"/>
                    </a:cxn>
                    <a:cxn ang="T70">
                      <a:pos x="T44" y="T45"/>
                    </a:cxn>
                    <a:cxn ang="T71">
                      <a:pos x="T46" y="T47"/>
                    </a:cxn>
                  </a:cxnLst>
                  <a:rect l="T72" t="T73" r="T74" b="T75"/>
                  <a:pathLst>
                    <a:path w="25" h="17">
                      <a:moveTo>
                        <a:pt x="0" y="17"/>
                      </a:moveTo>
                      <a:lnTo>
                        <a:pt x="0" y="17"/>
                      </a:lnTo>
                      <a:lnTo>
                        <a:pt x="2" y="17"/>
                      </a:lnTo>
                      <a:lnTo>
                        <a:pt x="7" y="17"/>
                      </a:lnTo>
                      <a:lnTo>
                        <a:pt x="12" y="17"/>
                      </a:lnTo>
                      <a:lnTo>
                        <a:pt x="19" y="15"/>
                      </a:lnTo>
                      <a:lnTo>
                        <a:pt x="24" y="13"/>
                      </a:lnTo>
                      <a:lnTo>
                        <a:pt x="25" y="10"/>
                      </a:lnTo>
                      <a:lnTo>
                        <a:pt x="24" y="6"/>
                      </a:lnTo>
                      <a:lnTo>
                        <a:pt x="19" y="1"/>
                      </a:lnTo>
                      <a:lnTo>
                        <a:pt x="19" y="0"/>
                      </a:lnTo>
                      <a:lnTo>
                        <a:pt x="17" y="0"/>
                      </a:lnTo>
                      <a:lnTo>
                        <a:pt x="15" y="3"/>
                      </a:lnTo>
                      <a:lnTo>
                        <a:pt x="15" y="8"/>
                      </a:lnTo>
                      <a:lnTo>
                        <a:pt x="13" y="8"/>
                      </a:lnTo>
                      <a:lnTo>
                        <a:pt x="12" y="8"/>
                      </a:lnTo>
                      <a:lnTo>
                        <a:pt x="8" y="8"/>
                      </a:lnTo>
                      <a:lnTo>
                        <a:pt x="7" y="8"/>
                      </a:lnTo>
                      <a:lnTo>
                        <a:pt x="3" y="10"/>
                      </a:lnTo>
                      <a:lnTo>
                        <a:pt x="0" y="12"/>
                      </a:lnTo>
                      <a:lnTo>
                        <a:pt x="0" y="13"/>
                      </a:lnTo>
                      <a:lnTo>
                        <a:pt x="0" y="17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33" name="Freeform 186"/>
                <p:cNvSpPr>
                  <a:spLocks/>
                </p:cNvSpPr>
                <p:nvPr/>
              </p:nvSpPr>
              <p:spPr bwMode="auto">
                <a:xfrm>
                  <a:off x="5235" y="1357"/>
                  <a:ext cx="29" cy="26"/>
                </a:xfrm>
                <a:custGeom>
                  <a:avLst/>
                  <a:gdLst>
                    <a:gd name="T0" fmla="*/ 0 w 29"/>
                    <a:gd name="T1" fmla="*/ 19 h 26"/>
                    <a:gd name="T2" fmla="*/ 3 w 29"/>
                    <a:gd name="T3" fmla="*/ 26 h 26"/>
                    <a:gd name="T4" fmla="*/ 5 w 29"/>
                    <a:gd name="T5" fmla="*/ 26 h 26"/>
                    <a:gd name="T6" fmla="*/ 7 w 29"/>
                    <a:gd name="T7" fmla="*/ 24 h 26"/>
                    <a:gd name="T8" fmla="*/ 8 w 29"/>
                    <a:gd name="T9" fmla="*/ 21 h 26"/>
                    <a:gd name="T10" fmla="*/ 12 w 29"/>
                    <a:gd name="T11" fmla="*/ 19 h 26"/>
                    <a:gd name="T12" fmla="*/ 17 w 29"/>
                    <a:gd name="T13" fmla="*/ 16 h 26"/>
                    <a:gd name="T14" fmla="*/ 20 w 29"/>
                    <a:gd name="T15" fmla="*/ 12 h 26"/>
                    <a:gd name="T16" fmla="*/ 25 w 29"/>
                    <a:gd name="T17" fmla="*/ 12 h 26"/>
                    <a:gd name="T18" fmla="*/ 29 w 29"/>
                    <a:gd name="T19" fmla="*/ 11 h 26"/>
                    <a:gd name="T20" fmla="*/ 29 w 29"/>
                    <a:gd name="T21" fmla="*/ 9 h 26"/>
                    <a:gd name="T22" fmla="*/ 29 w 29"/>
                    <a:gd name="T23" fmla="*/ 5 h 26"/>
                    <a:gd name="T24" fmla="*/ 27 w 29"/>
                    <a:gd name="T25" fmla="*/ 4 h 26"/>
                    <a:gd name="T26" fmla="*/ 22 w 29"/>
                    <a:gd name="T27" fmla="*/ 4 h 26"/>
                    <a:gd name="T28" fmla="*/ 20 w 29"/>
                    <a:gd name="T29" fmla="*/ 4 h 26"/>
                    <a:gd name="T30" fmla="*/ 18 w 29"/>
                    <a:gd name="T31" fmla="*/ 2 h 26"/>
                    <a:gd name="T32" fmla="*/ 15 w 29"/>
                    <a:gd name="T33" fmla="*/ 0 h 26"/>
                    <a:gd name="T34" fmla="*/ 13 w 29"/>
                    <a:gd name="T35" fmla="*/ 0 h 26"/>
                    <a:gd name="T36" fmla="*/ 10 w 29"/>
                    <a:gd name="T37" fmla="*/ 4 h 26"/>
                    <a:gd name="T38" fmla="*/ 10 w 29"/>
                    <a:gd name="T39" fmla="*/ 7 h 26"/>
                    <a:gd name="T40" fmla="*/ 8 w 29"/>
                    <a:gd name="T41" fmla="*/ 11 h 26"/>
                    <a:gd name="T42" fmla="*/ 8 w 29"/>
                    <a:gd name="T43" fmla="*/ 14 h 26"/>
                    <a:gd name="T44" fmla="*/ 3 w 29"/>
                    <a:gd name="T45" fmla="*/ 17 h 26"/>
                    <a:gd name="T46" fmla="*/ 0 w 29"/>
                    <a:gd name="T47" fmla="*/ 19 h 26"/>
                    <a:gd name="T48" fmla="*/ 0 60000 65536"/>
                    <a:gd name="T49" fmla="*/ 0 60000 65536"/>
                    <a:gd name="T50" fmla="*/ 0 60000 65536"/>
                    <a:gd name="T51" fmla="*/ 0 60000 65536"/>
                    <a:gd name="T52" fmla="*/ 0 60000 65536"/>
                    <a:gd name="T53" fmla="*/ 0 60000 6553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w 29"/>
                    <a:gd name="T73" fmla="*/ 0 h 26"/>
                    <a:gd name="T74" fmla="*/ 29 w 29"/>
                    <a:gd name="T75" fmla="*/ 26 h 26"/>
                  </a:gdLst>
                  <a:ahLst/>
                  <a:cxnLst>
                    <a:cxn ang="T48">
                      <a:pos x="T0" y="T1"/>
                    </a:cxn>
                    <a:cxn ang="T49">
                      <a:pos x="T2" y="T3"/>
                    </a:cxn>
                    <a:cxn ang="T50">
                      <a:pos x="T4" y="T5"/>
                    </a:cxn>
                    <a:cxn ang="T51">
                      <a:pos x="T6" y="T7"/>
                    </a:cxn>
                    <a:cxn ang="T52">
                      <a:pos x="T8" y="T9"/>
                    </a:cxn>
                    <a:cxn ang="T53">
                      <a:pos x="T10" y="T11"/>
                    </a:cxn>
                    <a:cxn ang="T54">
                      <a:pos x="T12" y="T13"/>
                    </a:cxn>
                    <a:cxn ang="T55">
                      <a:pos x="T14" y="T15"/>
                    </a:cxn>
                    <a:cxn ang="T56">
                      <a:pos x="T16" y="T17"/>
                    </a:cxn>
                    <a:cxn ang="T57">
                      <a:pos x="T18" y="T19"/>
                    </a:cxn>
                    <a:cxn ang="T58">
                      <a:pos x="T20" y="T21"/>
                    </a:cxn>
                    <a:cxn ang="T59">
                      <a:pos x="T22" y="T23"/>
                    </a:cxn>
                    <a:cxn ang="T60">
                      <a:pos x="T24" y="T25"/>
                    </a:cxn>
                    <a:cxn ang="T61">
                      <a:pos x="T26" y="T27"/>
                    </a:cxn>
                    <a:cxn ang="T62">
                      <a:pos x="T28" y="T29"/>
                    </a:cxn>
                    <a:cxn ang="T63">
                      <a:pos x="T30" y="T31"/>
                    </a:cxn>
                    <a:cxn ang="T64">
                      <a:pos x="T32" y="T33"/>
                    </a:cxn>
                    <a:cxn ang="T65">
                      <a:pos x="T34" y="T35"/>
                    </a:cxn>
                    <a:cxn ang="T66">
                      <a:pos x="T36" y="T37"/>
                    </a:cxn>
                    <a:cxn ang="T67">
                      <a:pos x="T38" y="T39"/>
                    </a:cxn>
                    <a:cxn ang="T68">
                      <a:pos x="T40" y="T41"/>
                    </a:cxn>
                    <a:cxn ang="T69">
                      <a:pos x="T42" y="T43"/>
                    </a:cxn>
                    <a:cxn ang="T70">
                      <a:pos x="T44" y="T45"/>
                    </a:cxn>
                    <a:cxn ang="T71">
                      <a:pos x="T46" y="T47"/>
                    </a:cxn>
                  </a:cxnLst>
                  <a:rect l="T72" t="T73" r="T74" b="T75"/>
                  <a:pathLst>
                    <a:path w="29" h="26">
                      <a:moveTo>
                        <a:pt x="0" y="19"/>
                      </a:moveTo>
                      <a:lnTo>
                        <a:pt x="3" y="26"/>
                      </a:lnTo>
                      <a:lnTo>
                        <a:pt x="5" y="26"/>
                      </a:lnTo>
                      <a:lnTo>
                        <a:pt x="7" y="24"/>
                      </a:lnTo>
                      <a:lnTo>
                        <a:pt x="8" y="21"/>
                      </a:lnTo>
                      <a:lnTo>
                        <a:pt x="12" y="19"/>
                      </a:lnTo>
                      <a:lnTo>
                        <a:pt x="17" y="16"/>
                      </a:lnTo>
                      <a:lnTo>
                        <a:pt x="20" y="12"/>
                      </a:lnTo>
                      <a:lnTo>
                        <a:pt x="25" y="12"/>
                      </a:lnTo>
                      <a:lnTo>
                        <a:pt x="29" y="11"/>
                      </a:lnTo>
                      <a:lnTo>
                        <a:pt x="29" y="9"/>
                      </a:lnTo>
                      <a:lnTo>
                        <a:pt x="29" y="5"/>
                      </a:lnTo>
                      <a:lnTo>
                        <a:pt x="27" y="4"/>
                      </a:lnTo>
                      <a:lnTo>
                        <a:pt x="22" y="4"/>
                      </a:lnTo>
                      <a:lnTo>
                        <a:pt x="20" y="4"/>
                      </a:lnTo>
                      <a:lnTo>
                        <a:pt x="18" y="2"/>
                      </a:lnTo>
                      <a:lnTo>
                        <a:pt x="15" y="0"/>
                      </a:lnTo>
                      <a:lnTo>
                        <a:pt x="13" y="0"/>
                      </a:lnTo>
                      <a:lnTo>
                        <a:pt x="10" y="4"/>
                      </a:lnTo>
                      <a:lnTo>
                        <a:pt x="10" y="7"/>
                      </a:lnTo>
                      <a:lnTo>
                        <a:pt x="8" y="11"/>
                      </a:lnTo>
                      <a:lnTo>
                        <a:pt x="8" y="14"/>
                      </a:lnTo>
                      <a:lnTo>
                        <a:pt x="3" y="17"/>
                      </a:lnTo>
                      <a:lnTo>
                        <a:pt x="0" y="19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34" name="Freeform 187"/>
                <p:cNvSpPr>
                  <a:spLocks/>
                </p:cNvSpPr>
                <p:nvPr/>
              </p:nvSpPr>
              <p:spPr bwMode="auto">
                <a:xfrm>
                  <a:off x="5235" y="1357"/>
                  <a:ext cx="29" cy="26"/>
                </a:xfrm>
                <a:custGeom>
                  <a:avLst/>
                  <a:gdLst>
                    <a:gd name="T0" fmla="*/ 0 w 29"/>
                    <a:gd name="T1" fmla="*/ 19 h 26"/>
                    <a:gd name="T2" fmla="*/ 3 w 29"/>
                    <a:gd name="T3" fmla="*/ 26 h 26"/>
                    <a:gd name="T4" fmla="*/ 3 w 29"/>
                    <a:gd name="T5" fmla="*/ 26 h 26"/>
                    <a:gd name="T6" fmla="*/ 5 w 29"/>
                    <a:gd name="T7" fmla="*/ 26 h 26"/>
                    <a:gd name="T8" fmla="*/ 7 w 29"/>
                    <a:gd name="T9" fmla="*/ 24 h 26"/>
                    <a:gd name="T10" fmla="*/ 8 w 29"/>
                    <a:gd name="T11" fmla="*/ 21 h 26"/>
                    <a:gd name="T12" fmla="*/ 12 w 29"/>
                    <a:gd name="T13" fmla="*/ 19 h 26"/>
                    <a:gd name="T14" fmla="*/ 17 w 29"/>
                    <a:gd name="T15" fmla="*/ 16 h 26"/>
                    <a:gd name="T16" fmla="*/ 20 w 29"/>
                    <a:gd name="T17" fmla="*/ 12 h 26"/>
                    <a:gd name="T18" fmla="*/ 25 w 29"/>
                    <a:gd name="T19" fmla="*/ 12 h 26"/>
                    <a:gd name="T20" fmla="*/ 29 w 29"/>
                    <a:gd name="T21" fmla="*/ 11 h 26"/>
                    <a:gd name="T22" fmla="*/ 29 w 29"/>
                    <a:gd name="T23" fmla="*/ 11 h 26"/>
                    <a:gd name="T24" fmla="*/ 29 w 29"/>
                    <a:gd name="T25" fmla="*/ 9 h 26"/>
                    <a:gd name="T26" fmla="*/ 29 w 29"/>
                    <a:gd name="T27" fmla="*/ 5 h 26"/>
                    <a:gd name="T28" fmla="*/ 27 w 29"/>
                    <a:gd name="T29" fmla="*/ 4 h 26"/>
                    <a:gd name="T30" fmla="*/ 22 w 29"/>
                    <a:gd name="T31" fmla="*/ 4 h 26"/>
                    <a:gd name="T32" fmla="*/ 22 w 29"/>
                    <a:gd name="T33" fmla="*/ 4 h 26"/>
                    <a:gd name="T34" fmla="*/ 20 w 29"/>
                    <a:gd name="T35" fmla="*/ 4 h 26"/>
                    <a:gd name="T36" fmla="*/ 18 w 29"/>
                    <a:gd name="T37" fmla="*/ 2 h 26"/>
                    <a:gd name="T38" fmla="*/ 15 w 29"/>
                    <a:gd name="T39" fmla="*/ 0 h 26"/>
                    <a:gd name="T40" fmla="*/ 13 w 29"/>
                    <a:gd name="T41" fmla="*/ 0 h 26"/>
                    <a:gd name="T42" fmla="*/ 10 w 29"/>
                    <a:gd name="T43" fmla="*/ 4 h 26"/>
                    <a:gd name="T44" fmla="*/ 10 w 29"/>
                    <a:gd name="T45" fmla="*/ 7 h 26"/>
                    <a:gd name="T46" fmla="*/ 8 w 29"/>
                    <a:gd name="T47" fmla="*/ 11 h 26"/>
                    <a:gd name="T48" fmla="*/ 8 w 29"/>
                    <a:gd name="T49" fmla="*/ 14 h 26"/>
                    <a:gd name="T50" fmla="*/ 3 w 29"/>
                    <a:gd name="T51" fmla="*/ 17 h 26"/>
                    <a:gd name="T52" fmla="*/ 0 w 29"/>
                    <a:gd name="T53" fmla="*/ 19 h 26"/>
                    <a:gd name="T54" fmla="*/ 0 60000 65536"/>
                    <a:gd name="T55" fmla="*/ 0 60000 65536"/>
                    <a:gd name="T56" fmla="*/ 0 60000 65536"/>
                    <a:gd name="T57" fmla="*/ 0 60000 65536"/>
                    <a:gd name="T58" fmla="*/ 0 60000 65536"/>
                    <a:gd name="T59" fmla="*/ 0 60000 65536"/>
                    <a:gd name="T60" fmla="*/ 0 60000 65536"/>
                    <a:gd name="T61" fmla="*/ 0 60000 65536"/>
                    <a:gd name="T62" fmla="*/ 0 60000 65536"/>
                    <a:gd name="T63" fmla="*/ 0 60000 65536"/>
                    <a:gd name="T64" fmla="*/ 0 60000 65536"/>
                    <a:gd name="T65" fmla="*/ 0 60000 65536"/>
                    <a:gd name="T66" fmla="*/ 0 60000 65536"/>
                    <a:gd name="T67" fmla="*/ 0 60000 65536"/>
                    <a:gd name="T68" fmla="*/ 0 60000 65536"/>
                    <a:gd name="T69" fmla="*/ 0 60000 65536"/>
                    <a:gd name="T70" fmla="*/ 0 60000 65536"/>
                    <a:gd name="T71" fmla="*/ 0 60000 65536"/>
                    <a:gd name="T72" fmla="*/ 0 60000 65536"/>
                    <a:gd name="T73" fmla="*/ 0 60000 65536"/>
                    <a:gd name="T74" fmla="*/ 0 60000 65536"/>
                    <a:gd name="T75" fmla="*/ 0 60000 65536"/>
                    <a:gd name="T76" fmla="*/ 0 60000 65536"/>
                    <a:gd name="T77" fmla="*/ 0 60000 65536"/>
                    <a:gd name="T78" fmla="*/ 0 60000 65536"/>
                    <a:gd name="T79" fmla="*/ 0 60000 65536"/>
                    <a:gd name="T80" fmla="*/ 0 60000 65536"/>
                    <a:gd name="T81" fmla="*/ 0 w 29"/>
                    <a:gd name="T82" fmla="*/ 0 h 26"/>
                    <a:gd name="T83" fmla="*/ 29 w 29"/>
                    <a:gd name="T84" fmla="*/ 26 h 26"/>
                  </a:gdLst>
                  <a:ahLst/>
                  <a:cxnLst>
                    <a:cxn ang="T54">
                      <a:pos x="T0" y="T1"/>
                    </a:cxn>
                    <a:cxn ang="T55">
                      <a:pos x="T2" y="T3"/>
                    </a:cxn>
                    <a:cxn ang="T56">
                      <a:pos x="T4" y="T5"/>
                    </a:cxn>
                    <a:cxn ang="T57">
                      <a:pos x="T6" y="T7"/>
                    </a:cxn>
                    <a:cxn ang="T58">
                      <a:pos x="T8" y="T9"/>
                    </a:cxn>
                    <a:cxn ang="T59">
                      <a:pos x="T10" y="T11"/>
                    </a:cxn>
                    <a:cxn ang="T60">
                      <a:pos x="T12" y="T13"/>
                    </a:cxn>
                    <a:cxn ang="T61">
                      <a:pos x="T14" y="T15"/>
                    </a:cxn>
                    <a:cxn ang="T62">
                      <a:pos x="T16" y="T17"/>
                    </a:cxn>
                    <a:cxn ang="T63">
                      <a:pos x="T18" y="T19"/>
                    </a:cxn>
                    <a:cxn ang="T64">
                      <a:pos x="T20" y="T21"/>
                    </a:cxn>
                    <a:cxn ang="T65">
                      <a:pos x="T22" y="T23"/>
                    </a:cxn>
                    <a:cxn ang="T66">
                      <a:pos x="T24" y="T25"/>
                    </a:cxn>
                    <a:cxn ang="T67">
                      <a:pos x="T26" y="T27"/>
                    </a:cxn>
                    <a:cxn ang="T68">
                      <a:pos x="T28" y="T29"/>
                    </a:cxn>
                    <a:cxn ang="T69">
                      <a:pos x="T30" y="T31"/>
                    </a:cxn>
                    <a:cxn ang="T70">
                      <a:pos x="T32" y="T33"/>
                    </a:cxn>
                    <a:cxn ang="T71">
                      <a:pos x="T34" y="T35"/>
                    </a:cxn>
                    <a:cxn ang="T72">
                      <a:pos x="T36" y="T37"/>
                    </a:cxn>
                    <a:cxn ang="T73">
                      <a:pos x="T38" y="T39"/>
                    </a:cxn>
                    <a:cxn ang="T74">
                      <a:pos x="T40" y="T41"/>
                    </a:cxn>
                    <a:cxn ang="T75">
                      <a:pos x="T42" y="T43"/>
                    </a:cxn>
                    <a:cxn ang="T76">
                      <a:pos x="T44" y="T45"/>
                    </a:cxn>
                    <a:cxn ang="T77">
                      <a:pos x="T46" y="T47"/>
                    </a:cxn>
                    <a:cxn ang="T78">
                      <a:pos x="T48" y="T49"/>
                    </a:cxn>
                    <a:cxn ang="T79">
                      <a:pos x="T50" y="T51"/>
                    </a:cxn>
                    <a:cxn ang="T80">
                      <a:pos x="T52" y="T53"/>
                    </a:cxn>
                  </a:cxnLst>
                  <a:rect l="T81" t="T82" r="T83" b="T84"/>
                  <a:pathLst>
                    <a:path w="29" h="26">
                      <a:moveTo>
                        <a:pt x="0" y="19"/>
                      </a:moveTo>
                      <a:lnTo>
                        <a:pt x="3" y="26"/>
                      </a:lnTo>
                      <a:lnTo>
                        <a:pt x="5" y="26"/>
                      </a:lnTo>
                      <a:lnTo>
                        <a:pt x="7" y="24"/>
                      </a:lnTo>
                      <a:lnTo>
                        <a:pt x="8" y="21"/>
                      </a:lnTo>
                      <a:lnTo>
                        <a:pt x="12" y="19"/>
                      </a:lnTo>
                      <a:lnTo>
                        <a:pt x="17" y="16"/>
                      </a:lnTo>
                      <a:lnTo>
                        <a:pt x="20" y="12"/>
                      </a:lnTo>
                      <a:lnTo>
                        <a:pt x="25" y="12"/>
                      </a:lnTo>
                      <a:lnTo>
                        <a:pt x="29" y="11"/>
                      </a:lnTo>
                      <a:lnTo>
                        <a:pt x="29" y="9"/>
                      </a:lnTo>
                      <a:lnTo>
                        <a:pt x="29" y="5"/>
                      </a:lnTo>
                      <a:lnTo>
                        <a:pt x="27" y="4"/>
                      </a:lnTo>
                      <a:lnTo>
                        <a:pt x="22" y="4"/>
                      </a:lnTo>
                      <a:lnTo>
                        <a:pt x="20" y="4"/>
                      </a:lnTo>
                      <a:lnTo>
                        <a:pt x="18" y="2"/>
                      </a:lnTo>
                      <a:lnTo>
                        <a:pt x="15" y="0"/>
                      </a:lnTo>
                      <a:lnTo>
                        <a:pt x="13" y="0"/>
                      </a:lnTo>
                      <a:lnTo>
                        <a:pt x="10" y="4"/>
                      </a:lnTo>
                      <a:lnTo>
                        <a:pt x="10" y="7"/>
                      </a:lnTo>
                      <a:lnTo>
                        <a:pt x="8" y="11"/>
                      </a:lnTo>
                      <a:lnTo>
                        <a:pt x="8" y="14"/>
                      </a:lnTo>
                      <a:lnTo>
                        <a:pt x="3" y="17"/>
                      </a:lnTo>
                      <a:lnTo>
                        <a:pt x="0" y="19"/>
                      </a:lnTo>
                    </a:path>
                  </a:pathLst>
                </a:custGeom>
                <a:solidFill>
                  <a:srgbClr val="DDDDDD"/>
                </a:solidFill>
                <a:ln w="317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  <p:sp>
              <p:nvSpPr>
                <p:cNvPr id="635" name="Freeform 188"/>
                <p:cNvSpPr>
                  <a:spLocks/>
                </p:cNvSpPr>
                <p:nvPr/>
              </p:nvSpPr>
              <p:spPr bwMode="auto">
                <a:xfrm>
                  <a:off x="4972" y="1195"/>
                  <a:ext cx="329" cy="167"/>
                </a:xfrm>
                <a:custGeom>
                  <a:avLst/>
                  <a:gdLst>
                    <a:gd name="T0" fmla="*/ 2 w 329"/>
                    <a:gd name="T1" fmla="*/ 69 h 167"/>
                    <a:gd name="T2" fmla="*/ 17 w 329"/>
                    <a:gd name="T3" fmla="*/ 68 h 167"/>
                    <a:gd name="T4" fmla="*/ 43 w 329"/>
                    <a:gd name="T5" fmla="*/ 61 h 167"/>
                    <a:gd name="T6" fmla="*/ 63 w 329"/>
                    <a:gd name="T7" fmla="*/ 56 h 167"/>
                    <a:gd name="T8" fmla="*/ 171 w 329"/>
                    <a:gd name="T9" fmla="*/ 32 h 167"/>
                    <a:gd name="T10" fmla="*/ 182 w 329"/>
                    <a:gd name="T11" fmla="*/ 20 h 167"/>
                    <a:gd name="T12" fmla="*/ 197 w 329"/>
                    <a:gd name="T13" fmla="*/ 3 h 167"/>
                    <a:gd name="T14" fmla="*/ 210 w 329"/>
                    <a:gd name="T15" fmla="*/ 0 h 167"/>
                    <a:gd name="T16" fmla="*/ 210 w 329"/>
                    <a:gd name="T17" fmla="*/ 2 h 167"/>
                    <a:gd name="T18" fmla="*/ 215 w 329"/>
                    <a:gd name="T19" fmla="*/ 13 h 167"/>
                    <a:gd name="T20" fmla="*/ 227 w 329"/>
                    <a:gd name="T21" fmla="*/ 22 h 167"/>
                    <a:gd name="T22" fmla="*/ 232 w 329"/>
                    <a:gd name="T23" fmla="*/ 27 h 167"/>
                    <a:gd name="T24" fmla="*/ 220 w 329"/>
                    <a:gd name="T25" fmla="*/ 41 h 167"/>
                    <a:gd name="T26" fmla="*/ 217 w 329"/>
                    <a:gd name="T27" fmla="*/ 52 h 167"/>
                    <a:gd name="T28" fmla="*/ 214 w 329"/>
                    <a:gd name="T29" fmla="*/ 73 h 167"/>
                    <a:gd name="T30" fmla="*/ 242 w 329"/>
                    <a:gd name="T31" fmla="*/ 78 h 167"/>
                    <a:gd name="T32" fmla="*/ 254 w 329"/>
                    <a:gd name="T33" fmla="*/ 91 h 167"/>
                    <a:gd name="T34" fmla="*/ 259 w 329"/>
                    <a:gd name="T35" fmla="*/ 107 h 167"/>
                    <a:gd name="T36" fmla="*/ 268 w 329"/>
                    <a:gd name="T37" fmla="*/ 107 h 167"/>
                    <a:gd name="T38" fmla="*/ 268 w 329"/>
                    <a:gd name="T39" fmla="*/ 112 h 167"/>
                    <a:gd name="T40" fmla="*/ 280 w 329"/>
                    <a:gd name="T41" fmla="*/ 120 h 167"/>
                    <a:gd name="T42" fmla="*/ 305 w 329"/>
                    <a:gd name="T43" fmla="*/ 120 h 167"/>
                    <a:gd name="T44" fmla="*/ 319 w 329"/>
                    <a:gd name="T45" fmla="*/ 105 h 167"/>
                    <a:gd name="T46" fmla="*/ 312 w 329"/>
                    <a:gd name="T47" fmla="*/ 91 h 167"/>
                    <a:gd name="T48" fmla="*/ 298 w 329"/>
                    <a:gd name="T49" fmla="*/ 81 h 167"/>
                    <a:gd name="T50" fmla="*/ 293 w 329"/>
                    <a:gd name="T51" fmla="*/ 85 h 167"/>
                    <a:gd name="T52" fmla="*/ 292 w 329"/>
                    <a:gd name="T53" fmla="*/ 78 h 167"/>
                    <a:gd name="T54" fmla="*/ 310 w 329"/>
                    <a:gd name="T55" fmla="*/ 81 h 167"/>
                    <a:gd name="T56" fmla="*/ 329 w 329"/>
                    <a:gd name="T57" fmla="*/ 113 h 167"/>
                    <a:gd name="T58" fmla="*/ 329 w 329"/>
                    <a:gd name="T59" fmla="*/ 122 h 167"/>
                    <a:gd name="T60" fmla="*/ 329 w 329"/>
                    <a:gd name="T61" fmla="*/ 125 h 167"/>
                    <a:gd name="T62" fmla="*/ 322 w 329"/>
                    <a:gd name="T63" fmla="*/ 123 h 167"/>
                    <a:gd name="T64" fmla="*/ 308 w 329"/>
                    <a:gd name="T65" fmla="*/ 132 h 167"/>
                    <a:gd name="T66" fmla="*/ 297 w 329"/>
                    <a:gd name="T67" fmla="*/ 135 h 167"/>
                    <a:gd name="T68" fmla="*/ 286 w 329"/>
                    <a:gd name="T69" fmla="*/ 147 h 167"/>
                    <a:gd name="T70" fmla="*/ 273 w 329"/>
                    <a:gd name="T71" fmla="*/ 157 h 167"/>
                    <a:gd name="T72" fmla="*/ 270 w 329"/>
                    <a:gd name="T73" fmla="*/ 134 h 167"/>
                    <a:gd name="T74" fmla="*/ 259 w 329"/>
                    <a:gd name="T75" fmla="*/ 130 h 167"/>
                    <a:gd name="T76" fmla="*/ 258 w 329"/>
                    <a:gd name="T77" fmla="*/ 152 h 167"/>
                    <a:gd name="T78" fmla="*/ 258 w 329"/>
                    <a:gd name="T79" fmla="*/ 145 h 167"/>
                    <a:gd name="T80" fmla="*/ 246 w 329"/>
                    <a:gd name="T81" fmla="*/ 151 h 167"/>
                    <a:gd name="T82" fmla="*/ 246 w 329"/>
                    <a:gd name="T83" fmla="*/ 159 h 167"/>
                    <a:gd name="T84" fmla="*/ 232 w 329"/>
                    <a:gd name="T85" fmla="*/ 167 h 167"/>
                    <a:gd name="T86" fmla="*/ 229 w 329"/>
                    <a:gd name="T87" fmla="*/ 161 h 167"/>
                    <a:gd name="T88" fmla="*/ 227 w 329"/>
                    <a:gd name="T89" fmla="*/ 156 h 167"/>
                    <a:gd name="T90" fmla="*/ 200 w 329"/>
                    <a:gd name="T91" fmla="*/ 129 h 167"/>
                    <a:gd name="T92" fmla="*/ 154 w 329"/>
                    <a:gd name="T93" fmla="*/ 122 h 167"/>
                    <a:gd name="T94" fmla="*/ 66 w 329"/>
                    <a:gd name="T95" fmla="*/ 144 h 167"/>
                    <a:gd name="T96" fmla="*/ 0 60000 65536"/>
                    <a:gd name="T97" fmla="*/ 0 60000 65536"/>
                    <a:gd name="T98" fmla="*/ 0 60000 65536"/>
                    <a:gd name="T99" fmla="*/ 0 60000 65536"/>
                    <a:gd name="T100" fmla="*/ 0 60000 65536"/>
                    <a:gd name="T101" fmla="*/ 0 60000 65536"/>
                    <a:gd name="T102" fmla="*/ 0 60000 65536"/>
                    <a:gd name="T103" fmla="*/ 0 60000 65536"/>
                    <a:gd name="T104" fmla="*/ 0 60000 65536"/>
                    <a:gd name="T105" fmla="*/ 0 60000 65536"/>
                    <a:gd name="T106" fmla="*/ 0 60000 65536"/>
                    <a:gd name="T107" fmla="*/ 0 60000 65536"/>
                    <a:gd name="T108" fmla="*/ 0 60000 65536"/>
                    <a:gd name="T109" fmla="*/ 0 60000 65536"/>
                    <a:gd name="T110" fmla="*/ 0 60000 65536"/>
                    <a:gd name="T111" fmla="*/ 0 60000 65536"/>
                    <a:gd name="T112" fmla="*/ 0 60000 65536"/>
                    <a:gd name="T113" fmla="*/ 0 60000 65536"/>
                    <a:gd name="T114" fmla="*/ 0 60000 65536"/>
                    <a:gd name="T115" fmla="*/ 0 60000 65536"/>
                    <a:gd name="T116" fmla="*/ 0 60000 65536"/>
                    <a:gd name="T117" fmla="*/ 0 60000 65536"/>
                    <a:gd name="T118" fmla="*/ 0 60000 65536"/>
                    <a:gd name="T119" fmla="*/ 0 60000 65536"/>
                    <a:gd name="T120" fmla="*/ 0 60000 65536"/>
                    <a:gd name="T121" fmla="*/ 0 60000 65536"/>
                    <a:gd name="T122" fmla="*/ 0 60000 65536"/>
                    <a:gd name="T123" fmla="*/ 0 60000 65536"/>
                    <a:gd name="T124" fmla="*/ 0 60000 65536"/>
                    <a:gd name="T125" fmla="*/ 0 60000 65536"/>
                    <a:gd name="T126" fmla="*/ 0 60000 65536"/>
                    <a:gd name="T127" fmla="*/ 0 60000 65536"/>
                    <a:gd name="T128" fmla="*/ 0 60000 65536"/>
                    <a:gd name="T129" fmla="*/ 0 60000 65536"/>
                    <a:gd name="T130" fmla="*/ 0 60000 65536"/>
                    <a:gd name="T131" fmla="*/ 0 60000 65536"/>
                    <a:gd name="T132" fmla="*/ 0 60000 65536"/>
                    <a:gd name="T133" fmla="*/ 0 60000 65536"/>
                    <a:gd name="T134" fmla="*/ 0 60000 65536"/>
                    <a:gd name="T135" fmla="*/ 0 60000 65536"/>
                    <a:gd name="T136" fmla="*/ 0 60000 65536"/>
                    <a:gd name="T137" fmla="*/ 0 60000 65536"/>
                    <a:gd name="T138" fmla="*/ 0 60000 65536"/>
                    <a:gd name="T139" fmla="*/ 0 60000 65536"/>
                    <a:gd name="T140" fmla="*/ 0 60000 65536"/>
                    <a:gd name="T141" fmla="*/ 0 60000 65536"/>
                    <a:gd name="T142" fmla="*/ 0 60000 65536"/>
                    <a:gd name="T143" fmla="*/ 0 60000 65536"/>
                    <a:gd name="T144" fmla="*/ 0 w 329"/>
                    <a:gd name="T145" fmla="*/ 0 h 167"/>
                    <a:gd name="T146" fmla="*/ 329 w 329"/>
                    <a:gd name="T147" fmla="*/ 167 h 167"/>
                  </a:gdLst>
                  <a:ahLst/>
                  <a:cxnLst>
                    <a:cxn ang="T96">
                      <a:pos x="T0" y="T1"/>
                    </a:cxn>
                    <a:cxn ang="T97">
                      <a:pos x="T2" y="T3"/>
                    </a:cxn>
                    <a:cxn ang="T98">
                      <a:pos x="T4" y="T5"/>
                    </a:cxn>
                    <a:cxn ang="T99">
                      <a:pos x="T6" y="T7"/>
                    </a:cxn>
                    <a:cxn ang="T100">
                      <a:pos x="T8" y="T9"/>
                    </a:cxn>
                    <a:cxn ang="T101">
                      <a:pos x="T10" y="T11"/>
                    </a:cxn>
                    <a:cxn ang="T102">
                      <a:pos x="T12" y="T13"/>
                    </a:cxn>
                    <a:cxn ang="T103">
                      <a:pos x="T14" y="T15"/>
                    </a:cxn>
                    <a:cxn ang="T104">
                      <a:pos x="T16" y="T17"/>
                    </a:cxn>
                    <a:cxn ang="T105">
                      <a:pos x="T18" y="T19"/>
                    </a:cxn>
                    <a:cxn ang="T106">
                      <a:pos x="T20" y="T21"/>
                    </a:cxn>
                    <a:cxn ang="T107">
                      <a:pos x="T22" y="T23"/>
                    </a:cxn>
                    <a:cxn ang="T108">
                      <a:pos x="T24" y="T25"/>
                    </a:cxn>
                    <a:cxn ang="T109">
                      <a:pos x="T26" y="T27"/>
                    </a:cxn>
                    <a:cxn ang="T110">
                      <a:pos x="T28" y="T29"/>
                    </a:cxn>
                    <a:cxn ang="T111">
                      <a:pos x="T30" y="T31"/>
                    </a:cxn>
                    <a:cxn ang="T112">
                      <a:pos x="T32" y="T33"/>
                    </a:cxn>
                    <a:cxn ang="T113">
                      <a:pos x="T34" y="T35"/>
                    </a:cxn>
                    <a:cxn ang="T114">
                      <a:pos x="T36" y="T37"/>
                    </a:cxn>
                    <a:cxn ang="T115">
                      <a:pos x="T38" y="T39"/>
                    </a:cxn>
                    <a:cxn ang="T116">
                      <a:pos x="T40" y="T41"/>
                    </a:cxn>
                    <a:cxn ang="T117">
                      <a:pos x="T42" y="T43"/>
                    </a:cxn>
                    <a:cxn ang="T118">
                      <a:pos x="T44" y="T45"/>
                    </a:cxn>
                    <a:cxn ang="T119">
                      <a:pos x="T46" y="T47"/>
                    </a:cxn>
                    <a:cxn ang="T120">
                      <a:pos x="T48" y="T49"/>
                    </a:cxn>
                    <a:cxn ang="T121">
                      <a:pos x="T50" y="T51"/>
                    </a:cxn>
                    <a:cxn ang="T122">
                      <a:pos x="T52" y="T53"/>
                    </a:cxn>
                    <a:cxn ang="T123">
                      <a:pos x="T54" y="T55"/>
                    </a:cxn>
                    <a:cxn ang="T124">
                      <a:pos x="T56" y="T57"/>
                    </a:cxn>
                    <a:cxn ang="T125">
                      <a:pos x="T58" y="T59"/>
                    </a:cxn>
                    <a:cxn ang="T126">
                      <a:pos x="T60" y="T61"/>
                    </a:cxn>
                    <a:cxn ang="T127">
                      <a:pos x="T62" y="T63"/>
                    </a:cxn>
                    <a:cxn ang="T128">
                      <a:pos x="T64" y="T65"/>
                    </a:cxn>
                    <a:cxn ang="T129">
                      <a:pos x="T66" y="T67"/>
                    </a:cxn>
                    <a:cxn ang="T130">
                      <a:pos x="T68" y="T69"/>
                    </a:cxn>
                    <a:cxn ang="T131">
                      <a:pos x="T70" y="T71"/>
                    </a:cxn>
                    <a:cxn ang="T132">
                      <a:pos x="T72" y="T73"/>
                    </a:cxn>
                    <a:cxn ang="T133">
                      <a:pos x="T74" y="T75"/>
                    </a:cxn>
                    <a:cxn ang="T134">
                      <a:pos x="T76" y="T77"/>
                    </a:cxn>
                    <a:cxn ang="T135">
                      <a:pos x="T78" y="T79"/>
                    </a:cxn>
                    <a:cxn ang="T136">
                      <a:pos x="T80" y="T81"/>
                    </a:cxn>
                    <a:cxn ang="T137">
                      <a:pos x="T82" y="T83"/>
                    </a:cxn>
                    <a:cxn ang="T138">
                      <a:pos x="T84" y="T85"/>
                    </a:cxn>
                    <a:cxn ang="T139">
                      <a:pos x="T86" y="T87"/>
                    </a:cxn>
                    <a:cxn ang="T140">
                      <a:pos x="T88" y="T89"/>
                    </a:cxn>
                    <a:cxn ang="T141">
                      <a:pos x="T90" y="T91"/>
                    </a:cxn>
                    <a:cxn ang="T142">
                      <a:pos x="T92" y="T93"/>
                    </a:cxn>
                    <a:cxn ang="T143">
                      <a:pos x="T94" y="T95"/>
                    </a:cxn>
                  </a:cxnLst>
                  <a:rect l="T144" t="T145" r="T146" b="T147"/>
                  <a:pathLst>
                    <a:path w="329" h="167">
                      <a:moveTo>
                        <a:pt x="6" y="157"/>
                      </a:moveTo>
                      <a:lnTo>
                        <a:pt x="0" y="157"/>
                      </a:lnTo>
                      <a:lnTo>
                        <a:pt x="2" y="71"/>
                      </a:lnTo>
                      <a:lnTo>
                        <a:pt x="2" y="69"/>
                      </a:lnTo>
                      <a:lnTo>
                        <a:pt x="6" y="69"/>
                      </a:lnTo>
                      <a:lnTo>
                        <a:pt x="9" y="69"/>
                      </a:lnTo>
                      <a:lnTo>
                        <a:pt x="12" y="68"/>
                      </a:lnTo>
                      <a:lnTo>
                        <a:pt x="17" y="68"/>
                      </a:lnTo>
                      <a:lnTo>
                        <a:pt x="24" y="66"/>
                      </a:lnTo>
                      <a:lnTo>
                        <a:pt x="29" y="64"/>
                      </a:lnTo>
                      <a:lnTo>
                        <a:pt x="36" y="63"/>
                      </a:lnTo>
                      <a:lnTo>
                        <a:pt x="43" y="61"/>
                      </a:lnTo>
                      <a:lnTo>
                        <a:pt x="48" y="59"/>
                      </a:lnTo>
                      <a:lnTo>
                        <a:pt x="55" y="57"/>
                      </a:lnTo>
                      <a:lnTo>
                        <a:pt x="60" y="56"/>
                      </a:lnTo>
                      <a:lnTo>
                        <a:pt x="63" y="56"/>
                      </a:lnTo>
                      <a:lnTo>
                        <a:pt x="66" y="54"/>
                      </a:lnTo>
                      <a:lnTo>
                        <a:pt x="68" y="54"/>
                      </a:lnTo>
                      <a:lnTo>
                        <a:pt x="70" y="54"/>
                      </a:lnTo>
                      <a:lnTo>
                        <a:pt x="171" y="32"/>
                      </a:lnTo>
                      <a:lnTo>
                        <a:pt x="178" y="25"/>
                      </a:lnTo>
                      <a:lnTo>
                        <a:pt x="180" y="25"/>
                      </a:lnTo>
                      <a:lnTo>
                        <a:pt x="180" y="22"/>
                      </a:lnTo>
                      <a:lnTo>
                        <a:pt x="182" y="20"/>
                      </a:lnTo>
                      <a:lnTo>
                        <a:pt x="183" y="19"/>
                      </a:lnTo>
                      <a:lnTo>
                        <a:pt x="187" y="12"/>
                      </a:lnTo>
                      <a:lnTo>
                        <a:pt x="192" y="7"/>
                      </a:lnTo>
                      <a:lnTo>
                        <a:pt x="197" y="3"/>
                      </a:lnTo>
                      <a:lnTo>
                        <a:pt x="202" y="0"/>
                      </a:lnTo>
                      <a:lnTo>
                        <a:pt x="205" y="0"/>
                      </a:lnTo>
                      <a:lnTo>
                        <a:pt x="209" y="0"/>
                      </a:lnTo>
                      <a:lnTo>
                        <a:pt x="210" y="0"/>
                      </a:lnTo>
                      <a:lnTo>
                        <a:pt x="212" y="0"/>
                      </a:lnTo>
                      <a:lnTo>
                        <a:pt x="210" y="0"/>
                      </a:lnTo>
                      <a:lnTo>
                        <a:pt x="210" y="2"/>
                      </a:lnTo>
                      <a:lnTo>
                        <a:pt x="210" y="3"/>
                      </a:lnTo>
                      <a:lnTo>
                        <a:pt x="212" y="7"/>
                      </a:lnTo>
                      <a:lnTo>
                        <a:pt x="214" y="10"/>
                      </a:lnTo>
                      <a:lnTo>
                        <a:pt x="215" y="13"/>
                      </a:lnTo>
                      <a:lnTo>
                        <a:pt x="220" y="17"/>
                      </a:lnTo>
                      <a:lnTo>
                        <a:pt x="226" y="22"/>
                      </a:lnTo>
                      <a:lnTo>
                        <a:pt x="227" y="22"/>
                      </a:lnTo>
                      <a:lnTo>
                        <a:pt x="231" y="22"/>
                      </a:lnTo>
                      <a:lnTo>
                        <a:pt x="232" y="24"/>
                      </a:lnTo>
                      <a:lnTo>
                        <a:pt x="234" y="24"/>
                      </a:lnTo>
                      <a:lnTo>
                        <a:pt x="232" y="27"/>
                      </a:lnTo>
                      <a:lnTo>
                        <a:pt x="229" y="30"/>
                      </a:lnTo>
                      <a:lnTo>
                        <a:pt x="220" y="35"/>
                      </a:lnTo>
                      <a:lnTo>
                        <a:pt x="220" y="37"/>
                      </a:lnTo>
                      <a:lnTo>
                        <a:pt x="220" y="41"/>
                      </a:lnTo>
                      <a:lnTo>
                        <a:pt x="220" y="46"/>
                      </a:lnTo>
                      <a:lnTo>
                        <a:pt x="219" y="47"/>
                      </a:lnTo>
                      <a:lnTo>
                        <a:pt x="217" y="52"/>
                      </a:lnTo>
                      <a:lnTo>
                        <a:pt x="214" y="57"/>
                      </a:lnTo>
                      <a:lnTo>
                        <a:pt x="212" y="64"/>
                      </a:lnTo>
                      <a:lnTo>
                        <a:pt x="212" y="69"/>
                      </a:lnTo>
                      <a:lnTo>
                        <a:pt x="214" y="73"/>
                      </a:lnTo>
                      <a:lnTo>
                        <a:pt x="219" y="73"/>
                      </a:lnTo>
                      <a:lnTo>
                        <a:pt x="227" y="71"/>
                      </a:lnTo>
                      <a:lnTo>
                        <a:pt x="234" y="73"/>
                      </a:lnTo>
                      <a:lnTo>
                        <a:pt x="242" y="78"/>
                      </a:lnTo>
                      <a:lnTo>
                        <a:pt x="248" y="86"/>
                      </a:lnTo>
                      <a:lnTo>
                        <a:pt x="253" y="86"/>
                      </a:lnTo>
                      <a:lnTo>
                        <a:pt x="253" y="88"/>
                      </a:lnTo>
                      <a:lnTo>
                        <a:pt x="254" y="91"/>
                      </a:lnTo>
                      <a:lnTo>
                        <a:pt x="254" y="95"/>
                      </a:lnTo>
                      <a:lnTo>
                        <a:pt x="256" y="100"/>
                      </a:lnTo>
                      <a:lnTo>
                        <a:pt x="258" y="103"/>
                      </a:lnTo>
                      <a:lnTo>
                        <a:pt x="259" y="107"/>
                      </a:lnTo>
                      <a:lnTo>
                        <a:pt x="261" y="107"/>
                      </a:lnTo>
                      <a:lnTo>
                        <a:pt x="264" y="105"/>
                      </a:lnTo>
                      <a:lnTo>
                        <a:pt x="266" y="105"/>
                      </a:lnTo>
                      <a:lnTo>
                        <a:pt x="268" y="107"/>
                      </a:lnTo>
                      <a:lnTo>
                        <a:pt x="268" y="108"/>
                      </a:lnTo>
                      <a:lnTo>
                        <a:pt x="268" y="110"/>
                      </a:lnTo>
                      <a:lnTo>
                        <a:pt x="268" y="112"/>
                      </a:lnTo>
                      <a:lnTo>
                        <a:pt x="270" y="113"/>
                      </a:lnTo>
                      <a:lnTo>
                        <a:pt x="271" y="115"/>
                      </a:lnTo>
                      <a:lnTo>
                        <a:pt x="275" y="118"/>
                      </a:lnTo>
                      <a:lnTo>
                        <a:pt x="280" y="120"/>
                      </a:lnTo>
                      <a:lnTo>
                        <a:pt x="288" y="122"/>
                      </a:lnTo>
                      <a:lnTo>
                        <a:pt x="298" y="122"/>
                      </a:lnTo>
                      <a:lnTo>
                        <a:pt x="302" y="120"/>
                      </a:lnTo>
                      <a:lnTo>
                        <a:pt x="305" y="120"/>
                      </a:lnTo>
                      <a:lnTo>
                        <a:pt x="308" y="117"/>
                      </a:lnTo>
                      <a:lnTo>
                        <a:pt x="314" y="113"/>
                      </a:lnTo>
                      <a:lnTo>
                        <a:pt x="317" y="110"/>
                      </a:lnTo>
                      <a:lnTo>
                        <a:pt x="319" y="105"/>
                      </a:lnTo>
                      <a:lnTo>
                        <a:pt x="319" y="101"/>
                      </a:lnTo>
                      <a:lnTo>
                        <a:pt x="315" y="96"/>
                      </a:lnTo>
                      <a:lnTo>
                        <a:pt x="314" y="95"/>
                      </a:lnTo>
                      <a:lnTo>
                        <a:pt x="312" y="91"/>
                      </a:lnTo>
                      <a:lnTo>
                        <a:pt x="308" y="90"/>
                      </a:lnTo>
                      <a:lnTo>
                        <a:pt x="305" y="85"/>
                      </a:lnTo>
                      <a:lnTo>
                        <a:pt x="302" y="83"/>
                      </a:lnTo>
                      <a:lnTo>
                        <a:pt x="298" y="81"/>
                      </a:lnTo>
                      <a:lnTo>
                        <a:pt x="297" y="81"/>
                      </a:lnTo>
                      <a:lnTo>
                        <a:pt x="293" y="85"/>
                      </a:lnTo>
                      <a:lnTo>
                        <a:pt x="292" y="86"/>
                      </a:lnTo>
                      <a:lnTo>
                        <a:pt x="292" y="78"/>
                      </a:lnTo>
                      <a:lnTo>
                        <a:pt x="295" y="76"/>
                      </a:lnTo>
                      <a:lnTo>
                        <a:pt x="298" y="76"/>
                      </a:lnTo>
                      <a:lnTo>
                        <a:pt x="305" y="78"/>
                      </a:lnTo>
                      <a:lnTo>
                        <a:pt x="310" y="81"/>
                      </a:lnTo>
                      <a:lnTo>
                        <a:pt x="317" y="88"/>
                      </a:lnTo>
                      <a:lnTo>
                        <a:pt x="324" y="98"/>
                      </a:lnTo>
                      <a:lnTo>
                        <a:pt x="329" y="113"/>
                      </a:lnTo>
                      <a:lnTo>
                        <a:pt x="329" y="115"/>
                      </a:lnTo>
                      <a:lnTo>
                        <a:pt x="329" y="117"/>
                      </a:lnTo>
                      <a:lnTo>
                        <a:pt x="329" y="120"/>
                      </a:lnTo>
                      <a:lnTo>
                        <a:pt x="329" y="122"/>
                      </a:lnTo>
                      <a:lnTo>
                        <a:pt x="329" y="123"/>
                      </a:lnTo>
                      <a:lnTo>
                        <a:pt x="329" y="125"/>
                      </a:lnTo>
                      <a:lnTo>
                        <a:pt x="327" y="125"/>
                      </a:lnTo>
                      <a:lnTo>
                        <a:pt x="325" y="123"/>
                      </a:lnTo>
                      <a:lnTo>
                        <a:pt x="324" y="123"/>
                      </a:lnTo>
                      <a:lnTo>
                        <a:pt x="322" y="123"/>
                      </a:lnTo>
                      <a:lnTo>
                        <a:pt x="319" y="125"/>
                      </a:lnTo>
                      <a:lnTo>
                        <a:pt x="314" y="127"/>
                      </a:lnTo>
                      <a:lnTo>
                        <a:pt x="310" y="130"/>
                      </a:lnTo>
                      <a:lnTo>
                        <a:pt x="308" y="132"/>
                      </a:lnTo>
                      <a:lnTo>
                        <a:pt x="307" y="132"/>
                      </a:lnTo>
                      <a:lnTo>
                        <a:pt x="303" y="132"/>
                      </a:lnTo>
                      <a:lnTo>
                        <a:pt x="300" y="134"/>
                      </a:lnTo>
                      <a:lnTo>
                        <a:pt x="297" y="135"/>
                      </a:lnTo>
                      <a:lnTo>
                        <a:pt x="293" y="139"/>
                      </a:lnTo>
                      <a:lnTo>
                        <a:pt x="290" y="142"/>
                      </a:lnTo>
                      <a:lnTo>
                        <a:pt x="286" y="145"/>
                      </a:lnTo>
                      <a:lnTo>
                        <a:pt x="286" y="147"/>
                      </a:lnTo>
                      <a:lnTo>
                        <a:pt x="285" y="147"/>
                      </a:lnTo>
                      <a:lnTo>
                        <a:pt x="283" y="147"/>
                      </a:lnTo>
                      <a:lnTo>
                        <a:pt x="283" y="149"/>
                      </a:lnTo>
                      <a:lnTo>
                        <a:pt x="273" y="157"/>
                      </a:lnTo>
                      <a:lnTo>
                        <a:pt x="268" y="154"/>
                      </a:lnTo>
                      <a:lnTo>
                        <a:pt x="270" y="140"/>
                      </a:lnTo>
                      <a:lnTo>
                        <a:pt x="270" y="137"/>
                      </a:lnTo>
                      <a:lnTo>
                        <a:pt x="270" y="134"/>
                      </a:lnTo>
                      <a:lnTo>
                        <a:pt x="268" y="132"/>
                      </a:lnTo>
                      <a:lnTo>
                        <a:pt x="264" y="129"/>
                      </a:lnTo>
                      <a:lnTo>
                        <a:pt x="263" y="129"/>
                      </a:lnTo>
                      <a:lnTo>
                        <a:pt x="259" y="130"/>
                      </a:lnTo>
                      <a:lnTo>
                        <a:pt x="258" y="135"/>
                      </a:lnTo>
                      <a:lnTo>
                        <a:pt x="258" y="142"/>
                      </a:lnTo>
                      <a:lnTo>
                        <a:pt x="258" y="151"/>
                      </a:lnTo>
                      <a:lnTo>
                        <a:pt x="258" y="152"/>
                      </a:lnTo>
                      <a:lnTo>
                        <a:pt x="258" y="154"/>
                      </a:lnTo>
                      <a:lnTo>
                        <a:pt x="258" y="152"/>
                      </a:lnTo>
                      <a:lnTo>
                        <a:pt x="258" y="149"/>
                      </a:lnTo>
                      <a:lnTo>
                        <a:pt x="258" y="145"/>
                      </a:lnTo>
                      <a:lnTo>
                        <a:pt x="258" y="144"/>
                      </a:lnTo>
                      <a:lnTo>
                        <a:pt x="258" y="142"/>
                      </a:lnTo>
                      <a:lnTo>
                        <a:pt x="249" y="151"/>
                      </a:lnTo>
                      <a:lnTo>
                        <a:pt x="246" y="151"/>
                      </a:lnTo>
                      <a:lnTo>
                        <a:pt x="246" y="152"/>
                      </a:lnTo>
                      <a:lnTo>
                        <a:pt x="246" y="156"/>
                      </a:lnTo>
                      <a:lnTo>
                        <a:pt x="246" y="159"/>
                      </a:lnTo>
                      <a:lnTo>
                        <a:pt x="244" y="162"/>
                      </a:lnTo>
                      <a:lnTo>
                        <a:pt x="241" y="166"/>
                      </a:lnTo>
                      <a:lnTo>
                        <a:pt x="237" y="167"/>
                      </a:lnTo>
                      <a:lnTo>
                        <a:pt x="232" y="167"/>
                      </a:lnTo>
                      <a:lnTo>
                        <a:pt x="231" y="167"/>
                      </a:lnTo>
                      <a:lnTo>
                        <a:pt x="231" y="166"/>
                      </a:lnTo>
                      <a:lnTo>
                        <a:pt x="231" y="164"/>
                      </a:lnTo>
                      <a:lnTo>
                        <a:pt x="229" y="161"/>
                      </a:lnTo>
                      <a:lnTo>
                        <a:pt x="227" y="159"/>
                      </a:lnTo>
                      <a:lnTo>
                        <a:pt x="227" y="157"/>
                      </a:lnTo>
                      <a:lnTo>
                        <a:pt x="227" y="156"/>
                      </a:lnTo>
                      <a:lnTo>
                        <a:pt x="220" y="151"/>
                      </a:lnTo>
                      <a:lnTo>
                        <a:pt x="212" y="145"/>
                      </a:lnTo>
                      <a:lnTo>
                        <a:pt x="205" y="144"/>
                      </a:lnTo>
                      <a:lnTo>
                        <a:pt x="200" y="129"/>
                      </a:lnTo>
                      <a:lnTo>
                        <a:pt x="193" y="129"/>
                      </a:lnTo>
                      <a:lnTo>
                        <a:pt x="188" y="115"/>
                      </a:lnTo>
                      <a:lnTo>
                        <a:pt x="154" y="123"/>
                      </a:lnTo>
                      <a:lnTo>
                        <a:pt x="154" y="122"/>
                      </a:lnTo>
                      <a:lnTo>
                        <a:pt x="70" y="144"/>
                      </a:lnTo>
                      <a:lnTo>
                        <a:pt x="72" y="147"/>
                      </a:lnTo>
                      <a:lnTo>
                        <a:pt x="66" y="149"/>
                      </a:lnTo>
                      <a:lnTo>
                        <a:pt x="66" y="144"/>
                      </a:lnTo>
                      <a:lnTo>
                        <a:pt x="6" y="157"/>
                      </a:lnTo>
                      <a:close/>
                    </a:path>
                  </a:pathLst>
                </a:custGeom>
                <a:solidFill>
                  <a:srgbClr val="DDDDDD"/>
                </a:solidFill>
                <a:ln w="9525">
                  <a:solidFill>
                    <a:sysClr val="windowText" lastClr="000000"/>
                  </a:solidFill>
                  <a:round/>
                  <a:headEnd/>
                  <a:tailEnd/>
                </a:ln>
              </p:spPr>
              <p:txBody>
                <a:bodyPr/>
                <a:lstStyle/>
                <a:p>
                  <a:pPr marL="0" marR="0" lvl="0" indent="0" algn="l" defTabSz="571486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125" b="0" i="0" u="none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Myriad Web Pro"/>
                    <a:ea typeface="+mn-ea"/>
                    <a:cs typeface="+mn-cs"/>
                  </a:endParaRPr>
                </a:p>
              </p:txBody>
            </p:sp>
          </p:grpSp>
          <p:sp>
            <p:nvSpPr>
              <p:cNvPr id="628" name="Freeform 189"/>
              <p:cNvSpPr>
                <a:spLocks/>
              </p:cNvSpPr>
              <p:nvPr/>
            </p:nvSpPr>
            <p:spPr bwMode="auto">
              <a:xfrm>
                <a:off x="4725" y="1711"/>
                <a:ext cx="165" cy="162"/>
              </a:xfrm>
              <a:custGeom>
                <a:avLst/>
                <a:gdLst>
                  <a:gd name="T0" fmla="*/ 114 w 169"/>
                  <a:gd name="T1" fmla="*/ 57 h 167"/>
                  <a:gd name="T2" fmla="*/ 112 w 169"/>
                  <a:gd name="T3" fmla="*/ 58 h 167"/>
                  <a:gd name="T4" fmla="*/ 110 w 169"/>
                  <a:gd name="T5" fmla="*/ 59 h 167"/>
                  <a:gd name="T6" fmla="*/ 105 w 169"/>
                  <a:gd name="T7" fmla="*/ 60 h 167"/>
                  <a:gd name="T8" fmla="*/ 101 w 169"/>
                  <a:gd name="T9" fmla="*/ 63 h 167"/>
                  <a:gd name="T10" fmla="*/ 97 w 169"/>
                  <a:gd name="T11" fmla="*/ 65 h 167"/>
                  <a:gd name="T12" fmla="*/ 93 w 169"/>
                  <a:gd name="T13" fmla="*/ 66 h 167"/>
                  <a:gd name="T14" fmla="*/ 90 w 169"/>
                  <a:gd name="T15" fmla="*/ 68 h 167"/>
                  <a:gd name="T16" fmla="*/ 89 w 169"/>
                  <a:gd name="T17" fmla="*/ 68 h 167"/>
                  <a:gd name="T18" fmla="*/ 82 w 169"/>
                  <a:gd name="T19" fmla="*/ 71 h 167"/>
                  <a:gd name="T20" fmla="*/ 75 w 169"/>
                  <a:gd name="T21" fmla="*/ 73 h 167"/>
                  <a:gd name="T22" fmla="*/ 66 w 169"/>
                  <a:gd name="T23" fmla="*/ 76 h 167"/>
                  <a:gd name="T24" fmla="*/ 60 w 169"/>
                  <a:gd name="T25" fmla="*/ 77 h 167"/>
                  <a:gd name="T26" fmla="*/ 57 w 169"/>
                  <a:gd name="T27" fmla="*/ 77 h 167"/>
                  <a:gd name="T28" fmla="*/ 54 w 169"/>
                  <a:gd name="T29" fmla="*/ 79 h 167"/>
                  <a:gd name="T30" fmla="*/ 53 w 169"/>
                  <a:gd name="T31" fmla="*/ 79 h 167"/>
                  <a:gd name="T32" fmla="*/ 53 w 169"/>
                  <a:gd name="T33" fmla="*/ 79 h 167"/>
                  <a:gd name="T34" fmla="*/ 30 w 169"/>
                  <a:gd name="T35" fmla="*/ 93 h 167"/>
                  <a:gd name="T36" fmla="*/ 28 w 169"/>
                  <a:gd name="T37" fmla="*/ 93 h 167"/>
                  <a:gd name="T38" fmla="*/ 20 w 169"/>
                  <a:gd name="T39" fmla="*/ 106 h 167"/>
                  <a:gd name="T40" fmla="*/ 13 w 169"/>
                  <a:gd name="T41" fmla="*/ 109 h 167"/>
                  <a:gd name="T42" fmla="*/ 13 w 169"/>
                  <a:gd name="T43" fmla="*/ 109 h 167"/>
                  <a:gd name="T44" fmla="*/ 6 w 169"/>
                  <a:gd name="T45" fmla="*/ 102 h 167"/>
                  <a:gd name="T46" fmla="*/ 20 w 169"/>
                  <a:gd name="T47" fmla="*/ 91 h 167"/>
                  <a:gd name="T48" fmla="*/ 13 w 169"/>
                  <a:gd name="T49" fmla="*/ 84 h 167"/>
                  <a:gd name="T50" fmla="*/ 0 w 169"/>
                  <a:gd name="T51" fmla="*/ 21 h 167"/>
                  <a:gd name="T52" fmla="*/ 46 w 169"/>
                  <a:gd name="T53" fmla="*/ 16 h 167"/>
                  <a:gd name="T54" fmla="*/ 46 w 169"/>
                  <a:gd name="T55" fmla="*/ 16 h 167"/>
                  <a:gd name="T56" fmla="*/ 50 w 169"/>
                  <a:gd name="T57" fmla="*/ 16 h 167"/>
                  <a:gd name="T58" fmla="*/ 49 w 169"/>
                  <a:gd name="T59" fmla="*/ 16 h 167"/>
                  <a:gd name="T60" fmla="*/ 105 w 169"/>
                  <a:gd name="T61" fmla="*/ 0 h 167"/>
                  <a:gd name="T62" fmla="*/ 105 w 169"/>
                  <a:gd name="T63" fmla="*/ 1 h 167"/>
                  <a:gd name="T64" fmla="*/ 121 w 169"/>
                  <a:gd name="T65" fmla="*/ 47 h 167"/>
                  <a:gd name="T66" fmla="*/ 117 w 169"/>
                  <a:gd name="T67" fmla="*/ 49 h 167"/>
                  <a:gd name="T68" fmla="*/ 117 w 169"/>
                  <a:gd name="T69" fmla="*/ 49 h 167"/>
                  <a:gd name="T70" fmla="*/ 117 w 169"/>
                  <a:gd name="T71" fmla="*/ 50 h 167"/>
                  <a:gd name="T72" fmla="*/ 117 w 169"/>
                  <a:gd name="T73" fmla="*/ 51 h 167"/>
                  <a:gd name="T74" fmla="*/ 117 w 169"/>
                  <a:gd name="T75" fmla="*/ 53 h 167"/>
                  <a:gd name="T76" fmla="*/ 117 w 169"/>
                  <a:gd name="T77" fmla="*/ 55 h 167"/>
                  <a:gd name="T78" fmla="*/ 117 w 169"/>
                  <a:gd name="T79" fmla="*/ 57 h 167"/>
                  <a:gd name="T80" fmla="*/ 117 w 169"/>
                  <a:gd name="T81" fmla="*/ 57 h 167"/>
                  <a:gd name="T82" fmla="*/ 118 w 169"/>
                  <a:gd name="T83" fmla="*/ 58 h 167"/>
                  <a:gd name="T84" fmla="*/ 114 w 169"/>
                  <a:gd name="T85" fmla="*/ 57 h 167"/>
                  <a:gd name="T86" fmla="*/ 0 60000 65536"/>
                  <a:gd name="T87" fmla="*/ 0 60000 65536"/>
                  <a:gd name="T88" fmla="*/ 0 60000 65536"/>
                  <a:gd name="T89" fmla="*/ 0 60000 65536"/>
                  <a:gd name="T90" fmla="*/ 0 60000 65536"/>
                  <a:gd name="T91" fmla="*/ 0 60000 65536"/>
                  <a:gd name="T92" fmla="*/ 0 60000 65536"/>
                  <a:gd name="T93" fmla="*/ 0 60000 65536"/>
                  <a:gd name="T94" fmla="*/ 0 60000 65536"/>
                  <a:gd name="T95" fmla="*/ 0 60000 65536"/>
                  <a:gd name="T96" fmla="*/ 0 60000 65536"/>
                  <a:gd name="T97" fmla="*/ 0 60000 65536"/>
                  <a:gd name="T98" fmla="*/ 0 60000 65536"/>
                  <a:gd name="T99" fmla="*/ 0 60000 65536"/>
                  <a:gd name="T100" fmla="*/ 0 60000 65536"/>
                  <a:gd name="T101" fmla="*/ 0 60000 65536"/>
                  <a:gd name="T102" fmla="*/ 0 60000 65536"/>
                  <a:gd name="T103" fmla="*/ 0 60000 65536"/>
                  <a:gd name="T104" fmla="*/ 0 60000 65536"/>
                  <a:gd name="T105" fmla="*/ 0 60000 65536"/>
                  <a:gd name="T106" fmla="*/ 0 60000 65536"/>
                  <a:gd name="T107" fmla="*/ 0 60000 65536"/>
                  <a:gd name="T108" fmla="*/ 0 60000 65536"/>
                  <a:gd name="T109" fmla="*/ 0 60000 65536"/>
                  <a:gd name="T110" fmla="*/ 0 60000 65536"/>
                  <a:gd name="T111" fmla="*/ 0 60000 65536"/>
                  <a:gd name="T112" fmla="*/ 0 60000 65536"/>
                  <a:gd name="T113" fmla="*/ 0 60000 65536"/>
                  <a:gd name="T114" fmla="*/ 0 60000 65536"/>
                  <a:gd name="T115" fmla="*/ 0 60000 65536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w 169"/>
                  <a:gd name="T130" fmla="*/ 0 h 167"/>
                  <a:gd name="T131" fmla="*/ 169 w 169"/>
                  <a:gd name="T132" fmla="*/ 167 h 167"/>
                </a:gdLst>
                <a:ahLst/>
                <a:cxnLst>
                  <a:cxn ang="T86">
                    <a:pos x="T0" y="T1"/>
                  </a:cxn>
                  <a:cxn ang="T87">
                    <a:pos x="T2" y="T3"/>
                  </a:cxn>
                  <a:cxn ang="T88">
                    <a:pos x="T4" y="T5"/>
                  </a:cxn>
                  <a:cxn ang="T89">
                    <a:pos x="T6" y="T7"/>
                  </a:cxn>
                  <a:cxn ang="T90">
                    <a:pos x="T8" y="T9"/>
                  </a:cxn>
                  <a:cxn ang="T91">
                    <a:pos x="T10" y="T11"/>
                  </a:cxn>
                  <a:cxn ang="T92">
                    <a:pos x="T12" y="T13"/>
                  </a:cxn>
                  <a:cxn ang="T93">
                    <a:pos x="T14" y="T15"/>
                  </a:cxn>
                  <a:cxn ang="T94">
                    <a:pos x="T16" y="T17"/>
                  </a:cxn>
                  <a:cxn ang="T95">
                    <a:pos x="T18" y="T19"/>
                  </a:cxn>
                  <a:cxn ang="T96">
                    <a:pos x="T20" y="T21"/>
                  </a:cxn>
                  <a:cxn ang="T97">
                    <a:pos x="T22" y="T23"/>
                  </a:cxn>
                  <a:cxn ang="T98">
                    <a:pos x="T24" y="T25"/>
                  </a:cxn>
                  <a:cxn ang="T99">
                    <a:pos x="T26" y="T27"/>
                  </a:cxn>
                  <a:cxn ang="T100">
                    <a:pos x="T28" y="T29"/>
                  </a:cxn>
                  <a:cxn ang="T101">
                    <a:pos x="T30" y="T31"/>
                  </a:cxn>
                  <a:cxn ang="T102">
                    <a:pos x="T32" y="T33"/>
                  </a:cxn>
                  <a:cxn ang="T103">
                    <a:pos x="T34" y="T35"/>
                  </a:cxn>
                  <a:cxn ang="T104">
                    <a:pos x="T36" y="T37"/>
                  </a:cxn>
                  <a:cxn ang="T105">
                    <a:pos x="T38" y="T39"/>
                  </a:cxn>
                  <a:cxn ang="T106">
                    <a:pos x="T40" y="T41"/>
                  </a:cxn>
                  <a:cxn ang="T107">
                    <a:pos x="T42" y="T43"/>
                  </a:cxn>
                  <a:cxn ang="T108">
                    <a:pos x="T44" y="T45"/>
                  </a:cxn>
                  <a:cxn ang="T109">
                    <a:pos x="T46" y="T47"/>
                  </a:cxn>
                  <a:cxn ang="T110">
                    <a:pos x="T48" y="T49"/>
                  </a:cxn>
                  <a:cxn ang="T111">
                    <a:pos x="T50" y="T51"/>
                  </a:cxn>
                  <a:cxn ang="T112">
                    <a:pos x="T52" y="T53"/>
                  </a:cxn>
                  <a:cxn ang="T113">
                    <a:pos x="T54" y="T55"/>
                  </a:cxn>
                  <a:cxn ang="T114">
                    <a:pos x="T56" y="T57"/>
                  </a:cxn>
                  <a:cxn ang="T115">
                    <a:pos x="T58" y="T59"/>
                  </a:cxn>
                  <a:cxn ang="T116">
                    <a:pos x="T60" y="T61"/>
                  </a:cxn>
                  <a:cxn ang="T117">
                    <a:pos x="T62" y="T63"/>
                  </a:cxn>
                  <a:cxn ang="T118">
                    <a:pos x="T64" y="T65"/>
                  </a:cxn>
                  <a:cxn ang="T119">
                    <a:pos x="T66" y="T67"/>
                  </a:cxn>
                  <a:cxn ang="T120">
                    <a:pos x="T68" y="T69"/>
                  </a:cxn>
                  <a:cxn ang="T121">
                    <a:pos x="T70" y="T71"/>
                  </a:cxn>
                  <a:cxn ang="T122">
                    <a:pos x="T72" y="T73"/>
                  </a:cxn>
                  <a:cxn ang="T123">
                    <a:pos x="T74" y="T75"/>
                  </a:cxn>
                  <a:cxn ang="T124">
                    <a:pos x="T76" y="T77"/>
                  </a:cxn>
                  <a:cxn ang="T125">
                    <a:pos x="T78" y="T79"/>
                  </a:cxn>
                  <a:cxn ang="T126">
                    <a:pos x="T80" y="T81"/>
                  </a:cxn>
                  <a:cxn ang="T127">
                    <a:pos x="T82" y="T83"/>
                  </a:cxn>
                  <a:cxn ang="T128">
                    <a:pos x="T84" y="T85"/>
                  </a:cxn>
                </a:cxnLst>
                <a:rect l="T129" t="T130" r="T131" b="T132"/>
                <a:pathLst>
                  <a:path w="169" h="167">
                    <a:moveTo>
                      <a:pt x="159" y="86"/>
                    </a:moveTo>
                    <a:lnTo>
                      <a:pt x="157" y="88"/>
                    </a:lnTo>
                    <a:lnTo>
                      <a:pt x="154" y="89"/>
                    </a:lnTo>
                    <a:lnTo>
                      <a:pt x="148" y="91"/>
                    </a:lnTo>
                    <a:lnTo>
                      <a:pt x="142" y="95"/>
                    </a:lnTo>
                    <a:lnTo>
                      <a:pt x="135" y="98"/>
                    </a:lnTo>
                    <a:lnTo>
                      <a:pt x="130" y="100"/>
                    </a:lnTo>
                    <a:lnTo>
                      <a:pt x="125" y="103"/>
                    </a:lnTo>
                    <a:lnTo>
                      <a:pt x="123" y="103"/>
                    </a:lnTo>
                    <a:lnTo>
                      <a:pt x="113" y="108"/>
                    </a:lnTo>
                    <a:lnTo>
                      <a:pt x="103" y="111"/>
                    </a:lnTo>
                    <a:lnTo>
                      <a:pt x="94" y="115"/>
                    </a:lnTo>
                    <a:lnTo>
                      <a:pt x="86" y="117"/>
                    </a:lnTo>
                    <a:lnTo>
                      <a:pt x="79" y="118"/>
                    </a:lnTo>
                    <a:lnTo>
                      <a:pt x="74" y="120"/>
                    </a:lnTo>
                    <a:lnTo>
                      <a:pt x="72" y="120"/>
                    </a:lnTo>
                    <a:lnTo>
                      <a:pt x="71" y="120"/>
                    </a:lnTo>
                    <a:lnTo>
                      <a:pt x="44" y="142"/>
                    </a:lnTo>
                    <a:lnTo>
                      <a:pt x="42" y="142"/>
                    </a:lnTo>
                    <a:lnTo>
                      <a:pt x="20" y="162"/>
                    </a:lnTo>
                    <a:lnTo>
                      <a:pt x="13" y="167"/>
                    </a:lnTo>
                    <a:lnTo>
                      <a:pt x="6" y="155"/>
                    </a:lnTo>
                    <a:lnTo>
                      <a:pt x="20" y="139"/>
                    </a:lnTo>
                    <a:lnTo>
                      <a:pt x="13" y="130"/>
                    </a:lnTo>
                    <a:lnTo>
                      <a:pt x="0" y="35"/>
                    </a:lnTo>
                    <a:lnTo>
                      <a:pt x="60" y="22"/>
                    </a:lnTo>
                    <a:lnTo>
                      <a:pt x="60" y="27"/>
                    </a:lnTo>
                    <a:lnTo>
                      <a:pt x="66" y="25"/>
                    </a:lnTo>
                    <a:lnTo>
                      <a:pt x="64" y="22"/>
                    </a:lnTo>
                    <a:lnTo>
                      <a:pt x="148" y="0"/>
                    </a:lnTo>
                    <a:lnTo>
                      <a:pt x="148" y="1"/>
                    </a:lnTo>
                    <a:lnTo>
                      <a:pt x="169" y="73"/>
                    </a:lnTo>
                    <a:lnTo>
                      <a:pt x="164" y="76"/>
                    </a:lnTo>
                    <a:lnTo>
                      <a:pt x="164" y="78"/>
                    </a:lnTo>
                    <a:lnTo>
                      <a:pt x="164" y="79"/>
                    </a:lnTo>
                    <a:lnTo>
                      <a:pt x="164" y="81"/>
                    </a:lnTo>
                    <a:lnTo>
                      <a:pt x="164" y="83"/>
                    </a:lnTo>
                    <a:lnTo>
                      <a:pt x="164" y="86"/>
                    </a:lnTo>
                    <a:lnTo>
                      <a:pt x="165" y="88"/>
                    </a:lnTo>
                    <a:lnTo>
                      <a:pt x="159" y="86"/>
                    </a:lnTo>
                    <a:close/>
                  </a:path>
                </a:pathLst>
              </a:custGeom>
              <a:solidFill>
                <a:srgbClr val="DDDDDD"/>
              </a:solidFill>
              <a:ln w="952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  <p:sp>
            <p:nvSpPr>
              <p:cNvPr id="629" name="Freeform 190"/>
              <p:cNvSpPr>
                <a:spLocks/>
              </p:cNvSpPr>
              <p:nvPr/>
            </p:nvSpPr>
            <p:spPr bwMode="auto">
              <a:xfrm>
                <a:off x="4869" y="1704"/>
                <a:ext cx="76" cy="93"/>
              </a:xfrm>
              <a:custGeom>
                <a:avLst/>
                <a:gdLst>
                  <a:gd name="T0" fmla="*/ 19 w 78"/>
                  <a:gd name="T1" fmla="*/ 61 h 95"/>
                  <a:gd name="T2" fmla="*/ 16 w 78"/>
                  <a:gd name="T3" fmla="*/ 63 h 95"/>
                  <a:gd name="T4" fmla="*/ 16 w 78"/>
                  <a:gd name="T5" fmla="*/ 63 h 95"/>
                  <a:gd name="T6" fmla="*/ 16 w 78"/>
                  <a:gd name="T7" fmla="*/ 63 h 95"/>
                  <a:gd name="T8" fmla="*/ 16 w 78"/>
                  <a:gd name="T9" fmla="*/ 64 h 95"/>
                  <a:gd name="T10" fmla="*/ 16 w 78"/>
                  <a:gd name="T11" fmla="*/ 64 h 95"/>
                  <a:gd name="T12" fmla="*/ 16 w 78"/>
                  <a:gd name="T13" fmla="*/ 65 h 95"/>
                  <a:gd name="T14" fmla="*/ 16 w 78"/>
                  <a:gd name="T15" fmla="*/ 66 h 95"/>
                  <a:gd name="T16" fmla="*/ 16 w 78"/>
                  <a:gd name="T17" fmla="*/ 68 h 95"/>
                  <a:gd name="T18" fmla="*/ 16 w 78"/>
                  <a:gd name="T19" fmla="*/ 68 h 95"/>
                  <a:gd name="T20" fmla="*/ 17 w 78"/>
                  <a:gd name="T21" fmla="*/ 69 h 95"/>
                  <a:gd name="T22" fmla="*/ 17 w 78"/>
                  <a:gd name="T23" fmla="*/ 69 h 95"/>
                  <a:gd name="T24" fmla="*/ 19 w 78"/>
                  <a:gd name="T25" fmla="*/ 69 h 95"/>
                  <a:gd name="T26" fmla="*/ 19 w 78"/>
                  <a:gd name="T27" fmla="*/ 68 h 95"/>
                  <a:gd name="T28" fmla="*/ 19 w 78"/>
                  <a:gd name="T29" fmla="*/ 66 h 95"/>
                  <a:gd name="T30" fmla="*/ 22 w 78"/>
                  <a:gd name="T31" fmla="*/ 64 h 95"/>
                  <a:gd name="T32" fmla="*/ 25 w 78"/>
                  <a:gd name="T33" fmla="*/ 63 h 95"/>
                  <a:gd name="T34" fmla="*/ 27 w 78"/>
                  <a:gd name="T35" fmla="*/ 61 h 95"/>
                  <a:gd name="T36" fmla="*/ 29 w 78"/>
                  <a:gd name="T37" fmla="*/ 60 h 95"/>
                  <a:gd name="T38" fmla="*/ 30 w 78"/>
                  <a:gd name="T39" fmla="*/ 59 h 95"/>
                  <a:gd name="T40" fmla="*/ 36 w 78"/>
                  <a:gd name="T41" fmla="*/ 59 h 95"/>
                  <a:gd name="T42" fmla="*/ 36 w 78"/>
                  <a:gd name="T43" fmla="*/ 50 h 95"/>
                  <a:gd name="T44" fmla="*/ 25 w 78"/>
                  <a:gd name="T45" fmla="*/ 23 h 95"/>
                  <a:gd name="T46" fmla="*/ 34 w 78"/>
                  <a:gd name="T47" fmla="*/ 23 h 95"/>
                  <a:gd name="T48" fmla="*/ 41 w 78"/>
                  <a:gd name="T49" fmla="*/ 23 h 95"/>
                  <a:gd name="T50" fmla="*/ 44 w 78"/>
                  <a:gd name="T51" fmla="*/ 23 h 95"/>
                  <a:gd name="T52" fmla="*/ 44 w 78"/>
                  <a:gd name="T53" fmla="*/ 23 h 95"/>
                  <a:gd name="T54" fmla="*/ 45 w 78"/>
                  <a:gd name="T55" fmla="*/ 23 h 95"/>
                  <a:gd name="T56" fmla="*/ 45 w 78"/>
                  <a:gd name="T57" fmla="*/ 23 h 95"/>
                  <a:gd name="T58" fmla="*/ 47 w 78"/>
                  <a:gd name="T59" fmla="*/ 25 h 95"/>
                  <a:gd name="T60" fmla="*/ 48 w 78"/>
                  <a:gd name="T61" fmla="*/ 28 h 95"/>
                  <a:gd name="T62" fmla="*/ 48 w 78"/>
                  <a:gd name="T63" fmla="*/ 28 h 95"/>
                  <a:gd name="T64" fmla="*/ 49 w 78"/>
                  <a:gd name="T65" fmla="*/ 38 h 95"/>
                  <a:gd name="T66" fmla="*/ 51 w 78"/>
                  <a:gd name="T67" fmla="*/ 44 h 95"/>
                  <a:gd name="T68" fmla="*/ 51 w 78"/>
                  <a:gd name="T69" fmla="*/ 47 h 95"/>
                  <a:gd name="T70" fmla="*/ 52 w 78"/>
                  <a:gd name="T71" fmla="*/ 45 h 95"/>
                  <a:gd name="T72" fmla="*/ 53 w 78"/>
                  <a:gd name="T73" fmla="*/ 44 h 95"/>
                  <a:gd name="T74" fmla="*/ 53 w 78"/>
                  <a:gd name="T75" fmla="*/ 40 h 95"/>
                  <a:gd name="T76" fmla="*/ 54 w 78"/>
                  <a:gd name="T77" fmla="*/ 38 h 95"/>
                  <a:gd name="T78" fmla="*/ 54 w 78"/>
                  <a:gd name="T79" fmla="*/ 37 h 95"/>
                  <a:gd name="T80" fmla="*/ 54 w 78"/>
                  <a:gd name="T81" fmla="*/ 38 h 95"/>
                  <a:gd name="T82" fmla="*/ 54 w 78"/>
                  <a:gd name="T83" fmla="*/ 38 h 95"/>
                  <a:gd name="T84" fmla="*/ 53 w 78"/>
                  <a:gd name="T85" fmla="*/ 38 h 95"/>
                  <a:gd name="T86" fmla="*/ 53 w 78"/>
                  <a:gd name="T87" fmla="*/ 37 h 95"/>
                  <a:gd name="T88" fmla="*/ 53 w 78"/>
                  <a:gd name="T89" fmla="*/ 35 h 95"/>
                  <a:gd name="T90" fmla="*/ 52 w 78"/>
                  <a:gd name="T91" fmla="*/ 32 h 95"/>
                  <a:gd name="T92" fmla="*/ 51 w 78"/>
                  <a:gd name="T93" fmla="*/ 30 h 95"/>
                  <a:gd name="T94" fmla="*/ 51 w 78"/>
                  <a:gd name="T95" fmla="*/ 28 h 95"/>
                  <a:gd name="T96" fmla="*/ 51 w 78"/>
                  <a:gd name="T97" fmla="*/ 27 h 95"/>
                  <a:gd name="T98" fmla="*/ 51 w 78"/>
                  <a:gd name="T99" fmla="*/ 27 h 95"/>
                  <a:gd name="T100" fmla="*/ 48 w 78"/>
                  <a:gd name="T101" fmla="*/ 23 h 95"/>
                  <a:gd name="T102" fmla="*/ 44 w 78"/>
                  <a:gd name="T103" fmla="*/ 23 h 95"/>
                  <a:gd name="T104" fmla="*/ 37 w 78"/>
                  <a:gd name="T105" fmla="*/ 23 h 95"/>
                  <a:gd name="T106" fmla="*/ 32 w 78"/>
                  <a:gd name="T107" fmla="*/ 14 h 95"/>
                  <a:gd name="T108" fmla="*/ 25 w 78"/>
                  <a:gd name="T109" fmla="*/ 14 h 95"/>
                  <a:gd name="T110" fmla="*/ 20 w 78"/>
                  <a:gd name="T111" fmla="*/ 0 h 95"/>
                  <a:gd name="T112" fmla="*/ 0 w 78"/>
                  <a:gd name="T113" fmla="*/ 8 h 95"/>
                  <a:gd name="T114" fmla="*/ 19 w 78"/>
                  <a:gd name="T115" fmla="*/ 61 h 95"/>
                  <a:gd name="T116" fmla="*/ 0 60000 65536"/>
                  <a:gd name="T117" fmla="*/ 0 60000 65536"/>
                  <a:gd name="T118" fmla="*/ 0 60000 65536"/>
                  <a:gd name="T119" fmla="*/ 0 60000 65536"/>
                  <a:gd name="T120" fmla="*/ 0 60000 65536"/>
                  <a:gd name="T121" fmla="*/ 0 60000 65536"/>
                  <a:gd name="T122" fmla="*/ 0 60000 65536"/>
                  <a:gd name="T123" fmla="*/ 0 60000 65536"/>
                  <a:gd name="T124" fmla="*/ 0 60000 65536"/>
                  <a:gd name="T125" fmla="*/ 0 60000 65536"/>
                  <a:gd name="T126" fmla="*/ 0 60000 65536"/>
                  <a:gd name="T127" fmla="*/ 0 60000 65536"/>
                  <a:gd name="T128" fmla="*/ 0 60000 65536"/>
                  <a:gd name="T129" fmla="*/ 0 60000 65536"/>
                  <a:gd name="T130" fmla="*/ 0 60000 65536"/>
                  <a:gd name="T131" fmla="*/ 0 60000 65536"/>
                  <a:gd name="T132" fmla="*/ 0 60000 65536"/>
                  <a:gd name="T133" fmla="*/ 0 60000 65536"/>
                  <a:gd name="T134" fmla="*/ 0 60000 65536"/>
                  <a:gd name="T135" fmla="*/ 0 60000 65536"/>
                  <a:gd name="T136" fmla="*/ 0 60000 65536"/>
                  <a:gd name="T137" fmla="*/ 0 60000 65536"/>
                  <a:gd name="T138" fmla="*/ 0 60000 65536"/>
                  <a:gd name="T139" fmla="*/ 0 60000 65536"/>
                  <a:gd name="T140" fmla="*/ 0 60000 65536"/>
                  <a:gd name="T141" fmla="*/ 0 60000 65536"/>
                  <a:gd name="T142" fmla="*/ 0 60000 65536"/>
                  <a:gd name="T143" fmla="*/ 0 60000 65536"/>
                  <a:gd name="T144" fmla="*/ 0 60000 65536"/>
                  <a:gd name="T145" fmla="*/ 0 60000 65536"/>
                  <a:gd name="T146" fmla="*/ 0 60000 65536"/>
                  <a:gd name="T147" fmla="*/ 0 60000 65536"/>
                  <a:gd name="T148" fmla="*/ 0 60000 65536"/>
                  <a:gd name="T149" fmla="*/ 0 60000 65536"/>
                  <a:gd name="T150" fmla="*/ 0 60000 65536"/>
                  <a:gd name="T151" fmla="*/ 0 60000 65536"/>
                  <a:gd name="T152" fmla="*/ 0 60000 65536"/>
                  <a:gd name="T153" fmla="*/ 0 60000 65536"/>
                  <a:gd name="T154" fmla="*/ 0 60000 65536"/>
                  <a:gd name="T155" fmla="*/ 0 60000 65536"/>
                  <a:gd name="T156" fmla="*/ 0 60000 65536"/>
                  <a:gd name="T157" fmla="*/ 0 60000 65536"/>
                  <a:gd name="T158" fmla="*/ 0 60000 65536"/>
                  <a:gd name="T159" fmla="*/ 0 60000 65536"/>
                  <a:gd name="T160" fmla="*/ 0 60000 65536"/>
                  <a:gd name="T161" fmla="*/ 0 60000 65536"/>
                  <a:gd name="T162" fmla="*/ 0 60000 65536"/>
                  <a:gd name="T163" fmla="*/ 0 60000 65536"/>
                  <a:gd name="T164" fmla="*/ 0 60000 65536"/>
                  <a:gd name="T165" fmla="*/ 0 60000 65536"/>
                  <a:gd name="T166" fmla="*/ 0 60000 65536"/>
                  <a:gd name="T167" fmla="*/ 0 60000 65536"/>
                  <a:gd name="T168" fmla="*/ 0 60000 65536"/>
                  <a:gd name="T169" fmla="*/ 0 60000 65536"/>
                  <a:gd name="T170" fmla="*/ 0 60000 65536"/>
                  <a:gd name="T171" fmla="*/ 0 60000 65536"/>
                  <a:gd name="T172" fmla="*/ 0 60000 65536"/>
                  <a:gd name="T173" fmla="*/ 0 60000 65536"/>
                  <a:gd name="T174" fmla="*/ 0 w 78"/>
                  <a:gd name="T175" fmla="*/ 0 h 95"/>
                  <a:gd name="T176" fmla="*/ 78 w 78"/>
                  <a:gd name="T177" fmla="*/ 95 h 95"/>
                </a:gdLst>
                <a:ahLst/>
                <a:cxnLst>
                  <a:cxn ang="T116">
                    <a:pos x="T0" y="T1"/>
                  </a:cxn>
                  <a:cxn ang="T117">
                    <a:pos x="T2" y="T3"/>
                  </a:cxn>
                  <a:cxn ang="T118">
                    <a:pos x="T4" y="T5"/>
                  </a:cxn>
                  <a:cxn ang="T119">
                    <a:pos x="T6" y="T7"/>
                  </a:cxn>
                  <a:cxn ang="T120">
                    <a:pos x="T8" y="T9"/>
                  </a:cxn>
                  <a:cxn ang="T121">
                    <a:pos x="T10" y="T11"/>
                  </a:cxn>
                  <a:cxn ang="T122">
                    <a:pos x="T12" y="T13"/>
                  </a:cxn>
                  <a:cxn ang="T123">
                    <a:pos x="T14" y="T15"/>
                  </a:cxn>
                  <a:cxn ang="T124">
                    <a:pos x="T16" y="T17"/>
                  </a:cxn>
                  <a:cxn ang="T125">
                    <a:pos x="T18" y="T19"/>
                  </a:cxn>
                  <a:cxn ang="T126">
                    <a:pos x="T20" y="T21"/>
                  </a:cxn>
                  <a:cxn ang="T127">
                    <a:pos x="T22" y="T23"/>
                  </a:cxn>
                  <a:cxn ang="T128">
                    <a:pos x="T24" y="T25"/>
                  </a:cxn>
                  <a:cxn ang="T129">
                    <a:pos x="T26" y="T27"/>
                  </a:cxn>
                  <a:cxn ang="T130">
                    <a:pos x="T28" y="T29"/>
                  </a:cxn>
                  <a:cxn ang="T131">
                    <a:pos x="T30" y="T31"/>
                  </a:cxn>
                  <a:cxn ang="T132">
                    <a:pos x="T32" y="T33"/>
                  </a:cxn>
                  <a:cxn ang="T133">
                    <a:pos x="T34" y="T35"/>
                  </a:cxn>
                  <a:cxn ang="T134">
                    <a:pos x="T36" y="T37"/>
                  </a:cxn>
                  <a:cxn ang="T135">
                    <a:pos x="T38" y="T39"/>
                  </a:cxn>
                  <a:cxn ang="T136">
                    <a:pos x="T40" y="T41"/>
                  </a:cxn>
                  <a:cxn ang="T137">
                    <a:pos x="T42" y="T43"/>
                  </a:cxn>
                  <a:cxn ang="T138">
                    <a:pos x="T44" y="T45"/>
                  </a:cxn>
                  <a:cxn ang="T139">
                    <a:pos x="T46" y="T47"/>
                  </a:cxn>
                  <a:cxn ang="T140">
                    <a:pos x="T48" y="T49"/>
                  </a:cxn>
                  <a:cxn ang="T141">
                    <a:pos x="T50" y="T51"/>
                  </a:cxn>
                  <a:cxn ang="T142">
                    <a:pos x="T52" y="T53"/>
                  </a:cxn>
                  <a:cxn ang="T143">
                    <a:pos x="T54" y="T55"/>
                  </a:cxn>
                  <a:cxn ang="T144">
                    <a:pos x="T56" y="T57"/>
                  </a:cxn>
                  <a:cxn ang="T145">
                    <a:pos x="T58" y="T59"/>
                  </a:cxn>
                  <a:cxn ang="T146">
                    <a:pos x="T60" y="T61"/>
                  </a:cxn>
                  <a:cxn ang="T147">
                    <a:pos x="T62" y="T63"/>
                  </a:cxn>
                  <a:cxn ang="T148">
                    <a:pos x="T64" y="T65"/>
                  </a:cxn>
                  <a:cxn ang="T149">
                    <a:pos x="T66" y="T67"/>
                  </a:cxn>
                  <a:cxn ang="T150">
                    <a:pos x="T68" y="T69"/>
                  </a:cxn>
                  <a:cxn ang="T151">
                    <a:pos x="T70" y="T71"/>
                  </a:cxn>
                  <a:cxn ang="T152">
                    <a:pos x="T72" y="T73"/>
                  </a:cxn>
                  <a:cxn ang="T153">
                    <a:pos x="T74" y="T75"/>
                  </a:cxn>
                  <a:cxn ang="T154">
                    <a:pos x="T76" y="T77"/>
                  </a:cxn>
                  <a:cxn ang="T155">
                    <a:pos x="T78" y="T79"/>
                  </a:cxn>
                  <a:cxn ang="T156">
                    <a:pos x="T80" y="T81"/>
                  </a:cxn>
                  <a:cxn ang="T157">
                    <a:pos x="T82" y="T83"/>
                  </a:cxn>
                  <a:cxn ang="T158">
                    <a:pos x="T84" y="T85"/>
                  </a:cxn>
                  <a:cxn ang="T159">
                    <a:pos x="T86" y="T87"/>
                  </a:cxn>
                  <a:cxn ang="T160">
                    <a:pos x="T88" y="T89"/>
                  </a:cxn>
                  <a:cxn ang="T161">
                    <a:pos x="T90" y="T91"/>
                  </a:cxn>
                  <a:cxn ang="T162">
                    <a:pos x="T92" y="T93"/>
                  </a:cxn>
                  <a:cxn ang="T163">
                    <a:pos x="T94" y="T95"/>
                  </a:cxn>
                  <a:cxn ang="T164">
                    <a:pos x="T96" y="T97"/>
                  </a:cxn>
                  <a:cxn ang="T165">
                    <a:pos x="T98" y="T99"/>
                  </a:cxn>
                  <a:cxn ang="T166">
                    <a:pos x="T100" y="T101"/>
                  </a:cxn>
                  <a:cxn ang="T167">
                    <a:pos x="T102" y="T103"/>
                  </a:cxn>
                  <a:cxn ang="T168">
                    <a:pos x="T104" y="T105"/>
                  </a:cxn>
                  <a:cxn ang="T169">
                    <a:pos x="T106" y="T107"/>
                  </a:cxn>
                  <a:cxn ang="T170">
                    <a:pos x="T108" y="T109"/>
                  </a:cxn>
                  <a:cxn ang="T171">
                    <a:pos x="T110" y="T111"/>
                  </a:cxn>
                  <a:cxn ang="T172">
                    <a:pos x="T112" y="T113"/>
                  </a:cxn>
                  <a:cxn ang="T173">
                    <a:pos x="T114" y="T115"/>
                  </a:cxn>
                </a:cxnLst>
                <a:rect l="T174" t="T175" r="T176" b="T177"/>
                <a:pathLst>
                  <a:path w="78" h="95">
                    <a:moveTo>
                      <a:pt x="21" y="80"/>
                    </a:moveTo>
                    <a:lnTo>
                      <a:pt x="16" y="83"/>
                    </a:lnTo>
                    <a:lnTo>
                      <a:pt x="16" y="85"/>
                    </a:lnTo>
                    <a:lnTo>
                      <a:pt x="16" y="86"/>
                    </a:lnTo>
                    <a:lnTo>
                      <a:pt x="16" y="88"/>
                    </a:lnTo>
                    <a:lnTo>
                      <a:pt x="16" y="90"/>
                    </a:lnTo>
                    <a:lnTo>
                      <a:pt x="16" y="93"/>
                    </a:lnTo>
                    <a:lnTo>
                      <a:pt x="17" y="95"/>
                    </a:lnTo>
                    <a:lnTo>
                      <a:pt x="22" y="95"/>
                    </a:lnTo>
                    <a:lnTo>
                      <a:pt x="28" y="93"/>
                    </a:lnTo>
                    <a:lnTo>
                      <a:pt x="31" y="90"/>
                    </a:lnTo>
                    <a:lnTo>
                      <a:pt x="36" y="86"/>
                    </a:lnTo>
                    <a:lnTo>
                      <a:pt x="39" y="83"/>
                    </a:lnTo>
                    <a:lnTo>
                      <a:pt x="41" y="80"/>
                    </a:lnTo>
                    <a:lnTo>
                      <a:pt x="43" y="78"/>
                    </a:lnTo>
                    <a:lnTo>
                      <a:pt x="44" y="76"/>
                    </a:lnTo>
                    <a:lnTo>
                      <a:pt x="50" y="76"/>
                    </a:lnTo>
                    <a:lnTo>
                      <a:pt x="50" y="64"/>
                    </a:lnTo>
                    <a:lnTo>
                      <a:pt x="39" y="30"/>
                    </a:lnTo>
                    <a:lnTo>
                      <a:pt x="48" y="29"/>
                    </a:lnTo>
                    <a:lnTo>
                      <a:pt x="55" y="36"/>
                    </a:lnTo>
                    <a:lnTo>
                      <a:pt x="58" y="36"/>
                    </a:lnTo>
                    <a:lnTo>
                      <a:pt x="60" y="36"/>
                    </a:lnTo>
                    <a:lnTo>
                      <a:pt x="61" y="37"/>
                    </a:lnTo>
                    <a:lnTo>
                      <a:pt x="65" y="39"/>
                    </a:lnTo>
                    <a:lnTo>
                      <a:pt x="66" y="42"/>
                    </a:lnTo>
                    <a:lnTo>
                      <a:pt x="68" y="52"/>
                    </a:lnTo>
                    <a:lnTo>
                      <a:pt x="72" y="58"/>
                    </a:lnTo>
                    <a:lnTo>
                      <a:pt x="73" y="61"/>
                    </a:lnTo>
                    <a:lnTo>
                      <a:pt x="75" y="59"/>
                    </a:lnTo>
                    <a:lnTo>
                      <a:pt x="77" y="58"/>
                    </a:lnTo>
                    <a:lnTo>
                      <a:pt x="77" y="54"/>
                    </a:lnTo>
                    <a:lnTo>
                      <a:pt x="78" y="52"/>
                    </a:lnTo>
                    <a:lnTo>
                      <a:pt x="78" y="51"/>
                    </a:lnTo>
                    <a:lnTo>
                      <a:pt x="78" y="52"/>
                    </a:lnTo>
                    <a:lnTo>
                      <a:pt x="77" y="52"/>
                    </a:lnTo>
                    <a:lnTo>
                      <a:pt x="77" y="51"/>
                    </a:lnTo>
                    <a:lnTo>
                      <a:pt x="77" y="49"/>
                    </a:lnTo>
                    <a:lnTo>
                      <a:pt x="75" y="46"/>
                    </a:lnTo>
                    <a:lnTo>
                      <a:pt x="73" y="44"/>
                    </a:lnTo>
                    <a:lnTo>
                      <a:pt x="73" y="42"/>
                    </a:lnTo>
                    <a:lnTo>
                      <a:pt x="73" y="41"/>
                    </a:lnTo>
                    <a:lnTo>
                      <a:pt x="66" y="36"/>
                    </a:lnTo>
                    <a:lnTo>
                      <a:pt x="58" y="30"/>
                    </a:lnTo>
                    <a:lnTo>
                      <a:pt x="51" y="29"/>
                    </a:lnTo>
                    <a:lnTo>
                      <a:pt x="46" y="14"/>
                    </a:lnTo>
                    <a:lnTo>
                      <a:pt x="39" y="14"/>
                    </a:lnTo>
                    <a:lnTo>
                      <a:pt x="34" y="0"/>
                    </a:lnTo>
                    <a:lnTo>
                      <a:pt x="0" y="8"/>
                    </a:lnTo>
                    <a:lnTo>
                      <a:pt x="21" y="80"/>
                    </a:lnTo>
                  </a:path>
                </a:pathLst>
              </a:custGeom>
              <a:solidFill>
                <a:srgbClr val="DDDDDD"/>
              </a:solidFill>
              <a:ln w="3175">
                <a:solidFill>
                  <a:sysClr val="windowText" lastClr="000000"/>
                </a:solidFill>
                <a:round/>
                <a:headEnd/>
                <a:tailEnd/>
              </a:ln>
            </p:spPr>
            <p:txBody>
              <a:bodyPr/>
              <a:lstStyle/>
              <a:p>
                <a:pPr marL="0" marR="0" lvl="0" indent="0" algn="l" defTabSz="57148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125" b="0" i="0" u="none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Myriad Web Pro"/>
                  <a:ea typeface="+mn-ea"/>
                  <a:cs typeface="+mn-cs"/>
                </a:endParaRPr>
              </a:p>
            </p:txBody>
          </p:sp>
        </p:grpSp>
        <p:sp>
          <p:nvSpPr>
            <p:cNvPr id="759" name="TextBox 758"/>
            <p:cNvSpPr txBox="1"/>
            <p:nvPr/>
          </p:nvSpPr>
          <p:spPr>
            <a:xfrm>
              <a:off x="9738850" y="3125889"/>
              <a:ext cx="1163786" cy="40506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 defTabSz="783635">
                <a:defRPr/>
              </a:pPr>
              <a:r>
                <a:rPr lang="en-US" sz="1867" b="1" dirty="0">
                  <a:solidFill>
                    <a:srgbClr val="9A3B26"/>
                  </a:solidFill>
                  <a:latin typeface="Calibri" panose="020F0502020204030204" pitchFamily="34" charset="0"/>
                </a:rPr>
                <a:t>IMP</a:t>
              </a:r>
            </a:p>
          </p:txBody>
        </p:sp>
      </p:grpSp>
      <p:sp>
        <p:nvSpPr>
          <p:cNvPr id="762" name="TextBox 761"/>
          <p:cNvSpPr txBox="1"/>
          <p:nvPr/>
        </p:nvSpPr>
        <p:spPr>
          <a:xfrm>
            <a:off x="609599" y="1179783"/>
            <a:ext cx="11009745" cy="831125"/>
          </a:xfrm>
          <a:prstGeom prst="rect">
            <a:avLst/>
          </a:prstGeom>
          <a:noFill/>
          <a:ln w="57150">
            <a:noFill/>
          </a:ln>
        </p:spPr>
        <p:txBody>
          <a:bodyPr wrap="square" rtlCol="0">
            <a:spAutoFit/>
          </a:bodyPr>
          <a:lstStyle/>
          <a:p>
            <a:pPr marL="0" marR="0" lvl="0" indent="0" defTabSz="457200" eaLnBrk="1" fontAlgn="base" latinLnBrk="0" hangingPunct="1">
              <a:lnSpc>
                <a:spcPct val="90000"/>
              </a:lnSpc>
              <a:spcBef>
                <a:spcPts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2667" b="1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CDC and states have successfully contained many emerging threats,             like </a:t>
            </a:r>
            <a:r>
              <a:rPr lang="en-US" sz="2667" b="1" i="1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C. </a:t>
            </a:r>
            <a:r>
              <a:rPr lang="en-US" sz="2667" b="1" i="1" dirty="0" err="1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auris</a:t>
            </a:r>
            <a:r>
              <a:rPr lang="en-US" sz="2667" b="1" i="1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en-US" sz="2667" b="1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and types of CRE, to single or few cases.</a:t>
            </a:r>
            <a:endParaRPr lang="en-US" sz="2667" b="1" dirty="0">
              <a:solidFill>
                <a:schemeClr val="accent4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grpSp>
        <p:nvGrpSpPr>
          <p:cNvPr id="15" name="Group 14"/>
          <p:cNvGrpSpPr/>
          <p:nvPr/>
        </p:nvGrpSpPr>
        <p:grpSpPr>
          <a:xfrm>
            <a:off x="2754482" y="2503389"/>
            <a:ext cx="3340787" cy="307777"/>
            <a:chOff x="2798888" y="5706861"/>
            <a:chExt cx="3340787" cy="307777"/>
          </a:xfrm>
        </p:grpSpPr>
        <p:sp>
          <p:nvSpPr>
            <p:cNvPr id="763" name="Oval 762"/>
            <p:cNvSpPr/>
            <p:nvPr/>
          </p:nvSpPr>
          <p:spPr>
            <a:xfrm>
              <a:off x="2798888" y="5729370"/>
              <a:ext cx="262759" cy="262759"/>
            </a:xfrm>
            <a:prstGeom prst="ellipse">
              <a:avLst/>
            </a:prstGeom>
            <a:solidFill>
              <a:srgbClr val="DDDDDD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/>
              <a:endParaRPr lang="en-US" sz="1125" kern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64" name="TextBox 763"/>
            <p:cNvSpPr txBox="1"/>
            <p:nvPr/>
          </p:nvSpPr>
          <p:spPr>
            <a:xfrm>
              <a:off x="3060876" y="5706861"/>
              <a:ext cx="3078799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dirty="0" smtClean="0">
                  <a:solidFill>
                    <a:schemeClr val="accent4">
                      <a:lumMod val="75000"/>
                    </a:schemeClr>
                  </a:solidFill>
                  <a:latin typeface="Calibri" panose="020F0502020204030204" pitchFamily="34" charset="0"/>
                </a:rPr>
                <a:t>0 cases</a:t>
              </a:r>
            </a:p>
          </p:txBody>
        </p:sp>
      </p:grpSp>
      <p:grpSp>
        <p:nvGrpSpPr>
          <p:cNvPr id="69" name="Group 68"/>
          <p:cNvGrpSpPr/>
          <p:nvPr/>
        </p:nvGrpSpPr>
        <p:grpSpPr>
          <a:xfrm>
            <a:off x="5034209" y="2503389"/>
            <a:ext cx="3340787" cy="307777"/>
            <a:chOff x="4996548" y="5706861"/>
            <a:chExt cx="3340787" cy="307777"/>
          </a:xfrm>
        </p:grpSpPr>
        <p:sp>
          <p:nvSpPr>
            <p:cNvPr id="765" name="Oval 764"/>
            <p:cNvSpPr/>
            <p:nvPr/>
          </p:nvSpPr>
          <p:spPr>
            <a:xfrm>
              <a:off x="4996548" y="5729370"/>
              <a:ext cx="262759" cy="262759"/>
            </a:xfrm>
            <a:prstGeom prst="ellipse">
              <a:avLst/>
            </a:prstGeom>
            <a:solidFill>
              <a:srgbClr val="2D73FF"/>
            </a:solidFill>
            <a:ln w="317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/>
              <a:endParaRPr lang="en-US" sz="1125" kern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66" name="TextBox 765"/>
            <p:cNvSpPr txBox="1"/>
            <p:nvPr/>
          </p:nvSpPr>
          <p:spPr>
            <a:xfrm>
              <a:off x="5258536" y="5706861"/>
              <a:ext cx="3078799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dirty="0" smtClean="0">
                  <a:solidFill>
                    <a:schemeClr val="accent4">
                      <a:lumMod val="75000"/>
                    </a:schemeClr>
                  </a:solidFill>
                  <a:latin typeface="Calibri" panose="020F0502020204030204" pitchFamily="34" charset="0"/>
                </a:rPr>
                <a:t>1-3 cases</a:t>
              </a:r>
            </a:p>
          </p:txBody>
        </p:sp>
      </p:grpSp>
      <p:grpSp>
        <p:nvGrpSpPr>
          <p:cNvPr id="200" name="Group 199"/>
          <p:cNvGrpSpPr/>
          <p:nvPr/>
        </p:nvGrpSpPr>
        <p:grpSpPr>
          <a:xfrm>
            <a:off x="7313936" y="2503389"/>
            <a:ext cx="3340787" cy="307777"/>
            <a:chOff x="7358342" y="5706861"/>
            <a:chExt cx="3340787" cy="307777"/>
          </a:xfrm>
        </p:grpSpPr>
        <p:sp>
          <p:nvSpPr>
            <p:cNvPr id="767" name="Oval 766"/>
            <p:cNvSpPr/>
            <p:nvPr/>
          </p:nvSpPr>
          <p:spPr>
            <a:xfrm>
              <a:off x="7358342" y="5729370"/>
              <a:ext cx="262759" cy="262759"/>
            </a:xfrm>
            <a:prstGeom prst="ellipse">
              <a:avLst/>
            </a:prstGeom>
            <a:solidFill>
              <a:srgbClr val="002060"/>
            </a:solidFill>
            <a:ln w="9525">
              <a:solidFill>
                <a:sysClr val="windowText" lastClr="000000"/>
              </a:solidFill>
              <a:round/>
              <a:headEnd/>
              <a:tailEnd/>
            </a:ln>
          </p:spPr>
          <p:txBody>
            <a:bodyPr/>
            <a:lstStyle/>
            <a:p>
              <a:pPr defTabSz="571486"/>
              <a:endParaRPr lang="en-US" sz="1125" kern="0">
                <a:solidFill>
                  <a:srgbClr val="FFFFFF"/>
                </a:solidFill>
                <a:latin typeface="Myriad Web Pro"/>
              </a:endParaRPr>
            </a:p>
          </p:txBody>
        </p:sp>
        <p:sp>
          <p:nvSpPr>
            <p:cNvPr id="768" name="TextBox 767"/>
            <p:cNvSpPr txBox="1"/>
            <p:nvPr/>
          </p:nvSpPr>
          <p:spPr>
            <a:xfrm>
              <a:off x="7620330" y="5706861"/>
              <a:ext cx="3078799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dirty="0" smtClean="0">
                  <a:solidFill>
                    <a:schemeClr val="accent4">
                      <a:lumMod val="75000"/>
                    </a:schemeClr>
                  </a:solidFill>
                  <a:latin typeface="Calibri" panose="020F0502020204030204" pitchFamily="34" charset="0"/>
                </a:rPr>
                <a:t>4 or more case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5447115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40"/>
            <a:ext cx="10972800" cy="717732"/>
          </a:xfrm>
        </p:spPr>
        <p:txBody>
          <a:bodyPr/>
          <a:lstStyle/>
          <a:p>
            <a:r>
              <a:rPr lang="en-US" sz="4000" dirty="0" smtClean="0"/>
              <a:t>How much antibiotic use is unnecessary? </a:t>
            </a:r>
            <a:endParaRPr lang="en-US" sz="4000" dirty="0"/>
          </a:p>
        </p:txBody>
      </p:sp>
      <p:sp>
        <p:nvSpPr>
          <p:cNvPr id="4" name="TextBox 3"/>
          <p:cNvSpPr txBox="1"/>
          <p:nvPr/>
        </p:nvSpPr>
        <p:spPr>
          <a:xfrm>
            <a:off x="736558" y="6253261"/>
            <a:ext cx="2994304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en-US" sz="1000" dirty="0">
                <a:solidFill>
                  <a:schemeClr val="accent4">
                    <a:lumMod val="50000"/>
                  </a:schemeClr>
                </a:solidFill>
                <a:latin typeface="Calibri" panose="020F0502020204030204" pitchFamily="34" charset="0"/>
              </a:rPr>
              <a:t>Fleming-Dutra et al. JAMA 2016;315(17): 1864-1873. </a:t>
            </a:r>
          </a:p>
        </p:txBody>
      </p:sp>
      <p:pic>
        <p:nvPicPr>
          <p:cNvPr id="6" name="Picture 2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819"/>
          <a:stretch/>
        </p:blipFill>
        <p:spPr bwMode="auto">
          <a:xfrm>
            <a:off x="5012727" y="1393502"/>
            <a:ext cx="6320583" cy="445313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7" name="Straight Arrow Connector 6"/>
          <p:cNvCxnSpPr/>
          <p:nvPr/>
        </p:nvCxnSpPr>
        <p:spPr>
          <a:xfrm>
            <a:off x="5006498" y="3898051"/>
            <a:ext cx="349510" cy="401131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/>
          <p:cNvSpPr txBox="1"/>
          <p:nvPr/>
        </p:nvSpPr>
        <p:spPr>
          <a:xfrm>
            <a:off x="4154037" y="3374831"/>
            <a:ext cx="1295400" cy="523220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en-US" sz="1400" dirty="0" smtClean="0">
                <a:latin typeface="Calibri" panose="020F0502020204030204" pitchFamily="34" charset="0"/>
              </a:rPr>
              <a:t>Lowest state: 509 per 1000</a:t>
            </a:r>
            <a:endParaRPr lang="en-US" sz="1400" dirty="0">
              <a:latin typeface="Calibri" panose="020F0502020204030204" pitchFamily="34" charset="0"/>
            </a:endParaRPr>
          </a:p>
        </p:txBody>
      </p:sp>
      <p:cxnSp>
        <p:nvCxnSpPr>
          <p:cNvPr id="9" name="Straight Arrow Connector 8"/>
          <p:cNvCxnSpPr/>
          <p:nvPr/>
        </p:nvCxnSpPr>
        <p:spPr>
          <a:xfrm flipH="1" flipV="1">
            <a:off x="9927774" y="3316256"/>
            <a:ext cx="1223254" cy="840935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" name="Picture 1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9516" y="1573599"/>
            <a:ext cx="3248220" cy="3290268"/>
          </a:xfrm>
          <a:prstGeom prst="rect">
            <a:avLst/>
          </a:prstGeom>
        </p:spPr>
      </p:pic>
      <p:sp>
        <p:nvSpPr>
          <p:cNvPr id="10" name="TextBox 9"/>
          <p:cNvSpPr txBox="1"/>
          <p:nvPr/>
        </p:nvSpPr>
        <p:spPr>
          <a:xfrm>
            <a:off x="10668000" y="4157191"/>
            <a:ext cx="1524000" cy="523220"/>
          </a:xfrm>
          <a:prstGeom prst="rect">
            <a:avLst/>
          </a:prstGeom>
          <a:noFill/>
          <a:ln>
            <a:noFill/>
          </a:ln>
          <a:effectLst/>
        </p:spPr>
        <p:txBody>
          <a:bodyPr wrap="square" rtlCol="0">
            <a:spAutoFit/>
          </a:bodyPr>
          <a:lstStyle/>
          <a:p>
            <a:r>
              <a:rPr lang="en-US" sz="1400" dirty="0" smtClean="0"/>
              <a:t>Highest state: 1274 per 1000</a:t>
            </a:r>
            <a:endParaRPr lang="en-US" sz="1400" dirty="0"/>
          </a:p>
        </p:txBody>
      </p:sp>
      <p:sp>
        <p:nvSpPr>
          <p:cNvPr id="11" name="Text Placeholder 3"/>
          <p:cNvSpPr txBox="1">
            <a:spLocks/>
          </p:cNvSpPr>
          <p:nvPr/>
        </p:nvSpPr>
        <p:spPr bwMode="auto">
          <a:xfrm>
            <a:off x="5181253" y="5742338"/>
            <a:ext cx="6782672" cy="52122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457189" indent="-457189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005DAA"/>
              </a:buClr>
              <a:buFont typeface="Wingdings" panose="05000000000000000000" pitchFamily="2" charset="2"/>
              <a:buChar char="§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990575" indent="-38099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532E63"/>
              </a:buClr>
              <a:buFont typeface="Arial" panose="020B0604020202020204" pitchFamily="34" charset="0"/>
              <a:buChar char="–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1523962" indent="-304792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9A3B26"/>
              </a:buClr>
              <a:buFont typeface="Arial" panose="020B0604020202020204" pitchFamily="34" charset="0"/>
              <a:buChar char="•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2133547" indent="-304792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2743131" indent="-304792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dirty="0" smtClean="0">
              <a:solidFill>
                <a:schemeClr val="accent4">
                  <a:lumMod val="50000"/>
                </a:schemeClr>
              </a:solidFill>
            </a:endParaRPr>
          </a:p>
          <a:p>
            <a:pPr marL="0" indent="0">
              <a:buFont typeface="Wingdings" panose="05000000000000000000" pitchFamily="2" charset="2"/>
              <a:buNone/>
            </a:pPr>
            <a:r>
              <a:rPr lang="en-US" sz="1000" dirty="0" smtClean="0">
                <a:solidFill>
                  <a:schemeClr val="accent4">
                    <a:lumMod val="50000"/>
                  </a:schemeClr>
                </a:solidFill>
              </a:rPr>
              <a:t> </a:t>
            </a:r>
            <a:r>
              <a:rPr lang="en-US" altLang="en-US" sz="1000" dirty="0" smtClean="0">
                <a:solidFill>
                  <a:schemeClr val="accent4">
                    <a:lumMod val="50000"/>
                  </a:schemeClr>
                </a:solidFill>
                <a:cs typeface="Arial Unicode MS" pitchFamily="32" charset="0"/>
              </a:rPr>
              <a:t>Hicks CID 2015: 60(9):1308-16; </a:t>
            </a:r>
            <a:r>
              <a:rPr lang="en-US" sz="1000" dirty="0" smtClean="0">
                <a:solidFill>
                  <a:schemeClr val="accent4">
                    <a:lumMod val="50000"/>
                  </a:schemeClr>
                </a:solidFill>
              </a:rPr>
              <a:t>CDC. Outpatient antibiotic prescriptions — United States, 2013. Available via the internet: http://www.cdc.gov/getsmart/community/pdfs/annual-reportsummary_2013.pdf</a:t>
            </a:r>
            <a:endParaRPr lang="en-US" sz="1000" dirty="0">
              <a:solidFill>
                <a:schemeClr val="accent4">
                  <a:lumMod val="50000"/>
                </a:schemeClr>
              </a:solidFill>
            </a:endParaRPr>
          </a:p>
        </p:txBody>
      </p:sp>
      <p:sp>
        <p:nvSpPr>
          <p:cNvPr id="13" name="Text Placeholder 12"/>
          <p:cNvSpPr txBox="1">
            <a:spLocks noGrp="1"/>
          </p:cNvSpPr>
          <p:nvPr>
            <p:ph type="body" sz="quarter" idx="10"/>
          </p:nvPr>
        </p:nvSpPr>
        <p:spPr>
          <a:xfrm>
            <a:off x="271256" y="5086325"/>
            <a:ext cx="3864740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indent="0">
              <a:buNone/>
            </a:pPr>
            <a:r>
              <a:rPr lang="en-US" sz="16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Represents unnecessary risks to patients of adverse drug events, </a:t>
            </a:r>
            <a:r>
              <a:rPr lang="en-US" sz="1600" i="1" dirty="0" smtClean="0">
                <a:solidFill>
                  <a:srgbClr val="000000"/>
                </a:solidFill>
                <a:latin typeface="Calibri" panose="020F0502020204030204" pitchFamily="34" charset="0"/>
              </a:rPr>
              <a:t>Clostridium difficile</a:t>
            </a:r>
            <a:r>
              <a:rPr lang="en-US" sz="16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 infection and development of antibiotic resistance.</a:t>
            </a:r>
          </a:p>
        </p:txBody>
      </p:sp>
      <p:cxnSp>
        <p:nvCxnSpPr>
          <p:cNvPr id="15" name="Straight Arrow Connector 14"/>
          <p:cNvCxnSpPr/>
          <p:nvPr/>
        </p:nvCxnSpPr>
        <p:spPr>
          <a:xfrm flipH="1">
            <a:off x="3295347" y="3374831"/>
            <a:ext cx="49432" cy="1711494"/>
          </a:xfrm>
          <a:prstGeom prst="straightConnector1">
            <a:avLst/>
          </a:prstGeom>
          <a:ln w="57150">
            <a:solidFill>
              <a:srgbClr val="005DAA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4890809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3200" dirty="0"/>
              <a:t>Three Things Health Plans Should Know About Antibiotic Harms that Have Nothing to Do with Resistanc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pPr marL="514350" indent="-514350">
              <a:buFont typeface="+mj-lt"/>
              <a:buAutoNum type="arabicPeriod"/>
            </a:pPr>
            <a:r>
              <a:rPr lang="en-US" sz="2400" dirty="0"/>
              <a:t>Antibiotic adverse events can be </a:t>
            </a:r>
            <a:r>
              <a:rPr lang="en-US" sz="2400" b="1" u="sng" dirty="0"/>
              <a:t>severe</a:t>
            </a:r>
            <a:r>
              <a:rPr lang="en-US" sz="2400" dirty="0"/>
              <a:t>, examples:</a:t>
            </a:r>
          </a:p>
          <a:p>
            <a:pPr lvl="1">
              <a:buFont typeface="Calibri" panose="020F0502020204030204" pitchFamily="34" charset="0"/>
              <a:buChar char="–"/>
            </a:pPr>
            <a:r>
              <a:rPr lang="en-US" sz="2200" dirty="0" smtClean="0"/>
              <a:t>Antibiotic-associated </a:t>
            </a:r>
            <a:r>
              <a:rPr lang="en-US" sz="2200" dirty="0"/>
              <a:t>diarrhea (e.g., </a:t>
            </a:r>
            <a:r>
              <a:rPr lang="en-US" sz="2200" i="1" dirty="0"/>
              <a:t>C. difficile </a:t>
            </a:r>
            <a:r>
              <a:rPr lang="en-US" sz="2200" dirty="0"/>
              <a:t>infection)</a:t>
            </a:r>
          </a:p>
          <a:p>
            <a:pPr lvl="1">
              <a:buFont typeface="Calibri" panose="020F0502020204030204" pitchFamily="34" charset="0"/>
              <a:buChar char="–"/>
            </a:pPr>
            <a:r>
              <a:rPr lang="en-US" sz="2200" dirty="0" smtClean="0"/>
              <a:t>Life-threatening </a:t>
            </a:r>
            <a:r>
              <a:rPr lang="en-US" sz="2200" dirty="0"/>
              <a:t>allergic reactions (e.g., anaphylaxis)</a:t>
            </a:r>
          </a:p>
          <a:p>
            <a:pPr marL="609585" lvl="1" indent="0">
              <a:buNone/>
            </a:pPr>
            <a:endParaRPr lang="en-US" sz="1800" dirty="0"/>
          </a:p>
          <a:p>
            <a:pPr marL="514350" indent="-514350">
              <a:buFont typeface="+mj-lt"/>
              <a:buAutoNum type="arabicPeriod"/>
            </a:pPr>
            <a:r>
              <a:rPr lang="en-US" sz="2400" dirty="0"/>
              <a:t>Antibiotic adverse events can </a:t>
            </a:r>
            <a:r>
              <a:rPr lang="en-US" sz="2400" b="1" u="sng" dirty="0"/>
              <a:t>cost</a:t>
            </a:r>
            <a:r>
              <a:rPr lang="en-US" sz="2400" dirty="0"/>
              <a:t> the health plan in </a:t>
            </a:r>
            <a:r>
              <a:rPr lang="en-US" sz="2400" b="1" u="sng" dirty="0"/>
              <a:t>ER visits</a:t>
            </a:r>
          </a:p>
          <a:p>
            <a:pPr lvl="1">
              <a:buFont typeface="Calibri" panose="020F0502020204030204" pitchFamily="34" charset="0"/>
              <a:buChar char="–"/>
            </a:pPr>
            <a:r>
              <a:rPr lang="en-US" sz="2200" dirty="0"/>
              <a:t>1 in 1000 antibiotic prescriptions leads to an ER visit for an adverse event </a:t>
            </a:r>
            <a:endParaRPr lang="en-US" sz="2200" dirty="0" smtClean="0"/>
          </a:p>
          <a:p>
            <a:pPr lvl="2">
              <a:buFont typeface="Calibri" panose="020F0502020204030204" pitchFamily="34" charset="0"/>
              <a:buChar char="–"/>
            </a:pPr>
            <a:r>
              <a:rPr lang="en-US" sz="2200" b="1" dirty="0" smtClean="0"/>
              <a:t>~</a:t>
            </a:r>
            <a:r>
              <a:rPr lang="en-US" sz="2200" b="1" dirty="0"/>
              <a:t>200,000 estimated ER visits/year in U.S</a:t>
            </a:r>
            <a:r>
              <a:rPr lang="en-US" sz="2200" b="1" dirty="0" smtClean="0"/>
              <a:t>.</a:t>
            </a:r>
            <a:endParaRPr lang="en-US" sz="2200" b="1" dirty="0"/>
          </a:p>
          <a:p>
            <a:pPr lvl="1">
              <a:buFont typeface="Calibri" panose="020F0502020204030204" pitchFamily="34" charset="0"/>
              <a:buChar char="–"/>
            </a:pPr>
            <a:r>
              <a:rPr lang="en-US" sz="2200" dirty="0"/>
              <a:t>Antibiotics: most common cause of drug-related ER visits in children</a:t>
            </a:r>
          </a:p>
          <a:p>
            <a:endParaRPr lang="en-US" sz="1800" dirty="0"/>
          </a:p>
          <a:p>
            <a:pPr marL="514350" indent="-514350">
              <a:buFont typeface="+mj-lt"/>
              <a:buAutoNum type="arabicPeriod" startAt="3"/>
            </a:pPr>
            <a:r>
              <a:rPr lang="en-US" sz="2400" dirty="0"/>
              <a:t>Antibiotic adverse events </a:t>
            </a:r>
            <a:r>
              <a:rPr lang="en-US" sz="2400" dirty="0" smtClean="0"/>
              <a:t>may have </a:t>
            </a:r>
            <a:r>
              <a:rPr lang="en-US" sz="2400" dirty="0"/>
              <a:t>long-term consequences for </a:t>
            </a:r>
            <a:r>
              <a:rPr lang="en-US" sz="2400" b="1" u="sng" dirty="0"/>
              <a:t>chronic disease</a:t>
            </a:r>
          </a:p>
          <a:p>
            <a:pPr lvl="1">
              <a:buFont typeface="Calibri" panose="020F0502020204030204" pitchFamily="34" charset="0"/>
              <a:buChar char="–"/>
            </a:pPr>
            <a:r>
              <a:rPr lang="en-US" sz="2200" dirty="0"/>
              <a:t>Disruption of microbiota and microbiome linked to chronic disease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609600" y="6215092"/>
            <a:ext cx="11338560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100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Linder</a:t>
            </a:r>
            <a:r>
              <a:rPr lang="fr-FR" sz="11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. </a:t>
            </a:r>
            <a:r>
              <a:rPr lang="fr-FR" sz="1100" i="1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Clin Infect Dis</a:t>
            </a:r>
            <a:r>
              <a:rPr lang="fr-FR" sz="11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. 2008 Sep 15;47(6):744-6 </a:t>
            </a:r>
            <a:r>
              <a:rPr lang="fr-FR" sz="1100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en-US" sz="1100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Shehab</a:t>
            </a:r>
            <a:r>
              <a:rPr lang="en-US" sz="11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, et al. </a:t>
            </a:r>
            <a:r>
              <a:rPr lang="fr-FR" sz="1100" i="1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Clin Infect Dis</a:t>
            </a:r>
            <a:r>
              <a:rPr lang="fr-FR" sz="11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. 2008 Sep 15;47(6):735-43.  </a:t>
            </a:r>
            <a:r>
              <a:rPr lang="fr-FR" sz="1100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Shehab et al. </a:t>
            </a:r>
            <a:r>
              <a:rPr lang="fr-FR" sz="1100" i="1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JAMA 2016</a:t>
            </a:r>
            <a:r>
              <a:rPr lang="fr-FR" sz="1100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:316:2115-25</a:t>
            </a:r>
            <a:r>
              <a:rPr lang="fr-FR" sz="1100" i="1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. </a:t>
            </a:r>
            <a:r>
              <a:rPr lang="fr-FR" sz="1100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Bourgeois</a:t>
            </a:r>
            <a:r>
              <a:rPr lang="fr-FR" sz="11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, et al. </a:t>
            </a:r>
            <a:r>
              <a:rPr lang="fr-FR" sz="1100" i="1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Pediatrics.</a:t>
            </a:r>
            <a:r>
              <a:rPr lang="fr-FR" sz="11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 2009;124(4):e744-50</a:t>
            </a:r>
            <a:r>
              <a:rPr lang="fr-FR" sz="1100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.  </a:t>
            </a:r>
            <a:r>
              <a:rPr lang="en-US" sz="1100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Vangay</a:t>
            </a:r>
            <a:r>
              <a:rPr lang="en-US" sz="11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, et al. Cell host &amp; microbe 2015; 17(5): 553-564. </a:t>
            </a:r>
          </a:p>
        </p:txBody>
      </p:sp>
    </p:spTree>
    <p:extLst>
      <p:ext uri="{BB962C8B-B14F-4D97-AF65-F5344CB8AC3E}">
        <p14:creationId xmlns:p14="http://schemas.microsoft.com/office/powerpoint/2010/main" val="33189556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664475"/>
          </a:xfrm>
        </p:spPr>
        <p:txBody>
          <a:bodyPr anchor="t"/>
          <a:lstStyle/>
          <a:p>
            <a:r>
              <a:rPr lang="en-US" sz="3200" dirty="0" smtClean="0"/>
              <a:t>Potential Impact of </a:t>
            </a:r>
            <a:r>
              <a:rPr lang="en-US" sz="3200" i="1" dirty="0" smtClean="0"/>
              <a:t>C. difficile </a:t>
            </a:r>
            <a:r>
              <a:rPr lang="en-US" sz="3200" dirty="0" smtClean="0"/>
              <a:t>Prevention</a:t>
            </a:r>
            <a:endParaRPr lang="en-US" sz="3200" dirty="0"/>
          </a:p>
        </p:txBody>
      </p:sp>
      <p:sp>
        <p:nvSpPr>
          <p:cNvPr id="12" name="Text Placeholder 7"/>
          <p:cNvSpPr>
            <a:spLocks noGrp="1"/>
          </p:cNvSpPr>
          <p:nvPr>
            <p:ph type="body" sz="quarter" idx="10"/>
          </p:nvPr>
        </p:nvSpPr>
        <p:spPr>
          <a:xfrm>
            <a:off x="814136" y="4912342"/>
            <a:ext cx="10972800" cy="4455584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1900" b="1" dirty="0"/>
              <a:t>National Perspective</a:t>
            </a:r>
          </a:p>
          <a:p>
            <a:r>
              <a:rPr lang="en-US" sz="1900" dirty="0"/>
              <a:t>An intervention with </a:t>
            </a:r>
            <a:r>
              <a:rPr lang="en-US" sz="1900" u="sng" dirty="0"/>
              <a:t>50% effectiveness</a:t>
            </a:r>
            <a:r>
              <a:rPr lang="en-US" sz="1900" dirty="0"/>
              <a:t> would:</a:t>
            </a:r>
          </a:p>
          <a:p>
            <a:pPr lvl="1"/>
            <a:r>
              <a:rPr lang="en-US" sz="1900" b="1" dirty="0" smtClean="0"/>
              <a:t>Save </a:t>
            </a:r>
            <a:r>
              <a:rPr lang="en-US" sz="1900" b="1" dirty="0"/>
              <a:t>$2.5 billion in </a:t>
            </a:r>
            <a:r>
              <a:rPr lang="en-US" sz="1900" b="1" dirty="0" smtClean="0"/>
              <a:t>direct </a:t>
            </a:r>
            <a:r>
              <a:rPr lang="en-US" sz="1900" b="1" dirty="0"/>
              <a:t>medical costs </a:t>
            </a:r>
            <a:r>
              <a:rPr lang="en-US" sz="1900" dirty="0"/>
              <a:t>over 5 </a:t>
            </a:r>
            <a:r>
              <a:rPr lang="en-US" sz="1900" dirty="0" smtClean="0"/>
              <a:t>years.</a:t>
            </a:r>
            <a:endParaRPr lang="en-US" sz="1900" dirty="0"/>
          </a:p>
          <a:p>
            <a:pPr lvl="1"/>
            <a:r>
              <a:rPr lang="en-US" sz="1900" b="1" dirty="0"/>
              <a:t>Save $689 billion in </a:t>
            </a:r>
            <a:r>
              <a:rPr lang="en-US" sz="1900" b="1" dirty="0" smtClean="0"/>
              <a:t>societal costs </a:t>
            </a:r>
            <a:r>
              <a:rPr lang="en-US" sz="1900" dirty="0" smtClean="0"/>
              <a:t>over </a:t>
            </a:r>
            <a:r>
              <a:rPr lang="en-US" sz="1900" dirty="0"/>
              <a:t>5 </a:t>
            </a:r>
            <a:r>
              <a:rPr lang="en-US" sz="1900" dirty="0" smtClean="0"/>
              <a:t>years.</a:t>
            </a:r>
            <a:endParaRPr lang="en-US" sz="1900" dirty="0"/>
          </a:p>
          <a:p>
            <a:pPr marL="0" indent="0">
              <a:buNone/>
            </a:pPr>
            <a:endParaRPr lang="en-US" dirty="0"/>
          </a:p>
        </p:txBody>
      </p:sp>
      <p:graphicFrame>
        <p:nvGraphicFramePr>
          <p:cNvPr id="9" name="Table 8"/>
          <p:cNvGraphicFramePr>
            <a:graphicFrameLocks noGrp="1"/>
          </p:cNvGraphicFramePr>
          <p:nvPr>
            <p:extLst/>
          </p:nvPr>
        </p:nvGraphicFramePr>
        <p:xfrm>
          <a:off x="609600" y="1557009"/>
          <a:ext cx="10972801" cy="3252616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5983111">
                  <a:extLst>
                    <a:ext uri="{9D8B030D-6E8A-4147-A177-3AD203B41FA5}">
                      <a16:colId xmlns:a16="http://schemas.microsoft.com/office/drawing/2014/main" val="863495674"/>
                    </a:ext>
                  </a:extLst>
                </a:gridCol>
                <a:gridCol w="1188156">
                  <a:extLst>
                    <a:ext uri="{9D8B030D-6E8A-4147-A177-3AD203B41FA5}">
                      <a16:colId xmlns:a16="http://schemas.microsoft.com/office/drawing/2014/main" val="1662948155"/>
                    </a:ext>
                  </a:extLst>
                </a:gridCol>
                <a:gridCol w="1267178">
                  <a:extLst>
                    <a:ext uri="{9D8B030D-6E8A-4147-A177-3AD203B41FA5}">
                      <a16:colId xmlns:a16="http://schemas.microsoft.com/office/drawing/2014/main" val="2779704705"/>
                    </a:ext>
                  </a:extLst>
                </a:gridCol>
                <a:gridCol w="1267178">
                  <a:extLst>
                    <a:ext uri="{9D8B030D-6E8A-4147-A177-3AD203B41FA5}">
                      <a16:colId xmlns:a16="http://schemas.microsoft.com/office/drawing/2014/main" val="1642192819"/>
                    </a:ext>
                  </a:extLst>
                </a:gridCol>
                <a:gridCol w="1267178">
                  <a:extLst>
                    <a:ext uri="{9D8B030D-6E8A-4147-A177-3AD203B41FA5}">
                      <a16:colId xmlns:a16="http://schemas.microsoft.com/office/drawing/2014/main" val="3084128206"/>
                    </a:ext>
                  </a:extLst>
                </a:gridCol>
              </a:tblGrid>
              <a:tr h="425938">
                <a:tc rowSpan="2">
                  <a:txBody>
                    <a:bodyPr/>
                    <a:lstStyle/>
                    <a:p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 gridSpan="4">
                  <a:txBody>
                    <a:bodyPr/>
                    <a:lstStyle/>
                    <a:p>
                      <a:pPr algn="ctr"/>
                      <a:r>
                        <a:rPr lang="en-US" sz="1600" dirty="0" smtClean="0">
                          <a:solidFill>
                            <a:schemeClr val="accent6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Intervention Effectiveness</a:t>
                      </a:r>
                      <a:endParaRPr lang="en-US" sz="1600" dirty="0">
                        <a:solidFill>
                          <a:schemeClr val="accent6"/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00813421"/>
                  </a:ext>
                </a:extLst>
              </a:tr>
              <a:tr h="425938">
                <a:tc vMerge="1">
                  <a:txBody>
                    <a:bodyPr/>
                    <a:lstStyle/>
                    <a:p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 smtClean="0">
                          <a:solidFill>
                            <a:schemeClr val="accent6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0%</a:t>
                      </a:r>
                      <a:endParaRPr lang="en-US" sz="1600" b="1" dirty="0">
                        <a:solidFill>
                          <a:schemeClr val="accent6"/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 smtClean="0">
                          <a:solidFill>
                            <a:schemeClr val="accent6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25%</a:t>
                      </a:r>
                      <a:endParaRPr lang="en-US" sz="1600" b="1" dirty="0">
                        <a:solidFill>
                          <a:schemeClr val="accent6"/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 smtClean="0">
                          <a:solidFill>
                            <a:schemeClr val="accent6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50%</a:t>
                      </a:r>
                      <a:endParaRPr lang="en-US" sz="1600" b="1" dirty="0">
                        <a:solidFill>
                          <a:schemeClr val="accent6"/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 smtClean="0">
                          <a:solidFill>
                            <a:schemeClr val="accent6"/>
                          </a:solidFill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75%</a:t>
                      </a:r>
                      <a:endParaRPr lang="en-US" sz="1600" b="1" dirty="0">
                        <a:solidFill>
                          <a:schemeClr val="accent6"/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40000"/>
                        <a:lumOff val="6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42698136"/>
                  </a:ext>
                </a:extLst>
              </a:tr>
              <a:tr h="425938">
                <a:tc gridSpan="5">
                  <a:txBody>
                    <a:bodyPr/>
                    <a:lstStyle/>
                    <a:p>
                      <a:pPr marL="0" marR="0" lvl="0" indent="0" algn="l" defTabSz="121917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1" dirty="0" smtClean="0">
                          <a:solidFill>
                            <a:schemeClr val="accent4">
                              <a:lumMod val="75000"/>
                            </a:schemeClr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Cohort of 1,000 hospitalized Medicare beneficiaries ≥65 years old</a:t>
                      </a:r>
                      <a:endParaRPr lang="en-US" sz="1600" b="1" dirty="0" smtClean="0">
                        <a:solidFill>
                          <a:schemeClr val="accent4">
                            <a:lumMod val="75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/>
                        <a:cs typeface="Calibri" panose="020F0502020204030204" pitchFamily="34" charset="0"/>
                      </a:endParaRPr>
                    </a:p>
                  </a:txBody>
                  <a:tcPr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471923330"/>
                  </a:ext>
                </a:extLst>
              </a:tr>
              <a:tr h="387216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4">
                              <a:lumMod val="75000"/>
                            </a:schemeClr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      Total CDI infections averted over 5 years</a:t>
                      </a:r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4">
                              <a:lumMod val="75000"/>
                            </a:schemeClr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7.36</a:t>
                      </a:r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4">
                              <a:lumMod val="75000"/>
                            </a:schemeClr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8.59</a:t>
                      </a:r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4">
                              <a:lumMod val="75000"/>
                            </a:schemeClr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36.94</a:t>
                      </a:r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4">
                              <a:lumMod val="75000"/>
                            </a:schemeClr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56.06</a:t>
                      </a:r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3345499792"/>
                  </a:ext>
                </a:extLst>
              </a:tr>
              <a:tr h="387216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4">
                              <a:lumMod val="75000"/>
                            </a:schemeClr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      Total CDI-attributed deaths averted over 5 years</a:t>
                      </a:r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4">
                              <a:lumMod val="75000"/>
                            </a:schemeClr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.20</a:t>
                      </a:r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4">
                              <a:lumMod val="75000"/>
                            </a:schemeClr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2.93</a:t>
                      </a:r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4">
                              <a:lumMod val="75000"/>
                            </a:schemeClr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5.91</a:t>
                      </a:r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4">
                              <a:lumMod val="75000"/>
                            </a:schemeClr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8.97</a:t>
                      </a:r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2369785398"/>
                  </a:ext>
                </a:extLst>
              </a:tr>
              <a:tr h="425938">
                <a:tc gridSpan="5">
                  <a:txBody>
                    <a:bodyPr/>
                    <a:lstStyle/>
                    <a:p>
                      <a:pPr marL="0" marR="0" lvl="0" indent="0" algn="l" defTabSz="121917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1" dirty="0" smtClean="0">
                          <a:solidFill>
                            <a:schemeClr val="accent4">
                              <a:lumMod val="75000"/>
                            </a:schemeClr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Among all hospitalized Medicare beneficiaries ≥65 years old</a:t>
                      </a:r>
                      <a:endParaRPr lang="en-US" sz="1600" b="1" dirty="0" smtClean="0">
                        <a:solidFill>
                          <a:schemeClr val="accent4">
                            <a:lumMod val="75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/>
                        <a:cs typeface="Calibri" panose="020F0502020204030204" pitchFamily="34" charset="0"/>
                      </a:endParaRPr>
                    </a:p>
                  </a:txBody>
                  <a:tcPr anchor="ctr"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4171816770"/>
                  </a:ext>
                </a:extLst>
              </a:tr>
              <a:tr h="387216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4">
                              <a:lumMod val="75000"/>
                            </a:schemeClr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      Total CDI infections averted over 5 years</a:t>
                      </a:r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4">
                              <a:lumMod val="75000"/>
                            </a:schemeClr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01,000</a:t>
                      </a:r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4">
                              <a:lumMod val="75000"/>
                            </a:schemeClr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257,000</a:t>
                      </a:r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4">
                              <a:lumMod val="75000"/>
                            </a:schemeClr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509,000</a:t>
                      </a:r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dirty="0">
                          <a:solidFill>
                            <a:schemeClr val="accent4">
                              <a:lumMod val="75000"/>
                            </a:schemeClr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773,000</a:t>
                      </a:r>
                      <a:endParaRPr lang="en-US" sz="1600" dirty="0">
                        <a:solidFill>
                          <a:schemeClr val="accent4">
                            <a:lumMod val="75000"/>
                          </a:schemeClr>
                        </a:solidFill>
                        <a:effectLst/>
                        <a:latin typeface="Calibri" panose="020F0502020204030204" pitchFamily="34" charset="0"/>
                        <a:ea typeface="Calibri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310509212"/>
                  </a:ext>
                </a:extLst>
              </a:tr>
              <a:tr h="387216">
                <a:tc>
                  <a:txBody>
                    <a:bodyPr/>
                    <a:lstStyle/>
                    <a:p>
                      <a:pPr marL="0" marR="0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chemeClr val="accent5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       Total CDI-attributed deaths averted over 5 years</a:t>
                      </a:r>
                      <a:endParaRPr lang="en-US" sz="1600" b="1" dirty="0">
                        <a:solidFill>
                          <a:schemeClr val="accent5"/>
                        </a:solidFill>
                        <a:effectLst/>
                        <a:latin typeface="Calibri" panose="020F0502020204030204" pitchFamily="34" charset="0"/>
                        <a:ea typeface="Calibri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chemeClr val="accent5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6,000</a:t>
                      </a:r>
                      <a:endParaRPr lang="en-US" sz="1600" b="1" dirty="0">
                        <a:solidFill>
                          <a:schemeClr val="accent5"/>
                        </a:solidFill>
                        <a:effectLst/>
                        <a:latin typeface="Calibri" panose="020F0502020204030204" pitchFamily="34" charset="0"/>
                        <a:ea typeface="Calibri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chemeClr val="accent5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41,000</a:t>
                      </a:r>
                      <a:endParaRPr lang="en-US" sz="1600" b="1" dirty="0">
                        <a:solidFill>
                          <a:schemeClr val="accent5"/>
                        </a:solidFill>
                        <a:effectLst/>
                        <a:latin typeface="Calibri" panose="020F0502020204030204" pitchFamily="34" charset="0"/>
                        <a:ea typeface="Calibri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chemeClr val="accent5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82,000</a:t>
                      </a:r>
                      <a:endParaRPr lang="en-US" sz="1600" b="1" dirty="0">
                        <a:solidFill>
                          <a:schemeClr val="accent5"/>
                        </a:solidFill>
                        <a:effectLst/>
                        <a:latin typeface="Calibri" panose="020F0502020204030204" pitchFamily="34" charset="0"/>
                        <a:ea typeface="Calibri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chemeClr val="accent5"/>
                          </a:solidFill>
                          <a:effectLst/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24,000</a:t>
                      </a:r>
                      <a:endParaRPr lang="en-US" sz="1600" b="1" dirty="0">
                        <a:solidFill>
                          <a:schemeClr val="accent5"/>
                        </a:solidFill>
                        <a:effectLst/>
                        <a:latin typeface="Calibri" panose="020F0502020204030204" pitchFamily="34" charset="0"/>
                        <a:ea typeface="Calibri"/>
                        <a:cs typeface="Calibri" panose="020F050202020403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4018314946"/>
                  </a:ext>
                </a:extLst>
              </a:tr>
            </a:tbl>
          </a:graphicData>
        </a:graphic>
      </p:graphicFrame>
      <p:sp>
        <p:nvSpPr>
          <p:cNvPr id="10" name="Rectangle 9"/>
          <p:cNvSpPr/>
          <p:nvPr/>
        </p:nvSpPr>
        <p:spPr>
          <a:xfrm>
            <a:off x="9110133" y="1930400"/>
            <a:ext cx="1117600" cy="2981942"/>
          </a:xfrm>
          <a:prstGeom prst="rect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TextBox 10"/>
          <p:cNvSpPr txBox="1"/>
          <p:nvPr/>
        </p:nvSpPr>
        <p:spPr>
          <a:xfrm>
            <a:off x="609600" y="6363073"/>
            <a:ext cx="109728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6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R </a:t>
            </a:r>
            <a:r>
              <a:rPr lang="de-DE" sz="1600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Slayton</a:t>
            </a:r>
            <a:r>
              <a:rPr lang="de-DE" sz="16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, ICHE 2015; </a:t>
            </a:r>
            <a:r>
              <a:rPr lang="de-DE" sz="1600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36:681-687</a:t>
            </a:r>
            <a:endParaRPr lang="de-DE" sz="1600" dirty="0">
              <a:solidFill>
                <a:schemeClr val="accent4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950807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7" name="Shape 137"/>
          <p:cNvSpPr>
            <a:spLocks noGrp="1"/>
          </p:cNvSpPr>
          <p:nvPr>
            <p:ph type="title"/>
          </p:nvPr>
        </p:nvSpPr>
        <p:spPr>
          <a:xfrm>
            <a:off x="609600" y="380301"/>
            <a:ext cx="10972800" cy="696519"/>
          </a:xfrm>
        </p:spPr>
        <p:txBody>
          <a:bodyPr>
            <a:normAutofit/>
          </a:bodyPr>
          <a:lstStyle/>
          <a:p>
            <a:r>
              <a:rPr lang="en-US" dirty="0">
                <a:solidFill>
                  <a:srgbClr val="335FB2"/>
                </a:solidFill>
              </a:rPr>
              <a:t>Improving Education on Antibiotic </a:t>
            </a:r>
            <a:r>
              <a:rPr lang="en-US" dirty="0" smtClean="0">
                <a:solidFill>
                  <a:srgbClr val="335FB2"/>
                </a:solidFill>
              </a:rPr>
              <a:t>Use</a:t>
            </a:r>
            <a:endParaRPr lang="en-US" dirty="0">
              <a:solidFill>
                <a:srgbClr val="335FB2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432" t="10011" r="6563" b="43992"/>
          <a:stretch/>
        </p:blipFill>
        <p:spPr>
          <a:xfrm>
            <a:off x="7269453" y="1451167"/>
            <a:ext cx="4321716" cy="1576363"/>
          </a:xfrm>
          <a:prstGeom prst="rect">
            <a:avLst/>
          </a:prstGeom>
        </p:spPr>
      </p:pic>
      <p:sp>
        <p:nvSpPr>
          <p:cNvPr id="5" name="Content Placeholder 1"/>
          <p:cNvSpPr txBox="1">
            <a:spLocks/>
          </p:cNvSpPr>
          <p:nvPr/>
        </p:nvSpPr>
        <p:spPr bwMode="auto">
          <a:xfrm>
            <a:off x="609600" y="1267751"/>
            <a:ext cx="6648752" cy="541670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121920" tIns="60960" rIns="121920" bIns="60960" numCol="1" anchor="t" anchorCtr="0" compatLnSpc="1">
            <a:prstTxWarp prst="textNoShape">
              <a:avLst/>
            </a:prstTxWarp>
            <a:noAutofit/>
          </a:bodyPr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005DAA"/>
              </a:buClr>
              <a:buFont typeface="Wingdings" panose="05000000000000000000" pitchFamily="2" charset="2"/>
              <a:buChar char="§"/>
              <a:defRPr sz="2000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532E63"/>
              </a:buClr>
              <a:buFont typeface="Arial" panose="020B0604020202020204" pitchFamily="34" charset="0"/>
              <a:buChar char="–"/>
              <a:defRPr sz="2000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9A3B26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000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/>
              <a:t>New educational effort: Refining messaging and expanding to new target audiences.</a:t>
            </a:r>
          </a:p>
          <a:p>
            <a:pPr lvl="1"/>
            <a:r>
              <a:rPr lang="en-US" sz="2400" dirty="0"/>
              <a:t>Focus on patient safety: Unnecessary antibiotics cause preventable harm</a:t>
            </a:r>
          </a:p>
          <a:p>
            <a:pPr lvl="1"/>
            <a:r>
              <a:rPr lang="en-US" sz="2400" dirty="0"/>
              <a:t>Increased messaging for adult patients</a:t>
            </a:r>
          </a:p>
          <a:p>
            <a:pPr lvl="1"/>
            <a:r>
              <a:rPr lang="en-US" sz="2400" dirty="0"/>
              <a:t>New effort to reach hospitalists, nurse practitioners, physician assistants</a:t>
            </a:r>
          </a:p>
          <a:p>
            <a:r>
              <a:rPr lang="en-US" sz="2400" dirty="0"/>
              <a:t>“U.S. Antibiotic Awareness Week”</a:t>
            </a:r>
          </a:p>
          <a:p>
            <a:pPr lvl="1"/>
            <a:r>
              <a:rPr lang="en-US" sz="2400" dirty="0">
                <a:solidFill>
                  <a:srgbClr val="55565A"/>
                </a:solidFill>
              </a:rPr>
              <a:t>November 12-19, 2018</a:t>
            </a:r>
          </a:p>
          <a:p>
            <a:pPr lvl="1"/>
            <a:r>
              <a:rPr lang="en-US" sz="2400" dirty="0"/>
              <a:t>Addresses key need to provide information on antibiotic use, especially to patients.</a:t>
            </a:r>
          </a:p>
          <a:p>
            <a:pPr marL="609585" lvl="1" indent="0">
              <a:buNone/>
            </a:pPr>
            <a:endParaRPr lang="en-US" sz="2400" dirty="0"/>
          </a:p>
        </p:txBody>
      </p:sp>
      <p:pic>
        <p:nvPicPr>
          <p:cNvPr id="2" name="CDC_ANTIBIOTIC USE_30_v15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6"/>
          <a:stretch>
            <a:fillRect/>
          </a:stretch>
        </p:blipFill>
        <p:spPr>
          <a:xfrm>
            <a:off x="7269453" y="3171333"/>
            <a:ext cx="4525060" cy="25453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598432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2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2"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2"/>
                </p:tgtEl>
              </p:cMediaNode>
            </p:video>
          </p:childTnLst>
        </p:cTn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5069" y="547242"/>
            <a:ext cx="11679446" cy="856687"/>
          </a:xfrm>
        </p:spPr>
        <p:txBody>
          <a:bodyPr/>
          <a:lstStyle/>
          <a:p>
            <a:r>
              <a:rPr lang="en-US" sz="4000" dirty="0" smtClean="0"/>
              <a:t>Working with Partners to Improve Stewardship Across All Healthcare Settings</a:t>
            </a:r>
            <a:endParaRPr lang="en-US" sz="4000" dirty="0"/>
          </a:p>
        </p:txBody>
      </p:sp>
      <p:sp>
        <p:nvSpPr>
          <p:cNvPr id="9" name="Text Placeholder 3"/>
          <p:cNvSpPr txBox="1">
            <a:spLocks/>
          </p:cNvSpPr>
          <p:nvPr/>
        </p:nvSpPr>
        <p:spPr>
          <a:xfrm>
            <a:off x="5366306" y="1431942"/>
            <a:ext cx="5184675" cy="463082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defPPr>
              <a:defRPr lang="en-US"/>
            </a:defPPr>
            <a:lvl1pPr marL="457214" indent="-285750">
              <a:lnSpc>
                <a:spcPct val="120000"/>
              </a:lnSpc>
              <a:spcBef>
                <a:spcPts val="0"/>
              </a:spcBef>
              <a:spcAft>
                <a:spcPts val="300"/>
              </a:spcAft>
              <a:buClr>
                <a:schemeClr val="tx2">
                  <a:lumMod val="60000"/>
                  <a:lumOff val="40000"/>
                </a:schemeClr>
              </a:buClr>
              <a:buSzPct val="100000"/>
              <a:buFont typeface="Wingdings" panose="05000000000000000000" pitchFamily="2" charset="2"/>
              <a:buChar char="q"/>
              <a:defRPr sz="1600" b="0"/>
            </a:lvl1pPr>
            <a:lvl2pPr marL="441325" indent="-166688" defTabSz="914400">
              <a:spcBef>
                <a:spcPts val="1200"/>
              </a:spcBef>
              <a:buFont typeface="Arial" pitchFamily="34" charset="0"/>
              <a:buChar char="−"/>
              <a:defRPr>
                <a:solidFill>
                  <a:schemeClr val="tx2"/>
                </a:solidFill>
              </a:defRPr>
            </a:lvl2pPr>
            <a:lvl3pPr marL="441325" indent="-166688" defTabSz="914400">
              <a:spcBef>
                <a:spcPts val="1200"/>
              </a:spcBef>
              <a:buFont typeface="Arial" pitchFamily="34" charset="0"/>
              <a:buChar char="−"/>
              <a:defRPr>
                <a:solidFill>
                  <a:schemeClr val="tx2"/>
                </a:solidFill>
              </a:defRPr>
            </a:lvl3pPr>
            <a:lvl4pPr marL="447675" indent="-180975" defTabSz="914400">
              <a:spcBef>
                <a:spcPts val="1200"/>
              </a:spcBef>
              <a:buFont typeface="Arial" pitchFamily="34" charset="0"/>
              <a:buChar char="−"/>
              <a:defRPr>
                <a:solidFill>
                  <a:schemeClr val="tx2"/>
                </a:solidFill>
              </a:defRPr>
            </a:lvl4pPr>
            <a:lvl5pPr marL="441325" indent="-166688" defTabSz="914400">
              <a:spcBef>
                <a:spcPts val="1200"/>
              </a:spcBef>
              <a:buFont typeface="Arial" pitchFamily="34" charset="0"/>
              <a:buChar char="−"/>
              <a:defRPr>
                <a:solidFill>
                  <a:schemeClr val="tx2"/>
                </a:solidFill>
              </a:defRPr>
            </a:lvl5pPr>
            <a:lvl6pPr marL="2514600" indent="-228600" defTabSz="914400">
              <a:spcBef>
                <a:spcPct val="20000"/>
              </a:spcBef>
              <a:buFont typeface="Arial" pitchFamily="34" charset="0"/>
              <a:buChar char="•"/>
              <a:defRPr sz="2000"/>
            </a:lvl6pPr>
            <a:lvl7pPr marL="2971800" indent="-228600" defTabSz="914400">
              <a:spcBef>
                <a:spcPct val="20000"/>
              </a:spcBef>
              <a:buFont typeface="Arial" pitchFamily="34" charset="0"/>
              <a:buChar char="•"/>
              <a:defRPr sz="2000"/>
            </a:lvl7pPr>
            <a:lvl8pPr marL="3429000" indent="-228600" defTabSz="914400">
              <a:spcBef>
                <a:spcPct val="20000"/>
              </a:spcBef>
              <a:buFont typeface="Arial" pitchFamily="34" charset="0"/>
              <a:buChar char="•"/>
              <a:defRPr sz="2000"/>
            </a:lvl8pPr>
            <a:lvl9pPr marL="3886200" indent="-228600" defTabSz="914400">
              <a:spcBef>
                <a:spcPct val="20000"/>
              </a:spcBef>
              <a:buFont typeface="Arial" pitchFamily="34" charset="0"/>
              <a:buChar char="•"/>
              <a:defRPr sz="2000"/>
            </a:lvl9pPr>
          </a:lstStyle>
          <a:p>
            <a:pPr marL="171460" lvl="1" indent="0" defTabSz="914332">
              <a:lnSpc>
                <a:spcPct val="120000"/>
              </a:lnSpc>
              <a:spcBef>
                <a:spcPts val="0"/>
              </a:spcBef>
              <a:spcAft>
                <a:spcPts val="300"/>
              </a:spcAft>
              <a:buClr>
                <a:srgbClr val="FFFFFF">
                  <a:lumMod val="60000"/>
                  <a:lumOff val="40000"/>
                </a:srgbClr>
              </a:buClr>
              <a:buSzPct val="100000"/>
              <a:buNone/>
              <a:defRPr/>
            </a:pPr>
            <a:endParaRPr lang="en-US" sz="1400" dirty="0">
              <a:solidFill>
                <a:srgbClr val="FFFFFF"/>
              </a:solidFill>
            </a:endParaRPr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13833" y="1670785"/>
            <a:ext cx="2704518" cy="3689487"/>
          </a:xfrm>
          <a:prstGeom prst="rect">
            <a:avLst/>
          </a:prstGeom>
          <a:ln w="50800">
            <a:solidFill>
              <a:srgbClr val="000000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20" name="Picture 19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55069" y="1650798"/>
            <a:ext cx="2717810" cy="3709474"/>
          </a:xfrm>
          <a:prstGeom prst="rect">
            <a:avLst/>
          </a:prstGeom>
          <a:ln w="50800">
            <a:solidFill>
              <a:srgbClr val="000000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3" name="Rectangle 2"/>
          <p:cNvSpPr/>
          <p:nvPr/>
        </p:nvSpPr>
        <p:spPr>
          <a:xfrm>
            <a:off x="277657" y="5777097"/>
            <a:ext cx="11656858" cy="88280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7000"/>
              </a:lnSpc>
            </a:pPr>
            <a:r>
              <a:rPr lang="en-US" sz="1200" u="sng" dirty="0">
                <a:latin typeface="Calibri" panose="020F0502020204030204" pitchFamily="34" charset="0"/>
                <a:hlinkClick r:id="rId5"/>
              </a:rPr>
              <a:t>https://</a:t>
            </a:r>
            <a:r>
              <a:rPr lang="en-US" sz="1200" u="sng" dirty="0" smtClean="0">
                <a:latin typeface="Calibri" panose="020F0502020204030204" pitchFamily="34" charset="0"/>
                <a:hlinkClick r:id="rId5"/>
              </a:rPr>
              <a:t>www.cdc.gov/getsmart/healthcare/implementation/core-elements.html</a:t>
            </a:r>
            <a:r>
              <a:rPr lang="en-US" sz="1200" u="sng" dirty="0" smtClean="0">
                <a:latin typeface="Calibri" panose="020F0502020204030204" pitchFamily="34" charset="0"/>
              </a:rPr>
              <a:t>; </a:t>
            </a:r>
          </a:p>
          <a:p>
            <a:pPr>
              <a:lnSpc>
                <a:spcPct val="107000"/>
              </a:lnSpc>
            </a:pPr>
            <a:r>
              <a:rPr lang="en-US" sz="1200" u="sng" dirty="0" smtClean="0">
                <a:latin typeface="Calibri" panose="020F0502020204030204" pitchFamily="34" charset="0"/>
                <a:hlinkClick r:id="rId6"/>
              </a:rPr>
              <a:t>https</a:t>
            </a:r>
            <a:r>
              <a:rPr lang="en-US" sz="1200" u="sng" dirty="0">
                <a:latin typeface="Calibri" panose="020F0502020204030204" pitchFamily="34" charset="0"/>
                <a:hlinkClick r:id="rId6"/>
              </a:rPr>
              <a:t>://www.cdc.gov/longtermcare/prevention/antibiotic-stewardship.html</a:t>
            </a:r>
            <a:endParaRPr lang="en-US" sz="1200" dirty="0">
              <a:latin typeface="Calibri" panose="020F0502020204030204" pitchFamily="34" charset="0"/>
            </a:endParaRPr>
          </a:p>
          <a:p>
            <a:pPr>
              <a:lnSpc>
                <a:spcPct val="107000"/>
              </a:lnSpc>
            </a:pPr>
            <a:r>
              <a:rPr lang="en-US" sz="1200" u="sng" dirty="0" smtClean="0">
                <a:solidFill>
                  <a:srgbClr val="0563C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  <a:hlinkClick r:id="rId7"/>
              </a:rPr>
              <a:t>https</a:t>
            </a:r>
            <a:r>
              <a:rPr lang="en-US" sz="1200" u="sng" dirty="0">
                <a:solidFill>
                  <a:srgbClr val="0563C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  <a:hlinkClick r:id="rId7"/>
              </a:rPr>
              <a:t>://</a:t>
            </a:r>
            <a:r>
              <a:rPr lang="en-US" sz="1200" u="sng" dirty="0" smtClean="0">
                <a:solidFill>
                  <a:srgbClr val="0563C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  <a:hlinkClick r:id="rId7"/>
              </a:rPr>
              <a:t>www.cdc.gov/getsmart/community/improving-prescribing/core-elements/core-outpatient-stewardship.html</a:t>
            </a:r>
            <a:endParaRPr lang="en-US" sz="1200" u="sng" dirty="0" smtClean="0">
              <a:solidFill>
                <a:srgbClr val="0563C1"/>
              </a:solidFill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</a:pPr>
            <a:r>
              <a:rPr lang="en-US" sz="12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https://www.cdc.gov/getsmart/healthcare/implementation/core-elements-small-critical.html</a:t>
            </a: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8"/>
          <a:srcRect l="30711" t="10738" r="28493" b="5357"/>
          <a:stretch/>
        </p:blipFill>
        <p:spPr>
          <a:xfrm>
            <a:off x="8842826" y="1612342"/>
            <a:ext cx="2915631" cy="3747930"/>
          </a:xfrm>
          <a:prstGeom prst="rect">
            <a:avLst/>
          </a:prstGeom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3050077" y="1665996"/>
            <a:ext cx="2897697" cy="37296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501501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/>
          <a:srcRect l="31609" t="35319" r="52412" b="50198"/>
          <a:stretch/>
        </p:blipFill>
        <p:spPr>
          <a:xfrm>
            <a:off x="7427922" y="349032"/>
            <a:ext cx="4180495" cy="2131411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31118" y="2751620"/>
            <a:ext cx="2219785" cy="3048000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93518" y="2760028"/>
            <a:ext cx="2185380" cy="3048000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8" name="Content Placeholder 1"/>
          <p:cNvSpPr txBox="1">
            <a:spLocks/>
          </p:cNvSpPr>
          <p:nvPr/>
        </p:nvSpPr>
        <p:spPr bwMode="auto">
          <a:xfrm>
            <a:off x="777841" y="571243"/>
            <a:ext cx="6076319" cy="48185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121920" tIns="60960" rIns="121920" bIns="60960" numCol="1" anchor="t" anchorCtr="0" compatLnSpc="1">
            <a:prstTxWarp prst="textNoShape">
              <a:avLst/>
            </a:prstTxWarp>
            <a:normAutofit fontScale="92500" lnSpcReduction="20000"/>
          </a:bodyPr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005DAA"/>
              </a:buClr>
              <a:buFont typeface="Wingdings" panose="05000000000000000000" pitchFamily="2" charset="2"/>
              <a:buChar char="§"/>
              <a:defRPr sz="2000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532E63"/>
              </a:buClr>
              <a:buFont typeface="Arial" panose="020B0604020202020204" pitchFamily="34" charset="0"/>
              <a:buChar char="–"/>
              <a:defRPr sz="2000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rgbClr val="9A3B26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000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3733" b="1" i="1" dirty="0">
                <a:solidFill>
                  <a:srgbClr val="0039A6"/>
                </a:solidFill>
                <a:cs typeface="Calibri" panose="020F0502020204030204" pitchFamily="34" charset="0"/>
              </a:rPr>
              <a:t>Get Ahead of Sepsis</a:t>
            </a:r>
          </a:p>
          <a:p>
            <a:pPr marL="0" indent="0">
              <a:buNone/>
            </a:pPr>
            <a:endParaRPr lang="en-US" sz="2400" b="1" dirty="0">
              <a:solidFill>
                <a:srgbClr val="0039A6"/>
              </a:solidFill>
              <a:cs typeface="Calibri" panose="020F0502020204030204" pitchFamily="34" charset="0"/>
            </a:endParaRPr>
          </a:p>
          <a:p>
            <a:pPr marL="0" indent="0">
              <a:buNone/>
            </a:pPr>
            <a:r>
              <a:rPr lang="en-US" sz="2533" b="1" dirty="0">
                <a:solidFill>
                  <a:srgbClr val="0039A6"/>
                </a:solidFill>
                <a:cs typeface="Calibri" panose="020F0502020204030204" pitchFamily="34" charset="0"/>
              </a:rPr>
              <a:t>Goal</a:t>
            </a:r>
          </a:p>
          <a:p>
            <a:pPr marL="0" indent="0">
              <a:buNone/>
            </a:pPr>
            <a:r>
              <a:rPr lang="en-US" sz="2267" dirty="0">
                <a:cs typeface="Calibri" panose="020F0502020204030204" pitchFamily="34" charset="0"/>
              </a:rPr>
              <a:t>Emphasizes the importance of sepsis early recognition, timely treatment, reassessment of antibiotic needs, and prevention of infections that could lead to sepsis.</a:t>
            </a:r>
          </a:p>
          <a:p>
            <a:pPr marL="0" indent="0">
              <a:buNone/>
            </a:pPr>
            <a:endParaRPr lang="en-US" sz="2133" dirty="0">
              <a:cs typeface="Calibri" panose="020F0502020204030204" pitchFamily="34" charset="0"/>
            </a:endParaRPr>
          </a:p>
          <a:p>
            <a:pPr marL="0" indent="0">
              <a:buNone/>
            </a:pPr>
            <a:endParaRPr lang="en-US" sz="2133" dirty="0">
              <a:cs typeface="Calibri" panose="020F0502020204030204" pitchFamily="34" charset="0"/>
            </a:endParaRPr>
          </a:p>
          <a:p>
            <a:pPr marL="0" indent="0">
              <a:buNone/>
            </a:pPr>
            <a:r>
              <a:rPr lang="en-US" sz="2533" b="1" dirty="0">
                <a:solidFill>
                  <a:srgbClr val="0039A6"/>
                </a:solidFill>
                <a:cs typeface="Calibri" panose="020F0502020204030204" pitchFamily="34" charset="0"/>
              </a:rPr>
              <a:t>Anticipated Outcomes</a:t>
            </a:r>
            <a:endParaRPr lang="en-US" sz="2533" dirty="0">
              <a:ea typeface="Arial" charset="0"/>
              <a:cs typeface="Arial" panose="020B0604020202020204" pitchFamily="34" charset="0"/>
            </a:endParaRPr>
          </a:p>
          <a:p>
            <a:r>
              <a:rPr lang="en-US" sz="2267" dirty="0">
                <a:cs typeface="Calibri" panose="020F0502020204030204" pitchFamily="34" charset="0"/>
              </a:rPr>
              <a:t>Increase awareness of need for early recognition and prompt treatment.</a:t>
            </a:r>
          </a:p>
          <a:p>
            <a:r>
              <a:rPr lang="en-US" sz="2267" dirty="0">
                <a:cs typeface="Calibri" panose="020F0502020204030204" pitchFamily="34" charset="0"/>
              </a:rPr>
              <a:t>Increase awareness of preventing infections that can lead to sepsis.</a:t>
            </a:r>
          </a:p>
          <a:p>
            <a:endParaRPr lang="en-US" sz="2400" dirty="0">
              <a:cs typeface="Calibri" panose="020F0502020204030204" pitchFamily="34" charset="0"/>
            </a:endParaRPr>
          </a:p>
          <a:p>
            <a:endParaRPr lang="en-US" sz="2400" dirty="0">
              <a:ea typeface="Arial" charset="0"/>
              <a:cs typeface="Arial" panose="020B0604020202020204" pitchFamily="34" charset="0"/>
            </a:endParaRPr>
          </a:p>
          <a:p>
            <a:pPr lvl="1"/>
            <a:endParaRPr lang="en-US" sz="2400" dirty="0">
              <a:ea typeface="Arial" charset="0"/>
              <a:cs typeface="Arial" panose="020B0604020202020204" pitchFamily="34" charset="0"/>
            </a:endParaRPr>
          </a:p>
          <a:p>
            <a:endParaRPr lang="en-US" sz="2400" dirty="0">
              <a:ea typeface="Arial" charset="0"/>
              <a:cs typeface="Arial" panose="020B0604020202020204" pitchFamily="34" charset="0"/>
            </a:endParaRPr>
          </a:p>
          <a:p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5849515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07094" y="186169"/>
            <a:ext cx="10972800" cy="1143000"/>
          </a:xfrm>
        </p:spPr>
        <p:txBody>
          <a:bodyPr anchor="t"/>
          <a:lstStyle/>
          <a:p>
            <a:pPr algn="ctr"/>
            <a:r>
              <a:rPr lang="en-US" sz="4000" dirty="0" smtClean="0"/>
              <a:t>Partners are Critical</a:t>
            </a:r>
            <a:endParaRPr lang="en-US" sz="4000" dirty="0"/>
          </a:p>
        </p:txBody>
      </p:sp>
      <p:sp>
        <p:nvSpPr>
          <p:cNvPr id="3" name="Oval 2"/>
          <p:cNvSpPr/>
          <p:nvPr/>
        </p:nvSpPr>
        <p:spPr>
          <a:xfrm>
            <a:off x="3863994" y="5562516"/>
            <a:ext cx="1097280" cy="1097280"/>
          </a:xfrm>
          <a:prstGeom prst="ellipse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 smtClean="0">
                <a:solidFill>
                  <a:schemeClr val="bg2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DC</a:t>
            </a:r>
            <a:endParaRPr lang="en-US" b="1" dirty="0">
              <a:solidFill>
                <a:schemeClr val="bg2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cxnSp>
        <p:nvCxnSpPr>
          <p:cNvPr id="15" name="Straight Arrow Connector 14"/>
          <p:cNvCxnSpPr>
            <a:endCxn id="34" idx="3"/>
          </p:cNvCxnSpPr>
          <p:nvPr/>
        </p:nvCxnSpPr>
        <p:spPr>
          <a:xfrm flipV="1">
            <a:off x="4827311" y="2074321"/>
            <a:ext cx="4744379" cy="3648889"/>
          </a:xfrm>
          <a:prstGeom prst="straightConnector1">
            <a:avLst/>
          </a:prstGeom>
          <a:ln>
            <a:solidFill>
              <a:srgbClr val="00000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Arrow Connector 16"/>
          <p:cNvCxnSpPr>
            <a:endCxn id="33" idx="3"/>
          </p:cNvCxnSpPr>
          <p:nvPr/>
        </p:nvCxnSpPr>
        <p:spPr>
          <a:xfrm flipV="1">
            <a:off x="4961274" y="3809974"/>
            <a:ext cx="4610416" cy="2068700"/>
          </a:xfrm>
          <a:prstGeom prst="straightConnector1">
            <a:avLst/>
          </a:prstGeom>
          <a:ln>
            <a:solidFill>
              <a:srgbClr val="00000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Arrow Connector 18"/>
          <p:cNvCxnSpPr>
            <a:stCxn id="3" idx="6"/>
            <a:endCxn id="32" idx="2"/>
          </p:cNvCxnSpPr>
          <p:nvPr/>
        </p:nvCxnSpPr>
        <p:spPr>
          <a:xfrm flipV="1">
            <a:off x="4961274" y="5219573"/>
            <a:ext cx="4476505" cy="891583"/>
          </a:xfrm>
          <a:prstGeom prst="straightConnector1">
            <a:avLst/>
          </a:prstGeom>
          <a:ln>
            <a:solidFill>
              <a:srgbClr val="00000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Arrow Connector 20"/>
          <p:cNvCxnSpPr/>
          <p:nvPr/>
        </p:nvCxnSpPr>
        <p:spPr>
          <a:xfrm flipV="1">
            <a:off x="4521612" y="3875930"/>
            <a:ext cx="173904" cy="1657217"/>
          </a:xfrm>
          <a:prstGeom prst="straightConnector1">
            <a:avLst/>
          </a:prstGeom>
          <a:ln>
            <a:solidFill>
              <a:srgbClr val="00000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Arrow Connector 22"/>
          <p:cNvCxnSpPr/>
          <p:nvPr/>
        </p:nvCxnSpPr>
        <p:spPr>
          <a:xfrm flipH="1" flipV="1">
            <a:off x="2875707" y="5355517"/>
            <a:ext cx="1042784" cy="554507"/>
          </a:xfrm>
          <a:prstGeom prst="straightConnector1">
            <a:avLst/>
          </a:prstGeom>
          <a:ln>
            <a:solidFill>
              <a:srgbClr val="00000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Arrow Connector 24"/>
          <p:cNvCxnSpPr>
            <a:stCxn id="3" idx="1"/>
          </p:cNvCxnSpPr>
          <p:nvPr/>
        </p:nvCxnSpPr>
        <p:spPr>
          <a:xfrm flipH="1" flipV="1">
            <a:off x="2770492" y="3748529"/>
            <a:ext cx="1254195" cy="1974680"/>
          </a:xfrm>
          <a:prstGeom prst="straightConnector1">
            <a:avLst/>
          </a:prstGeom>
          <a:ln>
            <a:solidFill>
              <a:srgbClr val="00000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Arrow Connector 26"/>
          <p:cNvCxnSpPr/>
          <p:nvPr/>
        </p:nvCxnSpPr>
        <p:spPr>
          <a:xfrm flipH="1" flipV="1">
            <a:off x="2791469" y="2118192"/>
            <a:ext cx="1469636" cy="3507386"/>
          </a:xfrm>
          <a:prstGeom prst="straightConnector1">
            <a:avLst/>
          </a:prstGeom>
          <a:ln>
            <a:solidFill>
              <a:srgbClr val="00000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val 27"/>
          <p:cNvSpPr/>
          <p:nvPr/>
        </p:nvSpPr>
        <p:spPr>
          <a:xfrm>
            <a:off x="1968629" y="1294496"/>
            <a:ext cx="914400" cy="914400"/>
          </a:xfrm>
          <a:prstGeom prst="ellipse">
            <a:avLst/>
          </a:prstGeom>
          <a:solidFill>
            <a:schemeClr val="tx1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chemeClr val="accent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29" name="Oval 28"/>
          <p:cNvSpPr/>
          <p:nvPr/>
        </p:nvSpPr>
        <p:spPr>
          <a:xfrm>
            <a:off x="1968629" y="3020173"/>
            <a:ext cx="914400" cy="914400"/>
          </a:xfrm>
          <a:prstGeom prst="ellipse">
            <a:avLst/>
          </a:prstGeom>
          <a:solidFill>
            <a:schemeClr val="tx1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chemeClr val="accent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0" name="Oval 29"/>
          <p:cNvSpPr/>
          <p:nvPr/>
        </p:nvSpPr>
        <p:spPr>
          <a:xfrm>
            <a:off x="1968629" y="4762374"/>
            <a:ext cx="914400" cy="914400"/>
          </a:xfrm>
          <a:prstGeom prst="ellipse">
            <a:avLst/>
          </a:prstGeom>
          <a:solidFill>
            <a:schemeClr val="tx1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chemeClr val="accent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2" name="Oval 31"/>
          <p:cNvSpPr/>
          <p:nvPr/>
        </p:nvSpPr>
        <p:spPr>
          <a:xfrm>
            <a:off x="9437779" y="4762373"/>
            <a:ext cx="914400" cy="914400"/>
          </a:xfrm>
          <a:prstGeom prst="ellipse">
            <a:avLst/>
          </a:prstGeom>
          <a:solidFill>
            <a:schemeClr val="tx1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chemeClr val="accent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3" name="Oval 32"/>
          <p:cNvSpPr/>
          <p:nvPr/>
        </p:nvSpPr>
        <p:spPr>
          <a:xfrm>
            <a:off x="9437779" y="3029485"/>
            <a:ext cx="914400" cy="914400"/>
          </a:xfrm>
          <a:prstGeom prst="ellipse">
            <a:avLst/>
          </a:prstGeom>
          <a:solidFill>
            <a:schemeClr val="tx1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chemeClr val="accent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4" name="Oval 33"/>
          <p:cNvSpPr/>
          <p:nvPr/>
        </p:nvSpPr>
        <p:spPr>
          <a:xfrm>
            <a:off x="9437779" y="1293832"/>
            <a:ext cx="914400" cy="914400"/>
          </a:xfrm>
          <a:prstGeom prst="ellipse">
            <a:avLst/>
          </a:prstGeom>
          <a:solidFill>
            <a:schemeClr val="tx1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chemeClr val="accent1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6" name="TextBox 35"/>
          <p:cNvSpPr txBox="1"/>
          <p:nvPr/>
        </p:nvSpPr>
        <p:spPr>
          <a:xfrm>
            <a:off x="411591" y="1428530"/>
            <a:ext cx="1553180" cy="14927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300" b="1" dirty="0" smtClean="0">
                <a:solidFill>
                  <a:srgbClr val="000000"/>
                </a:solidFill>
                <a:latin typeface="Calibri" panose="020F0502020204030204" pitchFamily="34" charset="0"/>
              </a:rPr>
              <a:t>Federal Partners</a:t>
            </a:r>
          </a:p>
          <a:p>
            <a:pPr algn="ctr"/>
            <a:r>
              <a:rPr lang="en-US" sz="13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(CMS, FDA, AHRQ, OASH)</a:t>
            </a:r>
            <a:endParaRPr lang="en-US" sz="1300" dirty="0">
              <a:solidFill>
                <a:srgbClr val="000000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3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Incentives for action, reporting, and guidance</a:t>
            </a:r>
          </a:p>
          <a:p>
            <a:pPr algn="ctr"/>
            <a:endParaRPr lang="en-US" sz="1300" dirty="0" smtClean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TextBox 36"/>
          <p:cNvSpPr txBox="1"/>
          <p:nvPr/>
        </p:nvSpPr>
        <p:spPr>
          <a:xfrm>
            <a:off x="415449" y="3061874"/>
            <a:ext cx="1553180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300" b="1" dirty="0" smtClean="0">
                <a:solidFill>
                  <a:srgbClr val="000000"/>
                </a:solidFill>
                <a:latin typeface="Calibri" panose="020F0502020204030204" pitchFamily="34" charset="0"/>
              </a:rPr>
              <a:t>State Health Depts.</a:t>
            </a:r>
          </a:p>
          <a:p>
            <a:pPr algn="ctr"/>
            <a:r>
              <a:rPr lang="en-US" sz="13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Surveillance, prevention and response</a:t>
            </a:r>
          </a:p>
        </p:txBody>
      </p:sp>
      <p:sp>
        <p:nvSpPr>
          <p:cNvPr id="38" name="TextBox 37"/>
          <p:cNvSpPr txBox="1"/>
          <p:nvPr/>
        </p:nvSpPr>
        <p:spPr>
          <a:xfrm>
            <a:off x="411591" y="4527076"/>
            <a:ext cx="1553180" cy="14927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300" b="1" dirty="0" smtClean="0">
                <a:solidFill>
                  <a:srgbClr val="000000"/>
                </a:solidFill>
                <a:latin typeface="Calibri" panose="020F0502020204030204" pitchFamily="34" charset="0"/>
              </a:rPr>
              <a:t>Industry</a:t>
            </a:r>
          </a:p>
          <a:p>
            <a:pPr algn="ctr"/>
            <a:r>
              <a:rPr lang="en-US" sz="13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New vaccines, therapeutics, diagnostics, infection </a:t>
            </a:r>
            <a:r>
              <a:rPr lang="en-US" sz="13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control, environmental hygiene</a:t>
            </a:r>
            <a:endParaRPr lang="en-US" sz="1300" dirty="0" smtClean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TextBox 39"/>
          <p:cNvSpPr txBox="1"/>
          <p:nvPr/>
        </p:nvSpPr>
        <p:spPr>
          <a:xfrm>
            <a:off x="10348715" y="4897716"/>
            <a:ext cx="1553180" cy="6924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300" b="1" dirty="0" smtClean="0">
                <a:solidFill>
                  <a:srgbClr val="000000"/>
                </a:solidFill>
                <a:latin typeface="Calibri" panose="020F0502020204030204" pitchFamily="34" charset="0"/>
              </a:rPr>
              <a:t>Healthcare Systems</a:t>
            </a:r>
          </a:p>
          <a:p>
            <a:pPr algn="ctr"/>
            <a:r>
              <a:rPr lang="en-US" sz="13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Surveillance and prevention</a:t>
            </a:r>
          </a:p>
        </p:txBody>
      </p:sp>
      <p:sp>
        <p:nvSpPr>
          <p:cNvPr id="41" name="TextBox 40"/>
          <p:cNvSpPr txBox="1"/>
          <p:nvPr/>
        </p:nvSpPr>
        <p:spPr>
          <a:xfrm>
            <a:off x="10348715" y="3162063"/>
            <a:ext cx="1553180" cy="6924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300" b="1" dirty="0" smtClean="0">
                <a:solidFill>
                  <a:srgbClr val="000000"/>
                </a:solidFill>
                <a:latin typeface="Calibri" panose="020F0502020204030204" pitchFamily="34" charset="0"/>
              </a:rPr>
              <a:t>Public and Patients</a:t>
            </a:r>
          </a:p>
          <a:p>
            <a:pPr algn="ctr"/>
            <a:r>
              <a:rPr lang="en-US" sz="13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Awareness </a:t>
            </a:r>
            <a:r>
              <a:rPr lang="en-US" sz="1300" dirty="0">
                <a:solidFill>
                  <a:srgbClr val="000000"/>
                </a:solidFill>
                <a:latin typeface="Calibri" panose="020F0502020204030204" pitchFamily="34" charset="0"/>
              </a:rPr>
              <a:t>and </a:t>
            </a:r>
            <a:r>
              <a:rPr lang="en-US" sz="13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stewardship</a:t>
            </a:r>
            <a:endParaRPr lang="en-US" sz="1300" dirty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TextBox 41"/>
          <p:cNvSpPr txBox="1"/>
          <p:nvPr/>
        </p:nvSpPr>
        <p:spPr>
          <a:xfrm>
            <a:off x="10271056" y="1243200"/>
            <a:ext cx="1708498" cy="89255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300" b="1" dirty="0">
                <a:solidFill>
                  <a:srgbClr val="000000"/>
                </a:solidFill>
                <a:latin typeface="Calibri" panose="020F0502020204030204" pitchFamily="34" charset="0"/>
              </a:rPr>
              <a:t>Healthcare Providers/ Professional </a:t>
            </a:r>
            <a:r>
              <a:rPr lang="en-US" sz="1300" b="1" dirty="0" smtClean="0">
                <a:solidFill>
                  <a:srgbClr val="000000"/>
                </a:solidFill>
                <a:latin typeface="Calibri" panose="020F0502020204030204" pitchFamily="34" charset="0"/>
              </a:rPr>
              <a:t>Orgs.</a:t>
            </a:r>
          </a:p>
          <a:p>
            <a:pPr algn="ctr"/>
            <a:r>
              <a:rPr lang="en-US" sz="1300" dirty="0" smtClean="0">
                <a:solidFill>
                  <a:srgbClr val="000000"/>
                </a:solidFill>
                <a:latin typeface="Calibri" panose="020F0502020204030204" pitchFamily="34" charset="0"/>
              </a:rPr>
              <a:t>Prevention and guidance</a:t>
            </a:r>
          </a:p>
        </p:txBody>
      </p:sp>
      <p:sp>
        <p:nvSpPr>
          <p:cNvPr id="68" name="Freeform 33"/>
          <p:cNvSpPr>
            <a:spLocks noEditPoints="1"/>
          </p:cNvSpPr>
          <p:nvPr/>
        </p:nvSpPr>
        <p:spPr bwMode="auto">
          <a:xfrm>
            <a:off x="9634751" y="1407476"/>
            <a:ext cx="520456" cy="672258"/>
          </a:xfrm>
          <a:custGeom>
            <a:avLst/>
            <a:gdLst>
              <a:gd name="T0" fmla="*/ 255 w 348"/>
              <a:gd name="T1" fmla="*/ 269 h 494"/>
              <a:gd name="T2" fmla="*/ 263 w 348"/>
              <a:gd name="T3" fmla="*/ 372 h 494"/>
              <a:gd name="T4" fmla="*/ 235 w 348"/>
              <a:gd name="T5" fmla="*/ 381 h 494"/>
              <a:gd name="T6" fmla="*/ 235 w 348"/>
              <a:gd name="T7" fmla="*/ 381 h 494"/>
              <a:gd name="T8" fmla="*/ 235 w 348"/>
              <a:gd name="T9" fmla="*/ 427 h 494"/>
              <a:gd name="T10" fmla="*/ 258 w 348"/>
              <a:gd name="T11" fmla="*/ 436 h 494"/>
              <a:gd name="T12" fmla="*/ 291 w 348"/>
              <a:gd name="T13" fmla="*/ 404 h 494"/>
              <a:gd name="T14" fmla="*/ 281 w 348"/>
              <a:gd name="T15" fmla="*/ 381 h 494"/>
              <a:gd name="T16" fmla="*/ 287 w 348"/>
              <a:gd name="T17" fmla="*/ 339 h 494"/>
              <a:gd name="T18" fmla="*/ 315 w 348"/>
              <a:gd name="T19" fmla="*/ 281 h 494"/>
              <a:gd name="T20" fmla="*/ 0 w 348"/>
              <a:gd name="T21" fmla="*/ 444 h 494"/>
              <a:gd name="T22" fmla="*/ 70 w 348"/>
              <a:gd name="T23" fmla="*/ 273 h 494"/>
              <a:gd name="T24" fmla="*/ 25 w 348"/>
              <a:gd name="T25" fmla="*/ 376 h 494"/>
              <a:gd name="T26" fmla="*/ 25 w 348"/>
              <a:gd name="T27" fmla="*/ 417 h 494"/>
              <a:gd name="T28" fmla="*/ 42 w 348"/>
              <a:gd name="T29" fmla="*/ 437 h 494"/>
              <a:gd name="T30" fmla="*/ 80 w 348"/>
              <a:gd name="T31" fmla="*/ 424 h 494"/>
              <a:gd name="T32" fmla="*/ 49 w 348"/>
              <a:gd name="T33" fmla="*/ 421 h 494"/>
              <a:gd name="T34" fmla="*/ 34 w 348"/>
              <a:gd name="T35" fmla="*/ 397 h 494"/>
              <a:gd name="T36" fmla="*/ 79 w 348"/>
              <a:gd name="T37" fmla="*/ 331 h 494"/>
              <a:gd name="T38" fmla="*/ 131 w 348"/>
              <a:gd name="T39" fmla="*/ 369 h 494"/>
              <a:gd name="T40" fmla="*/ 138 w 348"/>
              <a:gd name="T41" fmla="*/ 398 h 494"/>
              <a:gd name="T42" fmla="*/ 127 w 348"/>
              <a:gd name="T43" fmla="*/ 408 h 494"/>
              <a:gd name="T44" fmla="*/ 114 w 348"/>
              <a:gd name="T45" fmla="*/ 444 h 494"/>
              <a:gd name="T46" fmla="*/ 136 w 348"/>
              <a:gd name="T47" fmla="*/ 421 h 494"/>
              <a:gd name="T48" fmla="*/ 151 w 348"/>
              <a:gd name="T49" fmla="*/ 381 h 494"/>
              <a:gd name="T50" fmla="*/ 87 w 348"/>
              <a:gd name="T51" fmla="*/ 319 h 494"/>
              <a:gd name="T52" fmla="*/ 114 w 348"/>
              <a:gd name="T53" fmla="*/ 267 h 494"/>
              <a:gd name="T54" fmla="*/ 234 w 348"/>
              <a:gd name="T55" fmla="*/ 267 h 494"/>
              <a:gd name="T56" fmla="*/ 278 w 348"/>
              <a:gd name="T57" fmla="*/ 122 h 494"/>
              <a:gd name="T58" fmla="*/ 263 w 348"/>
              <a:gd name="T59" fmla="*/ 176 h 494"/>
              <a:gd name="T60" fmla="*/ 177 w 348"/>
              <a:gd name="T61" fmla="*/ 254 h 494"/>
              <a:gd name="T62" fmla="*/ 89 w 348"/>
              <a:gd name="T63" fmla="*/ 186 h 494"/>
              <a:gd name="T64" fmla="*/ 72 w 348"/>
              <a:gd name="T65" fmla="*/ 155 h 494"/>
              <a:gd name="T66" fmla="*/ 73 w 348"/>
              <a:gd name="T67" fmla="*/ 121 h 494"/>
              <a:gd name="T68" fmla="*/ 219 w 348"/>
              <a:gd name="T69" fmla="*/ 19 h 494"/>
              <a:gd name="T70" fmla="*/ 99 w 348"/>
              <a:gd name="T71" fmla="*/ 116 h 494"/>
              <a:gd name="T72" fmla="*/ 141 w 348"/>
              <a:gd name="T73" fmla="*/ 222 h 494"/>
              <a:gd name="T74" fmla="*/ 211 w 348"/>
              <a:gd name="T75" fmla="*/ 219 h 494"/>
              <a:gd name="T76" fmla="*/ 250 w 348"/>
              <a:gd name="T77" fmla="*/ 114 h 494"/>
              <a:gd name="T78" fmla="*/ 215 w 348"/>
              <a:gd name="T79" fmla="*/ 122 h 494"/>
              <a:gd name="T80" fmla="*/ 211 w 348"/>
              <a:gd name="T81" fmla="*/ 107 h 494"/>
              <a:gd name="T82" fmla="*/ 179 w 348"/>
              <a:gd name="T83" fmla="*/ 120 h 494"/>
              <a:gd name="T84" fmla="*/ 99 w 348"/>
              <a:gd name="T85" fmla="*/ 116 h 494"/>
              <a:gd name="T86" fmla="*/ 258 w 348"/>
              <a:gd name="T87" fmla="*/ 389 h 494"/>
              <a:gd name="T88" fmla="*/ 248 w 348"/>
              <a:gd name="T89" fmla="*/ 393 h 494"/>
              <a:gd name="T90" fmla="*/ 248 w 348"/>
              <a:gd name="T91" fmla="*/ 414 h 494"/>
              <a:gd name="T92" fmla="*/ 258 w 348"/>
              <a:gd name="T93" fmla="*/ 418 h 494"/>
              <a:gd name="T94" fmla="*/ 273 w 348"/>
              <a:gd name="T95" fmla="*/ 404 h 49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348" h="494">
                <a:moveTo>
                  <a:pt x="234" y="267"/>
                </a:moveTo>
                <a:cubicBezTo>
                  <a:pt x="240" y="267"/>
                  <a:pt x="247" y="268"/>
                  <a:pt x="255" y="269"/>
                </a:cubicBezTo>
                <a:cubicBezTo>
                  <a:pt x="261" y="285"/>
                  <a:pt x="271" y="315"/>
                  <a:pt x="269" y="338"/>
                </a:cubicBezTo>
                <a:cubicBezTo>
                  <a:pt x="268" y="354"/>
                  <a:pt x="266" y="365"/>
                  <a:pt x="263" y="372"/>
                </a:cubicBezTo>
                <a:cubicBezTo>
                  <a:pt x="262" y="371"/>
                  <a:pt x="260" y="371"/>
                  <a:pt x="258" y="371"/>
                </a:cubicBezTo>
                <a:cubicBezTo>
                  <a:pt x="249" y="371"/>
                  <a:pt x="241" y="375"/>
                  <a:pt x="235" y="381"/>
                </a:cubicBezTo>
                <a:cubicBezTo>
                  <a:pt x="235" y="381"/>
                  <a:pt x="235" y="381"/>
                  <a:pt x="235" y="381"/>
                </a:cubicBezTo>
                <a:cubicBezTo>
                  <a:pt x="235" y="381"/>
                  <a:pt x="235" y="381"/>
                  <a:pt x="235" y="381"/>
                </a:cubicBezTo>
                <a:cubicBezTo>
                  <a:pt x="230" y="387"/>
                  <a:pt x="226" y="395"/>
                  <a:pt x="226" y="404"/>
                </a:cubicBezTo>
                <a:cubicBezTo>
                  <a:pt x="226" y="413"/>
                  <a:pt x="230" y="421"/>
                  <a:pt x="235" y="427"/>
                </a:cubicBezTo>
                <a:cubicBezTo>
                  <a:pt x="235" y="427"/>
                  <a:pt x="235" y="427"/>
                  <a:pt x="235" y="427"/>
                </a:cubicBezTo>
                <a:cubicBezTo>
                  <a:pt x="241" y="433"/>
                  <a:pt x="249" y="436"/>
                  <a:pt x="258" y="436"/>
                </a:cubicBezTo>
                <a:cubicBezTo>
                  <a:pt x="267" y="436"/>
                  <a:pt x="275" y="433"/>
                  <a:pt x="281" y="427"/>
                </a:cubicBezTo>
                <a:cubicBezTo>
                  <a:pt x="287" y="421"/>
                  <a:pt x="291" y="413"/>
                  <a:pt x="291" y="404"/>
                </a:cubicBezTo>
                <a:cubicBezTo>
                  <a:pt x="291" y="395"/>
                  <a:pt x="287" y="387"/>
                  <a:pt x="281" y="381"/>
                </a:cubicBezTo>
                <a:cubicBezTo>
                  <a:pt x="281" y="381"/>
                  <a:pt x="281" y="381"/>
                  <a:pt x="281" y="381"/>
                </a:cubicBezTo>
                <a:cubicBezTo>
                  <a:pt x="281" y="380"/>
                  <a:pt x="280" y="380"/>
                  <a:pt x="279" y="379"/>
                </a:cubicBezTo>
                <a:cubicBezTo>
                  <a:pt x="282" y="371"/>
                  <a:pt x="286" y="358"/>
                  <a:pt x="287" y="339"/>
                </a:cubicBezTo>
                <a:cubicBezTo>
                  <a:pt x="289" y="318"/>
                  <a:pt x="281" y="290"/>
                  <a:pt x="275" y="272"/>
                </a:cubicBezTo>
                <a:cubicBezTo>
                  <a:pt x="294" y="276"/>
                  <a:pt x="311" y="280"/>
                  <a:pt x="315" y="281"/>
                </a:cubicBezTo>
                <a:cubicBezTo>
                  <a:pt x="336" y="329"/>
                  <a:pt x="347" y="383"/>
                  <a:pt x="348" y="444"/>
                </a:cubicBezTo>
                <a:cubicBezTo>
                  <a:pt x="325" y="491"/>
                  <a:pt x="27" y="494"/>
                  <a:pt x="0" y="444"/>
                </a:cubicBezTo>
                <a:cubicBezTo>
                  <a:pt x="1" y="383"/>
                  <a:pt x="12" y="329"/>
                  <a:pt x="33" y="281"/>
                </a:cubicBezTo>
                <a:cubicBezTo>
                  <a:pt x="39" y="279"/>
                  <a:pt x="55" y="276"/>
                  <a:pt x="70" y="273"/>
                </a:cubicBezTo>
                <a:cubicBezTo>
                  <a:pt x="69" y="289"/>
                  <a:pt x="70" y="305"/>
                  <a:pt x="70" y="321"/>
                </a:cubicBezTo>
                <a:cubicBezTo>
                  <a:pt x="51" y="333"/>
                  <a:pt x="33" y="355"/>
                  <a:pt x="25" y="376"/>
                </a:cubicBezTo>
                <a:cubicBezTo>
                  <a:pt x="22" y="383"/>
                  <a:pt x="20" y="390"/>
                  <a:pt x="20" y="397"/>
                </a:cubicBezTo>
                <a:cubicBezTo>
                  <a:pt x="20" y="404"/>
                  <a:pt x="22" y="411"/>
                  <a:pt x="25" y="417"/>
                </a:cubicBezTo>
                <a:cubicBezTo>
                  <a:pt x="29" y="423"/>
                  <a:pt x="35" y="429"/>
                  <a:pt x="44" y="433"/>
                </a:cubicBezTo>
                <a:cubicBezTo>
                  <a:pt x="42" y="437"/>
                  <a:pt x="42" y="437"/>
                  <a:pt x="42" y="437"/>
                </a:cubicBezTo>
                <a:cubicBezTo>
                  <a:pt x="42" y="437"/>
                  <a:pt x="65" y="452"/>
                  <a:pt x="70" y="450"/>
                </a:cubicBezTo>
                <a:cubicBezTo>
                  <a:pt x="75" y="449"/>
                  <a:pt x="82" y="429"/>
                  <a:pt x="80" y="424"/>
                </a:cubicBezTo>
                <a:cubicBezTo>
                  <a:pt x="77" y="419"/>
                  <a:pt x="49" y="418"/>
                  <a:pt x="49" y="418"/>
                </a:cubicBezTo>
                <a:cubicBezTo>
                  <a:pt x="49" y="421"/>
                  <a:pt x="49" y="421"/>
                  <a:pt x="49" y="421"/>
                </a:cubicBezTo>
                <a:cubicBezTo>
                  <a:pt x="43" y="418"/>
                  <a:pt x="39" y="414"/>
                  <a:pt x="37" y="410"/>
                </a:cubicBezTo>
                <a:cubicBezTo>
                  <a:pt x="34" y="406"/>
                  <a:pt x="33" y="402"/>
                  <a:pt x="34" y="397"/>
                </a:cubicBezTo>
                <a:cubicBezTo>
                  <a:pt x="34" y="392"/>
                  <a:pt x="35" y="387"/>
                  <a:pt x="37" y="381"/>
                </a:cubicBezTo>
                <a:cubicBezTo>
                  <a:pt x="45" y="362"/>
                  <a:pt x="62" y="342"/>
                  <a:pt x="79" y="331"/>
                </a:cubicBezTo>
                <a:cubicBezTo>
                  <a:pt x="81" y="331"/>
                  <a:pt x="81" y="331"/>
                  <a:pt x="81" y="331"/>
                </a:cubicBezTo>
                <a:cubicBezTo>
                  <a:pt x="100" y="338"/>
                  <a:pt x="120" y="353"/>
                  <a:pt x="131" y="369"/>
                </a:cubicBezTo>
                <a:cubicBezTo>
                  <a:pt x="134" y="374"/>
                  <a:pt x="137" y="379"/>
                  <a:pt x="138" y="384"/>
                </a:cubicBezTo>
                <a:cubicBezTo>
                  <a:pt x="139" y="389"/>
                  <a:pt x="139" y="393"/>
                  <a:pt x="138" y="398"/>
                </a:cubicBezTo>
                <a:cubicBezTo>
                  <a:pt x="137" y="402"/>
                  <a:pt x="134" y="406"/>
                  <a:pt x="129" y="410"/>
                </a:cubicBezTo>
                <a:cubicBezTo>
                  <a:pt x="127" y="408"/>
                  <a:pt x="127" y="408"/>
                  <a:pt x="127" y="408"/>
                </a:cubicBezTo>
                <a:cubicBezTo>
                  <a:pt x="127" y="408"/>
                  <a:pt x="101" y="416"/>
                  <a:pt x="99" y="421"/>
                </a:cubicBezTo>
                <a:cubicBezTo>
                  <a:pt x="98" y="426"/>
                  <a:pt x="109" y="444"/>
                  <a:pt x="114" y="444"/>
                </a:cubicBezTo>
                <a:cubicBezTo>
                  <a:pt x="120" y="444"/>
                  <a:pt x="139" y="425"/>
                  <a:pt x="139" y="425"/>
                </a:cubicBezTo>
                <a:cubicBezTo>
                  <a:pt x="136" y="421"/>
                  <a:pt x="136" y="421"/>
                  <a:pt x="136" y="421"/>
                </a:cubicBezTo>
                <a:cubicBezTo>
                  <a:pt x="144" y="416"/>
                  <a:pt x="149" y="409"/>
                  <a:pt x="151" y="401"/>
                </a:cubicBezTo>
                <a:cubicBezTo>
                  <a:pt x="153" y="395"/>
                  <a:pt x="153" y="388"/>
                  <a:pt x="151" y="381"/>
                </a:cubicBezTo>
                <a:cubicBezTo>
                  <a:pt x="149" y="374"/>
                  <a:pt x="146" y="368"/>
                  <a:pt x="142" y="362"/>
                </a:cubicBezTo>
                <a:cubicBezTo>
                  <a:pt x="129" y="343"/>
                  <a:pt x="108" y="327"/>
                  <a:pt x="87" y="319"/>
                </a:cubicBezTo>
                <a:cubicBezTo>
                  <a:pt x="86" y="302"/>
                  <a:pt x="86" y="286"/>
                  <a:pt x="87" y="270"/>
                </a:cubicBezTo>
                <a:cubicBezTo>
                  <a:pt x="99" y="269"/>
                  <a:pt x="109" y="267"/>
                  <a:pt x="114" y="267"/>
                </a:cubicBezTo>
                <a:cubicBezTo>
                  <a:pt x="116" y="308"/>
                  <a:pt x="146" y="356"/>
                  <a:pt x="176" y="385"/>
                </a:cubicBezTo>
                <a:cubicBezTo>
                  <a:pt x="205" y="365"/>
                  <a:pt x="233" y="302"/>
                  <a:pt x="234" y="267"/>
                </a:cubicBezTo>
                <a:close/>
                <a:moveTo>
                  <a:pt x="275" y="121"/>
                </a:moveTo>
                <a:cubicBezTo>
                  <a:pt x="278" y="122"/>
                  <a:pt x="278" y="122"/>
                  <a:pt x="278" y="122"/>
                </a:cubicBezTo>
                <a:cubicBezTo>
                  <a:pt x="280" y="137"/>
                  <a:pt x="280" y="157"/>
                  <a:pt x="266" y="167"/>
                </a:cubicBezTo>
                <a:cubicBezTo>
                  <a:pt x="265" y="170"/>
                  <a:pt x="264" y="173"/>
                  <a:pt x="263" y="176"/>
                </a:cubicBezTo>
                <a:cubicBezTo>
                  <a:pt x="254" y="202"/>
                  <a:pt x="240" y="222"/>
                  <a:pt x="223" y="235"/>
                </a:cubicBezTo>
                <a:cubicBezTo>
                  <a:pt x="209" y="247"/>
                  <a:pt x="193" y="253"/>
                  <a:pt x="177" y="254"/>
                </a:cubicBezTo>
                <a:cubicBezTo>
                  <a:pt x="160" y="255"/>
                  <a:pt x="144" y="250"/>
                  <a:pt x="129" y="239"/>
                </a:cubicBezTo>
                <a:cubicBezTo>
                  <a:pt x="113" y="228"/>
                  <a:pt x="99" y="211"/>
                  <a:pt x="89" y="186"/>
                </a:cubicBezTo>
                <a:cubicBezTo>
                  <a:pt x="86" y="180"/>
                  <a:pt x="84" y="174"/>
                  <a:pt x="82" y="167"/>
                </a:cubicBezTo>
                <a:cubicBezTo>
                  <a:pt x="79" y="165"/>
                  <a:pt x="75" y="161"/>
                  <a:pt x="72" y="155"/>
                </a:cubicBezTo>
                <a:cubicBezTo>
                  <a:pt x="67" y="144"/>
                  <a:pt x="70" y="122"/>
                  <a:pt x="70" y="122"/>
                </a:cubicBezTo>
                <a:cubicBezTo>
                  <a:pt x="73" y="121"/>
                  <a:pt x="73" y="121"/>
                  <a:pt x="73" y="121"/>
                </a:cubicBezTo>
                <a:cubicBezTo>
                  <a:pt x="64" y="59"/>
                  <a:pt x="92" y="7"/>
                  <a:pt x="150" y="4"/>
                </a:cubicBezTo>
                <a:cubicBezTo>
                  <a:pt x="173" y="2"/>
                  <a:pt x="198" y="0"/>
                  <a:pt x="219" y="19"/>
                </a:cubicBezTo>
                <a:cubicBezTo>
                  <a:pt x="266" y="1"/>
                  <a:pt x="287" y="83"/>
                  <a:pt x="275" y="121"/>
                </a:cubicBezTo>
                <a:close/>
                <a:moveTo>
                  <a:pt x="99" y="116"/>
                </a:moveTo>
                <a:cubicBezTo>
                  <a:pt x="97" y="138"/>
                  <a:pt x="100" y="160"/>
                  <a:pt x="108" y="178"/>
                </a:cubicBezTo>
                <a:cubicBezTo>
                  <a:pt x="117" y="199"/>
                  <a:pt x="128" y="213"/>
                  <a:pt x="141" y="222"/>
                </a:cubicBezTo>
                <a:cubicBezTo>
                  <a:pt x="152" y="230"/>
                  <a:pt x="164" y="234"/>
                  <a:pt x="176" y="233"/>
                </a:cubicBezTo>
                <a:cubicBezTo>
                  <a:pt x="188" y="232"/>
                  <a:pt x="200" y="228"/>
                  <a:pt x="211" y="219"/>
                </a:cubicBezTo>
                <a:cubicBezTo>
                  <a:pt x="224" y="208"/>
                  <a:pt x="236" y="191"/>
                  <a:pt x="244" y="169"/>
                </a:cubicBezTo>
                <a:cubicBezTo>
                  <a:pt x="250" y="152"/>
                  <a:pt x="252" y="133"/>
                  <a:pt x="250" y="114"/>
                </a:cubicBezTo>
                <a:cubicBezTo>
                  <a:pt x="239" y="112"/>
                  <a:pt x="229" y="107"/>
                  <a:pt x="222" y="102"/>
                </a:cubicBezTo>
                <a:cubicBezTo>
                  <a:pt x="215" y="122"/>
                  <a:pt x="215" y="122"/>
                  <a:pt x="215" y="122"/>
                </a:cubicBezTo>
                <a:cubicBezTo>
                  <a:pt x="205" y="121"/>
                  <a:pt x="205" y="121"/>
                  <a:pt x="205" y="121"/>
                </a:cubicBezTo>
                <a:cubicBezTo>
                  <a:pt x="211" y="107"/>
                  <a:pt x="211" y="107"/>
                  <a:pt x="211" y="107"/>
                </a:cubicBezTo>
                <a:cubicBezTo>
                  <a:pt x="187" y="125"/>
                  <a:pt x="187" y="125"/>
                  <a:pt x="187" y="125"/>
                </a:cubicBezTo>
                <a:cubicBezTo>
                  <a:pt x="179" y="120"/>
                  <a:pt x="179" y="120"/>
                  <a:pt x="179" y="120"/>
                </a:cubicBezTo>
                <a:cubicBezTo>
                  <a:pt x="191" y="106"/>
                  <a:pt x="191" y="106"/>
                  <a:pt x="191" y="106"/>
                </a:cubicBezTo>
                <a:cubicBezTo>
                  <a:pt x="171" y="114"/>
                  <a:pt x="139" y="121"/>
                  <a:pt x="99" y="116"/>
                </a:cubicBezTo>
                <a:close/>
                <a:moveTo>
                  <a:pt x="269" y="393"/>
                </a:moveTo>
                <a:cubicBezTo>
                  <a:pt x="266" y="391"/>
                  <a:pt x="262" y="389"/>
                  <a:pt x="258" y="389"/>
                </a:cubicBezTo>
                <a:cubicBezTo>
                  <a:pt x="254" y="389"/>
                  <a:pt x="251" y="391"/>
                  <a:pt x="248" y="393"/>
                </a:cubicBezTo>
                <a:cubicBezTo>
                  <a:pt x="248" y="393"/>
                  <a:pt x="248" y="393"/>
                  <a:pt x="248" y="393"/>
                </a:cubicBezTo>
                <a:cubicBezTo>
                  <a:pt x="245" y="396"/>
                  <a:pt x="244" y="400"/>
                  <a:pt x="244" y="404"/>
                </a:cubicBezTo>
                <a:cubicBezTo>
                  <a:pt x="244" y="408"/>
                  <a:pt x="245" y="411"/>
                  <a:pt x="248" y="414"/>
                </a:cubicBezTo>
                <a:cubicBezTo>
                  <a:pt x="248" y="414"/>
                  <a:pt x="248" y="414"/>
                  <a:pt x="248" y="414"/>
                </a:cubicBezTo>
                <a:cubicBezTo>
                  <a:pt x="251" y="417"/>
                  <a:pt x="254" y="418"/>
                  <a:pt x="258" y="418"/>
                </a:cubicBezTo>
                <a:cubicBezTo>
                  <a:pt x="262" y="418"/>
                  <a:pt x="266" y="417"/>
                  <a:pt x="269" y="414"/>
                </a:cubicBezTo>
                <a:cubicBezTo>
                  <a:pt x="271" y="411"/>
                  <a:pt x="273" y="408"/>
                  <a:pt x="273" y="404"/>
                </a:cubicBezTo>
                <a:cubicBezTo>
                  <a:pt x="273" y="400"/>
                  <a:pt x="271" y="396"/>
                  <a:pt x="269" y="393"/>
                </a:cubicBezTo>
                <a:close/>
              </a:path>
            </a:pathLst>
          </a:custGeom>
          <a:solidFill>
            <a:schemeClr val="bg2"/>
          </a:solidFill>
          <a:ln>
            <a:noFill/>
          </a:ln>
          <a:ex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 dirty="0"/>
          </a:p>
        </p:txBody>
      </p:sp>
      <p:grpSp>
        <p:nvGrpSpPr>
          <p:cNvPr id="69" name="Group 68"/>
          <p:cNvGrpSpPr/>
          <p:nvPr/>
        </p:nvGrpSpPr>
        <p:grpSpPr>
          <a:xfrm>
            <a:off x="9597343" y="3148091"/>
            <a:ext cx="595272" cy="763336"/>
            <a:chOff x="5983288" y="3595687"/>
            <a:chExt cx="871538" cy="1117601"/>
          </a:xfrm>
          <a:solidFill>
            <a:schemeClr val="bg2"/>
          </a:solidFill>
        </p:grpSpPr>
        <p:sp>
          <p:nvSpPr>
            <p:cNvPr id="70" name="Freeform 127"/>
            <p:cNvSpPr>
              <a:spLocks/>
            </p:cNvSpPr>
            <p:nvPr/>
          </p:nvSpPr>
          <p:spPr bwMode="auto">
            <a:xfrm>
              <a:off x="6238876" y="3814763"/>
              <a:ext cx="566738" cy="898525"/>
            </a:xfrm>
            <a:custGeom>
              <a:avLst/>
              <a:gdLst>
                <a:gd name="T0" fmla="*/ 150 w 264"/>
                <a:gd name="T1" fmla="*/ 18 h 418"/>
                <a:gd name="T2" fmla="*/ 264 w 264"/>
                <a:gd name="T3" fmla="*/ 125 h 418"/>
                <a:gd name="T4" fmla="*/ 172 w 264"/>
                <a:gd name="T5" fmla="*/ 89 h 418"/>
                <a:gd name="T6" fmla="*/ 178 w 264"/>
                <a:gd name="T7" fmla="*/ 156 h 418"/>
                <a:gd name="T8" fmla="*/ 173 w 264"/>
                <a:gd name="T9" fmla="*/ 396 h 418"/>
                <a:gd name="T10" fmla="*/ 136 w 264"/>
                <a:gd name="T11" fmla="*/ 237 h 418"/>
                <a:gd name="T12" fmla="*/ 106 w 264"/>
                <a:gd name="T13" fmla="*/ 393 h 418"/>
                <a:gd name="T14" fmla="*/ 62 w 264"/>
                <a:gd name="T15" fmla="*/ 105 h 418"/>
                <a:gd name="T16" fmla="*/ 19 w 264"/>
                <a:gd name="T17" fmla="*/ 194 h 418"/>
                <a:gd name="T18" fmla="*/ 66 w 264"/>
                <a:gd name="T19" fmla="*/ 13 h 418"/>
                <a:gd name="T20" fmla="*/ 150 w 264"/>
                <a:gd name="T21" fmla="*/ 18 h 4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264" h="418">
                  <a:moveTo>
                    <a:pt x="150" y="18"/>
                  </a:moveTo>
                  <a:cubicBezTo>
                    <a:pt x="220" y="118"/>
                    <a:pt x="261" y="88"/>
                    <a:pt x="264" y="125"/>
                  </a:cubicBezTo>
                  <a:cubicBezTo>
                    <a:pt x="187" y="139"/>
                    <a:pt x="193" y="82"/>
                    <a:pt x="172" y="89"/>
                  </a:cubicBezTo>
                  <a:cubicBezTo>
                    <a:pt x="163" y="92"/>
                    <a:pt x="160" y="108"/>
                    <a:pt x="178" y="156"/>
                  </a:cubicBezTo>
                  <a:cubicBezTo>
                    <a:pt x="206" y="266"/>
                    <a:pt x="189" y="376"/>
                    <a:pt x="173" y="396"/>
                  </a:cubicBezTo>
                  <a:cubicBezTo>
                    <a:pt x="149" y="418"/>
                    <a:pt x="150" y="200"/>
                    <a:pt x="136" y="237"/>
                  </a:cubicBezTo>
                  <a:cubicBezTo>
                    <a:pt x="115" y="244"/>
                    <a:pt x="132" y="392"/>
                    <a:pt x="106" y="393"/>
                  </a:cubicBezTo>
                  <a:cubicBezTo>
                    <a:pt x="69" y="389"/>
                    <a:pt x="76" y="91"/>
                    <a:pt x="62" y="105"/>
                  </a:cubicBezTo>
                  <a:cubicBezTo>
                    <a:pt x="39" y="114"/>
                    <a:pt x="42" y="190"/>
                    <a:pt x="19" y="194"/>
                  </a:cubicBezTo>
                  <a:cubicBezTo>
                    <a:pt x="0" y="126"/>
                    <a:pt x="30" y="40"/>
                    <a:pt x="66" y="13"/>
                  </a:cubicBezTo>
                  <a:cubicBezTo>
                    <a:pt x="85" y="0"/>
                    <a:pt x="116" y="3"/>
                    <a:pt x="150" y="1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71" name="Freeform 128"/>
            <p:cNvSpPr>
              <a:spLocks/>
            </p:cNvSpPr>
            <p:nvPr/>
          </p:nvSpPr>
          <p:spPr bwMode="auto">
            <a:xfrm>
              <a:off x="6359526" y="3595687"/>
              <a:ext cx="233363" cy="233363"/>
            </a:xfrm>
            <a:custGeom>
              <a:avLst/>
              <a:gdLst>
                <a:gd name="T0" fmla="*/ 40 w 109"/>
                <a:gd name="T1" fmla="*/ 8 h 109"/>
                <a:gd name="T2" fmla="*/ 9 w 109"/>
                <a:gd name="T3" fmla="*/ 69 h 109"/>
                <a:gd name="T4" fmla="*/ 70 w 109"/>
                <a:gd name="T5" fmla="*/ 100 h 109"/>
                <a:gd name="T6" fmla="*/ 101 w 109"/>
                <a:gd name="T7" fmla="*/ 39 h 109"/>
                <a:gd name="T8" fmla="*/ 40 w 109"/>
                <a:gd name="T9" fmla="*/ 8 h 1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09" h="109">
                  <a:moveTo>
                    <a:pt x="40" y="8"/>
                  </a:moveTo>
                  <a:cubicBezTo>
                    <a:pt x="14" y="16"/>
                    <a:pt x="0" y="44"/>
                    <a:pt x="9" y="69"/>
                  </a:cubicBezTo>
                  <a:cubicBezTo>
                    <a:pt x="17" y="95"/>
                    <a:pt x="45" y="109"/>
                    <a:pt x="70" y="100"/>
                  </a:cubicBezTo>
                  <a:cubicBezTo>
                    <a:pt x="96" y="92"/>
                    <a:pt x="109" y="64"/>
                    <a:pt x="101" y="39"/>
                  </a:cubicBezTo>
                  <a:cubicBezTo>
                    <a:pt x="93" y="14"/>
                    <a:pt x="65" y="0"/>
                    <a:pt x="40" y="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72" name="Freeform 129"/>
            <p:cNvSpPr>
              <a:spLocks/>
            </p:cNvSpPr>
            <p:nvPr/>
          </p:nvSpPr>
          <p:spPr bwMode="auto">
            <a:xfrm>
              <a:off x="5983288" y="3932238"/>
              <a:ext cx="463550" cy="735013"/>
            </a:xfrm>
            <a:custGeom>
              <a:avLst/>
              <a:gdLst>
                <a:gd name="T0" fmla="*/ 8 w 216"/>
                <a:gd name="T1" fmla="*/ 148 h 341"/>
                <a:gd name="T2" fmla="*/ 67 w 216"/>
                <a:gd name="T3" fmla="*/ 85 h 341"/>
                <a:gd name="T4" fmla="*/ 14 w 216"/>
                <a:gd name="T5" fmla="*/ 243 h 341"/>
                <a:gd name="T6" fmla="*/ 60 w 216"/>
                <a:gd name="T7" fmla="*/ 253 h 341"/>
                <a:gd name="T8" fmla="*/ 61 w 216"/>
                <a:gd name="T9" fmla="*/ 341 h 341"/>
                <a:gd name="T10" fmla="*/ 99 w 216"/>
                <a:gd name="T11" fmla="*/ 232 h 341"/>
                <a:gd name="T12" fmla="*/ 131 w 216"/>
                <a:gd name="T13" fmla="*/ 231 h 341"/>
                <a:gd name="T14" fmla="*/ 143 w 216"/>
                <a:gd name="T15" fmla="*/ 333 h 341"/>
                <a:gd name="T16" fmla="*/ 175 w 216"/>
                <a:gd name="T17" fmla="*/ 224 h 341"/>
                <a:gd name="T18" fmla="*/ 208 w 216"/>
                <a:gd name="T19" fmla="*/ 206 h 341"/>
                <a:gd name="T20" fmla="*/ 142 w 216"/>
                <a:gd name="T21" fmla="*/ 79 h 341"/>
                <a:gd name="T22" fmla="*/ 190 w 216"/>
                <a:gd name="T23" fmla="*/ 107 h 341"/>
                <a:gd name="T24" fmla="*/ 188 w 216"/>
                <a:gd name="T25" fmla="*/ 78 h 341"/>
                <a:gd name="T26" fmla="*/ 99 w 216"/>
                <a:gd name="T27" fmla="*/ 4 h 341"/>
                <a:gd name="T28" fmla="*/ 8 w 216"/>
                <a:gd name="T29" fmla="*/ 148 h 34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216" h="341">
                  <a:moveTo>
                    <a:pt x="8" y="148"/>
                  </a:moveTo>
                  <a:cubicBezTo>
                    <a:pt x="13" y="165"/>
                    <a:pt x="55" y="84"/>
                    <a:pt x="67" y="85"/>
                  </a:cubicBezTo>
                  <a:cubicBezTo>
                    <a:pt x="72" y="85"/>
                    <a:pt x="52" y="132"/>
                    <a:pt x="14" y="243"/>
                  </a:cubicBezTo>
                  <a:cubicBezTo>
                    <a:pt x="59" y="232"/>
                    <a:pt x="60" y="229"/>
                    <a:pt x="60" y="253"/>
                  </a:cubicBezTo>
                  <a:cubicBezTo>
                    <a:pt x="60" y="263"/>
                    <a:pt x="51" y="333"/>
                    <a:pt x="61" y="341"/>
                  </a:cubicBezTo>
                  <a:cubicBezTo>
                    <a:pt x="87" y="341"/>
                    <a:pt x="97" y="236"/>
                    <a:pt x="99" y="232"/>
                  </a:cubicBezTo>
                  <a:cubicBezTo>
                    <a:pt x="110" y="228"/>
                    <a:pt x="125" y="227"/>
                    <a:pt x="131" y="231"/>
                  </a:cubicBezTo>
                  <a:cubicBezTo>
                    <a:pt x="150" y="246"/>
                    <a:pt x="127" y="334"/>
                    <a:pt x="143" y="333"/>
                  </a:cubicBezTo>
                  <a:cubicBezTo>
                    <a:pt x="163" y="333"/>
                    <a:pt x="169" y="224"/>
                    <a:pt x="175" y="224"/>
                  </a:cubicBezTo>
                  <a:cubicBezTo>
                    <a:pt x="213" y="224"/>
                    <a:pt x="216" y="217"/>
                    <a:pt x="208" y="206"/>
                  </a:cubicBezTo>
                  <a:cubicBezTo>
                    <a:pt x="205" y="202"/>
                    <a:pt x="111" y="64"/>
                    <a:pt x="142" y="79"/>
                  </a:cubicBezTo>
                  <a:cubicBezTo>
                    <a:pt x="196" y="106"/>
                    <a:pt x="191" y="117"/>
                    <a:pt x="190" y="107"/>
                  </a:cubicBezTo>
                  <a:cubicBezTo>
                    <a:pt x="190" y="102"/>
                    <a:pt x="189" y="86"/>
                    <a:pt x="188" y="78"/>
                  </a:cubicBezTo>
                  <a:cubicBezTo>
                    <a:pt x="156" y="48"/>
                    <a:pt x="122" y="0"/>
                    <a:pt x="99" y="4"/>
                  </a:cubicBezTo>
                  <a:cubicBezTo>
                    <a:pt x="71" y="9"/>
                    <a:pt x="0" y="124"/>
                    <a:pt x="8" y="148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73" name="Oval 130"/>
            <p:cNvSpPr>
              <a:spLocks noChangeArrowheads="1"/>
            </p:cNvSpPr>
            <p:nvPr/>
          </p:nvSpPr>
          <p:spPr bwMode="auto">
            <a:xfrm>
              <a:off x="6124576" y="3754438"/>
              <a:ext cx="174625" cy="176213"/>
            </a:xfrm>
            <a:prstGeom prst="ellipse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74" name="Freeform 131"/>
            <p:cNvSpPr>
              <a:spLocks/>
            </p:cNvSpPr>
            <p:nvPr/>
          </p:nvSpPr>
          <p:spPr bwMode="auto">
            <a:xfrm>
              <a:off x="6513513" y="3725863"/>
              <a:ext cx="341313" cy="381000"/>
            </a:xfrm>
            <a:custGeom>
              <a:avLst/>
              <a:gdLst>
                <a:gd name="T0" fmla="*/ 9 w 159"/>
                <a:gd name="T1" fmla="*/ 47 h 177"/>
                <a:gd name="T2" fmla="*/ 58 w 159"/>
                <a:gd name="T3" fmla="*/ 69 h 177"/>
                <a:gd name="T4" fmla="*/ 62 w 159"/>
                <a:gd name="T5" fmla="*/ 175 h 177"/>
                <a:gd name="T6" fmla="*/ 79 w 159"/>
                <a:gd name="T7" fmla="*/ 123 h 177"/>
                <a:gd name="T8" fmla="*/ 96 w 159"/>
                <a:gd name="T9" fmla="*/ 177 h 177"/>
                <a:gd name="T10" fmla="*/ 108 w 159"/>
                <a:gd name="T11" fmla="*/ 118 h 177"/>
                <a:gd name="T12" fmla="*/ 118 w 159"/>
                <a:gd name="T13" fmla="*/ 59 h 177"/>
                <a:gd name="T14" fmla="*/ 152 w 159"/>
                <a:gd name="T15" fmla="*/ 7 h 177"/>
                <a:gd name="T16" fmla="*/ 100 w 159"/>
                <a:gd name="T17" fmla="*/ 35 h 177"/>
                <a:gd name="T18" fmla="*/ 9 w 159"/>
                <a:gd name="T19" fmla="*/ 47 h 1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59" h="177">
                  <a:moveTo>
                    <a:pt x="9" y="47"/>
                  </a:moveTo>
                  <a:cubicBezTo>
                    <a:pt x="26" y="67"/>
                    <a:pt x="58" y="52"/>
                    <a:pt x="58" y="69"/>
                  </a:cubicBezTo>
                  <a:cubicBezTo>
                    <a:pt x="58" y="113"/>
                    <a:pt x="0" y="159"/>
                    <a:pt x="62" y="175"/>
                  </a:cubicBezTo>
                  <a:cubicBezTo>
                    <a:pt x="43" y="153"/>
                    <a:pt x="63" y="117"/>
                    <a:pt x="79" y="123"/>
                  </a:cubicBezTo>
                  <a:cubicBezTo>
                    <a:pt x="81" y="124"/>
                    <a:pt x="59" y="143"/>
                    <a:pt x="96" y="177"/>
                  </a:cubicBezTo>
                  <a:cubicBezTo>
                    <a:pt x="119" y="169"/>
                    <a:pt x="72" y="150"/>
                    <a:pt x="108" y="118"/>
                  </a:cubicBezTo>
                  <a:cubicBezTo>
                    <a:pt x="125" y="102"/>
                    <a:pt x="110" y="72"/>
                    <a:pt x="118" y="59"/>
                  </a:cubicBezTo>
                  <a:cubicBezTo>
                    <a:pt x="123" y="50"/>
                    <a:pt x="159" y="45"/>
                    <a:pt x="152" y="7"/>
                  </a:cubicBezTo>
                  <a:cubicBezTo>
                    <a:pt x="138" y="0"/>
                    <a:pt x="145" y="28"/>
                    <a:pt x="100" y="35"/>
                  </a:cubicBezTo>
                  <a:cubicBezTo>
                    <a:pt x="64" y="40"/>
                    <a:pt x="8" y="33"/>
                    <a:pt x="9" y="47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75" name="Freeform 132"/>
            <p:cNvSpPr>
              <a:spLocks/>
            </p:cNvSpPr>
            <p:nvPr/>
          </p:nvSpPr>
          <p:spPr bwMode="auto">
            <a:xfrm>
              <a:off x="6632576" y="3662363"/>
              <a:ext cx="127000" cy="127000"/>
            </a:xfrm>
            <a:custGeom>
              <a:avLst/>
              <a:gdLst>
                <a:gd name="T0" fmla="*/ 31 w 59"/>
                <a:gd name="T1" fmla="*/ 1 h 59"/>
                <a:gd name="T2" fmla="*/ 58 w 59"/>
                <a:gd name="T3" fmla="*/ 31 h 59"/>
                <a:gd name="T4" fmla="*/ 28 w 59"/>
                <a:gd name="T5" fmla="*/ 58 h 59"/>
                <a:gd name="T6" fmla="*/ 1 w 59"/>
                <a:gd name="T7" fmla="*/ 28 h 59"/>
                <a:gd name="T8" fmla="*/ 31 w 59"/>
                <a:gd name="T9" fmla="*/ 1 h 5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9" h="59">
                  <a:moveTo>
                    <a:pt x="31" y="1"/>
                  </a:moveTo>
                  <a:cubicBezTo>
                    <a:pt x="47" y="2"/>
                    <a:pt x="59" y="15"/>
                    <a:pt x="58" y="31"/>
                  </a:cubicBezTo>
                  <a:cubicBezTo>
                    <a:pt x="57" y="47"/>
                    <a:pt x="43" y="59"/>
                    <a:pt x="28" y="58"/>
                  </a:cubicBezTo>
                  <a:cubicBezTo>
                    <a:pt x="12" y="57"/>
                    <a:pt x="0" y="43"/>
                    <a:pt x="1" y="28"/>
                  </a:cubicBezTo>
                  <a:cubicBezTo>
                    <a:pt x="2" y="12"/>
                    <a:pt x="15" y="0"/>
                    <a:pt x="31" y="1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</p:grpSp>
      <p:grpSp>
        <p:nvGrpSpPr>
          <p:cNvPr id="76" name="Group 75"/>
          <p:cNvGrpSpPr/>
          <p:nvPr/>
        </p:nvGrpSpPr>
        <p:grpSpPr>
          <a:xfrm>
            <a:off x="2118287" y="3176076"/>
            <a:ext cx="615085" cy="612127"/>
            <a:chOff x="7696200" y="706438"/>
            <a:chExt cx="990600" cy="985837"/>
          </a:xfrm>
          <a:solidFill>
            <a:schemeClr val="bg2"/>
          </a:solidFill>
        </p:grpSpPr>
        <p:sp>
          <p:nvSpPr>
            <p:cNvPr id="77" name="Freeform 35"/>
            <p:cNvSpPr>
              <a:spLocks noEditPoints="1"/>
            </p:cNvSpPr>
            <p:nvPr/>
          </p:nvSpPr>
          <p:spPr bwMode="auto">
            <a:xfrm>
              <a:off x="7696200" y="706438"/>
              <a:ext cx="990600" cy="985837"/>
            </a:xfrm>
            <a:custGeom>
              <a:avLst/>
              <a:gdLst>
                <a:gd name="T0" fmla="*/ 126 w 352"/>
                <a:gd name="T1" fmla="*/ 0 h 350"/>
                <a:gd name="T2" fmla="*/ 77 w 352"/>
                <a:gd name="T3" fmla="*/ 175 h 350"/>
                <a:gd name="T4" fmla="*/ 225 w 352"/>
                <a:gd name="T5" fmla="*/ 350 h 350"/>
                <a:gd name="T6" fmla="*/ 352 w 352"/>
                <a:gd name="T7" fmla="*/ 131 h 350"/>
                <a:gd name="T8" fmla="*/ 186 w 352"/>
                <a:gd name="T9" fmla="*/ 83 h 350"/>
                <a:gd name="T10" fmla="*/ 189 w 352"/>
                <a:gd name="T11" fmla="*/ 103 h 350"/>
                <a:gd name="T12" fmla="*/ 185 w 352"/>
                <a:gd name="T13" fmla="*/ 130 h 350"/>
                <a:gd name="T14" fmla="*/ 168 w 352"/>
                <a:gd name="T15" fmla="*/ 146 h 350"/>
                <a:gd name="T16" fmla="*/ 166 w 352"/>
                <a:gd name="T17" fmla="*/ 120 h 350"/>
                <a:gd name="T18" fmla="*/ 169 w 352"/>
                <a:gd name="T19" fmla="*/ 91 h 350"/>
                <a:gd name="T20" fmla="*/ 163 w 352"/>
                <a:gd name="T21" fmla="*/ 80 h 350"/>
                <a:gd name="T22" fmla="*/ 174 w 352"/>
                <a:gd name="T23" fmla="*/ 316 h 350"/>
                <a:gd name="T24" fmla="*/ 199 w 352"/>
                <a:gd name="T25" fmla="*/ 316 h 350"/>
                <a:gd name="T26" fmla="*/ 163 w 352"/>
                <a:gd name="T27" fmla="*/ 301 h 350"/>
                <a:gd name="T28" fmla="*/ 161 w 352"/>
                <a:gd name="T29" fmla="*/ 277 h 350"/>
                <a:gd name="T30" fmla="*/ 170 w 352"/>
                <a:gd name="T31" fmla="*/ 271 h 350"/>
                <a:gd name="T32" fmla="*/ 167 w 352"/>
                <a:gd name="T33" fmla="*/ 284 h 350"/>
                <a:gd name="T34" fmla="*/ 179 w 352"/>
                <a:gd name="T35" fmla="*/ 300 h 350"/>
                <a:gd name="T36" fmla="*/ 171 w 352"/>
                <a:gd name="T37" fmla="*/ 250 h 350"/>
                <a:gd name="T38" fmla="*/ 179 w 352"/>
                <a:gd name="T39" fmla="*/ 298 h 350"/>
                <a:gd name="T40" fmla="*/ 196 w 352"/>
                <a:gd name="T41" fmla="*/ 272 h 350"/>
                <a:gd name="T42" fmla="*/ 182 w 352"/>
                <a:gd name="T43" fmla="*/ 278 h 350"/>
                <a:gd name="T44" fmla="*/ 188 w 352"/>
                <a:gd name="T45" fmla="*/ 264 h 350"/>
                <a:gd name="T46" fmla="*/ 186 w 352"/>
                <a:gd name="T47" fmla="*/ 251 h 350"/>
                <a:gd name="T48" fmla="*/ 154 w 352"/>
                <a:gd name="T49" fmla="*/ 244 h 350"/>
                <a:gd name="T50" fmla="*/ 140 w 352"/>
                <a:gd name="T51" fmla="*/ 222 h 350"/>
                <a:gd name="T52" fmla="*/ 152 w 352"/>
                <a:gd name="T53" fmla="*/ 205 h 350"/>
                <a:gd name="T54" fmla="*/ 166 w 352"/>
                <a:gd name="T55" fmla="*/ 199 h 350"/>
                <a:gd name="T56" fmla="*/ 160 w 352"/>
                <a:gd name="T57" fmla="*/ 218 h 350"/>
                <a:gd name="T58" fmla="*/ 159 w 352"/>
                <a:gd name="T59" fmla="*/ 219 h 350"/>
                <a:gd name="T60" fmla="*/ 160 w 352"/>
                <a:gd name="T61" fmla="*/ 231 h 350"/>
                <a:gd name="T62" fmla="*/ 192 w 352"/>
                <a:gd name="T63" fmla="*/ 240 h 350"/>
                <a:gd name="T64" fmla="*/ 195 w 352"/>
                <a:gd name="T65" fmla="*/ 242 h 350"/>
                <a:gd name="T66" fmla="*/ 185 w 352"/>
                <a:gd name="T67" fmla="*/ 172 h 350"/>
                <a:gd name="T68" fmla="*/ 169 w 352"/>
                <a:gd name="T69" fmla="*/ 207 h 350"/>
                <a:gd name="T70" fmla="*/ 222 w 352"/>
                <a:gd name="T71" fmla="*/ 191 h 350"/>
                <a:gd name="T72" fmla="*/ 203 w 352"/>
                <a:gd name="T73" fmla="*/ 208 h 350"/>
                <a:gd name="T74" fmla="*/ 186 w 352"/>
                <a:gd name="T75" fmla="*/ 194 h 350"/>
                <a:gd name="T76" fmla="*/ 199 w 352"/>
                <a:gd name="T77" fmla="*/ 190 h 350"/>
                <a:gd name="T78" fmla="*/ 200 w 352"/>
                <a:gd name="T79" fmla="*/ 173 h 350"/>
                <a:gd name="T80" fmla="*/ 197 w 352"/>
                <a:gd name="T81" fmla="*/ 172 h 350"/>
                <a:gd name="T82" fmla="*/ 179 w 352"/>
                <a:gd name="T83" fmla="*/ 169 h 350"/>
                <a:gd name="T84" fmla="*/ 116 w 352"/>
                <a:gd name="T85" fmla="*/ 153 h 350"/>
                <a:gd name="T86" fmla="*/ 122 w 352"/>
                <a:gd name="T87" fmla="*/ 108 h 350"/>
                <a:gd name="T88" fmla="*/ 159 w 352"/>
                <a:gd name="T89" fmla="*/ 115 h 350"/>
                <a:gd name="T90" fmla="*/ 157 w 352"/>
                <a:gd name="T91" fmla="*/ 135 h 350"/>
                <a:gd name="T92" fmla="*/ 140 w 352"/>
                <a:gd name="T93" fmla="*/ 130 h 350"/>
                <a:gd name="T94" fmla="*/ 134 w 352"/>
                <a:gd name="T95" fmla="*/ 128 h 350"/>
                <a:gd name="T96" fmla="*/ 144 w 352"/>
                <a:gd name="T97" fmla="*/ 144 h 350"/>
                <a:gd name="T98" fmla="*/ 203 w 352"/>
                <a:gd name="T99" fmla="*/ 153 h 350"/>
                <a:gd name="T100" fmla="*/ 207 w 352"/>
                <a:gd name="T101" fmla="*/ 155 h 3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</a:cxnLst>
              <a:rect l="0" t="0" r="r" b="b"/>
              <a:pathLst>
                <a:path w="352" h="350">
                  <a:moveTo>
                    <a:pt x="352" y="131"/>
                  </a:moveTo>
                  <a:cubicBezTo>
                    <a:pt x="302" y="45"/>
                    <a:pt x="302" y="45"/>
                    <a:pt x="302" y="45"/>
                  </a:cubicBezTo>
                  <a:cubicBezTo>
                    <a:pt x="225" y="89"/>
                    <a:pt x="225" y="89"/>
                    <a:pt x="225" y="89"/>
                  </a:cubicBezTo>
                  <a:cubicBezTo>
                    <a:pt x="225" y="0"/>
                    <a:pt x="225" y="0"/>
                    <a:pt x="225" y="0"/>
                  </a:cubicBezTo>
                  <a:cubicBezTo>
                    <a:pt x="126" y="0"/>
                    <a:pt x="126" y="0"/>
                    <a:pt x="126" y="0"/>
                  </a:cubicBezTo>
                  <a:cubicBezTo>
                    <a:pt x="126" y="0"/>
                    <a:pt x="126" y="0"/>
                    <a:pt x="126" y="0"/>
                  </a:cubicBezTo>
                  <a:cubicBezTo>
                    <a:pt x="126" y="89"/>
                    <a:pt x="126" y="89"/>
                    <a:pt x="126" y="89"/>
                  </a:cubicBezTo>
                  <a:cubicBezTo>
                    <a:pt x="49" y="45"/>
                    <a:pt x="49" y="45"/>
                    <a:pt x="49" y="45"/>
                  </a:cubicBezTo>
                  <a:cubicBezTo>
                    <a:pt x="0" y="131"/>
                    <a:pt x="0" y="131"/>
                    <a:pt x="0" y="131"/>
                  </a:cubicBezTo>
                  <a:cubicBezTo>
                    <a:pt x="77" y="175"/>
                    <a:pt x="77" y="175"/>
                    <a:pt x="77" y="175"/>
                  </a:cubicBezTo>
                  <a:cubicBezTo>
                    <a:pt x="0" y="220"/>
                    <a:pt x="0" y="220"/>
                    <a:pt x="0" y="220"/>
                  </a:cubicBezTo>
                  <a:cubicBezTo>
                    <a:pt x="49" y="305"/>
                    <a:pt x="49" y="305"/>
                    <a:pt x="49" y="305"/>
                  </a:cubicBezTo>
                  <a:cubicBezTo>
                    <a:pt x="126" y="261"/>
                    <a:pt x="126" y="261"/>
                    <a:pt x="126" y="261"/>
                  </a:cubicBezTo>
                  <a:cubicBezTo>
                    <a:pt x="126" y="350"/>
                    <a:pt x="126" y="350"/>
                    <a:pt x="126" y="350"/>
                  </a:cubicBezTo>
                  <a:cubicBezTo>
                    <a:pt x="225" y="350"/>
                    <a:pt x="225" y="350"/>
                    <a:pt x="225" y="350"/>
                  </a:cubicBezTo>
                  <a:cubicBezTo>
                    <a:pt x="225" y="261"/>
                    <a:pt x="225" y="261"/>
                    <a:pt x="225" y="261"/>
                  </a:cubicBezTo>
                  <a:cubicBezTo>
                    <a:pt x="302" y="305"/>
                    <a:pt x="302" y="305"/>
                    <a:pt x="302" y="305"/>
                  </a:cubicBezTo>
                  <a:cubicBezTo>
                    <a:pt x="352" y="220"/>
                    <a:pt x="352" y="220"/>
                    <a:pt x="352" y="220"/>
                  </a:cubicBezTo>
                  <a:cubicBezTo>
                    <a:pt x="275" y="175"/>
                    <a:pt x="275" y="175"/>
                    <a:pt x="275" y="175"/>
                  </a:cubicBezTo>
                  <a:lnTo>
                    <a:pt x="352" y="131"/>
                  </a:lnTo>
                  <a:close/>
                  <a:moveTo>
                    <a:pt x="176" y="41"/>
                  </a:moveTo>
                  <a:cubicBezTo>
                    <a:pt x="188" y="41"/>
                    <a:pt x="198" y="51"/>
                    <a:pt x="198" y="63"/>
                  </a:cubicBezTo>
                  <a:cubicBezTo>
                    <a:pt x="198" y="70"/>
                    <a:pt x="194" y="76"/>
                    <a:pt x="189" y="80"/>
                  </a:cubicBezTo>
                  <a:cubicBezTo>
                    <a:pt x="189" y="80"/>
                    <a:pt x="188" y="81"/>
                    <a:pt x="187" y="82"/>
                  </a:cubicBezTo>
                  <a:cubicBezTo>
                    <a:pt x="187" y="82"/>
                    <a:pt x="187" y="82"/>
                    <a:pt x="186" y="83"/>
                  </a:cubicBezTo>
                  <a:cubicBezTo>
                    <a:pt x="186" y="83"/>
                    <a:pt x="186" y="84"/>
                    <a:pt x="185" y="84"/>
                  </a:cubicBezTo>
                  <a:cubicBezTo>
                    <a:pt x="185" y="85"/>
                    <a:pt x="184" y="86"/>
                    <a:pt x="184" y="86"/>
                  </a:cubicBezTo>
                  <a:cubicBezTo>
                    <a:pt x="183" y="88"/>
                    <a:pt x="183" y="90"/>
                    <a:pt x="183" y="91"/>
                  </a:cubicBezTo>
                  <a:cubicBezTo>
                    <a:pt x="184" y="94"/>
                    <a:pt x="187" y="98"/>
                    <a:pt x="188" y="101"/>
                  </a:cubicBezTo>
                  <a:cubicBezTo>
                    <a:pt x="188" y="102"/>
                    <a:pt x="188" y="102"/>
                    <a:pt x="189" y="103"/>
                  </a:cubicBezTo>
                  <a:cubicBezTo>
                    <a:pt x="189" y="104"/>
                    <a:pt x="189" y="105"/>
                    <a:pt x="189" y="106"/>
                  </a:cubicBezTo>
                  <a:cubicBezTo>
                    <a:pt x="189" y="107"/>
                    <a:pt x="188" y="109"/>
                    <a:pt x="188" y="110"/>
                  </a:cubicBezTo>
                  <a:cubicBezTo>
                    <a:pt x="188" y="114"/>
                    <a:pt x="187" y="117"/>
                    <a:pt x="186" y="120"/>
                  </a:cubicBezTo>
                  <a:cubicBezTo>
                    <a:pt x="185" y="122"/>
                    <a:pt x="185" y="123"/>
                    <a:pt x="185" y="125"/>
                  </a:cubicBezTo>
                  <a:cubicBezTo>
                    <a:pt x="185" y="126"/>
                    <a:pt x="185" y="128"/>
                    <a:pt x="185" y="130"/>
                  </a:cubicBezTo>
                  <a:cubicBezTo>
                    <a:pt x="185" y="133"/>
                    <a:pt x="185" y="136"/>
                    <a:pt x="185" y="139"/>
                  </a:cubicBezTo>
                  <a:cubicBezTo>
                    <a:pt x="185" y="148"/>
                    <a:pt x="185" y="148"/>
                    <a:pt x="185" y="148"/>
                  </a:cubicBezTo>
                  <a:cubicBezTo>
                    <a:pt x="184" y="148"/>
                    <a:pt x="183" y="148"/>
                    <a:pt x="181" y="148"/>
                  </a:cubicBezTo>
                  <a:cubicBezTo>
                    <a:pt x="168" y="146"/>
                    <a:pt x="168" y="146"/>
                    <a:pt x="168" y="146"/>
                  </a:cubicBezTo>
                  <a:cubicBezTo>
                    <a:pt x="168" y="146"/>
                    <a:pt x="168" y="146"/>
                    <a:pt x="168" y="146"/>
                  </a:cubicBezTo>
                  <a:cubicBezTo>
                    <a:pt x="168" y="146"/>
                    <a:pt x="167" y="146"/>
                    <a:pt x="167" y="146"/>
                  </a:cubicBezTo>
                  <a:cubicBezTo>
                    <a:pt x="167" y="139"/>
                    <a:pt x="167" y="139"/>
                    <a:pt x="167" y="139"/>
                  </a:cubicBezTo>
                  <a:cubicBezTo>
                    <a:pt x="168" y="136"/>
                    <a:pt x="168" y="133"/>
                    <a:pt x="167" y="130"/>
                  </a:cubicBezTo>
                  <a:cubicBezTo>
                    <a:pt x="167" y="128"/>
                    <a:pt x="167" y="126"/>
                    <a:pt x="167" y="125"/>
                  </a:cubicBezTo>
                  <a:cubicBezTo>
                    <a:pt x="167" y="123"/>
                    <a:pt x="167" y="122"/>
                    <a:pt x="166" y="120"/>
                  </a:cubicBezTo>
                  <a:cubicBezTo>
                    <a:pt x="166" y="117"/>
                    <a:pt x="165" y="114"/>
                    <a:pt x="164" y="110"/>
                  </a:cubicBezTo>
                  <a:cubicBezTo>
                    <a:pt x="164" y="109"/>
                    <a:pt x="164" y="107"/>
                    <a:pt x="164" y="106"/>
                  </a:cubicBezTo>
                  <a:cubicBezTo>
                    <a:pt x="164" y="105"/>
                    <a:pt x="164" y="104"/>
                    <a:pt x="164" y="103"/>
                  </a:cubicBezTo>
                  <a:cubicBezTo>
                    <a:pt x="164" y="102"/>
                    <a:pt x="164" y="102"/>
                    <a:pt x="164" y="101"/>
                  </a:cubicBezTo>
                  <a:cubicBezTo>
                    <a:pt x="165" y="98"/>
                    <a:pt x="168" y="94"/>
                    <a:pt x="169" y="91"/>
                  </a:cubicBezTo>
                  <a:cubicBezTo>
                    <a:pt x="169" y="90"/>
                    <a:pt x="169" y="88"/>
                    <a:pt x="168" y="86"/>
                  </a:cubicBezTo>
                  <a:cubicBezTo>
                    <a:pt x="168" y="86"/>
                    <a:pt x="167" y="85"/>
                    <a:pt x="167" y="84"/>
                  </a:cubicBezTo>
                  <a:cubicBezTo>
                    <a:pt x="167" y="84"/>
                    <a:pt x="166" y="83"/>
                    <a:pt x="166" y="83"/>
                  </a:cubicBezTo>
                  <a:cubicBezTo>
                    <a:pt x="166" y="82"/>
                    <a:pt x="165" y="82"/>
                    <a:pt x="165" y="82"/>
                  </a:cubicBezTo>
                  <a:cubicBezTo>
                    <a:pt x="164" y="81"/>
                    <a:pt x="164" y="80"/>
                    <a:pt x="163" y="80"/>
                  </a:cubicBezTo>
                  <a:cubicBezTo>
                    <a:pt x="158" y="76"/>
                    <a:pt x="155" y="70"/>
                    <a:pt x="155" y="63"/>
                  </a:cubicBezTo>
                  <a:cubicBezTo>
                    <a:pt x="155" y="51"/>
                    <a:pt x="164" y="41"/>
                    <a:pt x="176" y="41"/>
                  </a:cubicBezTo>
                  <a:close/>
                  <a:moveTo>
                    <a:pt x="178" y="316"/>
                  </a:moveTo>
                  <a:cubicBezTo>
                    <a:pt x="176" y="341"/>
                    <a:pt x="176" y="341"/>
                    <a:pt x="176" y="341"/>
                  </a:cubicBezTo>
                  <a:cubicBezTo>
                    <a:pt x="174" y="316"/>
                    <a:pt x="174" y="316"/>
                    <a:pt x="174" y="316"/>
                  </a:cubicBezTo>
                  <a:cubicBezTo>
                    <a:pt x="174" y="308"/>
                    <a:pt x="174" y="308"/>
                    <a:pt x="174" y="308"/>
                  </a:cubicBezTo>
                  <a:cubicBezTo>
                    <a:pt x="174" y="308"/>
                    <a:pt x="175" y="308"/>
                    <a:pt x="175" y="308"/>
                  </a:cubicBezTo>
                  <a:cubicBezTo>
                    <a:pt x="176" y="309"/>
                    <a:pt x="177" y="309"/>
                    <a:pt x="178" y="309"/>
                  </a:cubicBezTo>
                  <a:lnTo>
                    <a:pt x="178" y="316"/>
                  </a:lnTo>
                  <a:close/>
                  <a:moveTo>
                    <a:pt x="199" y="316"/>
                  </a:moveTo>
                  <a:cubicBezTo>
                    <a:pt x="198" y="315"/>
                    <a:pt x="198" y="314"/>
                    <a:pt x="197" y="314"/>
                  </a:cubicBezTo>
                  <a:cubicBezTo>
                    <a:pt x="196" y="313"/>
                    <a:pt x="196" y="312"/>
                    <a:pt x="195" y="312"/>
                  </a:cubicBezTo>
                  <a:cubicBezTo>
                    <a:pt x="193" y="311"/>
                    <a:pt x="191" y="310"/>
                    <a:pt x="189" y="310"/>
                  </a:cubicBezTo>
                  <a:cubicBezTo>
                    <a:pt x="185" y="309"/>
                    <a:pt x="180" y="308"/>
                    <a:pt x="176" y="307"/>
                  </a:cubicBezTo>
                  <a:cubicBezTo>
                    <a:pt x="172" y="305"/>
                    <a:pt x="167" y="304"/>
                    <a:pt x="163" y="301"/>
                  </a:cubicBezTo>
                  <a:cubicBezTo>
                    <a:pt x="161" y="300"/>
                    <a:pt x="159" y="298"/>
                    <a:pt x="157" y="295"/>
                  </a:cubicBezTo>
                  <a:cubicBezTo>
                    <a:pt x="156" y="294"/>
                    <a:pt x="156" y="292"/>
                    <a:pt x="156" y="290"/>
                  </a:cubicBezTo>
                  <a:cubicBezTo>
                    <a:pt x="156" y="289"/>
                    <a:pt x="156" y="287"/>
                    <a:pt x="156" y="286"/>
                  </a:cubicBezTo>
                  <a:cubicBezTo>
                    <a:pt x="157" y="283"/>
                    <a:pt x="158" y="280"/>
                    <a:pt x="160" y="278"/>
                  </a:cubicBezTo>
                  <a:cubicBezTo>
                    <a:pt x="160" y="278"/>
                    <a:pt x="161" y="277"/>
                    <a:pt x="161" y="277"/>
                  </a:cubicBezTo>
                  <a:cubicBezTo>
                    <a:pt x="161" y="277"/>
                    <a:pt x="161" y="277"/>
                    <a:pt x="161" y="277"/>
                  </a:cubicBezTo>
                  <a:cubicBezTo>
                    <a:pt x="162" y="276"/>
                    <a:pt x="162" y="276"/>
                    <a:pt x="162" y="276"/>
                  </a:cubicBezTo>
                  <a:cubicBezTo>
                    <a:pt x="162" y="276"/>
                    <a:pt x="162" y="276"/>
                    <a:pt x="163" y="275"/>
                  </a:cubicBezTo>
                  <a:cubicBezTo>
                    <a:pt x="164" y="274"/>
                    <a:pt x="165" y="274"/>
                    <a:pt x="166" y="273"/>
                  </a:cubicBezTo>
                  <a:cubicBezTo>
                    <a:pt x="167" y="272"/>
                    <a:pt x="169" y="271"/>
                    <a:pt x="170" y="271"/>
                  </a:cubicBezTo>
                  <a:cubicBezTo>
                    <a:pt x="171" y="281"/>
                    <a:pt x="171" y="281"/>
                    <a:pt x="171" y="281"/>
                  </a:cubicBezTo>
                  <a:cubicBezTo>
                    <a:pt x="170" y="282"/>
                    <a:pt x="169" y="282"/>
                    <a:pt x="169" y="283"/>
                  </a:cubicBezTo>
                  <a:cubicBezTo>
                    <a:pt x="169" y="283"/>
                    <a:pt x="168" y="283"/>
                    <a:pt x="168" y="283"/>
                  </a:cubicBezTo>
                  <a:cubicBezTo>
                    <a:pt x="168" y="284"/>
                    <a:pt x="168" y="284"/>
                    <a:pt x="168" y="284"/>
                  </a:cubicBezTo>
                  <a:cubicBezTo>
                    <a:pt x="167" y="284"/>
                    <a:pt x="167" y="284"/>
                    <a:pt x="167" y="284"/>
                  </a:cubicBezTo>
                  <a:cubicBezTo>
                    <a:pt x="167" y="284"/>
                    <a:pt x="167" y="284"/>
                    <a:pt x="167" y="284"/>
                  </a:cubicBezTo>
                  <a:cubicBezTo>
                    <a:pt x="166" y="285"/>
                    <a:pt x="165" y="287"/>
                    <a:pt x="165" y="288"/>
                  </a:cubicBezTo>
                  <a:cubicBezTo>
                    <a:pt x="164" y="289"/>
                    <a:pt x="164" y="290"/>
                    <a:pt x="165" y="291"/>
                  </a:cubicBezTo>
                  <a:cubicBezTo>
                    <a:pt x="165" y="292"/>
                    <a:pt x="166" y="293"/>
                    <a:pt x="168" y="294"/>
                  </a:cubicBezTo>
                  <a:cubicBezTo>
                    <a:pt x="171" y="296"/>
                    <a:pt x="175" y="298"/>
                    <a:pt x="179" y="300"/>
                  </a:cubicBezTo>
                  <a:cubicBezTo>
                    <a:pt x="182" y="302"/>
                    <a:pt x="186" y="304"/>
                    <a:pt x="190" y="306"/>
                  </a:cubicBezTo>
                  <a:cubicBezTo>
                    <a:pt x="192" y="307"/>
                    <a:pt x="194" y="308"/>
                    <a:pt x="196" y="310"/>
                  </a:cubicBezTo>
                  <a:cubicBezTo>
                    <a:pt x="197" y="311"/>
                    <a:pt x="198" y="312"/>
                    <a:pt x="198" y="313"/>
                  </a:cubicBezTo>
                  <a:cubicBezTo>
                    <a:pt x="199" y="314"/>
                    <a:pt x="199" y="315"/>
                    <a:pt x="199" y="316"/>
                  </a:cubicBezTo>
                  <a:close/>
                  <a:moveTo>
                    <a:pt x="171" y="250"/>
                  </a:moveTo>
                  <a:cubicBezTo>
                    <a:pt x="172" y="250"/>
                    <a:pt x="174" y="250"/>
                    <a:pt x="175" y="250"/>
                  </a:cubicBezTo>
                  <a:cubicBezTo>
                    <a:pt x="177" y="251"/>
                    <a:pt x="179" y="251"/>
                    <a:pt x="181" y="252"/>
                  </a:cubicBezTo>
                  <a:cubicBezTo>
                    <a:pt x="181" y="252"/>
                    <a:pt x="181" y="252"/>
                    <a:pt x="181" y="252"/>
                  </a:cubicBezTo>
                  <a:cubicBezTo>
                    <a:pt x="179" y="283"/>
                    <a:pt x="179" y="283"/>
                    <a:pt x="179" y="283"/>
                  </a:cubicBezTo>
                  <a:cubicBezTo>
                    <a:pt x="179" y="298"/>
                    <a:pt x="179" y="298"/>
                    <a:pt x="179" y="298"/>
                  </a:cubicBezTo>
                  <a:cubicBezTo>
                    <a:pt x="177" y="297"/>
                    <a:pt x="175" y="296"/>
                    <a:pt x="173" y="295"/>
                  </a:cubicBezTo>
                  <a:cubicBezTo>
                    <a:pt x="173" y="283"/>
                    <a:pt x="173" y="283"/>
                    <a:pt x="173" y="283"/>
                  </a:cubicBezTo>
                  <a:lnTo>
                    <a:pt x="171" y="250"/>
                  </a:lnTo>
                  <a:close/>
                  <a:moveTo>
                    <a:pt x="202" y="264"/>
                  </a:moveTo>
                  <a:cubicBezTo>
                    <a:pt x="201" y="267"/>
                    <a:pt x="199" y="270"/>
                    <a:pt x="196" y="272"/>
                  </a:cubicBezTo>
                  <a:cubicBezTo>
                    <a:pt x="196" y="272"/>
                    <a:pt x="195" y="273"/>
                    <a:pt x="195" y="273"/>
                  </a:cubicBezTo>
                  <a:cubicBezTo>
                    <a:pt x="194" y="274"/>
                    <a:pt x="194" y="274"/>
                    <a:pt x="194" y="274"/>
                  </a:cubicBezTo>
                  <a:cubicBezTo>
                    <a:pt x="194" y="274"/>
                    <a:pt x="193" y="274"/>
                    <a:pt x="193" y="274"/>
                  </a:cubicBezTo>
                  <a:cubicBezTo>
                    <a:pt x="192" y="275"/>
                    <a:pt x="191" y="275"/>
                    <a:pt x="189" y="276"/>
                  </a:cubicBezTo>
                  <a:cubicBezTo>
                    <a:pt x="187" y="277"/>
                    <a:pt x="184" y="277"/>
                    <a:pt x="182" y="278"/>
                  </a:cubicBezTo>
                  <a:cubicBezTo>
                    <a:pt x="182" y="278"/>
                    <a:pt x="182" y="278"/>
                    <a:pt x="182" y="278"/>
                  </a:cubicBezTo>
                  <a:cubicBezTo>
                    <a:pt x="182" y="267"/>
                    <a:pt x="182" y="267"/>
                    <a:pt x="182" y="267"/>
                  </a:cubicBezTo>
                  <a:cubicBezTo>
                    <a:pt x="183" y="267"/>
                    <a:pt x="184" y="266"/>
                    <a:pt x="185" y="266"/>
                  </a:cubicBezTo>
                  <a:cubicBezTo>
                    <a:pt x="186" y="265"/>
                    <a:pt x="187" y="265"/>
                    <a:pt x="187" y="265"/>
                  </a:cubicBezTo>
                  <a:cubicBezTo>
                    <a:pt x="188" y="264"/>
                    <a:pt x="188" y="264"/>
                    <a:pt x="188" y="264"/>
                  </a:cubicBezTo>
                  <a:cubicBezTo>
                    <a:pt x="188" y="264"/>
                    <a:pt x="188" y="264"/>
                    <a:pt x="188" y="264"/>
                  </a:cubicBezTo>
                  <a:cubicBezTo>
                    <a:pt x="189" y="264"/>
                    <a:pt x="189" y="263"/>
                    <a:pt x="189" y="263"/>
                  </a:cubicBezTo>
                  <a:cubicBezTo>
                    <a:pt x="190" y="262"/>
                    <a:pt x="191" y="261"/>
                    <a:pt x="191" y="260"/>
                  </a:cubicBezTo>
                  <a:cubicBezTo>
                    <a:pt x="192" y="259"/>
                    <a:pt x="192" y="258"/>
                    <a:pt x="191" y="257"/>
                  </a:cubicBezTo>
                  <a:cubicBezTo>
                    <a:pt x="191" y="255"/>
                    <a:pt x="189" y="253"/>
                    <a:pt x="186" y="251"/>
                  </a:cubicBezTo>
                  <a:cubicBezTo>
                    <a:pt x="185" y="251"/>
                    <a:pt x="183" y="250"/>
                    <a:pt x="181" y="250"/>
                  </a:cubicBezTo>
                  <a:cubicBezTo>
                    <a:pt x="179" y="249"/>
                    <a:pt x="177" y="249"/>
                    <a:pt x="175" y="248"/>
                  </a:cubicBezTo>
                  <a:cubicBezTo>
                    <a:pt x="171" y="248"/>
                    <a:pt x="167" y="247"/>
                    <a:pt x="162" y="246"/>
                  </a:cubicBezTo>
                  <a:cubicBezTo>
                    <a:pt x="160" y="246"/>
                    <a:pt x="158" y="245"/>
                    <a:pt x="155" y="244"/>
                  </a:cubicBezTo>
                  <a:cubicBezTo>
                    <a:pt x="154" y="244"/>
                    <a:pt x="154" y="244"/>
                    <a:pt x="154" y="244"/>
                  </a:cubicBezTo>
                  <a:cubicBezTo>
                    <a:pt x="154" y="244"/>
                    <a:pt x="154" y="243"/>
                    <a:pt x="153" y="243"/>
                  </a:cubicBezTo>
                  <a:cubicBezTo>
                    <a:pt x="153" y="243"/>
                    <a:pt x="152" y="243"/>
                    <a:pt x="151" y="242"/>
                  </a:cubicBezTo>
                  <a:cubicBezTo>
                    <a:pt x="150" y="242"/>
                    <a:pt x="149" y="241"/>
                    <a:pt x="147" y="240"/>
                  </a:cubicBezTo>
                  <a:cubicBezTo>
                    <a:pt x="145" y="238"/>
                    <a:pt x="143" y="235"/>
                    <a:pt x="141" y="232"/>
                  </a:cubicBezTo>
                  <a:cubicBezTo>
                    <a:pt x="140" y="229"/>
                    <a:pt x="139" y="225"/>
                    <a:pt x="140" y="222"/>
                  </a:cubicBezTo>
                  <a:cubicBezTo>
                    <a:pt x="140" y="218"/>
                    <a:pt x="142" y="215"/>
                    <a:pt x="144" y="212"/>
                  </a:cubicBezTo>
                  <a:cubicBezTo>
                    <a:pt x="146" y="209"/>
                    <a:pt x="148" y="207"/>
                    <a:pt x="151" y="206"/>
                  </a:cubicBezTo>
                  <a:cubicBezTo>
                    <a:pt x="151" y="205"/>
                    <a:pt x="151" y="205"/>
                    <a:pt x="151" y="205"/>
                  </a:cubicBezTo>
                  <a:cubicBezTo>
                    <a:pt x="152" y="205"/>
                    <a:pt x="152" y="205"/>
                    <a:pt x="152" y="205"/>
                  </a:cubicBezTo>
                  <a:cubicBezTo>
                    <a:pt x="152" y="205"/>
                    <a:pt x="152" y="205"/>
                    <a:pt x="152" y="205"/>
                  </a:cubicBezTo>
                  <a:cubicBezTo>
                    <a:pt x="153" y="205"/>
                    <a:pt x="153" y="205"/>
                    <a:pt x="153" y="205"/>
                  </a:cubicBezTo>
                  <a:cubicBezTo>
                    <a:pt x="153" y="204"/>
                    <a:pt x="154" y="204"/>
                    <a:pt x="154" y="204"/>
                  </a:cubicBezTo>
                  <a:cubicBezTo>
                    <a:pt x="156" y="203"/>
                    <a:pt x="157" y="203"/>
                    <a:pt x="158" y="202"/>
                  </a:cubicBezTo>
                  <a:cubicBezTo>
                    <a:pt x="160" y="201"/>
                    <a:pt x="162" y="201"/>
                    <a:pt x="165" y="200"/>
                  </a:cubicBezTo>
                  <a:cubicBezTo>
                    <a:pt x="165" y="200"/>
                    <a:pt x="166" y="199"/>
                    <a:pt x="166" y="199"/>
                  </a:cubicBezTo>
                  <a:cubicBezTo>
                    <a:pt x="167" y="202"/>
                    <a:pt x="167" y="204"/>
                    <a:pt x="167" y="207"/>
                  </a:cubicBezTo>
                  <a:cubicBezTo>
                    <a:pt x="167" y="210"/>
                    <a:pt x="167" y="213"/>
                    <a:pt x="167" y="216"/>
                  </a:cubicBezTo>
                  <a:cubicBezTo>
                    <a:pt x="166" y="216"/>
                    <a:pt x="165" y="217"/>
                    <a:pt x="163" y="217"/>
                  </a:cubicBezTo>
                  <a:cubicBezTo>
                    <a:pt x="163" y="217"/>
                    <a:pt x="162" y="218"/>
                    <a:pt x="161" y="218"/>
                  </a:cubicBezTo>
                  <a:cubicBezTo>
                    <a:pt x="160" y="218"/>
                    <a:pt x="160" y="218"/>
                    <a:pt x="160" y="218"/>
                  </a:cubicBezTo>
                  <a:cubicBezTo>
                    <a:pt x="159" y="219"/>
                    <a:pt x="159" y="219"/>
                    <a:pt x="159" y="219"/>
                  </a:cubicBezTo>
                  <a:cubicBezTo>
                    <a:pt x="159" y="219"/>
                    <a:pt x="159" y="219"/>
                    <a:pt x="159" y="219"/>
                  </a:cubicBezTo>
                  <a:cubicBezTo>
                    <a:pt x="159" y="219"/>
                    <a:pt x="159" y="219"/>
                    <a:pt x="159" y="219"/>
                  </a:cubicBezTo>
                  <a:cubicBezTo>
                    <a:pt x="159" y="219"/>
                    <a:pt x="159" y="219"/>
                    <a:pt x="159" y="219"/>
                  </a:cubicBezTo>
                  <a:cubicBezTo>
                    <a:pt x="159" y="219"/>
                    <a:pt x="159" y="219"/>
                    <a:pt x="159" y="219"/>
                  </a:cubicBezTo>
                  <a:cubicBezTo>
                    <a:pt x="156" y="220"/>
                    <a:pt x="155" y="222"/>
                    <a:pt x="155" y="224"/>
                  </a:cubicBezTo>
                  <a:cubicBezTo>
                    <a:pt x="154" y="225"/>
                    <a:pt x="155" y="227"/>
                    <a:pt x="157" y="229"/>
                  </a:cubicBezTo>
                  <a:cubicBezTo>
                    <a:pt x="157" y="229"/>
                    <a:pt x="158" y="230"/>
                    <a:pt x="158" y="230"/>
                  </a:cubicBezTo>
                  <a:cubicBezTo>
                    <a:pt x="158" y="230"/>
                    <a:pt x="159" y="230"/>
                    <a:pt x="159" y="230"/>
                  </a:cubicBezTo>
                  <a:cubicBezTo>
                    <a:pt x="159" y="231"/>
                    <a:pt x="159" y="231"/>
                    <a:pt x="160" y="231"/>
                  </a:cubicBezTo>
                  <a:cubicBezTo>
                    <a:pt x="160" y="231"/>
                    <a:pt x="160" y="231"/>
                    <a:pt x="160" y="231"/>
                  </a:cubicBezTo>
                  <a:cubicBezTo>
                    <a:pt x="162" y="232"/>
                    <a:pt x="164" y="232"/>
                    <a:pt x="166" y="233"/>
                  </a:cubicBezTo>
                  <a:cubicBezTo>
                    <a:pt x="169" y="234"/>
                    <a:pt x="174" y="235"/>
                    <a:pt x="178" y="236"/>
                  </a:cubicBezTo>
                  <a:cubicBezTo>
                    <a:pt x="180" y="236"/>
                    <a:pt x="183" y="237"/>
                    <a:pt x="185" y="237"/>
                  </a:cubicBezTo>
                  <a:cubicBezTo>
                    <a:pt x="187" y="238"/>
                    <a:pt x="190" y="239"/>
                    <a:pt x="192" y="240"/>
                  </a:cubicBezTo>
                  <a:cubicBezTo>
                    <a:pt x="193" y="241"/>
                    <a:pt x="193" y="241"/>
                    <a:pt x="194" y="242"/>
                  </a:cubicBezTo>
                  <a:cubicBezTo>
                    <a:pt x="194" y="242"/>
                    <a:pt x="194" y="242"/>
                    <a:pt x="194" y="242"/>
                  </a:cubicBezTo>
                  <a:cubicBezTo>
                    <a:pt x="195" y="242"/>
                    <a:pt x="195" y="242"/>
                    <a:pt x="195" y="242"/>
                  </a:cubicBezTo>
                  <a:cubicBezTo>
                    <a:pt x="195" y="242"/>
                    <a:pt x="195" y="242"/>
                    <a:pt x="195" y="242"/>
                  </a:cubicBezTo>
                  <a:cubicBezTo>
                    <a:pt x="195" y="242"/>
                    <a:pt x="195" y="242"/>
                    <a:pt x="195" y="242"/>
                  </a:cubicBezTo>
                  <a:cubicBezTo>
                    <a:pt x="196" y="243"/>
                    <a:pt x="196" y="243"/>
                    <a:pt x="196" y="243"/>
                  </a:cubicBezTo>
                  <a:cubicBezTo>
                    <a:pt x="197" y="244"/>
                    <a:pt x="198" y="245"/>
                    <a:pt x="199" y="246"/>
                  </a:cubicBezTo>
                  <a:cubicBezTo>
                    <a:pt x="201" y="248"/>
                    <a:pt x="202" y="251"/>
                    <a:pt x="203" y="255"/>
                  </a:cubicBezTo>
                  <a:cubicBezTo>
                    <a:pt x="204" y="258"/>
                    <a:pt x="203" y="261"/>
                    <a:pt x="202" y="264"/>
                  </a:cubicBezTo>
                  <a:close/>
                  <a:moveTo>
                    <a:pt x="185" y="172"/>
                  </a:moveTo>
                  <a:cubicBezTo>
                    <a:pt x="185" y="183"/>
                    <a:pt x="184" y="195"/>
                    <a:pt x="183" y="207"/>
                  </a:cubicBezTo>
                  <a:cubicBezTo>
                    <a:pt x="183" y="216"/>
                    <a:pt x="182" y="225"/>
                    <a:pt x="182" y="235"/>
                  </a:cubicBezTo>
                  <a:cubicBezTo>
                    <a:pt x="181" y="234"/>
                    <a:pt x="180" y="234"/>
                    <a:pt x="179" y="234"/>
                  </a:cubicBezTo>
                  <a:cubicBezTo>
                    <a:pt x="176" y="233"/>
                    <a:pt x="173" y="232"/>
                    <a:pt x="170" y="232"/>
                  </a:cubicBezTo>
                  <a:cubicBezTo>
                    <a:pt x="170" y="223"/>
                    <a:pt x="169" y="215"/>
                    <a:pt x="169" y="207"/>
                  </a:cubicBezTo>
                  <a:cubicBezTo>
                    <a:pt x="168" y="195"/>
                    <a:pt x="167" y="183"/>
                    <a:pt x="167" y="171"/>
                  </a:cubicBezTo>
                  <a:cubicBezTo>
                    <a:pt x="179" y="171"/>
                    <a:pt x="179" y="171"/>
                    <a:pt x="179" y="171"/>
                  </a:cubicBezTo>
                  <a:cubicBezTo>
                    <a:pt x="179" y="171"/>
                    <a:pt x="179" y="171"/>
                    <a:pt x="179" y="171"/>
                  </a:cubicBezTo>
                  <a:cubicBezTo>
                    <a:pt x="181" y="171"/>
                    <a:pt x="183" y="172"/>
                    <a:pt x="185" y="172"/>
                  </a:cubicBezTo>
                  <a:close/>
                  <a:moveTo>
                    <a:pt x="222" y="191"/>
                  </a:moveTo>
                  <a:cubicBezTo>
                    <a:pt x="221" y="195"/>
                    <a:pt x="219" y="197"/>
                    <a:pt x="216" y="200"/>
                  </a:cubicBezTo>
                  <a:cubicBezTo>
                    <a:pt x="214" y="202"/>
                    <a:pt x="211" y="204"/>
                    <a:pt x="209" y="205"/>
                  </a:cubicBezTo>
                  <a:cubicBezTo>
                    <a:pt x="207" y="206"/>
                    <a:pt x="206" y="207"/>
                    <a:pt x="205" y="207"/>
                  </a:cubicBezTo>
                  <a:cubicBezTo>
                    <a:pt x="204" y="207"/>
                    <a:pt x="204" y="207"/>
                    <a:pt x="204" y="207"/>
                  </a:cubicBezTo>
                  <a:cubicBezTo>
                    <a:pt x="203" y="208"/>
                    <a:pt x="203" y="208"/>
                    <a:pt x="203" y="208"/>
                  </a:cubicBezTo>
                  <a:cubicBezTo>
                    <a:pt x="201" y="208"/>
                    <a:pt x="201" y="208"/>
                    <a:pt x="201" y="208"/>
                  </a:cubicBezTo>
                  <a:cubicBezTo>
                    <a:pt x="199" y="209"/>
                    <a:pt x="197" y="209"/>
                    <a:pt x="194" y="210"/>
                  </a:cubicBezTo>
                  <a:cubicBezTo>
                    <a:pt x="191" y="210"/>
                    <a:pt x="188" y="211"/>
                    <a:pt x="185" y="212"/>
                  </a:cubicBezTo>
                  <a:cubicBezTo>
                    <a:pt x="185" y="210"/>
                    <a:pt x="185" y="208"/>
                    <a:pt x="185" y="207"/>
                  </a:cubicBezTo>
                  <a:cubicBezTo>
                    <a:pt x="186" y="202"/>
                    <a:pt x="186" y="198"/>
                    <a:pt x="186" y="194"/>
                  </a:cubicBezTo>
                  <a:cubicBezTo>
                    <a:pt x="187" y="194"/>
                    <a:pt x="189" y="193"/>
                    <a:pt x="190" y="193"/>
                  </a:cubicBezTo>
                  <a:cubicBezTo>
                    <a:pt x="192" y="192"/>
                    <a:pt x="194" y="192"/>
                    <a:pt x="196" y="191"/>
                  </a:cubicBezTo>
                  <a:cubicBezTo>
                    <a:pt x="198" y="191"/>
                    <a:pt x="198" y="191"/>
                    <a:pt x="198" y="191"/>
                  </a:cubicBezTo>
                  <a:cubicBezTo>
                    <a:pt x="198" y="191"/>
                    <a:pt x="198" y="191"/>
                    <a:pt x="198" y="191"/>
                  </a:cubicBezTo>
                  <a:cubicBezTo>
                    <a:pt x="199" y="190"/>
                    <a:pt x="199" y="190"/>
                    <a:pt x="199" y="190"/>
                  </a:cubicBezTo>
                  <a:cubicBezTo>
                    <a:pt x="200" y="190"/>
                    <a:pt x="200" y="190"/>
                    <a:pt x="201" y="190"/>
                  </a:cubicBezTo>
                  <a:cubicBezTo>
                    <a:pt x="202" y="189"/>
                    <a:pt x="203" y="188"/>
                    <a:pt x="204" y="187"/>
                  </a:cubicBezTo>
                  <a:cubicBezTo>
                    <a:pt x="204" y="187"/>
                    <a:pt x="205" y="186"/>
                    <a:pt x="205" y="185"/>
                  </a:cubicBezTo>
                  <a:cubicBezTo>
                    <a:pt x="206" y="183"/>
                    <a:pt x="206" y="181"/>
                    <a:pt x="205" y="179"/>
                  </a:cubicBezTo>
                  <a:cubicBezTo>
                    <a:pt x="204" y="176"/>
                    <a:pt x="202" y="174"/>
                    <a:pt x="200" y="173"/>
                  </a:cubicBezTo>
                  <a:cubicBezTo>
                    <a:pt x="200" y="173"/>
                    <a:pt x="199" y="172"/>
                    <a:pt x="198" y="172"/>
                  </a:cubicBezTo>
                  <a:cubicBezTo>
                    <a:pt x="198" y="172"/>
                    <a:pt x="198" y="172"/>
                    <a:pt x="198" y="172"/>
                  </a:cubicBezTo>
                  <a:cubicBezTo>
                    <a:pt x="198" y="172"/>
                    <a:pt x="198" y="172"/>
                    <a:pt x="198" y="172"/>
                  </a:cubicBezTo>
                  <a:cubicBezTo>
                    <a:pt x="197" y="172"/>
                    <a:pt x="197" y="172"/>
                    <a:pt x="197" y="172"/>
                  </a:cubicBezTo>
                  <a:cubicBezTo>
                    <a:pt x="197" y="172"/>
                    <a:pt x="197" y="172"/>
                    <a:pt x="197" y="172"/>
                  </a:cubicBezTo>
                  <a:cubicBezTo>
                    <a:pt x="197" y="172"/>
                    <a:pt x="197" y="172"/>
                    <a:pt x="197" y="172"/>
                  </a:cubicBezTo>
                  <a:cubicBezTo>
                    <a:pt x="197" y="172"/>
                    <a:pt x="197" y="172"/>
                    <a:pt x="197" y="172"/>
                  </a:cubicBezTo>
                  <a:cubicBezTo>
                    <a:pt x="197" y="171"/>
                    <a:pt x="197" y="171"/>
                    <a:pt x="197" y="171"/>
                  </a:cubicBezTo>
                  <a:cubicBezTo>
                    <a:pt x="195" y="171"/>
                    <a:pt x="194" y="171"/>
                    <a:pt x="192" y="170"/>
                  </a:cubicBezTo>
                  <a:cubicBezTo>
                    <a:pt x="188" y="170"/>
                    <a:pt x="184" y="170"/>
                    <a:pt x="179" y="169"/>
                  </a:cubicBezTo>
                  <a:cubicBezTo>
                    <a:pt x="166" y="169"/>
                    <a:pt x="166" y="169"/>
                    <a:pt x="166" y="169"/>
                  </a:cubicBezTo>
                  <a:cubicBezTo>
                    <a:pt x="162" y="168"/>
                    <a:pt x="157" y="168"/>
                    <a:pt x="153" y="167"/>
                  </a:cubicBezTo>
                  <a:cubicBezTo>
                    <a:pt x="148" y="167"/>
                    <a:pt x="143" y="166"/>
                    <a:pt x="138" y="165"/>
                  </a:cubicBezTo>
                  <a:cubicBezTo>
                    <a:pt x="133" y="164"/>
                    <a:pt x="128" y="162"/>
                    <a:pt x="123" y="159"/>
                  </a:cubicBezTo>
                  <a:cubicBezTo>
                    <a:pt x="121" y="157"/>
                    <a:pt x="119" y="155"/>
                    <a:pt x="116" y="153"/>
                  </a:cubicBezTo>
                  <a:cubicBezTo>
                    <a:pt x="114" y="151"/>
                    <a:pt x="112" y="148"/>
                    <a:pt x="110" y="145"/>
                  </a:cubicBezTo>
                  <a:cubicBezTo>
                    <a:pt x="109" y="142"/>
                    <a:pt x="107" y="138"/>
                    <a:pt x="107" y="135"/>
                  </a:cubicBezTo>
                  <a:cubicBezTo>
                    <a:pt x="107" y="131"/>
                    <a:pt x="107" y="127"/>
                    <a:pt x="109" y="123"/>
                  </a:cubicBezTo>
                  <a:cubicBezTo>
                    <a:pt x="110" y="120"/>
                    <a:pt x="112" y="117"/>
                    <a:pt x="114" y="114"/>
                  </a:cubicBezTo>
                  <a:cubicBezTo>
                    <a:pt x="117" y="112"/>
                    <a:pt x="119" y="109"/>
                    <a:pt x="122" y="108"/>
                  </a:cubicBezTo>
                  <a:cubicBezTo>
                    <a:pt x="125" y="106"/>
                    <a:pt x="128" y="105"/>
                    <a:pt x="132" y="104"/>
                  </a:cubicBezTo>
                  <a:cubicBezTo>
                    <a:pt x="136" y="103"/>
                    <a:pt x="140" y="103"/>
                    <a:pt x="144" y="104"/>
                  </a:cubicBezTo>
                  <a:cubicBezTo>
                    <a:pt x="148" y="105"/>
                    <a:pt x="151" y="107"/>
                    <a:pt x="154" y="109"/>
                  </a:cubicBezTo>
                  <a:cubicBezTo>
                    <a:pt x="155" y="111"/>
                    <a:pt x="156" y="112"/>
                    <a:pt x="157" y="113"/>
                  </a:cubicBezTo>
                  <a:cubicBezTo>
                    <a:pt x="158" y="114"/>
                    <a:pt x="159" y="114"/>
                    <a:pt x="159" y="115"/>
                  </a:cubicBezTo>
                  <a:cubicBezTo>
                    <a:pt x="159" y="115"/>
                    <a:pt x="160" y="116"/>
                    <a:pt x="160" y="116"/>
                  </a:cubicBezTo>
                  <a:cubicBezTo>
                    <a:pt x="160" y="116"/>
                    <a:pt x="160" y="116"/>
                    <a:pt x="160" y="116"/>
                  </a:cubicBezTo>
                  <a:cubicBezTo>
                    <a:pt x="160" y="117"/>
                    <a:pt x="160" y="117"/>
                    <a:pt x="160" y="117"/>
                  </a:cubicBezTo>
                  <a:cubicBezTo>
                    <a:pt x="161" y="117"/>
                    <a:pt x="161" y="117"/>
                    <a:pt x="161" y="117"/>
                  </a:cubicBezTo>
                  <a:cubicBezTo>
                    <a:pt x="164" y="123"/>
                    <a:pt x="164" y="133"/>
                    <a:pt x="157" y="135"/>
                  </a:cubicBezTo>
                  <a:cubicBezTo>
                    <a:pt x="151" y="136"/>
                    <a:pt x="144" y="135"/>
                    <a:pt x="141" y="130"/>
                  </a:cubicBezTo>
                  <a:cubicBezTo>
                    <a:pt x="141" y="130"/>
                    <a:pt x="141" y="130"/>
                    <a:pt x="141" y="130"/>
                  </a:cubicBezTo>
                  <a:cubicBezTo>
                    <a:pt x="141" y="130"/>
                    <a:pt x="141" y="130"/>
                    <a:pt x="141" y="130"/>
                  </a:cubicBezTo>
                  <a:cubicBezTo>
                    <a:pt x="141" y="130"/>
                    <a:pt x="141" y="130"/>
                    <a:pt x="141" y="130"/>
                  </a:cubicBezTo>
                  <a:cubicBezTo>
                    <a:pt x="140" y="130"/>
                    <a:pt x="140" y="130"/>
                    <a:pt x="140" y="130"/>
                  </a:cubicBezTo>
                  <a:cubicBezTo>
                    <a:pt x="140" y="130"/>
                    <a:pt x="140" y="129"/>
                    <a:pt x="140" y="129"/>
                  </a:cubicBezTo>
                  <a:cubicBezTo>
                    <a:pt x="140" y="129"/>
                    <a:pt x="139" y="128"/>
                    <a:pt x="139" y="128"/>
                  </a:cubicBezTo>
                  <a:cubicBezTo>
                    <a:pt x="138" y="128"/>
                    <a:pt x="138" y="127"/>
                    <a:pt x="137" y="127"/>
                  </a:cubicBezTo>
                  <a:cubicBezTo>
                    <a:pt x="137" y="127"/>
                    <a:pt x="137" y="127"/>
                    <a:pt x="136" y="127"/>
                  </a:cubicBezTo>
                  <a:cubicBezTo>
                    <a:pt x="136" y="127"/>
                    <a:pt x="135" y="127"/>
                    <a:pt x="134" y="128"/>
                  </a:cubicBezTo>
                  <a:cubicBezTo>
                    <a:pt x="132" y="129"/>
                    <a:pt x="131" y="130"/>
                    <a:pt x="130" y="132"/>
                  </a:cubicBezTo>
                  <a:cubicBezTo>
                    <a:pt x="130" y="132"/>
                    <a:pt x="130" y="133"/>
                    <a:pt x="130" y="133"/>
                  </a:cubicBezTo>
                  <a:cubicBezTo>
                    <a:pt x="130" y="134"/>
                    <a:pt x="130" y="134"/>
                    <a:pt x="130" y="135"/>
                  </a:cubicBezTo>
                  <a:cubicBezTo>
                    <a:pt x="131" y="136"/>
                    <a:pt x="133" y="138"/>
                    <a:pt x="135" y="140"/>
                  </a:cubicBezTo>
                  <a:cubicBezTo>
                    <a:pt x="138" y="142"/>
                    <a:pt x="141" y="143"/>
                    <a:pt x="144" y="144"/>
                  </a:cubicBezTo>
                  <a:cubicBezTo>
                    <a:pt x="148" y="145"/>
                    <a:pt x="152" y="146"/>
                    <a:pt x="156" y="147"/>
                  </a:cubicBezTo>
                  <a:cubicBezTo>
                    <a:pt x="160" y="147"/>
                    <a:pt x="164" y="148"/>
                    <a:pt x="168" y="148"/>
                  </a:cubicBezTo>
                  <a:cubicBezTo>
                    <a:pt x="181" y="150"/>
                    <a:pt x="181" y="150"/>
                    <a:pt x="181" y="150"/>
                  </a:cubicBezTo>
                  <a:cubicBezTo>
                    <a:pt x="185" y="150"/>
                    <a:pt x="190" y="150"/>
                    <a:pt x="195" y="151"/>
                  </a:cubicBezTo>
                  <a:cubicBezTo>
                    <a:pt x="197" y="152"/>
                    <a:pt x="200" y="152"/>
                    <a:pt x="203" y="153"/>
                  </a:cubicBezTo>
                  <a:cubicBezTo>
                    <a:pt x="204" y="154"/>
                    <a:pt x="204" y="154"/>
                    <a:pt x="204" y="154"/>
                  </a:cubicBezTo>
                  <a:cubicBezTo>
                    <a:pt x="204" y="154"/>
                    <a:pt x="204" y="154"/>
                    <a:pt x="204" y="154"/>
                  </a:cubicBezTo>
                  <a:cubicBezTo>
                    <a:pt x="205" y="154"/>
                    <a:pt x="205" y="154"/>
                    <a:pt x="205" y="154"/>
                  </a:cubicBezTo>
                  <a:cubicBezTo>
                    <a:pt x="205" y="154"/>
                    <a:pt x="205" y="154"/>
                    <a:pt x="206" y="154"/>
                  </a:cubicBezTo>
                  <a:cubicBezTo>
                    <a:pt x="206" y="155"/>
                    <a:pt x="207" y="155"/>
                    <a:pt x="207" y="155"/>
                  </a:cubicBezTo>
                  <a:cubicBezTo>
                    <a:pt x="208" y="156"/>
                    <a:pt x="210" y="156"/>
                    <a:pt x="211" y="157"/>
                  </a:cubicBezTo>
                  <a:cubicBezTo>
                    <a:pt x="216" y="161"/>
                    <a:pt x="220" y="166"/>
                    <a:pt x="222" y="172"/>
                  </a:cubicBezTo>
                  <a:cubicBezTo>
                    <a:pt x="223" y="175"/>
                    <a:pt x="224" y="178"/>
                    <a:pt x="224" y="182"/>
                  </a:cubicBezTo>
                  <a:cubicBezTo>
                    <a:pt x="224" y="185"/>
                    <a:pt x="223" y="188"/>
                    <a:pt x="222" y="191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78" name="Freeform 36"/>
            <p:cNvSpPr>
              <a:spLocks/>
            </p:cNvSpPr>
            <p:nvPr/>
          </p:nvSpPr>
          <p:spPr bwMode="auto">
            <a:xfrm>
              <a:off x="8112125" y="1030288"/>
              <a:ext cx="17463" cy="20637"/>
            </a:xfrm>
            <a:custGeom>
              <a:avLst/>
              <a:gdLst>
                <a:gd name="T0" fmla="*/ 6 w 6"/>
                <a:gd name="T1" fmla="*/ 6 h 7"/>
                <a:gd name="T2" fmla="*/ 6 w 6"/>
                <a:gd name="T3" fmla="*/ 4 h 7"/>
                <a:gd name="T4" fmla="*/ 0 w 6"/>
                <a:gd name="T5" fmla="*/ 1 h 7"/>
                <a:gd name="T6" fmla="*/ 3 w 6"/>
                <a:gd name="T7" fmla="*/ 6 h 7"/>
                <a:gd name="T8" fmla="*/ 6 w 6"/>
                <a:gd name="T9" fmla="*/ 6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7">
                  <a:moveTo>
                    <a:pt x="6" y="6"/>
                  </a:moveTo>
                  <a:cubicBezTo>
                    <a:pt x="6" y="5"/>
                    <a:pt x="6" y="4"/>
                    <a:pt x="6" y="4"/>
                  </a:cubicBezTo>
                  <a:cubicBezTo>
                    <a:pt x="5" y="3"/>
                    <a:pt x="1" y="0"/>
                    <a:pt x="0" y="1"/>
                  </a:cubicBezTo>
                  <a:cubicBezTo>
                    <a:pt x="0" y="2"/>
                    <a:pt x="2" y="5"/>
                    <a:pt x="3" y="6"/>
                  </a:cubicBezTo>
                  <a:cubicBezTo>
                    <a:pt x="4" y="7"/>
                    <a:pt x="5" y="7"/>
                    <a:pt x="6" y="6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</p:grpSp>
      <p:grpSp>
        <p:nvGrpSpPr>
          <p:cNvPr id="79" name="Group 78"/>
          <p:cNvGrpSpPr/>
          <p:nvPr/>
        </p:nvGrpSpPr>
        <p:grpSpPr>
          <a:xfrm>
            <a:off x="9488660" y="4969117"/>
            <a:ext cx="752099" cy="593399"/>
            <a:chOff x="4006851" y="2198688"/>
            <a:chExt cx="1211263" cy="955675"/>
          </a:xfrm>
          <a:solidFill>
            <a:schemeClr val="bg2"/>
          </a:solidFill>
        </p:grpSpPr>
        <p:sp>
          <p:nvSpPr>
            <p:cNvPr id="80" name="Freeform 75"/>
            <p:cNvSpPr>
              <a:spLocks/>
            </p:cNvSpPr>
            <p:nvPr/>
          </p:nvSpPr>
          <p:spPr bwMode="auto">
            <a:xfrm>
              <a:off x="4127501" y="2198688"/>
              <a:ext cx="1090613" cy="955675"/>
            </a:xfrm>
            <a:custGeom>
              <a:avLst/>
              <a:gdLst>
                <a:gd name="T0" fmla="*/ 350 w 472"/>
                <a:gd name="T1" fmla="*/ 0 h 414"/>
                <a:gd name="T2" fmla="*/ 236 w 472"/>
                <a:gd name="T3" fmla="*/ 71 h 414"/>
                <a:gd name="T4" fmla="*/ 122 w 472"/>
                <a:gd name="T5" fmla="*/ 0 h 414"/>
                <a:gd name="T6" fmla="*/ 0 w 472"/>
                <a:gd name="T7" fmla="*/ 128 h 414"/>
                <a:gd name="T8" fmla="*/ 4 w 472"/>
                <a:gd name="T9" fmla="*/ 161 h 414"/>
                <a:gd name="T10" fmla="*/ 98 w 472"/>
                <a:gd name="T11" fmla="*/ 161 h 414"/>
                <a:gd name="T12" fmla="*/ 109 w 472"/>
                <a:gd name="T13" fmla="*/ 143 h 414"/>
                <a:gd name="T14" fmla="*/ 131 w 472"/>
                <a:gd name="T15" fmla="*/ 133 h 414"/>
                <a:gd name="T16" fmla="*/ 142 w 472"/>
                <a:gd name="T17" fmla="*/ 78 h 414"/>
                <a:gd name="T18" fmla="*/ 165 w 472"/>
                <a:gd name="T19" fmla="*/ 60 h 414"/>
                <a:gd name="T20" fmla="*/ 186 w 472"/>
                <a:gd name="T21" fmla="*/ 80 h 414"/>
                <a:gd name="T22" fmla="*/ 195 w 472"/>
                <a:gd name="T23" fmla="*/ 164 h 414"/>
                <a:gd name="T24" fmla="*/ 201 w 472"/>
                <a:gd name="T25" fmla="*/ 164 h 414"/>
                <a:gd name="T26" fmla="*/ 221 w 472"/>
                <a:gd name="T27" fmla="*/ 164 h 414"/>
                <a:gd name="T28" fmla="*/ 222 w 472"/>
                <a:gd name="T29" fmla="*/ 164 h 414"/>
                <a:gd name="T30" fmla="*/ 231 w 472"/>
                <a:gd name="T31" fmla="*/ 135 h 414"/>
                <a:gd name="T32" fmla="*/ 252 w 472"/>
                <a:gd name="T33" fmla="*/ 119 h 414"/>
                <a:gd name="T34" fmla="*/ 274 w 472"/>
                <a:gd name="T35" fmla="*/ 134 h 414"/>
                <a:gd name="T36" fmla="*/ 281 w 472"/>
                <a:gd name="T37" fmla="*/ 156 h 414"/>
                <a:gd name="T38" fmla="*/ 363 w 472"/>
                <a:gd name="T39" fmla="*/ 156 h 414"/>
                <a:gd name="T40" fmla="*/ 385 w 472"/>
                <a:gd name="T41" fmla="*/ 178 h 414"/>
                <a:gd name="T42" fmla="*/ 363 w 472"/>
                <a:gd name="T43" fmla="*/ 201 h 414"/>
                <a:gd name="T44" fmla="*/ 265 w 472"/>
                <a:gd name="T45" fmla="*/ 201 h 414"/>
                <a:gd name="T46" fmla="*/ 258 w 472"/>
                <a:gd name="T47" fmla="*/ 199 h 414"/>
                <a:gd name="T48" fmla="*/ 254 w 472"/>
                <a:gd name="T49" fmla="*/ 211 h 414"/>
                <a:gd name="T50" fmla="*/ 236 w 472"/>
                <a:gd name="T51" fmla="*/ 226 h 414"/>
                <a:gd name="T52" fmla="*/ 216 w 472"/>
                <a:gd name="T53" fmla="*/ 219 h 414"/>
                <a:gd name="T54" fmla="*/ 205 w 472"/>
                <a:gd name="T55" fmla="*/ 267 h 414"/>
                <a:gd name="T56" fmla="*/ 184 w 472"/>
                <a:gd name="T57" fmla="*/ 284 h 414"/>
                <a:gd name="T58" fmla="*/ 182 w 472"/>
                <a:gd name="T59" fmla="*/ 284 h 414"/>
                <a:gd name="T60" fmla="*/ 162 w 472"/>
                <a:gd name="T61" fmla="*/ 264 h 414"/>
                <a:gd name="T62" fmla="*/ 156 w 472"/>
                <a:gd name="T63" fmla="*/ 215 h 414"/>
                <a:gd name="T64" fmla="*/ 140 w 472"/>
                <a:gd name="T65" fmla="*/ 223 h 414"/>
                <a:gd name="T66" fmla="*/ 118 w 472"/>
                <a:gd name="T67" fmla="*/ 206 h 414"/>
                <a:gd name="T68" fmla="*/ 117 w 472"/>
                <a:gd name="T69" fmla="*/ 204 h 414"/>
                <a:gd name="T70" fmla="*/ 110 w 472"/>
                <a:gd name="T71" fmla="*/ 205 h 414"/>
                <a:gd name="T72" fmla="*/ 25 w 472"/>
                <a:gd name="T73" fmla="*/ 205 h 414"/>
                <a:gd name="T74" fmla="*/ 99 w 472"/>
                <a:gd name="T75" fmla="*/ 275 h 414"/>
                <a:gd name="T76" fmla="*/ 236 w 472"/>
                <a:gd name="T77" fmla="*/ 414 h 414"/>
                <a:gd name="T78" fmla="*/ 382 w 472"/>
                <a:gd name="T79" fmla="*/ 275 h 414"/>
                <a:gd name="T80" fmla="*/ 472 w 472"/>
                <a:gd name="T81" fmla="*/ 128 h 414"/>
                <a:gd name="T82" fmla="*/ 350 w 472"/>
                <a:gd name="T83" fmla="*/ 0 h 4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472" h="414">
                  <a:moveTo>
                    <a:pt x="350" y="0"/>
                  </a:moveTo>
                  <a:cubicBezTo>
                    <a:pt x="295" y="0"/>
                    <a:pt x="258" y="32"/>
                    <a:pt x="236" y="71"/>
                  </a:cubicBezTo>
                  <a:cubicBezTo>
                    <a:pt x="213" y="32"/>
                    <a:pt x="177" y="0"/>
                    <a:pt x="122" y="0"/>
                  </a:cubicBezTo>
                  <a:cubicBezTo>
                    <a:pt x="67" y="0"/>
                    <a:pt x="0" y="48"/>
                    <a:pt x="0" y="128"/>
                  </a:cubicBezTo>
                  <a:cubicBezTo>
                    <a:pt x="0" y="140"/>
                    <a:pt x="2" y="151"/>
                    <a:pt x="4" y="161"/>
                  </a:cubicBezTo>
                  <a:cubicBezTo>
                    <a:pt x="98" y="161"/>
                    <a:pt x="98" y="161"/>
                    <a:pt x="98" y="161"/>
                  </a:cubicBezTo>
                  <a:cubicBezTo>
                    <a:pt x="109" y="143"/>
                    <a:pt x="109" y="143"/>
                    <a:pt x="109" y="143"/>
                  </a:cubicBezTo>
                  <a:cubicBezTo>
                    <a:pt x="114" y="136"/>
                    <a:pt x="122" y="132"/>
                    <a:pt x="131" y="133"/>
                  </a:cubicBezTo>
                  <a:cubicBezTo>
                    <a:pt x="142" y="78"/>
                    <a:pt x="142" y="78"/>
                    <a:pt x="142" y="78"/>
                  </a:cubicBezTo>
                  <a:cubicBezTo>
                    <a:pt x="145" y="67"/>
                    <a:pt x="154" y="60"/>
                    <a:pt x="165" y="60"/>
                  </a:cubicBezTo>
                  <a:cubicBezTo>
                    <a:pt x="176" y="61"/>
                    <a:pt x="185" y="69"/>
                    <a:pt x="186" y="80"/>
                  </a:cubicBezTo>
                  <a:cubicBezTo>
                    <a:pt x="195" y="164"/>
                    <a:pt x="195" y="164"/>
                    <a:pt x="195" y="164"/>
                  </a:cubicBezTo>
                  <a:cubicBezTo>
                    <a:pt x="197" y="164"/>
                    <a:pt x="199" y="164"/>
                    <a:pt x="201" y="164"/>
                  </a:cubicBezTo>
                  <a:cubicBezTo>
                    <a:pt x="221" y="164"/>
                    <a:pt x="221" y="164"/>
                    <a:pt x="221" y="164"/>
                  </a:cubicBezTo>
                  <a:cubicBezTo>
                    <a:pt x="221" y="164"/>
                    <a:pt x="222" y="164"/>
                    <a:pt x="222" y="164"/>
                  </a:cubicBezTo>
                  <a:cubicBezTo>
                    <a:pt x="231" y="135"/>
                    <a:pt x="231" y="135"/>
                    <a:pt x="231" y="135"/>
                  </a:cubicBezTo>
                  <a:cubicBezTo>
                    <a:pt x="234" y="126"/>
                    <a:pt x="243" y="119"/>
                    <a:pt x="252" y="119"/>
                  </a:cubicBezTo>
                  <a:cubicBezTo>
                    <a:pt x="262" y="119"/>
                    <a:pt x="270" y="125"/>
                    <a:pt x="274" y="134"/>
                  </a:cubicBezTo>
                  <a:cubicBezTo>
                    <a:pt x="281" y="156"/>
                    <a:pt x="281" y="156"/>
                    <a:pt x="281" y="156"/>
                  </a:cubicBezTo>
                  <a:cubicBezTo>
                    <a:pt x="363" y="156"/>
                    <a:pt x="363" y="156"/>
                    <a:pt x="363" y="156"/>
                  </a:cubicBezTo>
                  <a:cubicBezTo>
                    <a:pt x="375" y="156"/>
                    <a:pt x="385" y="166"/>
                    <a:pt x="385" y="178"/>
                  </a:cubicBezTo>
                  <a:cubicBezTo>
                    <a:pt x="385" y="191"/>
                    <a:pt x="375" y="201"/>
                    <a:pt x="363" y="201"/>
                  </a:cubicBezTo>
                  <a:cubicBezTo>
                    <a:pt x="265" y="201"/>
                    <a:pt x="265" y="201"/>
                    <a:pt x="265" y="201"/>
                  </a:cubicBezTo>
                  <a:cubicBezTo>
                    <a:pt x="262" y="201"/>
                    <a:pt x="260" y="200"/>
                    <a:pt x="258" y="199"/>
                  </a:cubicBezTo>
                  <a:cubicBezTo>
                    <a:pt x="254" y="211"/>
                    <a:pt x="254" y="211"/>
                    <a:pt x="254" y="211"/>
                  </a:cubicBezTo>
                  <a:cubicBezTo>
                    <a:pt x="251" y="219"/>
                    <a:pt x="244" y="225"/>
                    <a:pt x="236" y="226"/>
                  </a:cubicBezTo>
                  <a:cubicBezTo>
                    <a:pt x="228" y="227"/>
                    <a:pt x="221" y="224"/>
                    <a:pt x="216" y="219"/>
                  </a:cubicBezTo>
                  <a:cubicBezTo>
                    <a:pt x="205" y="267"/>
                    <a:pt x="205" y="267"/>
                    <a:pt x="205" y="267"/>
                  </a:cubicBezTo>
                  <a:cubicBezTo>
                    <a:pt x="203" y="277"/>
                    <a:pt x="194" y="284"/>
                    <a:pt x="184" y="284"/>
                  </a:cubicBezTo>
                  <a:cubicBezTo>
                    <a:pt x="183" y="284"/>
                    <a:pt x="183" y="284"/>
                    <a:pt x="182" y="284"/>
                  </a:cubicBezTo>
                  <a:cubicBezTo>
                    <a:pt x="172" y="283"/>
                    <a:pt x="163" y="275"/>
                    <a:pt x="162" y="264"/>
                  </a:cubicBezTo>
                  <a:cubicBezTo>
                    <a:pt x="156" y="215"/>
                    <a:pt x="156" y="215"/>
                    <a:pt x="156" y="215"/>
                  </a:cubicBezTo>
                  <a:cubicBezTo>
                    <a:pt x="152" y="220"/>
                    <a:pt x="146" y="223"/>
                    <a:pt x="140" y="223"/>
                  </a:cubicBezTo>
                  <a:cubicBezTo>
                    <a:pt x="130" y="223"/>
                    <a:pt x="120" y="216"/>
                    <a:pt x="118" y="206"/>
                  </a:cubicBezTo>
                  <a:cubicBezTo>
                    <a:pt x="117" y="204"/>
                    <a:pt x="117" y="204"/>
                    <a:pt x="117" y="204"/>
                  </a:cubicBezTo>
                  <a:cubicBezTo>
                    <a:pt x="115" y="205"/>
                    <a:pt x="113" y="205"/>
                    <a:pt x="110" y="205"/>
                  </a:cubicBezTo>
                  <a:cubicBezTo>
                    <a:pt x="25" y="205"/>
                    <a:pt x="25" y="205"/>
                    <a:pt x="25" y="205"/>
                  </a:cubicBezTo>
                  <a:cubicBezTo>
                    <a:pt x="48" y="239"/>
                    <a:pt x="82" y="261"/>
                    <a:pt x="99" y="275"/>
                  </a:cubicBezTo>
                  <a:cubicBezTo>
                    <a:pt x="100" y="276"/>
                    <a:pt x="206" y="358"/>
                    <a:pt x="236" y="414"/>
                  </a:cubicBezTo>
                  <a:cubicBezTo>
                    <a:pt x="265" y="358"/>
                    <a:pt x="382" y="276"/>
                    <a:pt x="382" y="275"/>
                  </a:cubicBezTo>
                  <a:cubicBezTo>
                    <a:pt x="416" y="245"/>
                    <a:pt x="472" y="209"/>
                    <a:pt x="472" y="128"/>
                  </a:cubicBezTo>
                  <a:cubicBezTo>
                    <a:pt x="472" y="48"/>
                    <a:pt x="404" y="0"/>
                    <a:pt x="350" y="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81" name="Freeform 76"/>
            <p:cNvSpPr>
              <a:spLocks/>
            </p:cNvSpPr>
            <p:nvPr/>
          </p:nvSpPr>
          <p:spPr bwMode="auto">
            <a:xfrm>
              <a:off x="4006851" y="2374900"/>
              <a:ext cx="976313" cy="446088"/>
            </a:xfrm>
            <a:custGeom>
              <a:avLst/>
              <a:gdLst>
                <a:gd name="T0" fmla="*/ 229 w 422"/>
                <a:gd name="T1" fmla="*/ 187 h 193"/>
                <a:gd name="T2" fmla="*/ 214 w 422"/>
                <a:gd name="T3" fmla="*/ 50 h 193"/>
                <a:gd name="T4" fmla="*/ 192 w 422"/>
                <a:gd name="T5" fmla="*/ 131 h 193"/>
                <a:gd name="T6" fmla="*/ 185 w 422"/>
                <a:gd name="T7" fmla="*/ 126 h 193"/>
                <a:gd name="T8" fmla="*/ 177 w 422"/>
                <a:gd name="T9" fmla="*/ 96 h 193"/>
                <a:gd name="T10" fmla="*/ 162 w 422"/>
                <a:gd name="T11" fmla="*/ 114 h 193"/>
                <a:gd name="T12" fmla="*/ 6 w 422"/>
                <a:gd name="T13" fmla="*/ 114 h 193"/>
                <a:gd name="T14" fmla="*/ 0 w 422"/>
                <a:gd name="T15" fmla="*/ 107 h 193"/>
                <a:gd name="T16" fmla="*/ 6 w 422"/>
                <a:gd name="T17" fmla="*/ 100 h 193"/>
                <a:gd name="T18" fmla="*/ 174 w 422"/>
                <a:gd name="T19" fmla="*/ 75 h 193"/>
                <a:gd name="T20" fmla="*/ 181 w 422"/>
                <a:gd name="T21" fmla="*/ 72 h 193"/>
                <a:gd name="T22" fmla="*/ 187 w 422"/>
                <a:gd name="T23" fmla="*/ 77 h 193"/>
                <a:gd name="T24" fmla="*/ 209 w 422"/>
                <a:gd name="T25" fmla="*/ 5 h 193"/>
                <a:gd name="T26" fmla="*/ 216 w 422"/>
                <a:gd name="T27" fmla="*/ 0 h 193"/>
                <a:gd name="T28" fmla="*/ 223 w 422"/>
                <a:gd name="T29" fmla="*/ 6 h 193"/>
                <a:gd name="T30" fmla="*/ 246 w 422"/>
                <a:gd name="T31" fmla="*/ 108 h 193"/>
                <a:gd name="T32" fmla="*/ 253 w 422"/>
                <a:gd name="T33" fmla="*/ 103 h 193"/>
                <a:gd name="T34" fmla="*/ 279 w 422"/>
                <a:gd name="T35" fmla="*/ 106 h 193"/>
                <a:gd name="T36" fmla="*/ 283 w 422"/>
                <a:gd name="T37" fmla="*/ 112 h 193"/>
                <a:gd name="T38" fmla="*/ 304 w 422"/>
                <a:gd name="T39" fmla="*/ 59 h 193"/>
                <a:gd name="T40" fmla="*/ 311 w 422"/>
                <a:gd name="T41" fmla="*/ 63 h 193"/>
                <a:gd name="T42" fmla="*/ 322 w 422"/>
                <a:gd name="T43" fmla="*/ 95 h 193"/>
                <a:gd name="T44" fmla="*/ 422 w 422"/>
                <a:gd name="T45" fmla="*/ 102 h 193"/>
                <a:gd name="T46" fmla="*/ 415 w 422"/>
                <a:gd name="T47" fmla="*/ 109 h 193"/>
                <a:gd name="T48" fmla="*/ 317 w 422"/>
                <a:gd name="T49" fmla="*/ 109 h 193"/>
                <a:gd name="T50" fmla="*/ 310 w 422"/>
                <a:gd name="T51" fmla="*/ 105 h 193"/>
                <a:gd name="T52" fmla="*/ 291 w 422"/>
                <a:gd name="T53" fmla="*/ 130 h 193"/>
                <a:gd name="T54" fmla="*/ 286 w 422"/>
                <a:gd name="T55" fmla="*/ 135 h 193"/>
                <a:gd name="T56" fmla="*/ 279 w 422"/>
                <a:gd name="T57" fmla="*/ 132 h 193"/>
                <a:gd name="T58" fmla="*/ 258 w 422"/>
                <a:gd name="T59" fmla="*/ 117 h 193"/>
                <a:gd name="T60" fmla="*/ 236 w 422"/>
                <a:gd name="T61" fmla="*/ 193 h 193"/>
                <a:gd name="T62" fmla="*/ 235 w 422"/>
                <a:gd name="T63" fmla="*/ 193 h 1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</a:cxnLst>
              <a:rect l="0" t="0" r="r" b="b"/>
              <a:pathLst>
                <a:path w="422" h="193">
                  <a:moveTo>
                    <a:pt x="235" y="193"/>
                  </a:moveTo>
                  <a:cubicBezTo>
                    <a:pt x="232" y="193"/>
                    <a:pt x="229" y="190"/>
                    <a:pt x="229" y="187"/>
                  </a:cubicBezTo>
                  <a:cubicBezTo>
                    <a:pt x="229" y="187"/>
                    <a:pt x="229" y="187"/>
                    <a:pt x="229" y="187"/>
                  </a:cubicBezTo>
                  <a:cubicBezTo>
                    <a:pt x="214" y="50"/>
                    <a:pt x="214" y="50"/>
                    <a:pt x="214" y="50"/>
                  </a:cubicBezTo>
                  <a:cubicBezTo>
                    <a:pt x="198" y="126"/>
                    <a:pt x="198" y="126"/>
                    <a:pt x="198" y="126"/>
                  </a:cubicBezTo>
                  <a:cubicBezTo>
                    <a:pt x="198" y="129"/>
                    <a:pt x="195" y="131"/>
                    <a:pt x="192" y="131"/>
                  </a:cubicBezTo>
                  <a:cubicBezTo>
                    <a:pt x="192" y="131"/>
                    <a:pt x="192" y="131"/>
                    <a:pt x="192" y="131"/>
                  </a:cubicBezTo>
                  <a:cubicBezTo>
                    <a:pt x="188" y="131"/>
                    <a:pt x="186" y="129"/>
                    <a:pt x="185" y="126"/>
                  </a:cubicBezTo>
                  <a:cubicBezTo>
                    <a:pt x="185" y="126"/>
                    <a:pt x="185" y="126"/>
                    <a:pt x="185" y="126"/>
                  </a:cubicBezTo>
                  <a:cubicBezTo>
                    <a:pt x="177" y="96"/>
                    <a:pt x="177" y="96"/>
                    <a:pt x="177" y="96"/>
                  </a:cubicBezTo>
                  <a:cubicBezTo>
                    <a:pt x="168" y="111"/>
                    <a:pt x="168" y="111"/>
                    <a:pt x="168" y="111"/>
                  </a:cubicBezTo>
                  <a:cubicBezTo>
                    <a:pt x="166" y="113"/>
                    <a:pt x="164" y="114"/>
                    <a:pt x="162" y="114"/>
                  </a:cubicBezTo>
                  <a:cubicBezTo>
                    <a:pt x="162" y="114"/>
                    <a:pt x="162" y="114"/>
                    <a:pt x="162" y="114"/>
                  </a:cubicBezTo>
                  <a:cubicBezTo>
                    <a:pt x="6" y="114"/>
                    <a:pt x="6" y="114"/>
                    <a:pt x="6" y="114"/>
                  </a:cubicBezTo>
                  <a:cubicBezTo>
                    <a:pt x="3" y="114"/>
                    <a:pt x="0" y="111"/>
                    <a:pt x="0" y="107"/>
                  </a:cubicBezTo>
                  <a:cubicBezTo>
                    <a:pt x="0" y="107"/>
                    <a:pt x="0" y="107"/>
                    <a:pt x="0" y="107"/>
                  </a:cubicBezTo>
                  <a:cubicBezTo>
                    <a:pt x="0" y="103"/>
                    <a:pt x="3" y="100"/>
                    <a:pt x="6" y="100"/>
                  </a:cubicBezTo>
                  <a:cubicBezTo>
                    <a:pt x="6" y="100"/>
                    <a:pt x="6" y="100"/>
                    <a:pt x="6" y="100"/>
                  </a:cubicBezTo>
                  <a:cubicBezTo>
                    <a:pt x="158" y="100"/>
                    <a:pt x="158" y="100"/>
                    <a:pt x="158" y="100"/>
                  </a:cubicBezTo>
                  <a:cubicBezTo>
                    <a:pt x="174" y="75"/>
                    <a:pt x="174" y="75"/>
                    <a:pt x="174" y="75"/>
                  </a:cubicBezTo>
                  <a:cubicBezTo>
                    <a:pt x="176" y="73"/>
                    <a:pt x="178" y="72"/>
                    <a:pt x="181" y="72"/>
                  </a:cubicBezTo>
                  <a:cubicBezTo>
                    <a:pt x="181" y="72"/>
                    <a:pt x="181" y="72"/>
                    <a:pt x="181" y="72"/>
                  </a:cubicBezTo>
                  <a:cubicBezTo>
                    <a:pt x="184" y="73"/>
                    <a:pt x="186" y="75"/>
                    <a:pt x="187" y="77"/>
                  </a:cubicBezTo>
                  <a:cubicBezTo>
                    <a:pt x="187" y="77"/>
                    <a:pt x="187" y="77"/>
                    <a:pt x="187" y="77"/>
                  </a:cubicBezTo>
                  <a:cubicBezTo>
                    <a:pt x="191" y="94"/>
                    <a:pt x="191" y="94"/>
                    <a:pt x="191" y="94"/>
                  </a:cubicBezTo>
                  <a:cubicBezTo>
                    <a:pt x="209" y="5"/>
                    <a:pt x="209" y="5"/>
                    <a:pt x="209" y="5"/>
                  </a:cubicBezTo>
                  <a:cubicBezTo>
                    <a:pt x="210" y="2"/>
                    <a:pt x="213" y="0"/>
                    <a:pt x="216" y="0"/>
                  </a:cubicBezTo>
                  <a:cubicBezTo>
                    <a:pt x="216" y="0"/>
                    <a:pt x="216" y="0"/>
                    <a:pt x="216" y="0"/>
                  </a:cubicBezTo>
                  <a:cubicBezTo>
                    <a:pt x="220" y="0"/>
                    <a:pt x="222" y="2"/>
                    <a:pt x="223" y="6"/>
                  </a:cubicBezTo>
                  <a:cubicBezTo>
                    <a:pt x="223" y="6"/>
                    <a:pt x="223" y="6"/>
                    <a:pt x="223" y="6"/>
                  </a:cubicBezTo>
                  <a:cubicBezTo>
                    <a:pt x="238" y="144"/>
                    <a:pt x="238" y="144"/>
                    <a:pt x="238" y="144"/>
                  </a:cubicBezTo>
                  <a:cubicBezTo>
                    <a:pt x="246" y="108"/>
                    <a:pt x="246" y="108"/>
                    <a:pt x="246" y="108"/>
                  </a:cubicBezTo>
                  <a:cubicBezTo>
                    <a:pt x="247" y="105"/>
                    <a:pt x="250" y="103"/>
                    <a:pt x="253" y="103"/>
                  </a:cubicBezTo>
                  <a:cubicBezTo>
                    <a:pt x="253" y="103"/>
                    <a:pt x="253" y="103"/>
                    <a:pt x="253" y="103"/>
                  </a:cubicBezTo>
                  <a:cubicBezTo>
                    <a:pt x="273" y="103"/>
                    <a:pt x="273" y="103"/>
                    <a:pt x="273" y="103"/>
                  </a:cubicBezTo>
                  <a:cubicBezTo>
                    <a:pt x="275" y="103"/>
                    <a:pt x="277" y="104"/>
                    <a:pt x="279" y="106"/>
                  </a:cubicBezTo>
                  <a:cubicBezTo>
                    <a:pt x="279" y="106"/>
                    <a:pt x="279" y="106"/>
                    <a:pt x="279" y="106"/>
                  </a:cubicBezTo>
                  <a:cubicBezTo>
                    <a:pt x="283" y="112"/>
                    <a:pt x="283" y="112"/>
                    <a:pt x="283" y="112"/>
                  </a:cubicBezTo>
                  <a:cubicBezTo>
                    <a:pt x="298" y="63"/>
                    <a:pt x="298" y="63"/>
                    <a:pt x="298" y="63"/>
                  </a:cubicBezTo>
                  <a:cubicBezTo>
                    <a:pt x="299" y="61"/>
                    <a:pt x="301" y="59"/>
                    <a:pt x="304" y="59"/>
                  </a:cubicBezTo>
                  <a:cubicBezTo>
                    <a:pt x="304" y="59"/>
                    <a:pt x="304" y="59"/>
                    <a:pt x="304" y="59"/>
                  </a:cubicBezTo>
                  <a:cubicBezTo>
                    <a:pt x="307" y="59"/>
                    <a:pt x="310" y="61"/>
                    <a:pt x="311" y="63"/>
                  </a:cubicBezTo>
                  <a:cubicBezTo>
                    <a:pt x="311" y="63"/>
                    <a:pt x="311" y="63"/>
                    <a:pt x="311" y="63"/>
                  </a:cubicBezTo>
                  <a:cubicBezTo>
                    <a:pt x="322" y="95"/>
                    <a:pt x="322" y="95"/>
                    <a:pt x="322" y="95"/>
                  </a:cubicBezTo>
                  <a:cubicBezTo>
                    <a:pt x="415" y="96"/>
                    <a:pt x="415" y="96"/>
                    <a:pt x="415" y="96"/>
                  </a:cubicBezTo>
                  <a:cubicBezTo>
                    <a:pt x="419" y="96"/>
                    <a:pt x="422" y="99"/>
                    <a:pt x="422" y="102"/>
                  </a:cubicBezTo>
                  <a:cubicBezTo>
                    <a:pt x="422" y="102"/>
                    <a:pt x="422" y="102"/>
                    <a:pt x="422" y="102"/>
                  </a:cubicBezTo>
                  <a:cubicBezTo>
                    <a:pt x="422" y="106"/>
                    <a:pt x="419" y="109"/>
                    <a:pt x="415" y="109"/>
                  </a:cubicBezTo>
                  <a:cubicBezTo>
                    <a:pt x="415" y="109"/>
                    <a:pt x="415" y="109"/>
                    <a:pt x="415" y="109"/>
                  </a:cubicBezTo>
                  <a:cubicBezTo>
                    <a:pt x="317" y="109"/>
                    <a:pt x="317" y="109"/>
                    <a:pt x="317" y="109"/>
                  </a:cubicBezTo>
                  <a:cubicBezTo>
                    <a:pt x="314" y="109"/>
                    <a:pt x="311" y="107"/>
                    <a:pt x="310" y="105"/>
                  </a:cubicBezTo>
                  <a:cubicBezTo>
                    <a:pt x="310" y="105"/>
                    <a:pt x="310" y="105"/>
                    <a:pt x="310" y="105"/>
                  </a:cubicBezTo>
                  <a:cubicBezTo>
                    <a:pt x="305" y="88"/>
                    <a:pt x="305" y="88"/>
                    <a:pt x="305" y="88"/>
                  </a:cubicBezTo>
                  <a:cubicBezTo>
                    <a:pt x="291" y="130"/>
                    <a:pt x="291" y="130"/>
                    <a:pt x="291" y="130"/>
                  </a:cubicBezTo>
                  <a:cubicBezTo>
                    <a:pt x="291" y="132"/>
                    <a:pt x="288" y="134"/>
                    <a:pt x="286" y="135"/>
                  </a:cubicBezTo>
                  <a:cubicBezTo>
                    <a:pt x="286" y="135"/>
                    <a:pt x="286" y="135"/>
                    <a:pt x="286" y="135"/>
                  </a:cubicBezTo>
                  <a:cubicBezTo>
                    <a:pt x="283" y="135"/>
                    <a:pt x="280" y="134"/>
                    <a:pt x="279" y="132"/>
                  </a:cubicBezTo>
                  <a:cubicBezTo>
                    <a:pt x="279" y="132"/>
                    <a:pt x="279" y="132"/>
                    <a:pt x="279" y="132"/>
                  </a:cubicBezTo>
                  <a:cubicBezTo>
                    <a:pt x="269" y="117"/>
                    <a:pt x="269" y="117"/>
                    <a:pt x="269" y="117"/>
                  </a:cubicBezTo>
                  <a:cubicBezTo>
                    <a:pt x="258" y="117"/>
                    <a:pt x="258" y="117"/>
                    <a:pt x="258" y="117"/>
                  </a:cubicBezTo>
                  <a:cubicBezTo>
                    <a:pt x="242" y="187"/>
                    <a:pt x="242" y="187"/>
                    <a:pt x="242" y="187"/>
                  </a:cubicBezTo>
                  <a:cubicBezTo>
                    <a:pt x="242" y="191"/>
                    <a:pt x="239" y="193"/>
                    <a:pt x="236" y="193"/>
                  </a:cubicBezTo>
                  <a:cubicBezTo>
                    <a:pt x="236" y="193"/>
                    <a:pt x="236" y="193"/>
                    <a:pt x="236" y="193"/>
                  </a:cubicBezTo>
                  <a:cubicBezTo>
                    <a:pt x="236" y="193"/>
                    <a:pt x="235" y="193"/>
                    <a:pt x="235" y="193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</p:grpSp>
      <p:sp>
        <p:nvSpPr>
          <p:cNvPr id="83" name="Freeform 271"/>
          <p:cNvSpPr>
            <a:spLocks noEditPoints="1"/>
          </p:cNvSpPr>
          <p:nvPr/>
        </p:nvSpPr>
        <p:spPr bwMode="auto">
          <a:xfrm>
            <a:off x="2061545" y="1344145"/>
            <a:ext cx="729924" cy="627117"/>
          </a:xfrm>
          <a:custGeom>
            <a:avLst/>
            <a:gdLst>
              <a:gd name="T0" fmla="*/ 666 w 803"/>
              <a:gd name="T1" fmla="*/ 521 h 691"/>
              <a:gd name="T2" fmla="*/ 703 w 803"/>
              <a:gd name="T3" fmla="*/ 521 h 691"/>
              <a:gd name="T4" fmla="*/ 666 w 803"/>
              <a:gd name="T5" fmla="*/ 622 h 691"/>
              <a:gd name="T6" fmla="*/ 703 w 803"/>
              <a:gd name="T7" fmla="*/ 622 h 691"/>
              <a:gd name="T8" fmla="*/ 591 w 803"/>
              <a:gd name="T9" fmla="*/ 521 h 691"/>
              <a:gd name="T10" fmla="*/ 628 w 803"/>
              <a:gd name="T11" fmla="*/ 521 h 691"/>
              <a:gd name="T12" fmla="*/ 591 w 803"/>
              <a:gd name="T13" fmla="*/ 622 h 691"/>
              <a:gd name="T14" fmla="*/ 628 w 803"/>
              <a:gd name="T15" fmla="*/ 622 h 691"/>
              <a:gd name="T16" fmla="*/ 526 w 803"/>
              <a:gd name="T17" fmla="*/ 490 h 691"/>
              <a:gd name="T18" fmla="*/ 491 w 803"/>
              <a:gd name="T19" fmla="*/ 490 h 691"/>
              <a:gd name="T20" fmla="*/ 420 w 803"/>
              <a:gd name="T21" fmla="*/ 648 h 691"/>
              <a:gd name="T22" fmla="*/ 383 w 803"/>
              <a:gd name="T23" fmla="*/ 648 h 691"/>
              <a:gd name="T24" fmla="*/ 311 w 803"/>
              <a:gd name="T25" fmla="*/ 490 h 691"/>
              <a:gd name="T26" fmla="*/ 276 w 803"/>
              <a:gd name="T27" fmla="*/ 490 h 691"/>
              <a:gd name="T28" fmla="*/ 401 w 803"/>
              <a:gd name="T29" fmla="*/ 408 h 691"/>
              <a:gd name="T30" fmla="*/ 212 w 803"/>
              <a:gd name="T31" fmla="*/ 521 h 691"/>
              <a:gd name="T32" fmla="*/ 174 w 803"/>
              <a:gd name="T33" fmla="*/ 468 h 691"/>
              <a:gd name="T34" fmla="*/ 212 w 803"/>
              <a:gd name="T35" fmla="*/ 622 h 691"/>
              <a:gd name="T36" fmla="*/ 174 w 803"/>
              <a:gd name="T37" fmla="*/ 569 h 691"/>
              <a:gd name="T38" fmla="*/ 137 w 803"/>
              <a:gd name="T39" fmla="*/ 521 h 691"/>
              <a:gd name="T40" fmla="*/ 100 w 803"/>
              <a:gd name="T41" fmla="*/ 468 h 691"/>
              <a:gd name="T42" fmla="*/ 137 w 803"/>
              <a:gd name="T43" fmla="*/ 622 h 691"/>
              <a:gd name="T44" fmla="*/ 100 w 803"/>
              <a:gd name="T45" fmla="*/ 569 h 691"/>
              <a:gd name="T46" fmla="*/ 308 w 803"/>
              <a:gd name="T47" fmla="*/ 309 h 691"/>
              <a:gd name="T48" fmla="*/ 345 w 803"/>
              <a:gd name="T49" fmla="*/ 362 h 691"/>
              <a:gd name="T50" fmla="*/ 385 w 803"/>
              <a:gd name="T51" fmla="*/ 309 h 691"/>
              <a:gd name="T52" fmla="*/ 422 w 803"/>
              <a:gd name="T53" fmla="*/ 362 h 691"/>
              <a:gd name="T54" fmla="*/ 458 w 803"/>
              <a:gd name="T55" fmla="*/ 309 h 691"/>
              <a:gd name="T56" fmla="*/ 495 w 803"/>
              <a:gd name="T57" fmla="*/ 362 h 691"/>
              <a:gd name="T58" fmla="*/ 781 w 803"/>
              <a:gd name="T59" fmla="*/ 648 h 691"/>
              <a:gd name="T60" fmla="*/ 756 w 803"/>
              <a:gd name="T61" fmla="*/ 610 h 691"/>
              <a:gd name="T62" fmla="*/ 767 w 803"/>
              <a:gd name="T63" fmla="*/ 413 h 691"/>
              <a:gd name="T64" fmla="*/ 553 w 803"/>
              <a:gd name="T65" fmla="*/ 375 h 691"/>
              <a:gd name="T66" fmla="*/ 563 w 803"/>
              <a:gd name="T67" fmla="*/ 269 h 691"/>
              <a:gd name="T68" fmla="*/ 425 w 803"/>
              <a:gd name="T69" fmla="*/ 134 h 691"/>
              <a:gd name="T70" fmla="*/ 391 w 803"/>
              <a:gd name="T71" fmla="*/ 113 h 691"/>
              <a:gd name="T72" fmla="*/ 258 w 803"/>
              <a:gd name="T73" fmla="*/ 255 h 691"/>
              <a:gd name="T74" fmla="*/ 355 w 803"/>
              <a:gd name="T75" fmla="*/ 269 h 691"/>
              <a:gd name="T76" fmla="*/ 250 w 803"/>
              <a:gd name="T77" fmla="*/ 301 h 691"/>
              <a:gd name="T78" fmla="*/ 36 w 803"/>
              <a:gd name="T79" fmla="*/ 413 h 691"/>
              <a:gd name="T80" fmla="*/ 46 w 803"/>
              <a:gd name="T81" fmla="*/ 610 h 691"/>
              <a:gd name="T82" fmla="*/ 0 w 803"/>
              <a:gd name="T83" fmla="*/ 648 h 691"/>
              <a:gd name="T84" fmla="*/ 803 w 803"/>
              <a:gd name="T85" fmla="*/ 648 h 69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</a:cxnLst>
            <a:rect l="0" t="0" r="r" b="b"/>
            <a:pathLst>
              <a:path w="803" h="691">
                <a:moveTo>
                  <a:pt x="703" y="521"/>
                </a:moveTo>
                <a:lnTo>
                  <a:pt x="703" y="521"/>
                </a:lnTo>
                <a:lnTo>
                  <a:pt x="666" y="521"/>
                </a:lnTo>
                <a:lnTo>
                  <a:pt x="666" y="468"/>
                </a:lnTo>
                <a:lnTo>
                  <a:pt x="703" y="468"/>
                </a:lnTo>
                <a:lnTo>
                  <a:pt x="703" y="521"/>
                </a:lnTo>
                <a:close/>
                <a:moveTo>
                  <a:pt x="703" y="622"/>
                </a:moveTo>
                <a:lnTo>
                  <a:pt x="703" y="622"/>
                </a:lnTo>
                <a:lnTo>
                  <a:pt x="666" y="622"/>
                </a:lnTo>
                <a:lnTo>
                  <a:pt x="666" y="569"/>
                </a:lnTo>
                <a:lnTo>
                  <a:pt x="703" y="569"/>
                </a:lnTo>
                <a:lnTo>
                  <a:pt x="703" y="622"/>
                </a:lnTo>
                <a:close/>
                <a:moveTo>
                  <a:pt x="628" y="521"/>
                </a:moveTo>
                <a:lnTo>
                  <a:pt x="628" y="521"/>
                </a:lnTo>
                <a:lnTo>
                  <a:pt x="591" y="521"/>
                </a:lnTo>
                <a:lnTo>
                  <a:pt x="591" y="468"/>
                </a:lnTo>
                <a:lnTo>
                  <a:pt x="628" y="468"/>
                </a:lnTo>
                <a:lnTo>
                  <a:pt x="628" y="521"/>
                </a:lnTo>
                <a:close/>
                <a:moveTo>
                  <a:pt x="628" y="622"/>
                </a:moveTo>
                <a:lnTo>
                  <a:pt x="628" y="622"/>
                </a:lnTo>
                <a:lnTo>
                  <a:pt x="591" y="622"/>
                </a:lnTo>
                <a:lnTo>
                  <a:pt x="591" y="569"/>
                </a:lnTo>
                <a:lnTo>
                  <a:pt x="628" y="569"/>
                </a:lnTo>
                <a:lnTo>
                  <a:pt x="628" y="622"/>
                </a:lnTo>
                <a:close/>
                <a:moveTo>
                  <a:pt x="553" y="490"/>
                </a:moveTo>
                <a:lnTo>
                  <a:pt x="553" y="490"/>
                </a:lnTo>
                <a:lnTo>
                  <a:pt x="526" y="490"/>
                </a:lnTo>
                <a:lnTo>
                  <a:pt x="526" y="648"/>
                </a:lnTo>
                <a:lnTo>
                  <a:pt x="491" y="648"/>
                </a:lnTo>
                <a:lnTo>
                  <a:pt x="491" y="490"/>
                </a:lnTo>
                <a:lnTo>
                  <a:pt x="454" y="490"/>
                </a:lnTo>
                <a:lnTo>
                  <a:pt x="454" y="648"/>
                </a:lnTo>
                <a:lnTo>
                  <a:pt x="420" y="648"/>
                </a:lnTo>
                <a:lnTo>
                  <a:pt x="420" y="490"/>
                </a:lnTo>
                <a:lnTo>
                  <a:pt x="383" y="490"/>
                </a:lnTo>
                <a:lnTo>
                  <a:pt x="383" y="648"/>
                </a:lnTo>
                <a:lnTo>
                  <a:pt x="349" y="648"/>
                </a:lnTo>
                <a:lnTo>
                  <a:pt x="349" y="490"/>
                </a:lnTo>
                <a:lnTo>
                  <a:pt x="311" y="490"/>
                </a:lnTo>
                <a:lnTo>
                  <a:pt x="311" y="648"/>
                </a:lnTo>
                <a:lnTo>
                  <a:pt x="276" y="648"/>
                </a:lnTo>
                <a:lnTo>
                  <a:pt x="276" y="490"/>
                </a:lnTo>
                <a:lnTo>
                  <a:pt x="250" y="490"/>
                </a:lnTo>
                <a:lnTo>
                  <a:pt x="250" y="459"/>
                </a:lnTo>
                <a:lnTo>
                  <a:pt x="401" y="408"/>
                </a:lnTo>
                <a:lnTo>
                  <a:pt x="553" y="459"/>
                </a:lnTo>
                <a:lnTo>
                  <a:pt x="553" y="490"/>
                </a:lnTo>
                <a:close/>
                <a:moveTo>
                  <a:pt x="212" y="521"/>
                </a:moveTo>
                <a:lnTo>
                  <a:pt x="212" y="521"/>
                </a:lnTo>
                <a:lnTo>
                  <a:pt x="174" y="521"/>
                </a:lnTo>
                <a:lnTo>
                  <a:pt x="174" y="468"/>
                </a:lnTo>
                <a:lnTo>
                  <a:pt x="212" y="468"/>
                </a:lnTo>
                <a:lnTo>
                  <a:pt x="212" y="521"/>
                </a:lnTo>
                <a:close/>
                <a:moveTo>
                  <a:pt x="212" y="622"/>
                </a:moveTo>
                <a:lnTo>
                  <a:pt x="212" y="622"/>
                </a:lnTo>
                <a:lnTo>
                  <a:pt x="174" y="622"/>
                </a:lnTo>
                <a:lnTo>
                  <a:pt x="174" y="569"/>
                </a:lnTo>
                <a:lnTo>
                  <a:pt x="212" y="569"/>
                </a:lnTo>
                <a:lnTo>
                  <a:pt x="212" y="622"/>
                </a:lnTo>
                <a:close/>
                <a:moveTo>
                  <a:pt x="137" y="521"/>
                </a:moveTo>
                <a:lnTo>
                  <a:pt x="137" y="521"/>
                </a:lnTo>
                <a:lnTo>
                  <a:pt x="100" y="521"/>
                </a:lnTo>
                <a:lnTo>
                  <a:pt x="100" y="468"/>
                </a:lnTo>
                <a:lnTo>
                  <a:pt x="137" y="468"/>
                </a:lnTo>
                <a:lnTo>
                  <a:pt x="137" y="521"/>
                </a:lnTo>
                <a:close/>
                <a:moveTo>
                  <a:pt x="137" y="622"/>
                </a:moveTo>
                <a:lnTo>
                  <a:pt x="137" y="622"/>
                </a:lnTo>
                <a:lnTo>
                  <a:pt x="100" y="622"/>
                </a:lnTo>
                <a:lnTo>
                  <a:pt x="100" y="569"/>
                </a:lnTo>
                <a:lnTo>
                  <a:pt x="137" y="569"/>
                </a:lnTo>
                <a:lnTo>
                  <a:pt x="137" y="622"/>
                </a:lnTo>
                <a:close/>
                <a:moveTo>
                  <a:pt x="308" y="309"/>
                </a:moveTo>
                <a:lnTo>
                  <a:pt x="308" y="309"/>
                </a:lnTo>
                <a:lnTo>
                  <a:pt x="345" y="309"/>
                </a:lnTo>
                <a:lnTo>
                  <a:pt x="345" y="362"/>
                </a:lnTo>
                <a:lnTo>
                  <a:pt x="308" y="362"/>
                </a:lnTo>
                <a:lnTo>
                  <a:pt x="308" y="309"/>
                </a:lnTo>
                <a:close/>
                <a:moveTo>
                  <a:pt x="385" y="309"/>
                </a:moveTo>
                <a:lnTo>
                  <a:pt x="385" y="309"/>
                </a:lnTo>
                <a:lnTo>
                  <a:pt x="422" y="309"/>
                </a:lnTo>
                <a:lnTo>
                  <a:pt x="422" y="362"/>
                </a:lnTo>
                <a:lnTo>
                  <a:pt x="385" y="362"/>
                </a:lnTo>
                <a:lnTo>
                  <a:pt x="385" y="309"/>
                </a:lnTo>
                <a:close/>
                <a:moveTo>
                  <a:pt x="458" y="309"/>
                </a:moveTo>
                <a:lnTo>
                  <a:pt x="458" y="309"/>
                </a:lnTo>
                <a:lnTo>
                  <a:pt x="495" y="309"/>
                </a:lnTo>
                <a:lnTo>
                  <a:pt x="495" y="362"/>
                </a:lnTo>
                <a:lnTo>
                  <a:pt x="458" y="362"/>
                </a:lnTo>
                <a:lnTo>
                  <a:pt x="458" y="309"/>
                </a:lnTo>
                <a:close/>
                <a:moveTo>
                  <a:pt x="781" y="648"/>
                </a:moveTo>
                <a:lnTo>
                  <a:pt x="781" y="648"/>
                </a:lnTo>
                <a:lnTo>
                  <a:pt x="781" y="610"/>
                </a:lnTo>
                <a:lnTo>
                  <a:pt x="756" y="610"/>
                </a:lnTo>
                <a:lnTo>
                  <a:pt x="756" y="445"/>
                </a:lnTo>
                <a:lnTo>
                  <a:pt x="767" y="445"/>
                </a:lnTo>
                <a:lnTo>
                  <a:pt x="767" y="413"/>
                </a:lnTo>
                <a:lnTo>
                  <a:pt x="756" y="413"/>
                </a:lnTo>
                <a:lnTo>
                  <a:pt x="756" y="413"/>
                </a:lnTo>
                <a:lnTo>
                  <a:pt x="553" y="375"/>
                </a:lnTo>
                <a:lnTo>
                  <a:pt x="553" y="301"/>
                </a:lnTo>
                <a:lnTo>
                  <a:pt x="563" y="301"/>
                </a:lnTo>
                <a:lnTo>
                  <a:pt x="563" y="269"/>
                </a:lnTo>
                <a:lnTo>
                  <a:pt x="546" y="269"/>
                </a:lnTo>
                <a:cubicBezTo>
                  <a:pt x="541" y="202"/>
                  <a:pt x="491" y="147"/>
                  <a:pt x="425" y="136"/>
                </a:cubicBezTo>
                <a:cubicBezTo>
                  <a:pt x="425" y="136"/>
                  <a:pt x="425" y="135"/>
                  <a:pt x="425" y="134"/>
                </a:cubicBezTo>
                <a:cubicBezTo>
                  <a:pt x="425" y="125"/>
                  <a:pt x="420" y="117"/>
                  <a:pt x="412" y="113"/>
                </a:cubicBezTo>
                <a:cubicBezTo>
                  <a:pt x="410" y="88"/>
                  <a:pt x="401" y="0"/>
                  <a:pt x="401" y="0"/>
                </a:cubicBezTo>
                <a:cubicBezTo>
                  <a:pt x="401" y="0"/>
                  <a:pt x="392" y="88"/>
                  <a:pt x="391" y="113"/>
                </a:cubicBezTo>
                <a:cubicBezTo>
                  <a:pt x="383" y="117"/>
                  <a:pt x="377" y="125"/>
                  <a:pt x="377" y="134"/>
                </a:cubicBezTo>
                <a:cubicBezTo>
                  <a:pt x="377" y="135"/>
                  <a:pt x="377" y="136"/>
                  <a:pt x="377" y="136"/>
                </a:cubicBezTo>
                <a:cubicBezTo>
                  <a:pt x="317" y="146"/>
                  <a:pt x="269" y="194"/>
                  <a:pt x="258" y="255"/>
                </a:cubicBezTo>
                <a:lnTo>
                  <a:pt x="355" y="255"/>
                </a:lnTo>
                <a:cubicBezTo>
                  <a:pt x="359" y="255"/>
                  <a:pt x="362" y="258"/>
                  <a:pt x="362" y="262"/>
                </a:cubicBezTo>
                <a:cubicBezTo>
                  <a:pt x="362" y="266"/>
                  <a:pt x="359" y="269"/>
                  <a:pt x="355" y="269"/>
                </a:cubicBezTo>
                <a:lnTo>
                  <a:pt x="239" y="269"/>
                </a:lnTo>
                <a:lnTo>
                  <a:pt x="239" y="301"/>
                </a:lnTo>
                <a:lnTo>
                  <a:pt x="250" y="301"/>
                </a:lnTo>
                <a:lnTo>
                  <a:pt x="250" y="375"/>
                </a:lnTo>
                <a:lnTo>
                  <a:pt x="48" y="413"/>
                </a:lnTo>
                <a:lnTo>
                  <a:pt x="36" y="413"/>
                </a:lnTo>
                <a:lnTo>
                  <a:pt x="36" y="445"/>
                </a:lnTo>
                <a:lnTo>
                  <a:pt x="46" y="445"/>
                </a:lnTo>
                <a:lnTo>
                  <a:pt x="46" y="610"/>
                </a:lnTo>
                <a:lnTo>
                  <a:pt x="22" y="610"/>
                </a:lnTo>
                <a:lnTo>
                  <a:pt x="22" y="648"/>
                </a:lnTo>
                <a:lnTo>
                  <a:pt x="0" y="648"/>
                </a:lnTo>
                <a:lnTo>
                  <a:pt x="0" y="691"/>
                </a:lnTo>
                <a:lnTo>
                  <a:pt x="803" y="691"/>
                </a:lnTo>
                <a:lnTo>
                  <a:pt x="803" y="648"/>
                </a:lnTo>
                <a:lnTo>
                  <a:pt x="781" y="648"/>
                </a:lnTo>
                <a:close/>
              </a:path>
            </a:pathLst>
          </a:custGeom>
          <a:solidFill>
            <a:schemeClr val="bg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53079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900" b="0" i="0" u="none" strike="noStrike" kern="0" cap="none" spc="0" normalizeH="0" baseline="0" noProof="0" dirty="0" smtClean="0">
              <a:ln>
                <a:noFill/>
              </a:ln>
              <a:solidFill>
                <a:srgbClr val="000000"/>
              </a:solidFill>
              <a:effectLst/>
              <a:uLnTx/>
              <a:uFillTx/>
            </a:endParaRPr>
          </a:p>
        </p:txBody>
      </p:sp>
      <p:grpSp>
        <p:nvGrpSpPr>
          <p:cNvPr id="9" name="Group 8"/>
          <p:cNvGrpSpPr/>
          <p:nvPr/>
        </p:nvGrpSpPr>
        <p:grpSpPr>
          <a:xfrm>
            <a:off x="4164064" y="1799257"/>
            <a:ext cx="1879348" cy="2119389"/>
            <a:chOff x="5156325" y="3911427"/>
            <a:chExt cx="1879348" cy="2119389"/>
          </a:xfrm>
        </p:grpSpPr>
        <p:sp>
          <p:nvSpPr>
            <p:cNvPr id="31" name="Oval 30"/>
            <p:cNvSpPr/>
            <p:nvPr/>
          </p:nvSpPr>
          <p:spPr>
            <a:xfrm>
              <a:off x="5648013" y="3911427"/>
              <a:ext cx="914400" cy="914400"/>
            </a:xfrm>
            <a:prstGeom prst="ellipse">
              <a:avLst/>
            </a:prstGeom>
            <a:solidFill>
              <a:schemeClr val="tx1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b="1" dirty="0">
                <a:solidFill>
                  <a:schemeClr val="accent1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39" name="TextBox 38"/>
            <p:cNvSpPr txBox="1"/>
            <p:nvPr/>
          </p:nvSpPr>
          <p:spPr>
            <a:xfrm>
              <a:off x="5156325" y="4938209"/>
              <a:ext cx="1879348" cy="109260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300" b="1" dirty="0" smtClean="0">
                  <a:solidFill>
                    <a:srgbClr val="000000"/>
                  </a:solidFill>
                  <a:latin typeface="Calibri" panose="020F0502020204030204" pitchFamily="34" charset="0"/>
                </a:rPr>
                <a:t>Academic and Innovation Partners</a:t>
              </a:r>
            </a:p>
            <a:p>
              <a:pPr algn="ctr"/>
              <a:r>
                <a:rPr lang="en-US" sz="1300" dirty="0" smtClean="0">
                  <a:solidFill>
                    <a:srgbClr val="000000"/>
                  </a:solidFill>
                  <a:latin typeface="Calibri" panose="020F0502020204030204" pitchFamily="34" charset="0"/>
                </a:rPr>
                <a:t>Modeling, laboratory testing</a:t>
              </a:r>
              <a:r>
                <a:rPr lang="en-US" sz="1300" dirty="0">
                  <a:solidFill>
                    <a:srgbClr val="000000"/>
                  </a:solidFill>
                  <a:latin typeface="Calibri" panose="020F0502020204030204" pitchFamily="34" charset="0"/>
                </a:rPr>
                <a:t>, diagnostics, microbiome</a:t>
              </a:r>
            </a:p>
          </p:txBody>
        </p:sp>
        <p:sp>
          <p:nvSpPr>
            <p:cNvPr id="84" name="Freeform 48"/>
            <p:cNvSpPr>
              <a:spLocks noEditPoints="1"/>
            </p:cNvSpPr>
            <p:nvPr/>
          </p:nvSpPr>
          <p:spPr bwMode="auto">
            <a:xfrm>
              <a:off x="5766066" y="4006277"/>
              <a:ext cx="678295" cy="680920"/>
            </a:xfrm>
            <a:custGeom>
              <a:avLst/>
              <a:gdLst>
                <a:gd name="T0" fmla="*/ 66 w 219"/>
                <a:gd name="T1" fmla="*/ 210 h 220"/>
                <a:gd name="T2" fmla="*/ 68 w 219"/>
                <a:gd name="T3" fmla="*/ 198 h 220"/>
                <a:gd name="T4" fmla="*/ 82 w 219"/>
                <a:gd name="T5" fmla="*/ 153 h 220"/>
                <a:gd name="T6" fmla="*/ 95 w 219"/>
                <a:gd name="T7" fmla="*/ 152 h 220"/>
                <a:gd name="T8" fmla="*/ 108 w 219"/>
                <a:gd name="T9" fmla="*/ 179 h 220"/>
                <a:gd name="T10" fmla="*/ 119 w 219"/>
                <a:gd name="T11" fmla="*/ 183 h 220"/>
                <a:gd name="T12" fmla="*/ 111 w 219"/>
                <a:gd name="T13" fmla="*/ 176 h 220"/>
                <a:gd name="T14" fmla="*/ 101 w 219"/>
                <a:gd name="T15" fmla="*/ 148 h 220"/>
                <a:gd name="T16" fmla="*/ 151 w 219"/>
                <a:gd name="T17" fmla="*/ 199 h 220"/>
                <a:gd name="T18" fmla="*/ 110 w 219"/>
                <a:gd name="T19" fmla="*/ 220 h 220"/>
                <a:gd name="T20" fmla="*/ 26 w 219"/>
                <a:gd name="T21" fmla="*/ 180 h 220"/>
                <a:gd name="T22" fmla="*/ 32 w 219"/>
                <a:gd name="T23" fmla="*/ 166 h 220"/>
                <a:gd name="T24" fmla="*/ 79 w 219"/>
                <a:gd name="T25" fmla="*/ 152 h 220"/>
                <a:gd name="T26" fmla="*/ 57 w 219"/>
                <a:gd name="T27" fmla="*/ 197 h 220"/>
                <a:gd name="T28" fmla="*/ 15 w 219"/>
                <a:gd name="T29" fmla="*/ 165 h 220"/>
                <a:gd name="T30" fmla="*/ 91 w 219"/>
                <a:gd name="T31" fmla="*/ 2 h 220"/>
                <a:gd name="T32" fmla="*/ 96 w 219"/>
                <a:gd name="T33" fmla="*/ 13 h 220"/>
                <a:gd name="T34" fmla="*/ 78 w 219"/>
                <a:gd name="T35" fmla="*/ 116 h 220"/>
                <a:gd name="T36" fmla="*/ 68 w 219"/>
                <a:gd name="T37" fmla="*/ 88 h 220"/>
                <a:gd name="T38" fmla="*/ 56 w 219"/>
                <a:gd name="T39" fmla="*/ 99 h 220"/>
                <a:gd name="T40" fmla="*/ 75 w 219"/>
                <a:gd name="T41" fmla="*/ 117 h 220"/>
                <a:gd name="T42" fmla="*/ 32 w 219"/>
                <a:gd name="T43" fmla="*/ 101 h 220"/>
                <a:gd name="T44" fmla="*/ 22 w 219"/>
                <a:gd name="T45" fmla="*/ 92 h 220"/>
                <a:gd name="T46" fmla="*/ 29 w 219"/>
                <a:gd name="T47" fmla="*/ 105 h 220"/>
                <a:gd name="T48" fmla="*/ 69 w 219"/>
                <a:gd name="T49" fmla="*/ 125 h 220"/>
                <a:gd name="T50" fmla="*/ 67 w 219"/>
                <a:gd name="T51" fmla="*/ 136 h 220"/>
                <a:gd name="T52" fmla="*/ 35 w 219"/>
                <a:gd name="T53" fmla="*/ 138 h 220"/>
                <a:gd name="T54" fmla="*/ 31 w 219"/>
                <a:gd name="T55" fmla="*/ 149 h 220"/>
                <a:gd name="T56" fmla="*/ 39 w 219"/>
                <a:gd name="T57" fmla="*/ 143 h 220"/>
                <a:gd name="T58" fmla="*/ 69 w 219"/>
                <a:gd name="T59" fmla="*/ 142 h 220"/>
                <a:gd name="T60" fmla="*/ 23 w 219"/>
                <a:gd name="T61" fmla="*/ 160 h 220"/>
                <a:gd name="T62" fmla="*/ 104 w 219"/>
                <a:gd name="T63" fmla="*/ 0 h 220"/>
                <a:gd name="T64" fmla="*/ 180 w 219"/>
                <a:gd name="T65" fmla="*/ 26 h 220"/>
                <a:gd name="T66" fmla="*/ 177 w 219"/>
                <a:gd name="T67" fmla="*/ 41 h 220"/>
                <a:gd name="T68" fmla="*/ 98 w 219"/>
                <a:gd name="T69" fmla="*/ 116 h 220"/>
                <a:gd name="T70" fmla="*/ 109 w 219"/>
                <a:gd name="T71" fmla="*/ 105 h 220"/>
                <a:gd name="T72" fmla="*/ 98 w 219"/>
                <a:gd name="T73" fmla="*/ 101 h 220"/>
                <a:gd name="T74" fmla="*/ 95 w 219"/>
                <a:gd name="T75" fmla="*/ 115 h 220"/>
                <a:gd name="T76" fmla="*/ 98 w 219"/>
                <a:gd name="T77" fmla="*/ 14 h 220"/>
                <a:gd name="T78" fmla="*/ 104 w 219"/>
                <a:gd name="T79" fmla="*/ 1 h 220"/>
                <a:gd name="T80" fmla="*/ 194 w 219"/>
                <a:gd name="T81" fmla="*/ 39 h 220"/>
                <a:gd name="T82" fmla="*/ 171 w 219"/>
                <a:gd name="T83" fmla="*/ 201 h 220"/>
                <a:gd name="T84" fmla="*/ 161 w 219"/>
                <a:gd name="T85" fmla="*/ 189 h 220"/>
                <a:gd name="T86" fmla="*/ 103 w 219"/>
                <a:gd name="T87" fmla="*/ 146 h 220"/>
                <a:gd name="T88" fmla="*/ 181 w 219"/>
                <a:gd name="T89" fmla="*/ 159 h 220"/>
                <a:gd name="T90" fmla="*/ 192 w 219"/>
                <a:gd name="T91" fmla="*/ 166 h 220"/>
                <a:gd name="T92" fmla="*/ 185 w 219"/>
                <a:gd name="T93" fmla="*/ 153 h 220"/>
                <a:gd name="T94" fmla="*/ 107 w 219"/>
                <a:gd name="T95" fmla="*/ 137 h 220"/>
                <a:gd name="T96" fmla="*/ 153 w 219"/>
                <a:gd name="T97" fmla="*/ 136 h 220"/>
                <a:gd name="T98" fmla="*/ 166 w 219"/>
                <a:gd name="T99" fmla="*/ 141 h 220"/>
                <a:gd name="T100" fmla="*/ 156 w 219"/>
                <a:gd name="T101" fmla="*/ 129 h 220"/>
                <a:gd name="T102" fmla="*/ 107 w 219"/>
                <a:gd name="T103" fmla="*/ 132 h 220"/>
                <a:gd name="T104" fmla="*/ 168 w 219"/>
                <a:gd name="T105" fmla="*/ 96 h 220"/>
                <a:gd name="T106" fmla="*/ 178 w 219"/>
                <a:gd name="T107" fmla="*/ 95 h 220"/>
                <a:gd name="T108" fmla="*/ 167 w 219"/>
                <a:gd name="T109" fmla="*/ 91 h 220"/>
                <a:gd name="T110" fmla="*/ 105 w 219"/>
                <a:gd name="T111" fmla="*/ 123 h 220"/>
                <a:gd name="T112" fmla="*/ 179 w 219"/>
                <a:gd name="T113" fmla="*/ 43 h 220"/>
                <a:gd name="T114" fmla="*/ 194 w 219"/>
                <a:gd name="T115" fmla="*/ 39 h 2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219" h="220">
                  <a:moveTo>
                    <a:pt x="110" y="220"/>
                  </a:moveTo>
                  <a:cubicBezTo>
                    <a:pt x="94" y="220"/>
                    <a:pt x="79" y="216"/>
                    <a:pt x="66" y="210"/>
                  </a:cubicBezTo>
                  <a:cubicBezTo>
                    <a:pt x="66" y="210"/>
                    <a:pt x="67" y="210"/>
                    <a:pt x="67" y="209"/>
                  </a:cubicBezTo>
                  <a:cubicBezTo>
                    <a:pt x="70" y="207"/>
                    <a:pt x="71" y="202"/>
                    <a:pt x="68" y="198"/>
                  </a:cubicBezTo>
                  <a:cubicBezTo>
                    <a:pt x="67" y="198"/>
                    <a:pt x="67" y="197"/>
                    <a:pt x="66" y="197"/>
                  </a:cubicBezTo>
                  <a:cubicBezTo>
                    <a:pt x="82" y="153"/>
                    <a:pt x="82" y="153"/>
                    <a:pt x="82" y="153"/>
                  </a:cubicBezTo>
                  <a:cubicBezTo>
                    <a:pt x="84" y="154"/>
                    <a:pt x="85" y="154"/>
                    <a:pt x="87" y="154"/>
                  </a:cubicBezTo>
                  <a:cubicBezTo>
                    <a:pt x="90" y="154"/>
                    <a:pt x="93" y="153"/>
                    <a:pt x="95" y="152"/>
                  </a:cubicBezTo>
                  <a:cubicBezTo>
                    <a:pt x="110" y="177"/>
                    <a:pt x="110" y="177"/>
                    <a:pt x="110" y="177"/>
                  </a:cubicBezTo>
                  <a:cubicBezTo>
                    <a:pt x="109" y="177"/>
                    <a:pt x="108" y="178"/>
                    <a:pt x="108" y="179"/>
                  </a:cubicBezTo>
                  <a:cubicBezTo>
                    <a:pt x="107" y="182"/>
                    <a:pt x="108" y="185"/>
                    <a:pt x="111" y="187"/>
                  </a:cubicBezTo>
                  <a:cubicBezTo>
                    <a:pt x="114" y="188"/>
                    <a:pt x="118" y="186"/>
                    <a:pt x="119" y="183"/>
                  </a:cubicBezTo>
                  <a:cubicBezTo>
                    <a:pt x="120" y="180"/>
                    <a:pt x="118" y="177"/>
                    <a:pt x="115" y="176"/>
                  </a:cubicBezTo>
                  <a:cubicBezTo>
                    <a:pt x="114" y="175"/>
                    <a:pt x="113" y="175"/>
                    <a:pt x="111" y="176"/>
                  </a:cubicBezTo>
                  <a:cubicBezTo>
                    <a:pt x="98" y="151"/>
                    <a:pt x="98" y="151"/>
                    <a:pt x="98" y="151"/>
                  </a:cubicBezTo>
                  <a:cubicBezTo>
                    <a:pt x="99" y="150"/>
                    <a:pt x="100" y="149"/>
                    <a:pt x="101" y="148"/>
                  </a:cubicBezTo>
                  <a:cubicBezTo>
                    <a:pt x="153" y="193"/>
                    <a:pt x="153" y="193"/>
                    <a:pt x="153" y="193"/>
                  </a:cubicBezTo>
                  <a:cubicBezTo>
                    <a:pt x="152" y="195"/>
                    <a:pt x="151" y="195"/>
                    <a:pt x="151" y="199"/>
                  </a:cubicBezTo>
                  <a:cubicBezTo>
                    <a:pt x="151" y="202"/>
                    <a:pt x="154" y="207"/>
                    <a:pt x="158" y="208"/>
                  </a:cubicBezTo>
                  <a:cubicBezTo>
                    <a:pt x="144" y="215"/>
                    <a:pt x="127" y="220"/>
                    <a:pt x="110" y="220"/>
                  </a:cubicBezTo>
                  <a:close/>
                  <a:moveTo>
                    <a:pt x="54" y="205"/>
                  </a:moveTo>
                  <a:cubicBezTo>
                    <a:pt x="43" y="198"/>
                    <a:pt x="34" y="190"/>
                    <a:pt x="26" y="180"/>
                  </a:cubicBezTo>
                  <a:cubicBezTo>
                    <a:pt x="30" y="179"/>
                    <a:pt x="33" y="173"/>
                    <a:pt x="33" y="171"/>
                  </a:cubicBezTo>
                  <a:cubicBezTo>
                    <a:pt x="33" y="167"/>
                    <a:pt x="33" y="168"/>
                    <a:pt x="32" y="166"/>
                  </a:cubicBezTo>
                  <a:cubicBezTo>
                    <a:pt x="71" y="145"/>
                    <a:pt x="71" y="145"/>
                    <a:pt x="71" y="145"/>
                  </a:cubicBezTo>
                  <a:cubicBezTo>
                    <a:pt x="73" y="148"/>
                    <a:pt x="75" y="150"/>
                    <a:pt x="79" y="152"/>
                  </a:cubicBezTo>
                  <a:cubicBezTo>
                    <a:pt x="64" y="196"/>
                    <a:pt x="64" y="196"/>
                    <a:pt x="64" y="196"/>
                  </a:cubicBezTo>
                  <a:cubicBezTo>
                    <a:pt x="61" y="195"/>
                    <a:pt x="59" y="196"/>
                    <a:pt x="57" y="197"/>
                  </a:cubicBezTo>
                  <a:cubicBezTo>
                    <a:pt x="55" y="199"/>
                    <a:pt x="54" y="202"/>
                    <a:pt x="54" y="205"/>
                  </a:cubicBezTo>
                  <a:close/>
                  <a:moveTo>
                    <a:pt x="15" y="165"/>
                  </a:moveTo>
                  <a:cubicBezTo>
                    <a:pt x="5" y="149"/>
                    <a:pt x="0" y="130"/>
                    <a:pt x="0" y="110"/>
                  </a:cubicBezTo>
                  <a:cubicBezTo>
                    <a:pt x="0" y="56"/>
                    <a:pt x="39" y="11"/>
                    <a:pt x="91" y="2"/>
                  </a:cubicBezTo>
                  <a:cubicBezTo>
                    <a:pt x="89" y="5"/>
                    <a:pt x="90" y="8"/>
                    <a:pt x="92" y="11"/>
                  </a:cubicBezTo>
                  <a:cubicBezTo>
                    <a:pt x="93" y="12"/>
                    <a:pt x="94" y="13"/>
                    <a:pt x="96" y="13"/>
                  </a:cubicBezTo>
                  <a:cubicBezTo>
                    <a:pt x="87" y="113"/>
                    <a:pt x="87" y="113"/>
                    <a:pt x="87" y="113"/>
                  </a:cubicBezTo>
                  <a:cubicBezTo>
                    <a:pt x="83" y="113"/>
                    <a:pt x="80" y="114"/>
                    <a:pt x="78" y="116"/>
                  </a:cubicBezTo>
                  <a:cubicBezTo>
                    <a:pt x="67" y="99"/>
                    <a:pt x="67" y="99"/>
                    <a:pt x="67" y="99"/>
                  </a:cubicBezTo>
                  <a:cubicBezTo>
                    <a:pt x="70" y="97"/>
                    <a:pt x="71" y="92"/>
                    <a:pt x="68" y="88"/>
                  </a:cubicBezTo>
                  <a:cubicBezTo>
                    <a:pt x="65" y="85"/>
                    <a:pt x="60" y="85"/>
                    <a:pt x="57" y="88"/>
                  </a:cubicBezTo>
                  <a:cubicBezTo>
                    <a:pt x="53" y="90"/>
                    <a:pt x="53" y="95"/>
                    <a:pt x="56" y="99"/>
                  </a:cubicBezTo>
                  <a:cubicBezTo>
                    <a:pt x="58" y="101"/>
                    <a:pt x="62" y="102"/>
                    <a:pt x="65" y="101"/>
                  </a:cubicBezTo>
                  <a:cubicBezTo>
                    <a:pt x="75" y="117"/>
                    <a:pt x="75" y="117"/>
                    <a:pt x="75" y="117"/>
                  </a:cubicBezTo>
                  <a:cubicBezTo>
                    <a:pt x="73" y="119"/>
                    <a:pt x="72" y="120"/>
                    <a:pt x="70" y="122"/>
                  </a:cubicBezTo>
                  <a:cubicBezTo>
                    <a:pt x="32" y="101"/>
                    <a:pt x="32" y="101"/>
                    <a:pt x="32" y="101"/>
                  </a:cubicBezTo>
                  <a:cubicBezTo>
                    <a:pt x="33" y="99"/>
                    <a:pt x="33" y="97"/>
                    <a:pt x="32" y="95"/>
                  </a:cubicBezTo>
                  <a:cubicBezTo>
                    <a:pt x="30" y="91"/>
                    <a:pt x="25" y="90"/>
                    <a:pt x="22" y="92"/>
                  </a:cubicBezTo>
                  <a:cubicBezTo>
                    <a:pt x="18" y="94"/>
                    <a:pt x="17" y="98"/>
                    <a:pt x="19" y="102"/>
                  </a:cubicBezTo>
                  <a:cubicBezTo>
                    <a:pt x="21" y="106"/>
                    <a:pt x="26" y="107"/>
                    <a:pt x="29" y="105"/>
                  </a:cubicBezTo>
                  <a:cubicBezTo>
                    <a:pt x="30" y="104"/>
                    <a:pt x="31" y="104"/>
                    <a:pt x="31" y="103"/>
                  </a:cubicBezTo>
                  <a:cubicBezTo>
                    <a:pt x="69" y="125"/>
                    <a:pt x="69" y="125"/>
                    <a:pt x="69" y="125"/>
                  </a:cubicBezTo>
                  <a:cubicBezTo>
                    <a:pt x="67" y="128"/>
                    <a:pt x="67" y="131"/>
                    <a:pt x="67" y="134"/>
                  </a:cubicBezTo>
                  <a:cubicBezTo>
                    <a:pt x="67" y="134"/>
                    <a:pt x="67" y="135"/>
                    <a:pt x="67" y="136"/>
                  </a:cubicBezTo>
                  <a:cubicBezTo>
                    <a:pt x="39" y="141"/>
                    <a:pt x="39" y="141"/>
                    <a:pt x="39" y="141"/>
                  </a:cubicBezTo>
                  <a:cubicBezTo>
                    <a:pt x="38" y="140"/>
                    <a:pt x="37" y="138"/>
                    <a:pt x="35" y="138"/>
                  </a:cubicBezTo>
                  <a:cubicBezTo>
                    <a:pt x="32" y="137"/>
                    <a:pt x="29" y="138"/>
                    <a:pt x="28" y="141"/>
                  </a:cubicBezTo>
                  <a:cubicBezTo>
                    <a:pt x="27" y="144"/>
                    <a:pt x="28" y="148"/>
                    <a:pt x="31" y="149"/>
                  </a:cubicBezTo>
                  <a:cubicBezTo>
                    <a:pt x="34" y="150"/>
                    <a:pt x="37" y="148"/>
                    <a:pt x="39" y="145"/>
                  </a:cubicBezTo>
                  <a:cubicBezTo>
                    <a:pt x="39" y="145"/>
                    <a:pt x="39" y="144"/>
                    <a:pt x="39" y="143"/>
                  </a:cubicBezTo>
                  <a:cubicBezTo>
                    <a:pt x="68" y="139"/>
                    <a:pt x="68" y="139"/>
                    <a:pt x="68" y="139"/>
                  </a:cubicBezTo>
                  <a:cubicBezTo>
                    <a:pt x="68" y="140"/>
                    <a:pt x="68" y="141"/>
                    <a:pt x="69" y="142"/>
                  </a:cubicBezTo>
                  <a:cubicBezTo>
                    <a:pt x="31" y="165"/>
                    <a:pt x="31" y="165"/>
                    <a:pt x="31" y="165"/>
                  </a:cubicBezTo>
                  <a:cubicBezTo>
                    <a:pt x="29" y="162"/>
                    <a:pt x="27" y="160"/>
                    <a:pt x="23" y="160"/>
                  </a:cubicBezTo>
                  <a:cubicBezTo>
                    <a:pt x="20" y="160"/>
                    <a:pt x="17" y="162"/>
                    <a:pt x="15" y="165"/>
                  </a:cubicBezTo>
                  <a:close/>
                  <a:moveTo>
                    <a:pt x="104" y="0"/>
                  </a:moveTo>
                  <a:cubicBezTo>
                    <a:pt x="106" y="0"/>
                    <a:pt x="108" y="0"/>
                    <a:pt x="110" y="0"/>
                  </a:cubicBezTo>
                  <a:cubicBezTo>
                    <a:pt x="137" y="0"/>
                    <a:pt x="161" y="10"/>
                    <a:pt x="180" y="26"/>
                  </a:cubicBezTo>
                  <a:cubicBezTo>
                    <a:pt x="177" y="28"/>
                    <a:pt x="175" y="32"/>
                    <a:pt x="175" y="35"/>
                  </a:cubicBezTo>
                  <a:cubicBezTo>
                    <a:pt x="175" y="39"/>
                    <a:pt x="176" y="39"/>
                    <a:pt x="177" y="41"/>
                  </a:cubicBezTo>
                  <a:cubicBezTo>
                    <a:pt x="100" y="118"/>
                    <a:pt x="100" y="118"/>
                    <a:pt x="100" y="118"/>
                  </a:cubicBezTo>
                  <a:cubicBezTo>
                    <a:pt x="99" y="117"/>
                    <a:pt x="98" y="117"/>
                    <a:pt x="98" y="116"/>
                  </a:cubicBezTo>
                  <a:cubicBezTo>
                    <a:pt x="102" y="108"/>
                    <a:pt x="102" y="108"/>
                    <a:pt x="102" y="108"/>
                  </a:cubicBezTo>
                  <a:cubicBezTo>
                    <a:pt x="105" y="109"/>
                    <a:pt x="108" y="107"/>
                    <a:pt x="109" y="105"/>
                  </a:cubicBezTo>
                  <a:cubicBezTo>
                    <a:pt x="110" y="102"/>
                    <a:pt x="108" y="98"/>
                    <a:pt x="105" y="97"/>
                  </a:cubicBezTo>
                  <a:cubicBezTo>
                    <a:pt x="102" y="96"/>
                    <a:pt x="99" y="98"/>
                    <a:pt x="98" y="101"/>
                  </a:cubicBezTo>
                  <a:cubicBezTo>
                    <a:pt x="97" y="103"/>
                    <a:pt x="98" y="106"/>
                    <a:pt x="100" y="107"/>
                  </a:cubicBezTo>
                  <a:cubicBezTo>
                    <a:pt x="95" y="115"/>
                    <a:pt x="95" y="115"/>
                    <a:pt x="95" y="115"/>
                  </a:cubicBezTo>
                  <a:cubicBezTo>
                    <a:pt x="94" y="114"/>
                    <a:pt x="92" y="114"/>
                    <a:pt x="91" y="114"/>
                  </a:cubicBezTo>
                  <a:cubicBezTo>
                    <a:pt x="98" y="14"/>
                    <a:pt x="98" y="14"/>
                    <a:pt x="98" y="14"/>
                  </a:cubicBezTo>
                  <a:cubicBezTo>
                    <a:pt x="100" y="13"/>
                    <a:pt x="101" y="13"/>
                    <a:pt x="103" y="12"/>
                  </a:cubicBezTo>
                  <a:cubicBezTo>
                    <a:pt x="106" y="9"/>
                    <a:pt x="107" y="4"/>
                    <a:pt x="104" y="1"/>
                  </a:cubicBezTo>
                  <a:cubicBezTo>
                    <a:pt x="104" y="1"/>
                    <a:pt x="104" y="0"/>
                    <a:pt x="104" y="0"/>
                  </a:cubicBezTo>
                  <a:close/>
                  <a:moveTo>
                    <a:pt x="194" y="39"/>
                  </a:moveTo>
                  <a:cubicBezTo>
                    <a:pt x="210" y="58"/>
                    <a:pt x="219" y="83"/>
                    <a:pt x="219" y="110"/>
                  </a:cubicBezTo>
                  <a:cubicBezTo>
                    <a:pt x="219" y="148"/>
                    <a:pt x="200" y="181"/>
                    <a:pt x="171" y="201"/>
                  </a:cubicBezTo>
                  <a:cubicBezTo>
                    <a:pt x="171" y="200"/>
                    <a:pt x="172" y="199"/>
                    <a:pt x="172" y="199"/>
                  </a:cubicBezTo>
                  <a:cubicBezTo>
                    <a:pt x="172" y="193"/>
                    <a:pt x="166" y="189"/>
                    <a:pt x="161" y="189"/>
                  </a:cubicBezTo>
                  <a:cubicBezTo>
                    <a:pt x="157" y="189"/>
                    <a:pt x="156" y="190"/>
                    <a:pt x="154" y="191"/>
                  </a:cubicBezTo>
                  <a:cubicBezTo>
                    <a:pt x="103" y="146"/>
                    <a:pt x="103" y="146"/>
                    <a:pt x="103" y="146"/>
                  </a:cubicBezTo>
                  <a:cubicBezTo>
                    <a:pt x="104" y="144"/>
                    <a:pt x="105" y="143"/>
                    <a:pt x="106" y="141"/>
                  </a:cubicBezTo>
                  <a:cubicBezTo>
                    <a:pt x="181" y="159"/>
                    <a:pt x="181" y="159"/>
                    <a:pt x="181" y="159"/>
                  </a:cubicBezTo>
                  <a:cubicBezTo>
                    <a:pt x="181" y="161"/>
                    <a:pt x="181" y="161"/>
                    <a:pt x="182" y="164"/>
                  </a:cubicBezTo>
                  <a:cubicBezTo>
                    <a:pt x="184" y="166"/>
                    <a:pt x="189" y="168"/>
                    <a:pt x="192" y="166"/>
                  </a:cubicBezTo>
                  <a:cubicBezTo>
                    <a:pt x="196" y="164"/>
                    <a:pt x="197" y="160"/>
                    <a:pt x="195" y="156"/>
                  </a:cubicBezTo>
                  <a:cubicBezTo>
                    <a:pt x="193" y="153"/>
                    <a:pt x="188" y="152"/>
                    <a:pt x="185" y="153"/>
                  </a:cubicBezTo>
                  <a:cubicBezTo>
                    <a:pt x="182" y="155"/>
                    <a:pt x="182" y="156"/>
                    <a:pt x="182" y="157"/>
                  </a:cubicBezTo>
                  <a:cubicBezTo>
                    <a:pt x="107" y="137"/>
                    <a:pt x="107" y="137"/>
                    <a:pt x="107" y="137"/>
                  </a:cubicBezTo>
                  <a:cubicBezTo>
                    <a:pt x="107" y="136"/>
                    <a:pt x="107" y="136"/>
                    <a:pt x="107" y="136"/>
                  </a:cubicBezTo>
                  <a:cubicBezTo>
                    <a:pt x="153" y="136"/>
                    <a:pt x="153" y="136"/>
                    <a:pt x="153" y="136"/>
                  </a:cubicBezTo>
                  <a:cubicBezTo>
                    <a:pt x="153" y="138"/>
                    <a:pt x="154" y="139"/>
                    <a:pt x="155" y="140"/>
                  </a:cubicBezTo>
                  <a:cubicBezTo>
                    <a:pt x="157" y="144"/>
                    <a:pt x="162" y="144"/>
                    <a:pt x="166" y="141"/>
                  </a:cubicBezTo>
                  <a:cubicBezTo>
                    <a:pt x="169" y="138"/>
                    <a:pt x="169" y="133"/>
                    <a:pt x="167" y="130"/>
                  </a:cubicBezTo>
                  <a:cubicBezTo>
                    <a:pt x="164" y="127"/>
                    <a:pt x="159" y="126"/>
                    <a:pt x="156" y="129"/>
                  </a:cubicBezTo>
                  <a:cubicBezTo>
                    <a:pt x="154" y="130"/>
                    <a:pt x="153" y="132"/>
                    <a:pt x="153" y="134"/>
                  </a:cubicBezTo>
                  <a:cubicBezTo>
                    <a:pt x="107" y="132"/>
                    <a:pt x="107" y="132"/>
                    <a:pt x="107" y="132"/>
                  </a:cubicBezTo>
                  <a:cubicBezTo>
                    <a:pt x="107" y="130"/>
                    <a:pt x="107" y="128"/>
                    <a:pt x="106" y="127"/>
                  </a:cubicBezTo>
                  <a:cubicBezTo>
                    <a:pt x="168" y="96"/>
                    <a:pt x="168" y="96"/>
                    <a:pt x="168" y="96"/>
                  </a:cubicBezTo>
                  <a:cubicBezTo>
                    <a:pt x="169" y="97"/>
                    <a:pt x="170" y="98"/>
                    <a:pt x="171" y="99"/>
                  </a:cubicBezTo>
                  <a:cubicBezTo>
                    <a:pt x="174" y="100"/>
                    <a:pt x="177" y="98"/>
                    <a:pt x="178" y="95"/>
                  </a:cubicBezTo>
                  <a:cubicBezTo>
                    <a:pt x="179" y="92"/>
                    <a:pt x="178" y="89"/>
                    <a:pt x="175" y="88"/>
                  </a:cubicBezTo>
                  <a:cubicBezTo>
                    <a:pt x="172" y="87"/>
                    <a:pt x="168" y="88"/>
                    <a:pt x="167" y="91"/>
                  </a:cubicBezTo>
                  <a:cubicBezTo>
                    <a:pt x="167" y="92"/>
                    <a:pt x="167" y="94"/>
                    <a:pt x="167" y="95"/>
                  </a:cubicBezTo>
                  <a:cubicBezTo>
                    <a:pt x="105" y="123"/>
                    <a:pt x="105" y="123"/>
                    <a:pt x="105" y="123"/>
                  </a:cubicBezTo>
                  <a:cubicBezTo>
                    <a:pt x="104" y="122"/>
                    <a:pt x="103" y="121"/>
                    <a:pt x="103" y="120"/>
                  </a:cubicBezTo>
                  <a:cubicBezTo>
                    <a:pt x="179" y="43"/>
                    <a:pt x="179" y="43"/>
                    <a:pt x="179" y="43"/>
                  </a:cubicBezTo>
                  <a:cubicBezTo>
                    <a:pt x="180" y="44"/>
                    <a:pt x="181" y="45"/>
                    <a:pt x="185" y="45"/>
                  </a:cubicBezTo>
                  <a:cubicBezTo>
                    <a:pt x="188" y="45"/>
                    <a:pt x="192" y="43"/>
                    <a:pt x="194" y="39"/>
                  </a:cubicBezTo>
                  <a:close/>
                </a:path>
              </a:pathLst>
            </a:custGeom>
            <a:solidFill>
              <a:schemeClr val="bg2"/>
            </a:solidFill>
            <a:ln>
              <a:noFill/>
            </a:ln>
            <a:extLst/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</p:grpSp>
      <p:grpSp>
        <p:nvGrpSpPr>
          <p:cNvPr id="44" name="Group 43"/>
          <p:cNvGrpSpPr/>
          <p:nvPr/>
        </p:nvGrpSpPr>
        <p:grpSpPr>
          <a:xfrm>
            <a:off x="2123900" y="4911252"/>
            <a:ext cx="563253" cy="621895"/>
            <a:chOff x="3724275" y="1890713"/>
            <a:chExt cx="1698625" cy="1704975"/>
          </a:xfrm>
          <a:solidFill>
            <a:schemeClr val="bg2"/>
          </a:solidFill>
        </p:grpSpPr>
        <p:sp>
          <p:nvSpPr>
            <p:cNvPr id="45" name="Freeform 40"/>
            <p:cNvSpPr>
              <a:spLocks/>
            </p:cNvSpPr>
            <p:nvPr/>
          </p:nvSpPr>
          <p:spPr bwMode="auto">
            <a:xfrm>
              <a:off x="3724275" y="1890713"/>
              <a:ext cx="512763" cy="512763"/>
            </a:xfrm>
            <a:custGeom>
              <a:avLst/>
              <a:gdLst>
                <a:gd name="T0" fmla="*/ 77 w 137"/>
                <a:gd name="T1" fmla="*/ 137 h 137"/>
                <a:gd name="T2" fmla="*/ 137 w 137"/>
                <a:gd name="T3" fmla="*/ 77 h 137"/>
                <a:gd name="T4" fmla="*/ 100 w 137"/>
                <a:gd name="T5" fmla="*/ 40 h 137"/>
                <a:gd name="T6" fmla="*/ 112 w 137"/>
                <a:gd name="T7" fmla="*/ 27 h 137"/>
                <a:gd name="T8" fmla="*/ 112 w 137"/>
                <a:gd name="T9" fmla="*/ 6 h 137"/>
                <a:gd name="T10" fmla="*/ 91 w 137"/>
                <a:gd name="T11" fmla="*/ 6 h 137"/>
                <a:gd name="T12" fmla="*/ 6 w 137"/>
                <a:gd name="T13" fmla="*/ 91 h 137"/>
                <a:gd name="T14" fmla="*/ 6 w 137"/>
                <a:gd name="T15" fmla="*/ 112 h 137"/>
                <a:gd name="T16" fmla="*/ 16 w 137"/>
                <a:gd name="T17" fmla="*/ 117 h 137"/>
                <a:gd name="T18" fmla="*/ 27 w 137"/>
                <a:gd name="T19" fmla="*/ 112 h 137"/>
                <a:gd name="T20" fmla="*/ 40 w 137"/>
                <a:gd name="T21" fmla="*/ 100 h 137"/>
                <a:gd name="T22" fmla="*/ 77 w 137"/>
                <a:gd name="T23" fmla="*/ 137 h 1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137" h="137">
                  <a:moveTo>
                    <a:pt x="77" y="137"/>
                  </a:moveTo>
                  <a:cubicBezTo>
                    <a:pt x="137" y="77"/>
                    <a:pt x="137" y="77"/>
                    <a:pt x="137" y="77"/>
                  </a:cubicBezTo>
                  <a:cubicBezTo>
                    <a:pt x="100" y="40"/>
                    <a:pt x="100" y="40"/>
                    <a:pt x="100" y="40"/>
                  </a:cubicBezTo>
                  <a:cubicBezTo>
                    <a:pt x="112" y="27"/>
                    <a:pt x="112" y="27"/>
                    <a:pt x="112" y="27"/>
                  </a:cubicBezTo>
                  <a:cubicBezTo>
                    <a:pt x="118" y="21"/>
                    <a:pt x="118" y="12"/>
                    <a:pt x="112" y="6"/>
                  </a:cubicBezTo>
                  <a:cubicBezTo>
                    <a:pt x="107" y="0"/>
                    <a:pt x="97" y="0"/>
                    <a:pt x="91" y="6"/>
                  </a:cubicBezTo>
                  <a:cubicBezTo>
                    <a:pt x="6" y="91"/>
                    <a:pt x="6" y="91"/>
                    <a:pt x="6" y="91"/>
                  </a:cubicBezTo>
                  <a:cubicBezTo>
                    <a:pt x="0" y="97"/>
                    <a:pt x="0" y="106"/>
                    <a:pt x="6" y="112"/>
                  </a:cubicBezTo>
                  <a:cubicBezTo>
                    <a:pt x="9" y="115"/>
                    <a:pt x="13" y="117"/>
                    <a:pt x="16" y="117"/>
                  </a:cubicBezTo>
                  <a:cubicBezTo>
                    <a:pt x="20" y="117"/>
                    <a:pt x="24" y="115"/>
                    <a:pt x="27" y="112"/>
                  </a:cubicBezTo>
                  <a:cubicBezTo>
                    <a:pt x="40" y="100"/>
                    <a:pt x="40" y="100"/>
                    <a:pt x="40" y="100"/>
                  </a:cubicBezTo>
                  <a:lnTo>
                    <a:pt x="77" y="137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46" name="Freeform 41"/>
            <p:cNvSpPr>
              <a:spLocks noEditPoints="1"/>
            </p:cNvSpPr>
            <p:nvPr/>
          </p:nvSpPr>
          <p:spPr bwMode="auto">
            <a:xfrm>
              <a:off x="3870325" y="2036763"/>
              <a:ext cx="1552575" cy="1558925"/>
            </a:xfrm>
            <a:custGeom>
              <a:avLst/>
              <a:gdLst>
                <a:gd name="T0" fmla="*/ 410 w 414"/>
                <a:gd name="T1" fmla="*/ 399 h 416"/>
                <a:gd name="T2" fmla="*/ 341 w 414"/>
                <a:gd name="T3" fmla="*/ 330 h 416"/>
                <a:gd name="T4" fmla="*/ 357 w 414"/>
                <a:gd name="T5" fmla="*/ 252 h 416"/>
                <a:gd name="T6" fmla="*/ 351 w 414"/>
                <a:gd name="T7" fmla="*/ 232 h 416"/>
                <a:gd name="T8" fmla="*/ 166 w 414"/>
                <a:gd name="T9" fmla="*/ 47 h 416"/>
                <a:gd name="T10" fmla="*/ 164 w 414"/>
                <a:gd name="T11" fmla="*/ 45 h 416"/>
                <a:gd name="T12" fmla="*/ 176 w 414"/>
                <a:gd name="T13" fmla="*/ 34 h 416"/>
                <a:gd name="T14" fmla="*/ 176 w 414"/>
                <a:gd name="T15" fmla="*/ 7 h 416"/>
                <a:gd name="T16" fmla="*/ 149 w 414"/>
                <a:gd name="T17" fmla="*/ 7 h 416"/>
                <a:gd name="T18" fmla="*/ 7 w 414"/>
                <a:gd name="T19" fmla="*/ 149 h 416"/>
                <a:gd name="T20" fmla="*/ 7 w 414"/>
                <a:gd name="T21" fmla="*/ 176 h 416"/>
                <a:gd name="T22" fmla="*/ 21 w 414"/>
                <a:gd name="T23" fmla="*/ 181 h 416"/>
                <a:gd name="T24" fmla="*/ 34 w 414"/>
                <a:gd name="T25" fmla="*/ 176 h 416"/>
                <a:gd name="T26" fmla="*/ 45 w 414"/>
                <a:gd name="T27" fmla="*/ 164 h 416"/>
                <a:gd name="T28" fmla="*/ 47 w 414"/>
                <a:gd name="T29" fmla="*/ 166 h 416"/>
                <a:gd name="T30" fmla="*/ 232 w 414"/>
                <a:gd name="T31" fmla="*/ 351 h 416"/>
                <a:gd name="T32" fmla="*/ 252 w 414"/>
                <a:gd name="T33" fmla="*/ 358 h 416"/>
                <a:gd name="T34" fmla="*/ 327 w 414"/>
                <a:gd name="T35" fmla="*/ 346 h 416"/>
                <a:gd name="T36" fmla="*/ 328 w 414"/>
                <a:gd name="T37" fmla="*/ 346 h 416"/>
                <a:gd name="T38" fmla="*/ 396 w 414"/>
                <a:gd name="T39" fmla="*/ 413 h 416"/>
                <a:gd name="T40" fmla="*/ 403 w 414"/>
                <a:gd name="T41" fmla="*/ 416 h 416"/>
                <a:gd name="T42" fmla="*/ 410 w 414"/>
                <a:gd name="T43" fmla="*/ 413 h 416"/>
                <a:gd name="T44" fmla="*/ 410 w 414"/>
                <a:gd name="T45" fmla="*/ 399 h 416"/>
                <a:gd name="T46" fmla="*/ 310 w 414"/>
                <a:gd name="T47" fmla="*/ 329 h 416"/>
                <a:gd name="T48" fmla="*/ 261 w 414"/>
                <a:gd name="T49" fmla="*/ 335 h 416"/>
                <a:gd name="T50" fmla="*/ 240 w 414"/>
                <a:gd name="T51" fmla="*/ 328 h 416"/>
                <a:gd name="T52" fmla="*/ 65 w 414"/>
                <a:gd name="T53" fmla="*/ 152 h 416"/>
                <a:gd name="T54" fmla="*/ 62 w 414"/>
                <a:gd name="T55" fmla="*/ 148 h 416"/>
                <a:gd name="T56" fmla="*/ 148 w 414"/>
                <a:gd name="T57" fmla="*/ 62 h 416"/>
                <a:gd name="T58" fmla="*/ 152 w 414"/>
                <a:gd name="T59" fmla="*/ 65 h 416"/>
                <a:gd name="T60" fmla="*/ 327 w 414"/>
                <a:gd name="T61" fmla="*/ 240 h 416"/>
                <a:gd name="T62" fmla="*/ 334 w 414"/>
                <a:gd name="T63" fmla="*/ 260 h 416"/>
                <a:gd name="T64" fmla="*/ 324 w 414"/>
                <a:gd name="T65" fmla="*/ 315 h 416"/>
                <a:gd name="T66" fmla="*/ 310 w 414"/>
                <a:gd name="T67" fmla="*/ 329 h 4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</a:cxnLst>
              <a:rect l="0" t="0" r="r" b="b"/>
              <a:pathLst>
                <a:path w="414" h="416">
                  <a:moveTo>
                    <a:pt x="410" y="399"/>
                  </a:moveTo>
                  <a:cubicBezTo>
                    <a:pt x="341" y="330"/>
                    <a:pt x="341" y="330"/>
                    <a:pt x="341" y="330"/>
                  </a:cubicBezTo>
                  <a:cubicBezTo>
                    <a:pt x="357" y="252"/>
                    <a:pt x="357" y="252"/>
                    <a:pt x="357" y="252"/>
                  </a:cubicBezTo>
                  <a:cubicBezTo>
                    <a:pt x="358" y="245"/>
                    <a:pt x="356" y="236"/>
                    <a:pt x="351" y="232"/>
                  </a:cubicBezTo>
                  <a:cubicBezTo>
                    <a:pt x="166" y="47"/>
                    <a:pt x="166" y="47"/>
                    <a:pt x="166" y="47"/>
                  </a:cubicBezTo>
                  <a:cubicBezTo>
                    <a:pt x="165" y="46"/>
                    <a:pt x="165" y="46"/>
                    <a:pt x="164" y="45"/>
                  </a:cubicBezTo>
                  <a:cubicBezTo>
                    <a:pt x="176" y="34"/>
                    <a:pt x="176" y="34"/>
                    <a:pt x="176" y="34"/>
                  </a:cubicBezTo>
                  <a:cubicBezTo>
                    <a:pt x="183" y="26"/>
                    <a:pt x="183" y="15"/>
                    <a:pt x="176" y="7"/>
                  </a:cubicBezTo>
                  <a:cubicBezTo>
                    <a:pt x="169" y="0"/>
                    <a:pt x="157" y="0"/>
                    <a:pt x="149" y="7"/>
                  </a:cubicBezTo>
                  <a:cubicBezTo>
                    <a:pt x="7" y="149"/>
                    <a:pt x="7" y="149"/>
                    <a:pt x="7" y="149"/>
                  </a:cubicBezTo>
                  <a:cubicBezTo>
                    <a:pt x="0" y="157"/>
                    <a:pt x="0" y="169"/>
                    <a:pt x="7" y="176"/>
                  </a:cubicBezTo>
                  <a:cubicBezTo>
                    <a:pt x="11" y="179"/>
                    <a:pt x="16" y="181"/>
                    <a:pt x="21" y="181"/>
                  </a:cubicBezTo>
                  <a:cubicBezTo>
                    <a:pt x="25" y="181"/>
                    <a:pt x="30" y="179"/>
                    <a:pt x="34" y="176"/>
                  </a:cubicBezTo>
                  <a:cubicBezTo>
                    <a:pt x="45" y="164"/>
                    <a:pt x="45" y="164"/>
                    <a:pt x="45" y="164"/>
                  </a:cubicBezTo>
                  <a:cubicBezTo>
                    <a:pt x="46" y="165"/>
                    <a:pt x="46" y="165"/>
                    <a:pt x="47" y="166"/>
                  </a:cubicBezTo>
                  <a:cubicBezTo>
                    <a:pt x="232" y="351"/>
                    <a:pt x="232" y="351"/>
                    <a:pt x="232" y="351"/>
                  </a:cubicBezTo>
                  <a:cubicBezTo>
                    <a:pt x="236" y="356"/>
                    <a:pt x="245" y="359"/>
                    <a:pt x="252" y="358"/>
                  </a:cubicBezTo>
                  <a:cubicBezTo>
                    <a:pt x="327" y="346"/>
                    <a:pt x="327" y="346"/>
                    <a:pt x="327" y="346"/>
                  </a:cubicBezTo>
                  <a:cubicBezTo>
                    <a:pt x="327" y="346"/>
                    <a:pt x="328" y="346"/>
                    <a:pt x="328" y="346"/>
                  </a:cubicBezTo>
                  <a:cubicBezTo>
                    <a:pt x="396" y="413"/>
                    <a:pt x="396" y="413"/>
                    <a:pt x="396" y="413"/>
                  </a:cubicBezTo>
                  <a:cubicBezTo>
                    <a:pt x="398" y="415"/>
                    <a:pt x="400" y="416"/>
                    <a:pt x="403" y="416"/>
                  </a:cubicBezTo>
                  <a:cubicBezTo>
                    <a:pt x="405" y="416"/>
                    <a:pt x="408" y="415"/>
                    <a:pt x="410" y="413"/>
                  </a:cubicBezTo>
                  <a:cubicBezTo>
                    <a:pt x="414" y="409"/>
                    <a:pt x="414" y="403"/>
                    <a:pt x="410" y="399"/>
                  </a:cubicBezTo>
                  <a:close/>
                  <a:moveTo>
                    <a:pt x="310" y="329"/>
                  </a:moveTo>
                  <a:cubicBezTo>
                    <a:pt x="261" y="335"/>
                    <a:pt x="261" y="335"/>
                    <a:pt x="261" y="335"/>
                  </a:cubicBezTo>
                  <a:cubicBezTo>
                    <a:pt x="254" y="336"/>
                    <a:pt x="245" y="332"/>
                    <a:pt x="240" y="328"/>
                  </a:cubicBezTo>
                  <a:cubicBezTo>
                    <a:pt x="65" y="152"/>
                    <a:pt x="65" y="152"/>
                    <a:pt x="65" y="152"/>
                  </a:cubicBezTo>
                  <a:cubicBezTo>
                    <a:pt x="63" y="151"/>
                    <a:pt x="63" y="149"/>
                    <a:pt x="62" y="148"/>
                  </a:cubicBezTo>
                  <a:cubicBezTo>
                    <a:pt x="148" y="62"/>
                    <a:pt x="148" y="62"/>
                    <a:pt x="148" y="62"/>
                  </a:cubicBezTo>
                  <a:cubicBezTo>
                    <a:pt x="149" y="63"/>
                    <a:pt x="151" y="63"/>
                    <a:pt x="152" y="65"/>
                  </a:cubicBezTo>
                  <a:cubicBezTo>
                    <a:pt x="327" y="240"/>
                    <a:pt x="327" y="240"/>
                    <a:pt x="327" y="240"/>
                  </a:cubicBezTo>
                  <a:cubicBezTo>
                    <a:pt x="332" y="245"/>
                    <a:pt x="335" y="254"/>
                    <a:pt x="334" y="260"/>
                  </a:cubicBezTo>
                  <a:cubicBezTo>
                    <a:pt x="324" y="315"/>
                    <a:pt x="324" y="315"/>
                    <a:pt x="324" y="315"/>
                  </a:cubicBezTo>
                  <a:cubicBezTo>
                    <a:pt x="322" y="322"/>
                    <a:pt x="316" y="328"/>
                    <a:pt x="310" y="329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  <p:sp>
          <p:nvSpPr>
            <p:cNvPr id="47" name="Freeform 42"/>
            <p:cNvSpPr>
              <a:spLocks/>
            </p:cNvSpPr>
            <p:nvPr/>
          </p:nvSpPr>
          <p:spPr bwMode="auto">
            <a:xfrm>
              <a:off x="4327525" y="2493963"/>
              <a:ext cx="723900" cy="723900"/>
            </a:xfrm>
            <a:custGeom>
              <a:avLst/>
              <a:gdLst>
                <a:gd name="T0" fmla="*/ 185 w 193"/>
                <a:gd name="T1" fmla="*/ 122 h 193"/>
                <a:gd name="T2" fmla="*/ 138 w 193"/>
                <a:gd name="T3" fmla="*/ 76 h 193"/>
                <a:gd name="T4" fmla="*/ 107 w 193"/>
                <a:gd name="T5" fmla="*/ 106 h 193"/>
                <a:gd name="T6" fmla="*/ 100 w 193"/>
                <a:gd name="T7" fmla="*/ 109 h 193"/>
                <a:gd name="T8" fmla="*/ 93 w 193"/>
                <a:gd name="T9" fmla="*/ 106 h 193"/>
                <a:gd name="T10" fmla="*/ 93 w 193"/>
                <a:gd name="T11" fmla="*/ 92 h 193"/>
                <a:gd name="T12" fmla="*/ 124 w 193"/>
                <a:gd name="T13" fmla="*/ 61 h 193"/>
                <a:gd name="T14" fmla="*/ 99 w 193"/>
                <a:gd name="T15" fmla="*/ 36 h 193"/>
                <a:gd name="T16" fmla="*/ 68 w 193"/>
                <a:gd name="T17" fmla="*/ 67 h 193"/>
                <a:gd name="T18" fmla="*/ 61 w 193"/>
                <a:gd name="T19" fmla="*/ 70 h 193"/>
                <a:gd name="T20" fmla="*/ 54 w 193"/>
                <a:gd name="T21" fmla="*/ 67 h 193"/>
                <a:gd name="T22" fmla="*/ 54 w 193"/>
                <a:gd name="T23" fmla="*/ 53 h 193"/>
                <a:gd name="T24" fmla="*/ 84 w 193"/>
                <a:gd name="T25" fmla="*/ 22 h 193"/>
                <a:gd name="T26" fmla="*/ 67 w 193"/>
                <a:gd name="T27" fmla="*/ 4 h 193"/>
                <a:gd name="T28" fmla="*/ 50 w 193"/>
                <a:gd name="T29" fmla="*/ 4 h 193"/>
                <a:gd name="T30" fmla="*/ 4 w 193"/>
                <a:gd name="T31" fmla="*/ 50 h 193"/>
                <a:gd name="T32" fmla="*/ 4 w 193"/>
                <a:gd name="T33" fmla="*/ 67 h 193"/>
                <a:gd name="T34" fmla="*/ 123 w 193"/>
                <a:gd name="T35" fmla="*/ 185 h 193"/>
                <a:gd name="T36" fmla="*/ 143 w 193"/>
                <a:gd name="T37" fmla="*/ 193 h 193"/>
                <a:gd name="T38" fmla="*/ 174 w 193"/>
                <a:gd name="T39" fmla="*/ 192 h 193"/>
                <a:gd name="T40" fmla="*/ 188 w 193"/>
                <a:gd name="T41" fmla="*/ 179 h 193"/>
                <a:gd name="T42" fmla="*/ 192 w 193"/>
                <a:gd name="T43" fmla="*/ 143 h 193"/>
                <a:gd name="T44" fmla="*/ 185 w 193"/>
                <a:gd name="T45" fmla="*/ 122 h 1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193" h="193">
                  <a:moveTo>
                    <a:pt x="185" y="122"/>
                  </a:moveTo>
                  <a:cubicBezTo>
                    <a:pt x="138" y="76"/>
                    <a:pt x="138" y="76"/>
                    <a:pt x="138" y="76"/>
                  </a:cubicBezTo>
                  <a:cubicBezTo>
                    <a:pt x="107" y="106"/>
                    <a:pt x="107" y="106"/>
                    <a:pt x="107" y="106"/>
                  </a:cubicBezTo>
                  <a:cubicBezTo>
                    <a:pt x="105" y="108"/>
                    <a:pt x="103" y="109"/>
                    <a:pt x="100" y="109"/>
                  </a:cubicBezTo>
                  <a:cubicBezTo>
                    <a:pt x="98" y="109"/>
                    <a:pt x="95" y="108"/>
                    <a:pt x="93" y="106"/>
                  </a:cubicBezTo>
                  <a:cubicBezTo>
                    <a:pt x="89" y="102"/>
                    <a:pt x="89" y="96"/>
                    <a:pt x="93" y="92"/>
                  </a:cubicBezTo>
                  <a:cubicBezTo>
                    <a:pt x="124" y="61"/>
                    <a:pt x="124" y="61"/>
                    <a:pt x="124" y="61"/>
                  </a:cubicBezTo>
                  <a:cubicBezTo>
                    <a:pt x="99" y="36"/>
                    <a:pt x="99" y="36"/>
                    <a:pt x="99" y="36"/>
                  </a:cubicBezTo>
                  <a:cubicBezTo>
                    <a:pt x="68" y="67"/>
                    <a:pt x="68" y="67"/>
                    <a:pt x="68" y="67"/>
                  </a:cubicBezTo>
                  <a:cubicBezTo>
                    <a:pt x="66" y="69"/>
                    <a:pt x="64" y="70"/>
                    <a:pt x="61" y="70"/>
                  </a:cubicBezTo>
                  <a:cubicBezTo>
                    <a:pt x="59" y="70"/>
                    <a:pt x="56" y="69"/>
                    <a:pt x="54" y="67"/>
                  </a:cubicBezTo>
                  <a:cubicBezTo>
                    <a:pt x="50" y="63"/>
                    <a:pt x="50" y="57"/>
                    <a:pt x="54" y="53"/>
                  </a:cubicBezTo>
                  <a:cubicBezTo>
                    <a:pt x="84" y="22"/>
                    <a:pt x="84" y="22"/>
                    <a:pt x="84" y="22"/>
                  </a:cubicBezTo>
                  <a:cubicBezTo>
                    <a:pt x="67" y="4"/>
                    <a:pt x="67" y="4"/>
                    <a:pt x="67" y="4"/>
                  </a:cubicBezTo>
                  <a:cubicBezTo>
                    <a:pt x="62" y="0"/>
                    <a:pt x="54" y="0"/>
                    <a:pt x="50" y="4"/>
                  </a:cubicBezTo>
                  <a:cubicBezTo>
                    <a:pt x="4" y="50"/>
                    <a:pt x="4" y="50"/>
                    <a:pt x="4" y="50"/>
                  </a:cubicBezTo>
                  <a:cubicBezTo>
                    <a:pt x="0" y="54"/>
                    <a:pt x="0" y="62"/>
                    <a:pt x="4" y="67"/>
                  </a:cubicBezTo>
                  <a:cubicBezTo>
                    <a:pt x="123" y="185"/>
                    <a:pt x="123" y="185"/>
                    <a:pt x="123" y="185"/>
                  </a:cubicBezTo>
                  <a:cubicBezTo>
                    <a:pt x="128" y="190"/>
                    <a:pt x="137" y="193"/>
                    <a:pt x="143" y="193"/>
                  </a:cubicBezTo>
                  <a:cubicBezTo>
                    <a:pt x="174" y="192"/>
                    <a:pt x="174" y="192"/>
                    <a:pt x="174" y="192"/>
                  </a:cubicBezTo>
                  <a:cubicBezTo>
                    <a:pt x="181" y="191"/>
                    <a:pt x="187" y="186"/>
                    <a:pt x="188" y="179"/>
                  </a:cubicBezTo>
                  <a:cubicBezTo>
                    <a:pt x="192" y="143"/>
                    <a:pt x="192" y="143"/>
                    <a:pt x="192" y="143"/>
                  </a:cubicBezTo>
                  <a:cubicBezTo>
                    <a:pt x="193" y="136"/>
                    <a:pt x="189" y="127"/>
                    <a:pt x="185" y="12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 dirty="0"/>
            </a:p>
          </p:txBody>
        </p:sp>
      </p:grpSp>
      <p:grpSp>
        <p:nvGrpSpPr>
          <p:cNvPr id="61" name="Group 60"/>
          <p:cNvGrpSpPr/>
          <p:nvPr/>
        </p:nvGrpSpPr>
        <p:grpSpPr>
          <a:xfrm>
            <a:off x="5939428" y="1091410"/>
            <a:ext cx="1879348" cy="1519225"/>
            <a:chOff x="5156325" y="3911427"/>
            <a:chExt cx="1879348" cy="1519225"/>
          </a:xfrm>
        </p:grpSpPr>
        <p:sp>
          <p:nvSpPr>
            <p:cNvPr id="62" name="Oval 61"/>
            <p:cNvSpPr/>
            <p:nvPr/>
          </p:nvSpPr>
          <p:spPr>
            <a:xfrm>
              <a:off x="5648013" y="3911427"/>
              <a:ext cx="914400" cy="914400"/>
            </a:xfrm>
            <a:prstGeom prst="ellipse">
              <a:avLst/>
            </a:prstGeom>
            <a:solidFill>
              <a:schemeClr val="tx1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b="1" dirty="0">
                <a:solidFill>
                  <a:schemeClr val="accent1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63" name="TextBox 62"/>
            <p:cNvSpPr txBox="1"/>
            <p:nvPr/>
          </p:nvSpPr>
          <p:spPr>
            <a:xfrm>
              <a:off x="5156325" y="4938209"/>
              <a:ext cx="1879348" cy="49244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300" b="1" dirty="0" smtClean="0">
                  <a:solidFill>
                    <a:srgbClr val="000000"/>
                  </a:solidFill>
                  <a:latin typeface="Calibri" panose="020F0502020204030204" pitchFamily="34" charset="0"/>
                </a:rPr>
                <a:t>International Partners</a:t>
              </a:r>
            </a:p>
            <a:p>
              <a:pPr algn="ctr"/>
              <a:r>
                <a:rPr lang="en-US" sz="1300" dirty="0" smtClean="0">
                  <a:solidFill>
                    <a:srgbClr val="000000"/>
                  </a:solidFill>
                  <a:latin typeface="Calibri" panose="020F0502020204030204" pitchFamily="34" charset="0"/>
                </a:rPr>
                <a:t>Awareness, collaboration</a:t>
              </a:r>
              <a:endParaRPr lang="en-US" sz="1300" dirty="0">
                <a:solidFill>
                  <a:srgbClr val="000000"/>
                </a:solidFill>
                <a:latin typeface="Calibri" panose="020F0502020204030204" pitchFamily="34" charset="0"/>
              </a:endParaRPr>
            </a:p>
          </p:txBody>
        </p:sp>
      </p:grpSp>
      <p:sp>
        <p:nvSpPr>
          <p:cNvPr id="90" name="Slide Number Placeholder 1"/>
          <p:cNvSpPr txBox="1">
            <a:spLocks/>
          </p:cNvSpPr>
          <p:nvPr/>
        </p:nvSpPr>
        <p:spPr>
          <a:xfrm>
            <a:off x="1228511" y="-1077616"/>
            <a:ext cx="0" cy="0"/>
          </a:xfr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8C5F81AD-0A25-4B1A-B740-3C7984BD2BEF}" type="slidenum">
              <a:rPr lang="en-US" smtClean="0"/>
              <a:pPr/>
              <a:t>29</a:t>
            </a:fld>
            <a:endParaRPr lang="en-US"/>
          </a:p>
        </p:txBody>
      </p:sp>
      <p:grpSp>
        <p:nvGrpSpPr>
          <p:cNvPr id="91" name="Group 90"/>
          <p:cNvGrpSpPr/>
          <p:nvPr/>
        </p:nvGrpSpPr>
        <p:grpSpPr>
          <a:xfrm>
            <a:off x="6591734" y="1243200"/>
            <a:ext cx="597422" cy="621466"/>
            <a:chOff x="5376231" y="2324559"/>
            <a:chExt cx="594911" cy="594910"/>
          </a:xfrm>
        </p:grpSpPr>
        <p:sp>
          <p:nvSpPr>
            <p:cNvPr id="92" name="Oval 91"/>
            <p:cNvSpPr/>
            <p:nvPr/>
          </p:nvSpPr>
          <p:spPr>
            <a:xfrm>
              <a:off x="5376231" y="2324559"/>
              <a:ext cx="594911" cy="583894"/>
            </a:xfrm>
            <a:prstGeom prst="ellipse">
              <a:avLst/>
            </a:prstGeom>
            <a:noFill/>
            <a:ln>
              <a:solidFill>
                <a:schemeClr val="tx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bg2"/>
                </a:solidFill>
              </a:endParaRPr>
            </a:p>
          </p:txBody>
        </p:sp>
        <p:sp>
          <p:nvSpPr>
            <p:cNvPr id="93" name="Oval 92"/>
            <p:cNvSpPr/>
            <p:nvPr/>
          </p:nvSpPr>
          <p:spPr>
            <a:xfrm flipH="1">
              <a:off x="5497416" y="2324559"/>
              <a:ext cx="352539" cy="594910"/>
            </a:xfrm>
            <a:prstGeom prst="ellipse">
              <a:avLst/>
            </a:prstGeom>
            <a:noFill/>
            <a:ln>
              <a:solidFill>
                <a:schemeClr val="tx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bg2"/>
                </a:solidFill>
              </a:endParaRPr>
            </a:p>
          </p:txBody>
        </p:sp>
        <p:cxnSp>
          <p:nvCxnSpPr>
            <p:cNvPr id="94" name="Straight Connector 93"/>
            <p:cNvCxnSpPr>
              <a:stCxn id="93" idx="0"/>
              <a:endCxn id="93" idx="4"/>
            </p:cNvCxnSpPr>
            <p:nvPr/>
          </p:nvCxnSpPr>
          <p:spPr>
            <a:xfrm>
              <a:off x="5673685" y="2324559"/>
              <a:ext cx="0" cy="594910"/>
            </a:xfrm>
            <a:prstGeom prst="line">
              <a:avLst/>
            </a:prstGeom>
            <a:ln w="22225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5" name="Straight Connector 94"/>
            <p:cNvCxnSpPr>
              <a:stCxn id="92" idx="2"/>
              <a:endCxn id="92" idx="6"/>
            </p:cNvCxnSpPr>
            <p:nvPr/>
          </p:nvCxnSpPr>
          <p:spPr>
            <a:xfrm>
              <a:off x="5376231" y="2616506"/>
              <a:ext cx="594911" cy="0"/>
            </a:xfrm>
            <a:prstGeom prst="line">
              <a:avLst/>
            </a:prstGeom>
            <a:ln w="1905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6" name="Arc 95"/>
            <p:cNvSpPr/>
            <p:nvPr/>
          </p:nvSpPr>
          <p:spPr>
            <a:xfrm>
              <a:off x="5412035" y="2696212"/>
              <a:ext cx="523300" cy="156990"/>
            </a:xfrm>
            <a:prstGeom prst="arc">
              <a:avLst>
                <a:gd name="adj1" fmla="val 10782095"/>
                <a:gd name="adj2" fmla="val 0"/>
              </a:avLst>
            </a:prstGeom>
            <a:ln w="190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bg2"/>
                </a:solidFill>
              </a:endParaRPr>
            </a:p>
          </p:txBody>
        </p:sp>
      </p:grpSp>
      <p:sp>
        <p:nvSpPr>
          <p:cNvPr id="35" name="Arc 34"/>
          <p:cNvSpPr/>
          <p:nvPr/>
        </p:nvSpPr>
        <p:spPr>
          <a:xfrm>
            <a:off x="6700849" y="1233827"/>
            <a:ext cx="374933" cy="194703"/>
          </a:xfrm>
          <a:prstGeom prst="arc">
            <a:avLst>
              <a:gd name="adj1" fmla="val 21094777"/>
              <a:gd name="adj2" fmla="val 10740232"/>
            </a:avLst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8" name="Straight Arrow Connector 97"/>
          <p:cNvCxnSpPr>
            <a:endCxn id="63" idx="2"/>
          </p:cNvCxnSpPr>
          <p:nvPr/>
        </p:nvCxnSpPr>
        <p:spPr>
          <a:xfrm flipV="1">
            <a:off x="4674012" y="2610635"/>
            <a:ext cx="2205090" cy="3074913"/>
          </a:xfrm>
          <a:prstGeom prst="straightConnector1">
            <a:avLst/>
          </a:prstGeom>
          <a:ln>
            <a:solidFill>
              <a:srgbClr val="000000"/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633898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solidFill>
                  <a:srgbClr val="335FB2"/>
                </a:solidFill>
              </a:rPr>
              <a:t>Antimicrobial Resistance </a:t>
            </a:r>
            <a:r>
              <a:rPr lang="en-US" dirty="0">
                <a:solidFill>
                  <a:srgbClr val="335FB2"/>
                </a:solidFill>
              </a:rPr>
              <a:t>T</a:t>
            </a:r>
            <a:r>
              <a:rPr lang="en-US" dirty="0" smtClean="0">
                <a:solidFill>
                  <a:srgbClr val="335FB2"/>
                </a:solidFill>
              </a:rPr>
              <a:t>hreatens Every Person, </a:t>
            </a:r>
            <a:br>
              <a:rPr lang="en-US" dirty="0" smtClean="0">
                <a:solidFill>
                  <a:srgbClr val="335FB2"/>
                </a:solidFill>
              </a:rPr>
            </a:br>
            <a:r>
              <a:rPr lang="en-US" dirty="0" smtClean="0">
                <a:solidFill>
                  <a:srgbClr val="335FB2"/>
                </a:solidFill>
              </a:rPr>
              <a:t>Modern </a:t>
            </a:r>
            <a:r>
              <a:rPr lang="en-US" dirty="0">
                <a:solidFill>
                  <a:srgbClr val="335FB2"/>
                </a:solidFill>
              </a:rPr>
              <a:t>M</a:t>
            </a:r>
            <a:r>
              <a:rPr lang="en-US" dirty="0" smtClean="0">
                <a:solidFill>
                  <a:srgbClr val="335FB2"/>
                </a:solidFill>
              </a:rPr>
              <a:t>edicine, </a:t>
            </a:r>
            <a:r>
              <a:rPr lang="en-US" dirty="0">
                <a:solidFill>
                  <a:srgbClr val="335FB2"/>
                </a:solidFill>
              </a:rPr>
              <a:t>and </a:t>
            </a:r>
            <a:r>
              <a:rPr lang="en-US" dirty="0" smtClean="0">
                <a:solidFill>
                  <a:srgbClr val="335FB2"/>
                </a:solidFill>
              </a:rPr>
              <a:t>Industries</a:t>
            </a:r>
            <a:endParaRPr lang="en-US" dirty="0">
              <a:solidFill>
                <a:srgbClr val="335FB2"/>
              </a:solidFill>
            </a:endParaRP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137160" y="1865207"/>
            <a:ext cx="7196328" cy="5112808"/>
          </a:xfrm>
        </p:spPr>
        <p:txBody>
          <a:bodyPr>
            <a:normAutofit/>
          </a:bodyPr>
          <a:lstStyle/>
          <a:p>
            <a:pPr>
              <a:lnSpc>
                <a:spcPct val="150000"/>
              </a:lnSpc>
              <a:buClr>
                <a:srgbClr val="335FB2"/>
              </a:buClr>
            </a:pPr>
            <a:r>
              <a:rPr lang="en-US" dirty="0"/>
              <a:t>Antibiotic resistant germs </a:t>
            </a:r>
            <a:r>
              <a:rPr lang="en-US" dirty="0" smtClean="0"/>
              <a:t>avoid the </a:t>
            </a:r>
            <a:r>
              <a:rPr lang="en-US" dirty="0"/>
              <a:t>effects of the drugs designed to kill them </a:t>
            </a:r>
            <a:endParaRPr lang="en-US" dirty="0" smtClean="0"/>
          </a:p>
          <a:p>
            <a:pPr>
              <a:lnSpc>
                <a:spcPct val="150000"/>
              </a:lnSpc>
              <a:buClr>
                <a:srgbClr val="335FB2"/>
              </a:buClr>
            </a:pPr>
            <a:r>
              <a:rPr lang="en-US" dirty="0" smtClean="0"/>
              <a:t>AMR affects all communities and, without action, will continue to get worse</a:t>
            </a:r>
          </a:p>
          <a:p>
            <a:pPr>
              <a:lnSpc>
                <a:spcPct val="150000"/>
              </a:lnSpc>
              <a:buClr>
                <a:srgbClr val="335FB2"/>
              </a:buClr>
            </a:pPr>
            <a:r>
              <a:rPr lang="en-US" dirty="0" smtClean="0"/>
              <a:t>AMR </a:t>
            </a:r>
            <a:r>
              <a:rPr lang="en-US" dirty="0"/>
              <a:t>is not </a:t>
            </a:r>
            <a:r>
              <a:rPr lang="en-US" dirty="0" smtClean="0"/>
              <a:t>preventable, </a:t>
            </a:r>
            <a:r>
              <a:rPr lang="en-US" dirty="0"/>
              <a:t>but </a:t>
            </a:r>
            <a:r>
              <a:rPr lang="en-US" dirty="0" smtClean="0"/>
              <a:t>it can </a:t>
            </a:r>
            <a:r>
              <a:rPr lang="en-US" dirty="0"/>
              <a:t>be </a:t>
            </a:r>
            <a:r>
              <a:rPr lang="en-US" dirty="0" smtClean="0"/>
              <a:t>contained</a:t>
            </a:r>
          </a:p>
          <a:p>
            <a:pPr>
              <a:lnSpc>
                <a:spcPct val="150000"/>
              </a:lnSpc>
              <a:buClr>
                <a:srgbClr val="335FB2"/>
              </a:buClr>
            </a:pPr>
            <a:r>
              <a:rPr lang="en-US" dirty="0" smtClean="0"/>
              <a:t>We still have time to make a difference</a:t>
            </a:r>
          </a:p>
        </p:txBody>
      </p:sp>
      <p:sp>
        <p:nvSpPr>
          <p:cNvPr id="33" name="TextBox 32"/>
          <p:cNvSpPr txBox="1"/>
          <p:nvPr/>
        </p:nvSpPr>
        <p:spPr>
          <a:xfrm>
            <a:off x="7013335" y="1704681"/>
            <a:ext cx="4707467" cy="748795"/>
          </a:xfrm>
          <a:prstGeom prst="rect">
            <a:avLst/>
          </a:prstGeom>
          <a:solidFill>
            <a:schemeClr val="bg2"/>
          </a:solidFill>
        </p:spPr>
        <p:txBody>
          <a:bodyPr wrap="square" rtlCol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133" b="1" i="1" u="none" strike="noStrike" kern="1200" cap="none" spc="0" normalizeH="0" baseline="0" noProof="0" dirty="0">
                <a:ln>
                  <a:noFill/>
                </a:ln>
                <a:solidFill>
                  <a:srgbClr val="335FB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sistant germs can be anywhere and can affect every aspect of human life </a:t>
            </a:r>
          </a:p>
        </p:txBody>
      </p:sp>
      <p:grpSp>
        <p:nvGrpSpPr>
          <p:cNvPr id="4" name="Group 18"/>
          <p:cNvGrpSpPr/>
          <p:nvPr/>
        </p:nvGrpSpPr>
        <p:grpSpPr>
          <a:xfrm>
            <a:off x="7502511" y="2615454"/>
            <a:ext cx="3578068" cy="3449018"/>
            <a:chOff x="5293989" y="1875576"/>
            <a:chExt cx="2683551" cy="2586763"/>
          </a:xfrm>
        </p:grpSpPr>
        <p:pic>
          <p:nvPicPr>
            <p:cNvPr id="20" name="Picture 19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873402" y="1875576"/>
              <a:ext cx="1104138" cy="2563178"/>
            </a:xfrm>
            <a:prstGeom prst="rect">
              <a:avLst/>
            </a:prstGeom>
          </p:spPr>
        </p:pic>
        <p:grpSp>
          <p:nvGrpSpPr>
            <p:cNvPr id="5" name="Group 20"/>
            <p:cNvGrpSpPr/>
            <p:nvPr/>
          </p:nvGrpSpPr>
          <p:grpSpPr>
            <a:xfrm>
              <a:off x="5298839" y="4005139"/>
              <a:ext cx="1115162" cy="457200"/>
              <a:chOff x="5298839" y="4005139"/>
              <a:chExt cx="1115162" cy="457200"/>
            </a:xfrm>
          </p:grpSpPr>
          <p:sp>
            <p:nvSpPr>
              <p:cNvPr id="37" name="TextBox 36"/>
              <p:cNvSpPr txBox="1"/>
              <p:nvPr/>
            </p:nvSpPr>
            <p:spPr>
              <a:xfrm>
                <a:off x="5804988" y="4072157"/>
                <a:ext cx="609013" cy="300083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marL="0" marR="0" lvl="0" indent="0" algn="l" defTabSz="914400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2000" b="0" i="1" u="none" strike="noStrike" kern="1200" cap="none" spc="0" normalizeH="0" baseline="0" noProof="0" dirty="0">
                    <a:ln>
                      <a:noFill/>
                    </a:ln>
                    <a:solidFill>
                      <a:srgbClr val="7F7F7F">
                        <a:lumMod val="75000"/>
                      </a:srgb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Travel</a:t>
                </a:r>
              </a:p>
            </p:txBody>
          </p:sp>
          <p:pic>
            <p:nvPicPr>
              <p:cNvPr id="38" name="Picture 37"/>
              <p:cNvPicPr>
                <a:picLocks noChangeAspect="1"/>
              </p:cNvPicPr>
              <p:nvPr/>
            </p:nvPicPr>
            <p:blipFill rotWithShape="1">
              <a:blip r:embed="rId4"/>
              <a:srcRect l="17753" t="15248" r="22113" b="21678"/>
              <a:stretch/>
            </p:blipFill>
            <p:spPr>
              <a:xfrm>
                <a:off x="5298839" y="4005139"/>
                <a:ext cx="456262" cy="457200"/>
              </a:xfrm>
              <a:prstGeom prst="ellipse">
                <a:avLst/>
              </a:prstGeom>
            </p:spPr>
          </p:pic>
        </p:grpSp>
        <p:grpSp>
          <p:nvGrpSpPr>
            <p:cNvPr id="6" name="Group 21"/>
            <p:cNvGrpSpPr/>
            <p:nvPr/>
          </p:nvGrpSpPr>
          <p:grpSpPr>
            <a:xfrm>
              <a:off x="5308222" y="3498492"/>
              <a:ext cx="1621497" cy="457200"/>
              <a:chOff x="5308222" y="3498492"/>
              <a:chExt cx="1621497" cy="457200"/>
            </a:xfrm>
          </p:grpSpPr>
          <p:sp>
            <p:nvSpPr>
              <p:cNvPr id="35" name="TextBox 34"/>
              <p:cNvSpPr txBox="1"/>
              <p:nvPr/>
            </p:nvSpPr>
            <p:spPr>
              <a:xfrm>
                <a:off x="5804988" y="3565510"/>
                <a:ext cx="1124731" cy="300083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marL="0" marR="0" lvl="0" indent="0" algn="l" defTabSz="914400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2000" b="0" i="1" u="none" strike="noStrike" kern="1200" cap="none" spc="0" normalizeH="0" baseline="0" noProof="0" dirty="0">
                    <a:ln>
                      <a:noFill/>
                    </a:ln>
                    <a:solidFill>
                      <a:srgbClr val="7F7F7F">
                        <a:lumMod val="75000"/>
                      </a:srgb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Environment</a:t>
                </a:r>
              </a:p>
            </p:txBody>
          </p:sp>
          <p:pic>
            <p:nvPicPr>
              <p:cNvPr id="36" name="Picture 35"/>
              <p:cNvPicPr>
                <a:picLocks noChangeAspect="1"/>
              </p:cNvPicPr>
              <p:nvPr/>
            </p:nvPicPr>
            <p:blipFill rotWithShape="1">
              <a:blip r:embed="rId5"/>
              <a:srcRect l="3350" t="1647" r="6692" b="7484"/>
              <a:stretch/>
            </p:blipFill>
            <p:spPr>
              <a:xfrm>
                <a:off x="5308222" y="3498492"/>
                <a:ext cx="455645" cy="457200"/>
              </a:xfrm>
              <a:prstGeom prst="ellipse">
                <a:avLst/>
              </a:prstGeom>
            </p:spPr>
          </p:pic>
        </p:grpSp>
        <p:grpSp>
          <p:nvGrpSpPr>
            <p:cNvPr id="7" name="Group 22"/>
            <p:cNvGrpSpPr/>
            <p:nvPr/>
          </p:nvGrpSpPr>
          <p:grpSpPr>
            <a:xfrm>
              <a:off x="5294787" y="1978387"/>
              <a:ext cx="1502299" cy="457200"/>
              <a:chOff x="5294787" y="1978387"/>
              <a:chExt cx="1502299" cy="457200"/>
            </a:xfrm>
          </p:grpSpPr>
          <p:sp>
            <p:nvSpPr>
              <p:cNvPr id="30" name="TextBox 29"/>
              <p:cNvSpPr txBox="1"/>
              <p:nvPr/>
            </p:nvSpPr>
            <p:spPr>
              <a:xfrm>
                <a:off x="5804988" y="2045405"/>
                <a:ext cx="992098" cy="300083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marL="0" marR="0" lvl="0" indent="0" algn="l" defTabSz="914400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2000" b="0" i="1" u="none" strike="noStrike" kern="1200" cap="none" spc="0" normalizeH="0" baseline="0" noProof="0" dirty="0">
                    <a:ln>
                      <a:noFill/>
                    </a:ln>
                    <a:solidFill>
                      <a:srgbClr val="7F7F7F">
                        <a:lumMod val="75000"/>
                      </a:srgb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Healthcare</a:t>
                </a:r>
              </a:p>
            </p:txBody>
          </p:sp>
          <p:pic>
            <p:nvPicPr>
              <p:cNvPr id="32" name="Picture 31"/>
              <p:cNvPicPr>
                <a:picLocks noChangeAspect="1"/>
              </p:cNvPicPr>
              <p:nvPr/>
            </p:nvPicPr>
            <p:blipFill rotWithShape="1">
              <a:blip r:embed="rId6"/>
              <a:srcRect l="17544" t="11016" r="17046" b="14618"/>
              <a:stretch/>
            </p:blipFill>
            <p:spPr>
              <a:xfrm>
                <a:off x="5294787" y="1978387"/>
                <a:ext cx="456895" cy="457200"/>
              </a:xfrm>
              <a:prstGeom prst="ellipse">
                <a:avLst/>
              </a:prstGeom>
            </p:spPr>
          </p:pic>
        </p:grpSp>
        <p:grpSp>
          <p:nvGrpSpPr>
            <p:cNvPr id="8" name="Group 23"/>
            <p:cNvGrpSpPr/>
            <p:nvPr/>
          </p:nvGrpSpPr>
          <p:grpSpPr>
            <a:xfrm>
              <a:off x="5293989" y="2989985"/>
              <a:ext cx="906444" cy="457200"/>
              <a:chOff x="5293989" y="2989985"/>
              <a:chExt cx="906444" cy="457200"/>
            </a:xfrm>
          </p:grpSpPr>
          <p:sp>
            <p:nvSpPr>
              <p:cNvPr id="28" name="TextBox 27"/>
              <p:cNvSpPr txBox="1"/>
              <p:nvPr/>
            </p:nvSpPr>
            <p:spPr>
              <a:xfrm>
                <a:off x="5804988" y="3058863"/>
                <a:ext cx="395445" cy="300083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marL="0" marR="0" lvl="0" indent="0" algn="l" defTabSz="914400" rtl="0" eaLnBrk="0" fontAlgn="base" latinLnBrk="0" hangingPunct="0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2000" b="0" i="1" u="none" strike="noStrike" kern="1200" cap="none" spc="0" normalizeH="0" baseline="0" noProof="0" dirty="0">
                    <a:ln>
                      <a:noFill/>
                    </a:ln>
                    <a:solidFill>
                      <a:srgbClr val="55565A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Sex</a:t>
                </a:r>
              </a:p>
            </p:txBody>
          </p:sp>
          <p:pic>
            <p:nvPicPr>
              <p:cNvPr id="29" name="Picture 28"/>
              <p:cNvPicPr>
                <a:picLocks noChangeAspect="1"/>
              </p:cNvPicPr>
              <p:nvPr/>
            </p:nvPicPr>
            <p:blipFill rotWithShape="1">
              <a:blip r:embed="rId7"/>
              <a:srcRect l="3328" t="4028" r="4480" b="3618"/>
              <a:stretch/>
            </p:blipFill>
            <p:spPr>
              <a:xfrm>
                <a:off x="5293989" y="2989985"/>
                <a:ext cx="458490" cy="457200"/>
              </a:xfrm>
              <a:prstGeom prst="ellipse">
                <a:avLst/>
              </a:prstGeom>
            </p:spPr>
          </p:pic>
        </p:grpSp>
        <p:sp>
          <p:nvSpPr>
            <p:cNvPr id="26" name="TextBox 25"/>
            <p:cNvSpPr txBox="1"/>
            <p:nvPr/>
          </p:nvSpPr>
          <p:spPr>
            <a:xfrm>
              <a:off x="5804988" y="2549426"/>
              <a:ext cx="520287" cy="30008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b="0" i="1" u="none" strike="noStrike" kern="1200" cap="none" spc="0" normalizeH="0" baseline="0" noProof="0" dirty="0">
                  <a:ln>
                    <a:noFill/>
                  </a:ln>
                  <a:solidFill>
                    <a:srgbClr val="7F7F7F">
                      <a:lumMod val="75000"/>
                    </a:srgbClr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Food</a:t>
              </a:r>
            </a:p>
          </p:txBody>
        </p:sp>
      </p:grpSp>
      <p:pic>
        <p:nvPicPr>
          <p:cNvPr id="31" name="Picture 30"/>
          <p:cNvPicPr>
            <a:picLocks noChangeAspect="1"/>
          </p:cNvPicPr>
          <p:nvPr/>
        </p:nvPicPr>
        <p:blipFill>
          <a:blip r:embed="rId8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</a:blip>
          <a:stretch>
            <a:fillRect/>
          </a:stretch>
        </p:blipFill>
        <p:spPr>
          <a:xfrm>
            <a:off x="7495343" y="3435147"/>
            <a:ext cx="643944" cy="60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217814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11945" y="402167"/>
            <a:ext cx="10972800" cy="1143000"/>
          </a:xfrm>
        </p:spPr>
        <p:txBody>
          <a:bodyPr/>
          <a:lstStyle/>
          <a:p>
            <a:r>
              <a:rPr lang="en-US" dirty="0"/>
              <a:t>Examples of CDC’s </a:t>
            </a:r>
            <a:r>
              <a:rPr lang="en-US" dirty="0" smtClean="0"/>
              <a:t>Global </a:t>
            </a:r>
            <a:r>
              <a:rPr lang="en-US" dirty="0"/>
              <a:t>Work to Combat </a:t>
            </a:r>
            <a:r>
              <a:rPr lang="en-US" dirty="0" smtClean="0"/>
              <a:t>AR</a:t>
            </a:r>
            <a:endParaRPr lang="en-US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164" y="1745872"/>
            <a:ext cx="1828800" cy="1828800"/>
          </a:xfrm>
          <a:prstGeom prst="rect">
            <a:avLst/>
          </a:prstGeom>
          <a:ln>
            <a:noFill/>
          </a:ln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2489" y="5285302"/>
            <a:ext cx="1395001" cy="1395001"/>
          </a:xfrm>
          <a:prstGeom prst="rect">
            <a:avLst/>
          </a:prstGeom>
          <a:ln>
            <a:noFill/>
          </a:ln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34455" y="2021569"/>
            <a:ext cx="1790013" cy="1790013"/>
          </a:xfrm>
          <a:prstGeom prst="rect">
            <a:avLst/>
          </a:prstGeom>
          <a:ln>
            <a:noFill/>
          </a:ln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6">
            <a:extLst>
              <a:ext uri="{BEBA8EAE-BF5A-486C-A8C5-ECC9F3942E4B}">
                <a14:imgProps xmlns:a14="http://schemas.microsoft.com/office/drawing/2010/main">
                  <a14:imgLayer r:embed="rId7">
                    <a14:imgEffect>
                      <a14:backgroundRemoval t="3704" b="96667" l="6667" r="95556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15408" y="4012287"/>
            <a:ext cx="1680384" cy="1680384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7524468" y="2222274"/>
            <a:ext cx="4242816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02060"/>
                </a:solidFill>
                <a:latin typeface="Calibri" panose="020F0502020204030204" pitchFamily="34" charset="0"/>
              </a:rPr>
              <a:t>First National TB Program in China</a:t>
            </a:r>
          </a:p>
          <a:p>
            <a:pPr marL="285750" indent="-285750">
              <a:buClr>
                <a:srgbClr val="005DAA"/>
              </a:buClr>
              <a:buFont typeface="Wingdings" panose="05000000000000000000" pitchFamily="2" charset="2"/>
              <a:buChar char="§"/>
            </a:pPr>
            <a:r>
              <a:rPr lang="en-US" sz="16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Strengthening the Chinese TB surveillance system and collaborating on lab quality assurance programs</a:t>
            </a:r>
          </a:p>
          <a:p>
            <a:endParaRPr lang="en-US" dirty="0" smtClean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1492582" y="5402869"/>
            <a:ext cx="4242816" cy="86177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srgbClr val="002060"/>
                </a:solidFill>
                <a:latin typeface="Calibri" panose="020F0502020204030204" pitchFamily="34" charset="0"/>
              </a:rPr>
              <a:t>Improving TB Diagnostics in Mexico</a:t>
            </a:r>
          </a:p>
          <a:p>
            <a:pPr marL="285750" indent="-285750">
              <a:buClr>
                <a:srgbClr val="005DAA"/>
              </a:buClr>
              <a:buFont typeface="Wingdings" panose="05000000000000000000" pitchFamily="2" charset="2"/>
              <a:buChar char="§"/>
            </a:pPr>
            <a:r>
              <a:rPr lang="en-US" sz="1600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Linking patients diagnosed with TB to care and treatment</a:t>
            </a:r>
            <a:endParaRPr lang="en-US" sz="1600" dirty="0" smtClean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7524468" y="3807974"/>
            <a:ext cx="4242816" cy="233910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1219170" fontAlgn="ctr">
              <a:buClr>
                <a:srgbClr val="005DAA"/>
              </a:buClr>
              <a:defRPr/>
            </a:pPr>
            <a:r>
              <a:rPr lang="en-US" b="1" dirty="0">
                <a:solidFill>
                  <a:srgbClr val="002060"/>
                </a:solidFill>
                <a:latin typeface="Calibri" panose="020F0502020204030204" pitchFamily="34" charset="0"/>
              </a:rPr>
              <a:t>Strengthening </a:t>
            </a:r>
            <a:r>
              <a:rPr lang="en-US" b="1" dirty="0" smtClean="0">
                <a:solidFill>
                  <a:srgbClr val="002060"/>
                </a:solidFill>
                <a:latin typeface="Calibri" panose="020F0502020204030204" pitchFamily="34" charset="0"/>
              </a:rPr>
              <a:t>HAI/AR Programs in </a:t>
            </a:r>
            <a:r>
              <a:rPr lang="en-US" b="1" dirty="0">
                <a:solidFill>
                  <a:srgbClr val="002060"/>
                </a:solidFill>
                <a:latin typeface="Calibri" panose="020F0502020204030204" pitchFamily="34" charset="0"/>
              </a:rPr>
              <a:t>India</a:t>
            </a:r>
          </a:p>
          <a:p>
            <a:pPr marL="342900" indent="-342900" defTabSz="1219170" fontAlgn="ctr">
              <a:buClr>
                <a:srgbClr val="005DAA"/>
              </a:buClr>
              <a:buFont typeface="Wingdings" panose="05000000000000000000" pitchFamily="2" charset="2"/>
              <a:buChar char="§"/>
              <a:defRPr/>
            </a:pPr>
            <a:r>
              <a:rPr lang="en-US" sz="1600" b="1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Implementing </a:t>
            </a:r>
            <a:r>
              <a:rPr lang="en-US" sz="1600" b="1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HAI and AR surveillance </a:t>
            </a:r>
            <a:r>
              <a:rPr lang="en-US" sz="16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in 30+ sites across </a:t>
            </a:r>
            <a:r>
              <a:rPr lang="en-US" sz="1600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country to better understand AR burden</a:t>
            </a:r>
            <a:endParaRPr lang="en-US" sz="1600" dirty="0">
              <a:solidFill>
                <a:schemeClr val="accent4">
                  <a:lumMod val="75000"/>
                </a:schemeClr>
              </a:solidFill>
              <a:latin typeface="Calibri" panose="020F0502020204030204" pitchFamily="34" charset="0"/>
            </a:endParaRPr>
          </a:p>
          <a:p>
            <a:pPr marL="342900" indent="-342900" defTabSz="1219170" fontAlgn="ctr">
              <a:buClr>
                <a:srgbClr val="005DAA"/>
              </a:buClr>
              <a:buFont typeface="Wingdings" panose="05000000000000000000" pitchFamily="2" charset="2"/>
              <a:buChar char="§"/>
              <a:defRPr/>
            </a:pPr>
            <a:r>
              <a:rPr lang="en-US" sz="1600" b="1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Initiating </a:t>
            </a:r>
            <a:r>
              <a:rPr lang="en-US" sz="1600" b="1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programs</a:t>
            </a:r>
            <a:r>
              <a:rPr lang="en-US" sz="16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 to prevent </a:t>
            </a:r>
            <a:r>
              <a:rPr lang="en-US" sz="1600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and reduce central </a:t>
            </a:r>
            <a:r>
              <a:rPr lang="en-US" sz="16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line associated bloodstream </a:t>
            </a:r>
            <a:r>
              <a:rPr lang="en-US" sz="1600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infections </a:t>
            </a:r>
          </a:p>
          <a:p>
            <a:pPr marL="342900" indent="-342900" defTabSz="1219170" fontAlgn="ctr">
              <a:buClr>
                <a:srgbClr val="005DAA"/>
              </a:buClr>
              <a:buFont typeface="Wingdings" panose="05000000000000000000" pitchFamily="2" charset="2"/>
              <a:buChar char="§"/>
              <a:defRPr/>
            </a:pPr>
            <a:r>
              <a:rPr lang="en-US" sz="1600" b="1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Assessing </a:t>
            </a:r>
            <a:r>
              <a:rPr lang="en-US" sz="1600" b="1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stewardship</a:t>
            </a:r>
            <a:r>
              <a:rPr lang="en-US" sz="16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en-US" sz="1600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programs to improve antibiotic use</a:t>
            </a:r>
            <a:endParaRPr lang="en-US" sz="1600" dirty="0">
              <a:solidFill>
                <a:schemeClr val="accent4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2" name="TextBox 11"/>
          <p:cNvSpPr txBox="1"/>
          <p:nvPr/>
        </p:nvSpPr>
        <p:spPr>
          <a:xfrm>
            <a:off x="1492583" y="1745872"/>
            <a:ext cx="4241872" cy="36625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1219170">
              <a:buClr>
                <a:srgbClr val="005DAA"/>
              </a:buClr>
              <a:defRPr/>
            </a:pPr>
            <a:r>
              <a:rPr lang="en-US" b="1" dirty="0" smtClean="0">
                <a:solidFill>
                  <a:srgbClr val="002060"/>
                </a:solidFill>
                <a:latin typeface="Calibri" panose="020F0502020204030204" pitchFamily="34" charset="0"/>
              </a:rPr>
              <a:t>Innovation &amp; Infection Control in </a:t>
            </a:r>
            <a:r>
              <a:rPr lang="en-US" b="1" dirty="0">
                <a:solidFill>
                  <a:srgbClr val="002060"/>
                </a:solidFill>
                <a:latin typeface="Calibri" panose="020F0502020204030204" pitchFamily="34" charset="0"/>
              </a:rPr>
              <a:t>Vietnam</a:t>
            </a:r>
          </a:p>
          <a:p>
            <a:pPr marL="342900" lvl="0" indent="-342900" defTabSz="1219170">
              <a:buClr>
                <a:srgbClr val="005DAA"/>
              </a:buClr>
              <a:buFont typeface="Wingdings" panose="05000000000000000000" pitchFamily="2" charset="2"/>
              <a:buChar char="§"/>
              <a:defRPr/>
            </a:pPr>
            <a:r>
              <a:rPr lang="en-US" sz="1600" b="1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Piloting </a:t>
            </a:r>
            <a:r>
              <a:rPr lang="en-US" sz="1600" b="1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shorter-course preventive therapy </a:t>
            </a:r>
            <a:r>
              <a:rPr lang="en-US" sz="16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to reduce TB disease and slow development of resistant </a:t>
            </a:r>
            <a:r>
              <a:rPr lang="en-US" sz="1600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TB</a:t>
            </a:r>
          </a:p>
          <a:p>
            <a:pPr marL="342900" lvl="0" indent="-342900" defTabSz="1219170">
              <a:buClr>
                <a:srgbClr val="005DAA"/>
              </a:buClr>
              <a:buFont typeface="Wingdings" panose="05000000000000000000" pitchFamily="2" charset="2"/>
              <a:buChar char="§"/>
              <a:defRPr/>
            </a:pPr>
            <a:r>
              <a:rPr lang="en-US" sz="1600" b="1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Studying </a:t>
            </a:r>
            <a:r>
              <a:rPr lang="en-US" sz="1600" b="1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latent TB </a:t>
            </a:r>
            <a:r>
              <a:rPr lang="en-US" sz="16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management by offering testing and treatment before traveling to the United States. </a:t>
            </a:r>
          </a:p>
          <a:p>
            <a:pPr marL="342900" indent="-342900" defTabSz="1219170">
              <a:buClr>
                <a:srgbClr val="005DAA"/>
              </a:buClr>
              <a:buFont typeface="Wingdings" panose="05000000000000000000" pitchFamily="2" charset="2"/>
              <a:buChar char="§"/>
              <a:defRPr/>
            </a:pPr>
            <a:r>
              <a:rPr lang="en-US" sz="1600" b="1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Establishing </a:t>
            </a:r>
            <a:r>
              <a:rPr lang="en-US" sz="1600" b="1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national</a:t>
            </a:r>
            <a:r>
              <a:rPr lang="en-US" sz="16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en-US" sz="1600" b="1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AR and HAI surveillance </a:t>
            </a:r>
            <a:r>
              <a:rPr lang="en-US" sz="16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network of 16 </a:t>
            </a:r>
            <a:r>
              <a:rPr lang="en-US" sz="1600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sites to generate critical data</a:t>
            </a:r>
            <a:endParaRPr lang="en-US" sz="1600" dirty="0">
              <a:solidFill>
                <a:schemeClr val="accent4">
                  <a:lumMod val="75000"/>
                </a:schemeClr>
              </a:solidFill>
              <a:latin typeface="Calibri" panose="020F0502020204030204" pitchFamily="34" charset="0"/>
            </a:endParaRPr>
          </a:p>
          <a:p>
            <a:pPr marL="342900" indent="-342900" defTabSz="1219170">
              <a:buClr>
                <a:srgbClr val="005DAA"/>
              </a:buClr>
              <a:buFont typeface="Wingdings" panose="05000000000000000000" pitchFamily="2" charset="2"/>
              <a:buChar char="§"/>
              <a:defRPr/>
            </a:pPr>
            <a:r>
              <a:rPr lang="en-US" sz="1600" b="1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Developing </a:t>
            </a:r>
            <a:r>
              <a:rPr lang="en-US" sz="1600" b="1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national infection control </a:t>
            </a:r>
            <a:r>
              <a:rPr lang="en-US" sz="16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expertise through </a:t>
            </a:r>
            <a:r>
              <a:rPr lang="en-US" sz="1600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a </a:t>
            </a:r>
            <a:r>
              <a:rPr lang="en-US" sz="16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national Technical Advisory </a:t>
            </a:r>
            <a:r>
              <a:rPr lang="en-US" sz="1600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Group</a:t>
            </a:r>
            <a:r>
              <a:rPr lang="en-US" sz="1600" dirty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 </a:t>
            </a:r>
            <a:r>
              <a:rPr lang="en-US" sz="1600" dirty="0" smtClean="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</a:rPr>
              <a:t>to reduce HAIs and improve containment</a:t>
            </a:r>
            <a:endParaRPr lang="en-US" sz="1600" dirty="0">
              <a:solidFill>
                <a:schemeClr val="accent4">
                  <a:lumMod val="75000"/>
                </a:schemeClr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27694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entagon 8"/>
          <p:cNvSpPr/>
          <p:nvPr/>
        </p:nvSpPr>
        <p:spPr>
          <a:xfrm>
            <a:off x="-315256" y="2051279"/>
            <a:ext cx="1444978" cy="496711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Myriad Web Pro"/>
              <a:ea typeface="+mn-ea"/>
              <a:cs typeface="+mn-cs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54229" y="6356"/>
            <a:ext cx="10972800" cy="1143000"/>
          </a:xfrm>
        </p:spPr>
        <p:txBody>
          <a:bodyPr/>
          <a:lstStyle/>
          <a:p>
            <a:r>
              <a:rPr lang="en-US" dirty="0" smtClean="0"/>
              <a:t>Transformative Investments to Combat AMR</a:t>
            </a:r>
            <a:endParaRPr lang="en-US" dirty="0"/>
          </a:p>
        </p:txBody>
      </p:sp>
      <p:pic>
        <p:nvPicPr>
          <p:cNvPr id="7" name="Picture 6"/>
          <p:cNvPicPr/>
          <p:nvPr/>
        </p:nvPicPr>
        <p:blipFill rotWithShape="1">
          <a:blip r:embed="rId3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0" b="100000" l="0" r="100000">
                        <a14:foregroundMark x1="50000" y1="11818" x2="50000" y2="11818"/>
                        <a14:foregroundMark x1="26415" y1="21818" x2="26415" y2="21818"/>
                        <a14:foregroundMark x1="54717" y1="80909" x2="54717" y2="80909"/>
                        <a14:foregroundMark x1="47170" y1="70909" x2="47170" y2="70909"/>
                        <a14:foregroundMark x1="47170" y1="42727" x2="47170" y2="42727"/>
                        <a14:foregroundMark x1="76415" y1="56364" x2="76415" y2="56364"/>
                        <a14:backgroundMark x1="66038" y1="9091" x2="66038" y2="9091"/>
                        <a14:backgroundMark x1="55660" y1="29091" x2="55660" y2="29091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b="11022"/>
          <a:stretch/>
        </p:blipFill>
        <p:spPr>
          <a:xfrm>
            <a:off x="10063597" y="5958361"/>
            <a:ext cx="789430" cy="731184"/>
          </a:xfrm>
          <a:prstGeom prst="rect">
            <a:avLst/>
          </a:prstGeom>
        </p:spPr>
      </p:pic>
      <p:pic>
        <p:nvPicPr>
          <p:cNvPr id="46" name="Picture 45"/>
          <p:cNvPicPr/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58113" y="5985994"/>
            <a:ext cx="1608669" cy="735023"/>
          </a:xfrm>
          <a:prstGeom prst="rect">
            <a:avLst/>
          </a:prstGeom>
        </p:spPr>
      </p:pic>
      <p:grpSp>
        <p:nvGrpSpPr>
          <p:cNvPr id="25" name="Group 24"/>
          <p:cNvGrpSpPr/>
          <p:nvPr/>
        </p:nvGrpSpPr>
        <p:grpSpPr>
          <a:xfrm>
            <a:off x="6894041" y="6001282"/>
            <a:ext cx="1960044" cy="704447"/>
            <a:chOff x="0" y="77168"/>
            <a:chExt cx="1638886" cy="589042"/>
          </a:xfrm>
        </p:grpSpPr>
        <p:pic>
          <p:nvPicPr>
            <p:cNvPr id="32" name="Picture 31"/>
            <p:cNvPicPr>
              <a:picLocks noChangeAspect="1"/>
            </p:cNvPicPr>
            <p:nvPr/>
          </p:nvPicPr>
          <p:blipFill rotWithShape="1">
            <a:blip r:embed="rId6" cstate="print">
              <a:lum bright="70000" contrast="-70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2873" t="6098" r="14147"/>
            <a:stretch/>
          </p:blipFill>
          <p:spPr bwMode="auto">
            <a:xfrm>
              <a:off x="0" y="77168"/>
              <a:ext cx="548640" cy="363855"/>
            </a:xfrm>
            <a:prstGeom prst="rect">
              <a:avLst/>
            </a:prstGeom>
            <a:ln>
              <a:noFill/>
            </a:ln>
            <a:extLst>
              <a:ext uri="{53640926-AAD7-44D8-BBD7-CCE9431645EC}">
                <a14:shadowObscured xmlns:a14="http://schemas.microsoft.com/office/drawing/2010/main"/>
              </a:ext>
            </a:extLst>
          </p:spPr>
        </p:pic>
        <p:pic>
          <p:nvPicPr>
            <p:cNvPr id="33" name="Picture 32"/>
            <p:cNvPicPr>
              <a:picLocks noChangeAspect="1"/>
            </p:cNvPicPr>
            <p:nvPr/>
          </p:nvPicPr>
          <p:blipFill rotWithShape="1">
            <a:blip r:embed="rId6" cstate="print">
              <a:lum bright="70000" contrast="-70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2873" t="6098" r="14147"/>
            <a:stretch/>
          </p:blipFill>
          <p:spPr bwMode="auto">
            <a:xfrm>
              <a:off x="562707" y="117231"/>
              <a:ext cx="548640" cy="363855"/>
            </a:xfrm>
            <a:prstGeom prst="rect">
              <a:avLst/>
            </a:prstGeom>
            <a:ln>
              <a:noFill/>
            </a:ln>
            <a:extLst>
              <a:ext uri="{53640926-AAD7-44D8-BBD7-CCE9431645EC}">
                <a14:shadowObscured xmlns:a14="http://schemas.microsoft.com/office/drawing/2010/main"/>
              </a:ext>
            </a:extLst>
          </p:spPr>
        </p:pic>
        <p:pic>
          <p:nvPicPr>
            <p:cNvPr id="34" name="Picture 33"/>
            <p:cNvPicPr>
              <a:picLocks noChangeAspect="1"/>
            </p:cNvPicPr>
            <p:nvPr/>
          </p:nvPicPr>
          <p:blipFill rotWithShape="1">
            <a:blip r:embed="rId6" cstate="print">
              <a:lum bright="70000" contrast="-70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2873" t="6098" r="14147"/>
            <a:stretch/>
          </p:blipFill>
          <p:spPr bwMode="auto">
            <a:xfrm>
              <a:off x="1078523" y="77168"/>
              <a:ext cx="548640" cy="363855"/>
            </a:xfrm>
            <a:prstGeom prst="rect">
              <a:avLst/>
            </a:prstGeom>
            <a:ln>
              <a:noFill/>
            </a:ln>
            <a:extLst>
              <a:ext uri="{53640926-AAD7-44D8-BBD7-CCE9431645EC}">
                <a14:shadowObscured xmlns:a14="http://schemas.microsoft.com/office/drawing/2010/main"/>
              </a:ext>
            </a:extLst>
          </p:spPr>
        </p:pic>
        <p:cxnSp>
          <p:nvCxnSpPr>
            <p:cNvPr id="35" name="Straight Arrow Connector 34"/>
            <p:cNvCxnSpPr/>
            <p:nvPr/>
          </p:nvCxnSpPr>
          <p:spPr>
            <a:xfrm flipH="1" flipV="1">
              <a:off x="586153" y="146538"/>
              <a:ext cx="185057" cy="283028"/>
            </a:xfrm>
            <a:prstGeom prst="straightConnector1">
              <a:avLst/>
            </a:prstGeom>
            <a:noFill/>
            <a:ln w="19050" cap="flat" cmpd="sng" algn="ctr">
              <a:solidFill>
                <a:srgbClr val="FFC000"/>
              </a:solidFill>
              <a:prstDash val="sysDash"/>
              <a:miter lim="800000"/>
              <a:headEnd type="none" w="med" len="med"/>
              <a:tailEnd type="arrow" w="med" len="med"/>
            </a:ln>
            <a:effectLst/>
          </p:spPr>
        </p:cxnSp>
        <p:cxnSp>
          <p:nvCxnSpPr>
            <p:cNvPr id="36" name="Straight Arrow Connector 35"/>
            <p:cNvCxnSpPr/>
            <p:nvPr/>
          </p:nvCxnSpPr>
          <p:spPr>
            <a:xfrm flipV="1">
              <a:off x="791307" y="199292"/>
              <a:ext cx="114300" cy="228328"/>
            </a:xfrm>
            <a:prstGeom prst="straightConnector1">
              <a:avLst/>
            </a:prstGeom>
            <a:noFill/>
            <a:ln w="19050" cap="flat" cmpd="sng" algn="ctr">
              <a:solidFill>
                <a:srgbClr val="FFC000"/>
              </a:solidFill>
              <a:prstDash val="sysDash"/>
              <a:miter lim="800000"/>
              <a:headEnd type="none" w="med" len="med"/>
              <a:tailEnd type="arrow" w="med" len="med"/>
            </a:ln>
            <a:effectLst/>
          </p:spPr>
        </p:cxnSp>
        <p:cxnSp>
          <p:nvCxnSpPr>
            <p:cNvPr id="37" name="Straight Arrow Connector 36"/>
            <p:cNvCxnSpPr/>
            <p:nvPr/>
          </p:nvCxnSpPr>
          <p:spPr>
            <a:xfrm flipH="1">
              <a:off x="550984" y="445477"/>
              <a:ext cx="234043" cy="114753"/>
            </a:xfrm>
            <a:prstGeom prst="straightConnector1">
              <a:avLst/>
            </a:prstGeom>
            <a:noFill/>
            <a:ln w="19050" cap="flat" cmpd="sng" algn="ctr">
              <a:solidFill>
                <a:srgbClr val="FFC000"/>
              </a:solidFill>
              <a:prstDash val="sysDash"/>
              <a:miter lim="800000"/>
              <a:headEnd type="none" w="med" len="med"/>
              <a:tailEnd type="arrow" w="med" len="med"/>
            </a:ln>
            <a:effectLst/>
          </p:spPr>
        </p:cxnSp>
        <p:cxnSp>
          <p:nvCxnSpPr>
            <p:cNvPr id="38" name="Straight Arrow Connector 37"/>
            <p:cNvCxnSpPr/>
            <p:nvPr/>
          </p:nvCxnSpPr>
          <p:spPr>
            <a:xfrm>
              <a:off x="797169" y="451338"/>
              <a:ext cx="293824" cy="110399"/>
            </a:xfrm>
            <a:prstGeom prst="straightConnector1">
              <a:avLst/>
            </a:prstGeom>
            <a:noFill/>
            <a:ln w="19050" cap="flat" cmpd="sng" algn="ctr">
              <a:solidFill>
                <a:srgbClr val="FFC000"/>
              </a:solidFill>
              <a:prstDash val="sysDash"/>
              <a:miter lim="800000"/>
              <a:headEnd type="none" w="med" len="med"/>
              <a:tailEnd type="arrow" w="med" len="med"/>
            </a:ln>
            <a:effectLst/>
          </p:spPr>
        </p:cxnSp>
        <p:pic>
          <p:nvPicPr>
            <p:cNvPr id="39" name="Picture 38"/>
            <p:cNvPicPr>
              <a:picLocks noChangeAspect="1"/>
            </p:cNvPicPr>
            <p:nvPr/>
          </p:nvPicPr>
          <p:blipFill rotWithShape="1"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2873" t="6098" r="14147"/>
            <a:stretch/>
          </p:blipFill>
          <p:spPr bwMode="auto">
            <a:xfrm>
              <a:off x="1090246" y="302355"/>
              <a:ext cx="548640" cy="363855"/>
            </a:xfrm>
            <a:prstGeom prst="rect">
              <a:avLst/>
            </a:prstGeom>
            <a:ln>
              <a:noFill/>
            </a:ln>
            <a:extLst>
              <a:ext uri="{53640926-AAD7-44D8-BBD7-CCE9431645EC}">
                <a14:shadowObscured xmlns:a14="http://schemas.microsoft.com/office/drawing/2010/main"/>
              </a:ext>
            </a:extLst>
          </p:spPr>
        </p:pic>
        <p:cxnSp>
          <p:nvCxnSpPr>
            <p:cNvPr id="40" name="Straight Arrow Connector 39"/>
            <p:cNvCxnSpPr/>
            <p:nvPr/>
          </p:nvCxnSpPr>
          <p:spPr>
            <a:xfrm flipV="1">
              <a:off x="791307" y="252046"/>
              <a:ext cx="391886" cy="189865"/>
            </a:xfrm>
            <a:prstGeom prst="straightConnector1">
              <a:avLst/>
            </a:prstGeom>
            <a:noFill/>
            <a:ln w="19050" cap="flat" cmpd="sng" algn="ctr">
              <a:solidFill>
                <a:srgbClr val="FFC000"/>
              </a:solidFill>
              <a:prstDash val="sysDash"/>
              <a:miter lim="800000"/>
              <a:headEnd type="none" w="med" len="med"/>
              <a:tailEnd type="arrow" w="med" len="med"/>
            </a:ln>
            <a:effectLst/>
          </p:spPr>
        </p:cxnSp>
        <p:pic>
          <p:nvPicPr>
            <p:cNvPr id="41" name="Picture 40"/>
            <p:cNvPicPr>
              <a:picLocks noChangeAspect="1"/>
            </p:cNvPicPr>
            <p:nvPr/>
          </p:nvPicPr>
          <p:blipFill rotWithShape="1"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2873" t="6098" r="14147"/>
            <a:stretch/>
          </p:blipFill>
          <p:spPr bwMode="auto">
            <a:xfrm>
              <a:off x="0" y="302355"/>
              <a:ext cx="548640" cy="363855"/>
            </a:xfrm>
            <a:prstGeom prst="rect">
              <a:avLst/>
            </a:prstGeom>
            <a:ln>
              <a:noFill/>
            </a:ln>
            <a:extLst>
              <a:ext uri="{53640926-AAD7-44D8-BBD7-CCE9431645EC}">
                <a14:shadowObscured xmlns:a14="http://schemas.microsoft.com/office/drawing/2010/main"/>
              </a:ext>
            </a:extLst>
          </p:spPr>
        </p:pic>
      </p:grpSp>
      <p:sp>
        <p:nvSpPr>
          <p:cNvPr id="61" name="Pentagon 60"/>
          <p:cNvSpPr/>
          <p:nvPr/>
        </p:nvSpPr>
        <p:spPr>
          <a:xfrm rot="5400000">
            <a:off x="1309559" y="3387314"/>
            <a:ext cx="2505776" cy="2630975"/>
          </a:xfrm>
          <a:prstGeom prst="homePlate">
            <a:avLst>
              <a:gd name="adj" fmla="val 19067"/>
            </a:avLst>
          </a:prstGeom>
          <a:solidFill>
            <a:schemeClr val="tx2">
              <a:lumMod val="85000"/>
            </a:schemeClr>
          </a:solidFill>
          <a:ln w="76200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Myriad Web Pro"/>
              <a:ea typeface="+mn-ea"/>
              <a:cs typeface="+mn-cs"/>
            </a:endParaRPr>
          </a:p>
        </p:txBody>
      </p:sp>
      <p:sp>
        <p:nvSpPr>
          <p:cNvPr id="56" name="Pentagon 55"/>
          <p:cNvSpPr/>
          <p:nvPr/>
        </p:nvSpPr>
        <p:spPr>
          <a:xfrm rot="5400000">
            <a:off x="1309559" y="1406112"/>
            <a:ext cx="2505776" cy="2630975"/>
          </a:xfrm>
          <a:prstGeom prst="homePlate">
            <a:avLst>
              <a:gd name="adj" fmla="val 19067"/>
            </a:avLst>
          </a:prstGeom>
          <a:solidFill>
            <a:schemeClr val="tx2">
              <a:lumMod val="95000"/>
            </a:schemeClr>
          </a:solidFill>
          <a:ln w="76200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Myriad Web Pro"/>
              <a:ea typeface="+mn-ea"/>
              <a:cs typeface="+mn-cs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1310721" y="1623970"/>
            <a:ext cx="2503453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marR="0" lvl="0" indent="-28575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w state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aboratories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an detect CRE</a:t>
            </a:r>
          </a:p>
          <a:p>
            <a:pPr marL="285750" marR="0" lvl="0" indent="-28575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DC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ational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ference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aboratory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285750" marR="0" lvl="0" indent="-28575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ate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ction of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hreats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pic>
        <p:nvPicPr>
          <p:cNvPr id="47" name="Picture 46"/>
          <p:cNvPicPr/>
          <p:nvPr/>
        </p:nvPicPr>
        <p:blipFill rotWithShape="1">
          <a:blip r:embed="rId7" cstate="print">
            <a:duotone>
              <a:prstClr val="black"/>
              <a:schemeClr val="accent1">
                <a:tint val="45000"/>
                <a:satMod val="400000"/>
              </a:schemeClr>
            </a:duotone>
            <a:extLst>
              <a:ext uri="{BEBA8EAE-BF5A-486C-A8C5-ECC9F3942E4B}">
                <a14:imgProps xmlns:a14="http://schemas.microsoft.com/office/drawing/2010/main">
                  <a14:imgLayer r:embed="rId8">
                    <a14:imgEffect>
                      <a14:backgroundRemoval t="50182" b="100000" l="1235" r="41358">
                        <a14:foregroundMark x1="23148" y1="91273" x2="23148" y2="91273"/>
                        <a14:foregroundMark x1="23765" y1="86545" x2="23765" y2="86545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1250" t="52265" r="58309" b="-85"/>
          <a:stretch/>
        </p:blipFill>
        <p:spPr>
          <a:xfrm>
            <a:off x="2240678" y="3063212"/>
            <a:ext cx="643539" cy="730822"/>
          </a:xfrm>
          <a:prstGeom prst="ellipse">
            <a:avLst/>
          </a:prstGeom>
          <a:ln>
            <a:noFill/>
          </a:ln>
        </p:spPr>
      </p:pic>
      <p:sp>
        <p:nvSpPr>
          <p:cNvPr id="62" name="TextBox 61"/>
          <p:cNvSpPr txBox="1"/>
          <p:nvPr/>
        </p:nvSpPr>
        <p:spPr>
          <a:xfrm>
            <a:off x="1311508" y="4007633"/>
            <a:ext cx="2503453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marR="0" lvl="0" indent="-28575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ll states, 5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arge cities, &amp; PR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ct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ocal CRE</a:t>
            </a:r>
          </a:p>
          <a:p>
            <a:pPr marL="285750" marR="0" lvl="0" indent="-28575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DC, regional labs, TB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enters test</a:t>
            </a:r>
            <a:r>
              <a:rPr kumimoji="0" lang="en-US" sz="1600" b="0" i="0" u="none" strike="noStrike" kern="1200" cap="none" spc="0" normalizeH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and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track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285750" marR="0" lvl="0" indent="-28575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outinely detect</a:t>
            </a:r>
            <a:r>
              <a:rPr kumimoji="0" lang="en-US" sz="1600" b="0" i="0" u="none" strike="noStrike" kern="1200" cap="none" spc="0" normalizeH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MR 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285750" marR="0" lvl="0" indent="-28575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67" name="Pentagon 66"/>
          <p:cNvSpPr/>
          <p:nvPr/>
        </p:nvSpPr>
        <p:spPr>
          <a:xfrm rot="5400000">
            <a:off x="3922519" y="3387314"/>
            <a:ext cx="2505776" cy="2630975"/>
          </a:xfrm>
          <a:prstGeom prst="homePlate">
            <a:avLst>
              <a:gd name="adj" fmla="val 19067"/>
            </a:avLst>
          </a:prstGeom>
          <a:solidFill>
            <a:schemeClr val="tx2">
              <a:lumMod val="85000"/>
            </a:schemeClr>
          </a:solidFill>
          <a:ln w="76200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Myriad Web Pro"/>
              <a:ea typeface="+mn-ea"/>
              <a:cs typeface="+mn-cs"/>
            </a:endParaRPr>
          </a:p>
        </p:txBody>
      </p:sp>
      <p:sp>
        <p:nvSpPr>
          <p:cNvPr id="68" name="Pentagon 67"/>
          <p:cNvSpPr/>
          <p:nvPr/>
        </p:nvSpPr>
        <p:spPr>
          <a:xfrm rot="5400000">
            <a:off x="3922519" y="1406112"/>
            <a:ext cx="2505776" cy="2630975"/>
          </a:xfrm>
          <a:prstGeom prst="homePlate">
            <a:avLst>
              <a:gd name="adj" fmla="val 19067"/>
            </a:avLst>
          </a:prstGeom>
          <a:solidFill>
            <a:schemeClr val="tx2">
              <a:lumMod val="95000"/>
            </a:schemeClr>
          </a:solidFill>
          <a:ln w="76200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Myriad Web Pro"/>
              <a:ea typeface="+mn-ea"/>
              <a:cs typeface="+mn-cs"/>
            </a:endParaRPr>
          </a:p>
        </p:txBody>
      </p:sp>
      <p:sp>
        <p:nvSpPr>
          <p:cNvPr id="69" name="TextBox 68"/>
          <p:cNvSpPr txBox="1"/>
          <p:nvPr/>
        </p:nvSpPr>
        <p:spPr>
          <a:xfrm>
            <a:off x="3991415" y="1623970"/>
            <a:ext cx="2503453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marR="0" lvl="0" indent="-28575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w states have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MR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xperts for outbreaks, infection control</a:t>
            </a:r>
          </a:p>
          <a:p>
            <a:pPr marL="285750" marR="0" lvl="0" indent="-28575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RE outbreaks go undetected</a:t>
            </a:r>
          </a:p>
        </p:txBody>
      </p:sp>
      <p:sp>
        <p:nvSpPr>
          <p:cNvPr id="70" name="TextBox 69"/>
          <p:cNvSpPr txBox="1"/>
          <p:nvPr/>
        </p:nvSpPr>
        <p:spPr>
          <a:xfrm>
            <a:off x="3991415" y="4007633"/>
            <a:ext cx="2503453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marR="0" lvl="0" indent="-28575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ll states, 6 large cities, &amp; PR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have dedicated AMR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ff</a:t>
            </a:r>
          </a:p>
          <a:p>
            <a:pPr marL="285750" marR="0" lvl="0" indent="-28575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ramatic improvement in response to CRE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utbreaks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pic>
        <p:nvPicPr>
          <p:cNvPr id="42" name="Picture 41"/>
          <p:cNvPicPr/>
          <p:nvPr/>
        </p:nvPicPr>
        <p:blipFill rotWithShape="1">
          <a:blip r:embed="rId9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0304" t="73570" r="1738" b="3674"/>
          <a:stretch/>
        </p:blipFill>
        <p:spPr>
          <a:xfrm>
            <a:off x="4882561" y="3161364"/>
            <a:ext cx="585691" cy="585691"/>
          </a:xfrm>
          <a:prstGeom prst="rect">
            <a:avLst/>
          </a:prstGeom>
        </p:spPr>
      </p:pic>
      <p:pic>
        <p:nvPicPr>
          <p:cNvPr id="71" name="Picture 70"/>
          <p:cNvPicPr/>
          <p:nvPr/>
        </p:nvPicPr>
        <p:blipFill rotWithShape="1">
          <a:blip r:embed="rId9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0304" t="73570" r="1738" b="3674"/>
          <a:stretch/>
        </p:blipFill>
        <p:spPr>
          <a:xfrm>
            <a:off x="5492640" y="6060660"/>
            <a:ext cx="585691" cy="585691"/>
          </a:xfrm>
          <a:prstGeom prst="rect">
            <a:avLst/>
          </a:prstGeom>
        </p:spPr>
      </p:pic>
      <p:pic>
        <p:nvPicPr>
          <p:cNvPr id="72" name="Picture 71"/>
          <p:cNvPicPr/>
          <p:nvPr/>
        </p:nvPicPr>
        <p:blipFill rotWithShape="1">
          <a:blip r:embed="rId9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0304" t="73570" r="1738" b="3674"/>
          <a:stretch/>
        </p:blipFill>
        <p:spPr>
          <a:xfrm>
            <a:off x="4892664" y="6060660"/>
            <a:ext cx="585691" cy="585691"/>
          </a:xfrm>
          <a:prstGeom prst="rect">
            <a:avLst/>
          </a:prstGeom>
        </p:spPr>
      </p:pic>
      <p:pic>
        <p:nvPicPr>
          <p:cNvPr id="73" name="Picture 72"/>
          <p:cNvPicPr/>
          <p:nvPr/>
        </p:nvPicPr>
        <p:blipFill rotWithShape="1">
          <a:blip r:embed="rId9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0304" t="73570" r="1738" b="3674"/>
          <a:stretch/>
        </p:blipFill>
        <p:spPr>
          <a:xfrm>
            <a:off x="4296870" y="6060660"/>
            <a:ext cx="585691" cy="585691"/>
          </a:xfrm>
          <a:prstGeom prst="rect">
            <a:avLst/>
          </a:prstGeom>
        </p:spPr>
      </p:pic>
      <p:sp>
        <p:nvSpPr>
          <p:cNvPr id="75" name="Pentagon 74"/>
          <p:cNvSpPr/>
          <p:nvPr/>
        </p:nvSpPr>
        <p:spPr>
          <a:xfrm rot="5400000">
            <a:off x="6545322" y="3387314"/>
            <a:ext cx="2505776" cy="2630975"/>
          </a:xfrm>
          <a:prstGeom prst="homePlate">
            <a:avLst>
              <a:gd name="adj" fmla="val 19067"/>
            </a:avLst>
          </a:prstGeom>
          <a:solidFill>
            <a:schemeClr val="tx2">
              <a:lumMod val="85000"/>
            </a:schemeClr>
          </a:solidFill>
          <a:ln w="76200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Myriad Web Pro"/>
              <a:ea typeface="+mn-ea"/>
              <a:cs typeface="+mn-cs"/>
            </a:endParaRPr>
          </a:p>
        </p:txBody>
      </p:sp>
      <p:sp>
        <p:nvSpPr>
          <p:cNvPr id="76" name="Pentagon 75"/>
          <p:cNvSpPr/>
          <p:nvPr/>
        </p:nvSpPr>
        <p:spPr>
          <a:xfrm rot="5400000">
            <a:off x="6545322" y="1406112"/>
            <a:ext cx="2505776" cy="2630975"/>
          </a:xfrm>
          <a:prstGeom prst="homePlate">
            <a:avLst>
              <a:gd name="adj" fmla="val 19067"/>
            </a:avLst>
          </a:prstGeom>
          <a:solidFill>
            <a:schemeClr val="tx2">
              <a:lumMod val="95000"/>
            </a:schemeClr>
          </a:solidFill>
          <a:ln w="76200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Myriad Web Pro"/>
              <a:ea typeface="+mn-ea"/>
              <a:cs typeface="+mn-cs"/>
            </a:endParaRPr>
          </a:p>
        </p:txBody>
      </p:sp>
      <p:sp>
        <p:nvSpPr>
          <p:cNvPr id="77" name="TextBox 76"/>
          <p:cNvSpPr txBox="1"/>
          <p:nvPr/>
        </p:nvSpPr>
        <p:spPr>
          <a:xfrm>
            <a:off x="6546484" y="1613379"/>
            <a:ext cx="2503453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marR="0" lvl="0" indent="-28575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w states have local staff for prevention, infection control</a:t>
            </a:r>
          </a:p>
          <a:p>
            <a:pPr marL="285750" marR="0" lvl="0" indent="-28575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ack of coordination between facilities to stop spread</a:t>
            </a:r>
          </a:p>
        </p:txBody>
      </p:sp>
      <p:sp>
        <p:nvSpPr>
          <p:cNvPr id="78" name="TextBox 77"/>
          <p:cNvSpPr txBox="1"/>
          <p:nvPr/>
        </p:nvSpPr>
        <p:spPr>
          <a:xfrm>
            <a:off x="6546484" y="3997042"/>
            <a:ext cx="2567214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marR="0" lvl="0" indent="-28575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ate programs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ordinate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vention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etween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acilities</a:t>
            </a:r>
          </a:p>
          <a:p>
            <a:pPr marL="285750" marR="0" lvl="0" indent="-28575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reater understanding of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nsmission</a:t>
            </a:r>
          </a:p>
          <a:p>
            <a:pPr marL="285750" marR="0" lvl="0" indent="-28575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re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ocus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n abx use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grpSp>
        <p:nvGrpSpPr>
          <p:cNvPr id="26" name="Group 25"/>
          <p:cNvGrpSpPr/>
          <p:nvPr/>
        </p:nvGrpSpPr>
        <p:grpSpPr>
          <a:xfrm>
            <a:off x="7003041" y="3225428"/>
            <a:ext cx="1569139" cy="346614"/>
            <a:chOff x="0" y="0"/>
            <a:chExt cx="1647285" cy="363855"/>
          </a:xfrm>
        </p:grpSpPr>
        <p:pic>
          <p:nvPicPr>
            <p:cNvPr id="27" name="Picture 26"/>
            <p:cNvPicPr>
              <a:picLocks noChangeAspect="1"/>
            </p:cNvPicPr>
            <p:nvPr/>
          </p:nvPicPr>
          <p:blipFill rotWithShape="1"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2873" t="6098" r="14147"/>
            <a:stretch/>
          </p:blipFill>
          <p:spPr bwMode="auto">
            <a:xfrm>
              <a:off x="0" y="0"/>
              <a:ext cx="548640" cy="363855"/>
            </a:xfrm>
            <a:prstGeom prst="rect">
              <a:avLst/>
            </a:prstGeom>
            <a:ln>
              <a:noFill/>
            </a:ln>
            <a:extLst>
              <a:ext uri="{53640926-AAD7-44D8-BBD7-CCE9431645EC}">
                <a14:shadowObscured xmlns:a14="http://schemas.microsoft.com/office/drawing/2010/main"/>
              </a:ext>
            </a:extLst>
          </p:spPr>
        </p:pic>
        <p:pic>
          <p:nvPicPr>
            <p:cNvPr id="28" name="Picture 27"/>
            <p:cNvPicPr>
              <a:picLocks noChangeAspect="1"/>
            </p:cNvPicPr>
            <p:nvPr/>
          </p:nvPicPr>
          <p:blipFill rotWithShape="1"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2873" t="6098" r="14147"/>
            <a:stretch/>
          </p:blipFill>
          <p:spPr bwMode="auto">
            <a:xfrm>
              <a:off x="1098645" y="0"/>
              <a:ext cx="548640" cy="363855"/>
            </a:xfrm>
            <a:prstGeom prst="rect">
              <a:avLst/>
            </a:prstGeom>
            <a:ln>
              <a:noFill/>
            </a:ln>
            <a:extLst>
              <a:ext uri="{53640926-AAD7-44D8-BBD7-CCE9431645EC}">
                <a14:shadowObscured xmlns:a14="http://schemas.microsoft.com/office/drawing/2010/main"/>
              </a:ext>
            </a:extLst>
          </p:spPr>
        </p:pic>
        <p:sp>
          <p:nvSpPr>
            <p:cNvPr id="29" name="Multiply 28"/>
            <p:cNvSpPr/>
            <p:nvPr/>
          </p:nvSpPr>
          <p:spPr>
            <a:xfrm>
              <a:off x="682388" y="27296"/>
              <a:ext cx="263770" cy="304800"/>
            </a:xfrm>
            <a:prstGeom prst="mathMultiply">
              <a:avLst/>
            </a:prstGeom>
            <a:solidFill>
              <a:srgbClr val="ED7D31"/>
            </a:solidFill>
            <a:ln w="12700" cap="flat" cmpd="sng" algn="ctr">
              <a:solidFill>
                <a:srgbClr val="5B9BD5">
                  <a:shade val="50000"/>
                </a:srgbClr>
              </a:solidFill>
              <a:prstDash val="solid"/>
              <a:miter lim="800000"/>
            </a:ln>
            <a:effectLst/>
          </p:spPr>
          <p:txBody>
            <a:bodyPr rot="0" spcFirstLastPara="0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sysClr val="window" lastClr="FFFFFF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30" name="Straight Arrow Connector 29"/>
            <p:cNvCxnSpPr/>
            <p:nvPr/>
          </p:nvCxnSpPr>
          <p:spPr>
            <a:xfrm>
              <a:off x="443553" y="129654"/>
              <a:ext cx="266700" cy="45719"/>
            </a:xfrm>
            <a:prstGeom prst="straightConnector1">
              <a:avLst/>
            </a:prstGeom>
            <a:noFill/>
            <a:ln w="19050" cap="flat" cmpd="sng" algn="ctr">
              <a:solidFill>
                <a:srgbClr val="FFC000"/>
              </a:solidFill>
              <a:prstDash val="sysDash"/>
              <a:miter lim="800000"/>
              <a:headEnd type="none" w="med" len="med"/>
              <a:tailEnd type="arrow" w="med" len="med"/>
            </a:ln>
            <a:effectLst/>
          </p:spPr>
        </p:cxnSp>
        <p:cxnSp>
          <p:nvCxnSpPr>
            <p:cNvPr id="31" name="Straight Arrow Connector 30"/>
            <p:cNvCxnSpPr/>
            <p:nvPr/>
          </p:nvCxnSpPr>
          <p:spPr>
            <a:xfrm flipH="1">
              <a:off x="914400" y="129654"/>
              <a:ext cx="266700" cy="45719"/>
            </a:xfrm>
            <a:prstGeom prst="straightConnector1">
              <a:avLst/>
            </a:prstGeom>
            <a:noFill/>
            <a:ln w="19050" cap="flat" cmpd="sng" algn="ctr">
              <a:solidFill>
                <a:srgbClr val="FFC000"/>
              </a:solidFill>
              <a:prstDash val="sysDash"/>
              <a:miter lim="800000"/>
              <a:headEnd type="none" w="med" len="med"/>
              <a:tailEnd type="arrow" w="med" len="med"/>
            </a:ln>
            <a:effectLst/>
          </p:spPr>
        </p:cxnSp>
      </p:grpSp>
      <p:sp>
        <p:nvSpPr>
          <p:cNvPr id="79" name="Pentagon 78"/>
          <p:cNvSpPr/>
          <p:nvPr/>
        </p:nvSpPr>
        <p:spPr>
          <a:xfrm rot="5400000">
            <a:off x="9173543" y="3387314"/>
            <a:ext cx="2505776" cy="2630975"/>
          </a:xfrm>
          <a:prstGeom prst="homePlate">
            <a:avLst>
              <a:gd name="adj" fmla="val 19067"/>
            </a:avLst>
          </a:prstGeom>
          <a:solidFill>
            <a:schemeClr val="tx2">
              <a:lumMod val="85000"/>
            </a:schemeClr>
          </a:solidFill>
          <a:ln w="76200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Myriad Web Pro"/>
              <a:ea typeface="+mn-ea"/>
              <a:cs typeface="+mn-cs"/>
            </a:endParaRPr>
          </a:p>
        </p:txBody>
      </p:sp>
      <p:sp>
        <p:nvSpPr>
          <p:cNvPr id="80" name="Pentagon 79"/>
          <p:cNvSpPr/>
          <p:nvPr/>
        </p:nvSpPr>
        <p:spPr>
          <a:xfrm rot="5400000">
            <a:off x="9173543" y="1406112"/>
            <a:ext cx="2505776" cy="2630975"/>
          </a:xfrm>
          <a:prstGeom prst="homePlate">
            <a:avLst>
              <a:gd name="adj" fmla="val 19067"/>
            </a:avLst>
          </a:prstGeom>
          <a:solidFill>
            <a:schemeClr val="tx2">
              <a:lumMod val="95000"/>
            </a:schemeClr>
          </a:solidFill>
          <a:ln w="76200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Myriad Web Pro"/>
              <a:ea typeface="+mn-ea"/>
              <a:cs typeface="+mn-cs"/>
            </a:endParaRPr>
          </a:p>
        </p:txBody>
      </p:sp>
      <p:sp>
        <p:nvSpPr>
          <p:cNvPr id="81" name="TextBox 80"/>
          <p:cNvSpPr txBox="1"/>
          <p:nvPr/>
        </p:nvSpPr>
        <p:spPr>
          <a:xfrm>
            <a:off x="9174705" y="1623970"/>
            <a:ext cx="2503453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marR="0" lvl="0" indent="-28575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imited understanding of CRE reservoirs and transmission</a:t>
            </a:r>
          </a:p>
          <a:p>
            <a:pPr marL="285750" marR="0" lvl="0" indent="-28575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search efforts by Prevention Epicenters and CDC’s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aboratories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285750" marR="0" lvl="0" indent="-28575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2" name="TextBox 81"/>
          <p:cNvSpPr txBox="1"/>
          <p:nvPr/>
        </p:nvSpPr>
        <p:spPr>
          <a:xfrm>
            <a:off x="9174704" y="4007633"/>
            <a:ext cx="2735941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marR="0" lvl="0" indent="-28575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tra/Extramural studies including environmental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285750" marR="0" lvl="0" indent="-28575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ncovering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ources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f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MR transmission 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285750" marR="0" lvl="0" indent="-28575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easuring risk to people and prevention 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mpact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pic>
        <p:nvPicPr>
          <p:cNvPr id="6" name="Picture 5"/>
          <p:cNvPicPr/>
          <p:nvPr/>
        </p:nvPicPr>
        <p:blipFill>
          <a:blip r:embed="rId10">
            <a:extLst>
              <a:ext uri="{BEBA8EAE-BF5A-486C-A8C5-ECC9F3942E4B}">
                <a14:imgProps xmlns:a14="http://schemas.microsoft.com/office/drawing/2010/main">
                  <a14:imgLayer r:embed="rId11">
                    <a14:imgEffect>
                      <a14:backgroundRemoval t="1961" b="95098" l="6757" r="94595">
                        <a14:foregroundMark x1="52703" y1="83333" x2="52703" y2="83333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14491" y="3225428"/>
            <a:ext cx="390874" cy="539136"/>
          </a:xfrm>
          <a:prstGeom prst="rect">
            <a:avLst/>
          </a:prstGeom>
        </p:spPr>
      </p:pic>
      <p:sp>
        <p:nvSpPr>
          <p:cNvPr id="45" name="TextBox 44"/>
          <p:cNvSpPr txBox="1"/>
          <p:nvPr/>
        </p:nvSpPr>
        <p:spPr>
          <a:xfrm>
            <a:off x="-764110" y="2068802"/>
            <a:ext cx="173845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hen</a:t>
            </a:r>
            <a:endParaRPr kumimoji="0" lang="en-US" sz="2400" b="1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" name="TextBox 85"/>
          <p:cNvSpPr txBox="1"/>
          <p:nvPr/>
        </p:nvSpPr>
        <p:spPr>
          <a:xfrm>
            <a:off x="1592081" y="1080247"/>
            <a:ext cx="173845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tect</a:t>
            </a:r>
            <a:endParaRPr kumimoji="0" lang="en-US" sz="2400" b="1" i="0" u="none" strike="noStrike" kern="1200" cap="none" spc="0" normalizeH="0" baseline="0" noProof="0" dirty="0">
              <a:ln>
                <a:noFill/>
              </a:ln>
              <a:solidFill>
                <a:srgbClr val="0070C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7" name="TextBox 86"/>
          <p:cNvSpPr txBox="1"/>
          <p:nvPr/>
        </p:nvSpPr>
        <p:spPr>
          <a:xfrm>
            <a:off x="4256060" y="1080247"/>
            <a:ext cx="173845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spond</a:t>
            </a:r>
            <a:endParaRPr kumimoji="0" lang="en-US" sz="2400" b="1" i="0" u="none" strike="noStrike" kern="1200" cap="none" spc="0" normalizeH="0" baseline="0" noProof="0" dirty="0">
              <a:ln>
                <a:noFill/>
              </a:ln>
              <a:solidFill>
                <a:srgbClr val="0070C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8" name="TextBox 87"/>
          <p:cNvSpPr txBox="1"/>
          <p:nvPr/>
        </p:nvSpPr>
        <p:spPr>
          <a:xfrm>
            <a:off x="9574719" y="1080247"/>
            <a:ext cx="173845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novate</a:t>
            </a:r>
            <a:endParaRPr kumimoji="0" lang="en-US" sz="2400" b="1" i="0" u="none" strike="noStrike" kern="1200" cap="none" spc="0" normalizeH="0" baseline="0" noProof="0" dirty="0">
              <a:ln>
                <a:noFill/>
              </a:ln>
              <a:solidFill>
                <a:srgbClr val="0070C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9" name="TextBox 88"/>
          <p:cNvSpPr txBox="1"/>
          <p:nvPr/>
        </p:nvSpPr>
        <p:spPr>
          <a:xfrm>
            <a:off x="6908612" y="1080247"/>
            <a:ext cx="173845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event</a:t>
            </a:r>
            <a:endParaRPr kumimoji="0" lang="en-US" sz="2400" b="1" i="0" u="none" strike="noStrike" kern="1200" cap="none" spc="0" normalizeH="0" baseline="0" noProof="0" dirty="0">
              <a:ln>
                <a:noFill/>
              </a:ln>
              <a:solidFill>
                <a:srgbClr val="0070C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90" name="Pentagon 89"/>
          <p:cNvSpPr/>
          <p:nvPr/>
        </p:nvSpPr>
        <p:spPr>
          <a:xfrm>
            <a:off x="-315256" y="4445274"/>
            <a:ext cx="1444978" cy="496711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C000"/>
              </a:solidFill>
              <a:effectLst/>
              <a:uLnTx/>
              <a:uFillTx/>
              <a:latin typeface="Myriad Web Pro"/>
              <a:ea typeface="+mn-ea"/>
              <a:cs typeface="+mn-cs"/>
            </a:endParaRPr>
          </a:p>
        </p:txBody>
      </p:sp>
      <p:sp>
        <p:nvSpPr>
          <p:cNvPr id="91" name="TextBox 90"/>
          <p:cNvSpPr txBox="1"/>
          <p:nvPr/>
        </p:nvSpPr>
        <p:spPr>
          <a:xfrm>
            <a:off x="-783922" y="4462797"/>
            <a:ext cx="173845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w</a:t>
            </a:r>
            <a:endParaRPr kumimoji="0" lang="en-US" sz="2400" b="1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1122724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210313" y="855748"/>
            <a:ext cx="10248900" cy="130298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121917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4267" b="1" dirty="0" smtClean="0">
                <a:solidFill>
                  <a:srgbClr val="0039A6"/>
                </a:solidFill>
                <a:latin typeface="Calibri" panose="020F0502020204030204" pitchFamily="34" charset="0"/>
              </a:rPr>
              <a:t>AMR </a:t>
            </a:r>
            <a:r>
              <a:rPr lang="en-US" sz="4267" b="1" dirty="0">
                <a:solidFill>
                  <a:srgbClr val="0039A6"/>
                </a:solidFill>
                <a:latin typeface="Calibri" panose="020F0502020204030204" pitchFamily="34" charset="0"/>
              </a:rPr>
              <a:t>Impacts </a:t>
            </a:r>
            <a:r>
              <a:rPr lang="en-US" sz="4267" b="1" dirty="0" smtClean="0">
                <a:solidFill>
                  <a:srgbClr val="0039A6"/>
                </a:solidFill>
                <a:latin typeface="Calibri" panose="020F0502020204030204" pitchFamily="34" charset="0"/>
              </a:rPr>
              <a:t>Real People</a:t>
            </a:r>
            <a:endParaRPr lang="en-US" sz="4267" b="1" dirty="0">
              <a:solidFill>
                <a:srgbClr val="0039A6"/>
              </a:solidFill>
              <a:latin typeface="Calibri" panose="020F0502020204030204" pitchFamily="34" charset="0"/>
            </a:endParaRPr>
          </a:p>
          <a:p>
            <a:pPr algn="ctr" defTabSz="121917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en-US" sz="400" b="1" dirty="0">
              <a:solidFill>
                <a:srgbClr val="0039A6"/>
              </a:solidFill>
              <a:latin typeface="Calibri" panose="020F0502020204030204" pitchFamily="34" charset="0"/>
            </a:endParaRPr>
          </a:p>
          <a:p>
            <a:pPr algn="ctr" defTabSz="121917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en-US" sz="3200" dirty="0">
              <a:solidFill>
                <a:srgbClr val="0039A6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Rounded Rectangle 11"/>
          <p:cNvSpPr/>
          <p:nvPr/>
        </p:nvSpPr>
        <p:spPr>
          <a:xfrm>
            <a:off x="4033511" y="1959204"/>
            <a:ext cx="1645920" cy="1584960"/>
          </a:xfrm>
          <a:prstGeom prst="roundRect">
            <a:avLst/>
          </a:prstGeom>
          <a:blipFill dpi="0"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 t="-4268" b="-37602"/>
            </a:stretch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en-US" sz="24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3" name="Rounded Rectangle 12"/>
          <p:cNvSpPr/>
          <p:nvPr/>
        </p:nvSpPr>
        <p:spPr>
          <a:xfrm>
            <a:off x="6323687" y="1959204"/>
            <a:ext cx="1645920" cy="1584960"/>
          </a:xfrm>
          <a:prstGeom prst="roundRect">
            <a:avLst/>
          </a:prstGeom>
          <a:blipFill dpi="0"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 t="-7285" b="-7285"/>
            </a:stretch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en-US" sz="24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4" name="Rounded Rectangle 13"/>
          <p:cNvSpPr/>
          <p:nvPr/>
        </p:nvSpPr>
        <p:spPr>
          <a:xfrm>
            <a:off x="8696372" y="2951459"/>
            <a:ext cx="1645920" cy="1584960"/>
          </a:xfrm>
          <a:prstGeom prst="roundRect">
            <a:avLst/>
          </a:prstGeom>
          <a:blipFill dpi="0" rotWithShape="1"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 l="-18725" t="-15470" r="-16125" b="-12998"/>
            </a:stretch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en-US" sz="24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" name="Rounded Rectangle 9"/>
          <p:cNvSpPr/>
          <p:nvPr/>
        </p:nvSpPr>
        <p:spPr>
          <a:xfrm>
            <a:off x="1679649" y="2915054"/>
            <a:ext cx="1664644" cy="1621365"/>
          </a:xfrm>
          <a:prstGeom prst="roundRect">
            <a:avLst/>
          </a:prstGeom>
          <a:blipFill dpi="0" rotWithShape="1"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en-US" sz="2400">
              <a:solidFill>
                <a:prstClr val="white"/>
              </a:solidFill>
              <a:latin typeface="Calibri" panose="020F0502020204030204"/>
            </a:endParaRPr>
          </a:p>
        </p:txBody>
      </p:sp>
      <p:grpSp>
        <p:nvGrpSpPr>
          <p:cNvPr id="6" name="Group 5"/>
          <p:cNvGrpSpPr/>
          <p:nvPr/>
        </p:nvGrpSpPr>
        <p:grpSpPr>
          <a:xfrm>
            <a:off x="1377155" y="4670729"/>
            <a:ext cx="2146300" cy="546104"/>
            <a:chOff x="119063" y="3834363"/>
            <a:chExt cx="1609725" cy="409578"/>
          </a:xfrm>
        </p:grpSpPr>
        <p:sp>
          <p:nvSpPr>
            <p:cNvPr id="15" name="Rounded Rectangle 14"/>
            <p:cNvSpPr/>
            <p:nvPr/>
          </p:nvSpPr>
          <p:spPr>
            <a:xfrm>
              <a:off x="119063" y="3834363"/>
              <a:ext cx="1609725" cy="409578"/>
            </a:xfrm>
            <a:prstGeom prst="roundRect">
              <a:avLst/>
            </a:prstGeom>
            <a:solidFill>
              <a:srgbClr val="55565A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1219170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endParaRPr lang="en-US" sz="240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119063" y="3900653"/>
              <a:ext cx="1609725" cy="25391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 defTabSz="1219170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en-US" sz="1600" dirty="0">
                  <a:solidFill>
                    <a:srgbClr val="FFFFFF"/>
                  </a:solidFill>
                  <a:latin typeface="Calibri" panose="020F0502020204030204"/>
                </a:rPr>
                <a:t>Alicia Cole, CA</a:t>
              </a:r>
            </a:p>
          </p:txBody>
        </p:sp>
      </p:grpSp>
      <p:grpSp>
        <p:nvGrpSpPr>
          <p:cNvPr id="8" name="Group 7"/>
          <p:cNvGrpSpPr/>
          <p:nvPr/>
        </p:nvGrpSpPr>
        <p:grpSpPr>
          <a:xfrm>
            <a:off x="3796575" y="3678475"/>
            <a:ext cx="2146447" cy="546104"/>
            <a:chOff x="3886090" y="3834363"/>
            <a:chExt cx="1609835" cy="409578"/>
          </a:xfrm>
        </p:grpSpPr>
        <p:sp>
          <p:nvSpPr>
            <p:cNvPr id="18" name="Rounded Rectangle 17"/>
            <p:cNvSpPr/>
            <p:nvPr/>
          </p:nvSpPr>
          <p:spPr>
            <a:xfrm>
              <a:off x="3886200" y="3834363"/>
              <a:ext cx="1609725" cy="409578"/>
            </a:xfrm>
            <a:prstGeom prst="roundRect">
              <a:avLst/>
            </a:prstGeom>
            <a:solidFill>
              <a:srgbClr val="55565A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1219170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endParaRPr lang="en-US" sz="240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23" name="TextBox 22"/>
            <p:cNvSpPr txBox="1"/>
            <p:nvPr/>
          </p:nvSpPr>
          <p:spPr>
            <a:xfrm>
              <a:off x="3886090" y="3900653"/>
              <a:ext cx="1579687" cy="25391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 defTabSz="1219170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en-US" sz="1600" dirty="0">
                  <a:solidFill>
                    <a:prstClr val="white"/>
                  </a:solidFill>
                  <a:latin typeface="Calibri" panose="020F0502020204030204"/>
                </a:rPr>
                <a:t>Nile Moss, CA</a:t>
              </a:r>
            </a:p>
          </p:txBody>
        </p:sp>
      </p:grpSp>
      <p:grpSp>
        <p:nvGrpSpPr>
          <p:cNvPr id="9" name="Group 8"/>
          <p:cNvGrpSpPr/>
          <p:nvPr/>
        </p:nvGrpSpPr>
        <p:grpSpPr>
          <a:xfrm>
            <a:off x="6097790" y="3678475"/>
            <a:ext cx="2146300" cy="546104"/>
            <a:chOff x="5657850" y="3834363"/>
            <a:chExt cx="1609725" cy="409578"/>
          </a:xfrm>
        </p:grpSpPr>
        <p:sp>
          <p:nvSpPr>
            <p:cNvPr id="19" name="Rounded Rectangle 18"/>
            <p:cNvSpPr/>
            <p:nvPr/>
          </p:nvSpPr>
          <p:spPr>
            <a:xfrm>
              <a:off x="5657850" y="3834363"/>
              <a:ext cx="1609725" cy="409578"/>
            </a:xfrm>
            <a:prstGeom prst="roundRect">
              <a:avLst/>
            </a:prstGeom>
            <a:solidFill>
              <a:srgbClr val="55565A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1219170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endParaRPr lang="en-US" sz="240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24" name="TextBox 23"/>
            <p:cNvSpPr txBox="1"/>
            <p:nvPr/>
          </p:nvSpPr>
          <p:spPr>
            <a:xfrm>
              <a:off x="5657850" y="3900653"/>
              <a:ext cx="1609615" cy="25391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 defTabSz="1219170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en-US" sz="1600" dirty="0">
                  <a:solidFill>
                    <a:prstClr val="white"/>
                  </a:solidFill>
                  <a:latin typeface="Calibri" panose="020F0502020204030204"/>
                </a:rPr>
                <a:t>Dana Mirman, FL</a:t>
              </a:r>
            </a:p>
          </p:txBody>
        </p:sp>
      </p:grpSp>
      <p:grpSp>
        <p:nvGrpSpPr>
          <p:cNvPr id="21" name="Group 20"/>
          <p:cNvGrpSpPr/>
          <p:nvPr/>
        </p:nvGrpSpPr>
        <p:grpSpPr>
          <a:xfrm>
            <a:off x="8455600" y="4670729"/>
            <a:ext cx="2171704" cy="546104"/>
            <a:chOff x="7434261" y="3834363"/>
            <a:chExt cx="1628778" cy="409578"/>
          </a:xfrm>
        </p:grpSpPr>
        <p:sp>
          <p:nvSpPr>
            <p:cNvPr id="20" name="Rounded Rectangle 19"/>
            <p:cNvSpPr/>
            <p:nvPr/>
          </p:nvSpPr>
          <p:spPr>
            <a:xfrm>
              <a:off x="7434261" y="3834363"/>
              <a:ext cx="1609725" cy="409578"/>
            </a:xfrm>
            <a:prstGeom prst="roundRect">
              <a:avLst/>
            </a:prstGeom>
            <a:solidFill>
              <a:srgbClr val="55565A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1219170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endParaRPr lang="en-US" sz="240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25" name="TextBox 24"/>
            <p:cNvSpPr txBox="1"/>
            <p:nvPr/>
          </p:nvSpPr>
          <p:spPr>
            <a:xfrm>
              <a:off x="7446168" y="3900653"/>
              <a:ext cx="1616871" cy="25391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 defTabSz="1219170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en-US" sz="1600" dirty="0">
                  <a:solidFill>
                    <a:prstClr val="white"/>
                  </a:solidFill>
                  <a:latin typeface="Calibri" panose="020F0502020204030204"/>
                </a:rPr>
                <a:t>Peggy Lillis, NY</a:t>
              </a:r>
            </a:p>
          </p:txBody>
        </p:sp>
      </p:grpSp>
      <p:sp>
        <p:nvSpPr>
          <p:cNvPr id="26" name="Rounded Rectangle 25"/>
          <p:cNvSpPr/>
          <p:nvPr/>
        </p:nvSpPr>
        <p:spPr>
          <a:xfrm>
            <a:off x="6348721" y="4452137"/>
            <a:ext cx="1645920" cy="1584960"/>
          </a:xfrm>
          <a:prstGeom prst="roundRect">
            <a:avLst/>
          </a:prstGeom>
          <a:blipFill dpi="0" rotWithShape="1">
            <a:blip r:embed="rId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 l="-19139" r="-53117"/>
            </a:stretch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en-US" sz="24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0" name="Rounded Rectangle 29"/>
          <p:cNvSpPr/>
          <p:nvPr/>
        </p:nvSpPr>
        <p:spPr>
          <a:xfrm>
            <a:off x="4033511" y="4444568"/>
            <a:ext cx="1648584" cy="1600099"/>
          </a:xfrm>
          <a:prstGeom prst="roundRect">
            <a:avLst/>
          </a:prstGeom>
          <a:blipFill dpi="0" rotWithShape="1">
            <a:blip r:embed="rId8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 t="-8808" b="-8808"/>
            </a:stretch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en-US" sz="2400">
              <a:solidFill>
                <a:prstClr val="white"/>
              </a:solidFill>
              <a:latin typeface="Calibri" panose="020F0502020204030204"/>
            </a:endParaRPr>
          </a:p>
        </p:txBody>
      </p:sp>
      <p:grpSp>
        <p:nvGrpSpPr>
          <p:cNvPr id="31" name="Group 30"/>
          <p:cNvGrpSpPr/>
          <p:nvPr/>
        </p:nvGrpSpPr>
        <p:grpSpPr>
          <a:xfrm>
            <a:off x="3718133" y="6137851"/>
            <a:ext cx="2146300" cy="546104"/>
            <a:chOff x="119063" y="3834363"/>
            <a:chExt cx="1609725" cy="409578"/>
          </a:xfrm>
        </p:grpSpPr>
        <p:sp>
          <p:nvSpPr>
            <p:cNvPr id="32" name="Rounded Rectangle 31"/>
            <p:cNvSpPr/>
            <p:nvPr/>
          </p:nvSpPr>
          <p:spPr>
            <a:xfrm>
              <a:off x="119063" y="3834363"/>
              <a:ext cx="1609725" cy="409578"/>
            </a:xfrm>
            <a:prstGeom prst="roundRect">
              <a:avLst/>
            </a:prstGeom>
            <a:solidFill>
              <a:srgbClr val="55565A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1219170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endParaRPr lang="en-US" sz="240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33" name="TextBox 32"/>
            <p:cNvSpPr txBox="1"/>
            <p:nvPr/>
          </p:nvSpPr>
          <p:spPr>
            <a:xfrm>
              <a:off x="119063" y="3900653"/>
              <a:ext cx="1609725" cy="25391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 defTabSz="1219170" eaLnBrk="0" fontAlgn="base" hangingPunct="0">
                <a:spcBef>
                  <a:spcPct val="0"/>
                </a:spcBef>
                <a:spcAft>
                  <a:spcPct val="0"/>
                </a:spcAft>
                <a:defRPr/>
              </a:pPr>
              <a:r>
                <a:rPr lang="en-US" sz="1600" dirty="0">
                  <a:solidFill>
                    <a:srgbClr val="FFFFFF"/>
                  </a:solidFill>
                  <a:latin typeface="Calibri" panose="020F0502020204030204"/>
                </a:rPr>
                <a:t>Catherine Duff, Indiana </a:t>
              </a:r>
            </a:p>
          </p:txBody>
        </p:sp>
      </p:grpSp>
      <p:sp>
        <p:nvSpPr>
          <p:cNvPr id="35" name="Rounded Rectangle 34"/>
          <p:cNvSpPr/>
          <p:nvPr/>
        </p:nvSpPr>
        <p:spPr>
          <a:xfrm>
            <a:off x="6041571" y="6137852"/>
            <a:ext cx="2146300" cy="546104"/>
          </a:xfrm>
          <a:prstGeom prst="roundRect">
            <a:avLst/>
          </a:prstGeom>
          <a:solidFill>
            <a:srgbClr val="55565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917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endParaRPr lang="en-US" sz="240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6" name="TextBox 35"/>
          <p:cNvSpPr txBox="1"/>
          <p:nvPr/>
        </p:nvSpPr>
        <p:spPr>
          <a:xfrm>
            <a:off x="6057999" y="6103201"/>
            <a:ext cx="21082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1219170" eaLnBrk="0" fontAlgn="base" hangingPunct="0">
              <a:spcBef>
                <a:spcPct val="0"/>
              </a:spcBef>
              <a:spcAft>
                <a:spcPct val="0"/>
              </a:spcAft>
              <a:defRPr/>
            </a:pPr>
            <a:r>
              <a:rPr lang="en-US" sz="1600" dirty="0">
                <a:solidFill>
                  <a:prstClr val="white"/>
                </a:solidFill>
                <a:latin typeface="Calibri" panose="020F0502020204030204"/>
              </a:rPr>
              <a:t>Joshua Nahum, Colorado </a:t>
            </a:r>
          </a:p>
        </p:txBody>
      </p:sp>
    </p:spTree>
    <p:extLst>
      <p:ext uri="{BB962C8B-B14F-4D97-AF65-F5344CB8AC3E}">
        <p14:creationId xmlns:p14="http://schemas.microsoft.com/office/powerpoint/2010/main" val="38927772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2216" y="665918"/>
            <a:ext cx="4211445" cy="2830785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6013942" y="2081310"/>
            <a:ext cx="3034613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4800" b="1" dirty="0" smtClean="0">
                <a:latin typeface="Calibri" panose="020F0502020204030204" pitchFamily="34" charset="0"/>
              </a:rPr>
              <a:t>Thank you!</a:t>
            </a:r>
          </a:p>
        </p:txBody>
      </p:sp>
    </p:spTree>
    <p:extLst>
      <p:ext uri="{BB962C8B-B14F-4D97-AF65-F5344CB8AC3E}">
        <p14:creationId xmlns:p14="http://schemas.microsoft.com/office/powerpoint/2010/main" val="303268389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9"/>
            <a:ext cx="11296651" cy="1143000"/>
          </a:xfrm>
        </p:spPr>
        <p:txBody>
          <a:bodyPr/>
          <a:lstStyle/>
          <a:p>
            <a:r>
              <a:rPr lang="en-US" dirty="0" smtClean="0">
                <a:solidFill>
                  <a:srgbClr val="335FB2"/>
                </a:solidFill>
              </a:rPr>
              <a:t>Resistance Threatens U.S. Healthcare and Undermines Our Ability to Heal and Cure</a:t>
            </a:r>
            <a:endParaRPr lang="en-US" dirty="0">
              <a:solidFill>
                <a:srgbClr val="335FB2"/>
              </a:solidFill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609600" y="1557961"/>
            <a:ext cx="1098444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1" u="none" strike="noStrike" kern="1200" cap="none" spc="0" normalizeH="0" baseline="0" noProof="0" dirty="0">
                <a:ln>
                  <a:noFill/>
                </a:ln>
                <a:solidFill>
                  <a:srgbClr val="335FB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ife-saving treatments depend on antibiotics that work</a:t>
            </a:r>
          </a:p>
        </p:txBody>
      </p:sp>
      <p:grpSp>
        <p:nvGrpSpPr>
          <p:cNvPr id="3" name="Group 17"/>
          <p:cNvGrpSpPr/>
          <p:nvPr/>
        </p:nvGrpSpPr>
        <p:grpSpPr>
          <a:xfrm>
            <a:off x="5071627" y="2717822"/>
            <a:ext cx="2899699" cy="3043893"/>
            <a:chOff x="3484717" y="1291300"/>
            <a:chExt cx="2414829" cy="2534911"/>
          </a:xfrm>
        </p:grpSpPr>
        <p:sp>
          <p:nvSpPr>
            <p:cNvPr id="16" name="Oval 15"/>
            <p:cNvSpPr/>
            <p:nvPr/>
          </p:nvSpPr>
          <p:spPr>
            <a:xfrm>
              <a:off x="3484717" y="1411382"/>
              <a:ext cx="2414829" cy="2414829"/>
            </a:xfrm>
            <a:prstGeom prst="ellipse">
              <a:avLst/>
            </a:prstGeom>
            <a:noFill/>
            <a:ln w="76200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srgbClr val="FFC000"/>
                </a:solidFill>
                <a:effectLst/>
                <a:uLnTx/>
                <a:uFillTx/>
                <a:latin typeface="Myriad Web Pro"/>
                <a:ea typeface="+mn-ea"/>
                <a:cs typeface="+mn-cs"/>
              </a:endParaRPr>
            </a:p>
          </p:txBody>
        </p:sp>
        <p:sp>
          <p:nvSpPr>
            <p:cNvPr id="17" name="Half Frame 16"/>
            <p:cNvSpPr/>
            <p:nvPr/>
          </p:nvSpPr>
          <p:spPr>
            <a:xfrm rot="9268379">
              <a:off x="4840708" y="1291300"/>
              <a:ext cx="307100" cy="307100"/>
            </a:xfrm>
            <a:prstGeom prst="halfFrame">
              <a:avLst>
                <a:gd name="adj1" fmla="val 12783"/>
                <a:gd name="adj2" fmla="val 12783"/>
              </a:avLst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srgbClr val="0F56DC"/>
                </a:solidFill>
                <a:effectLst/>
                <a:uLnTx/>
                <a:uFillTx/>
                <a:latin typeface="Myriad Web Pro"/>
                <a:ea typeface="+mn-ea"/>
                <a:cs typeface="+mn-cs"/>
              </a:endParaRPr>
            </a:p>
          </p:txBody>
        </p:sp>
      </p:grpSp>
      <p:sp>
        <p:nvSpPr>
          <p:cNvPr id="19" name="TextBox 18"/>
          <p:cNvSpPr txBox="1"/>
          <p:nvPr/>
        </p:nvSpPr>
        <p:spPr>
          <a:xfrm>
            <a:off x="7697894" y="2233508"/>
            <a:ext cx="3271537" cy="78989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srgbClr val="55565A"/>
                </a:solidFill>
                <a:effectLst/>
                <a:uLnTx/>
                <a:uFillTx/>
                <a:latin typeface="Calibri" pitchFamily="34" charset="0"/>
                <a:ea typeface="+mn-ea"/>
                <a:cs typeface="+mn-cs"/>
              </a:rPr>
              <a:t>3.9M CHILDBIRTHS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133" b="0" i="0" u="none" strike="noStrike" kern="1200" cap="none" spc="0" normalizeH="0" baseline="0" noProof="0" dirty="0">
                <a:ln>
                  <a:noFill/>
                </a:ln>
                <a:solidFill>
                  <a:srgbClr val="55565A"/>
                </a:solidFill>
                <a:effectLst/>
                <a:uLnTx/>
                <a:uFillTx/>
                <a:latin typeface="Calibri" pitchFamily="34" charset="0"/>
                <a:ea typeface="+mn-ea"/>
                <a:cs typeface="+mn-cs"/>
              </a:rPr>
              <a:t>One-third (1.3M) C-sections</a:t>
            </a: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3">
            <a:duotone>
              <a:schemeClr val="accent5">
                <a:shade val="45000"/>
                <a:satMod val="135000"/>
              </a:schemeClr>
              <a:prstClr val="white"/>
            </a:duotone>
          </a:blip>
          <a:srcRect l="24295" t="11106" r="68865" b="43568"/>
          <a:stretch/>
        </p:blipFill>
        <p:spPr>
          <a:xfrm>
            <a:off x="8130535" y="3865392"/>
            <a:ext cx="600851" cy="585601"/>
          </a:xfrm>
          <a:prstGeom prst="ellipse">
            <a:avLst/>
          </a:prstGeom>
        </p:spPr>
      </p:pic>
      <p:sp>
        <p:nvSpPr>
          <p:cNvPr id="20" name="TextBox 19"/>
          <p:cNvSpPr txBox="1"/>
          <p:nvPr/>
        </p:nvSpPr>
        <p:spPr>
          <a:xfrm>
            <a:off x="8731386" y="3902296"/>
            <a:ext cx="2245487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srgbClr val="55565A"/>
                </a:solidFill>
                <a:effectLst/>
                <a:uLnTx/>
                <a:uFillTx/>
                <a:latin typeface="Calibri" pitchFamily="34" charset="0"/>
                <a:ea typeface="+mn-ea"/>
                <a:cs typeface="+mn-cs"/>
              </a:rPr>
              <a:t>16M SURGERIES</a:t>
            </a:r>
          </a:p>
        </p:txBody>
      </p:sp>
      <p:grpSp>
        <p:nvGrpSpPr>
          <p:cNvPr id="4" name="Group 29"/>
          <p:cNvGrpSpPr/>
          <p:nvPr/>
        </p:nvGrpSpPr>
        <p:grpSpPr>
          <a:xfrm>
            <a:off x="997632" y="5605237"/>
            <a:ext cx="5064586" cy="789896"/>
            <a:chOff x="998260" y="2394690"/>
            <a:chExt cx="4217716" cy="657814"/>
          </a:xfrm>
        </p:grpSpPr>
        <p:pic>
          <p:nvPicPr>
            <p:cNvPr id="5" name="Picture 4"/>
            <p:cNvPicPr>
              <a:picLocks noChangeAspect="1"/>
            </p:cNvPicPr>
            <p:nvPr/>
          </p:nvPicPr>
          <p:blipFill rotWithShape="1">
            <a:blip r:embed="rId3">
              <a:duotone>
                <a:schemeClr val="accent5">
                  <a:shade val="45000"/>
                  <a:satMod val="135000"/>
                </a:schemeClr>
                <a:prstClr val="white"/>
              </a:duotone>
            </a:blip>
            <a:srcRect l="85776" t="10477" r="7297" b="42071"/>
            <a:stretch/>
          </p:blipFill>
          <p:spPr>
            <a:xfrm>
              <a:off x="4680037" y="2474346"/>
              <a:ext cx="535939" cy="509995"/>
            </a:xfrm>
            <a:prstGeom prst="ellipse">
              <a:avLst/>
            </a:prstGeom>
          </p:spPr>
        </p:pic>
        <p:sp>
          <p:nvSpPr>
            <p:cNvPr id="21" name="TextBox 20"/>
            <p:cNvSpPr txBox="1"/>
            <p:nvPr/>
          </p:nvSpPr>
          <p:spPr>
            <a:xfrm>
              <a:off x="998260" y="2394690"/>
              <a:ext cx="3647640" cy="65781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400" b="1" i="0" u="none" strike="noStrike" kern="1200" cap="none" spc="0" normalizeH="0" baseline="0" noProof="0" dirty="0">
                  <a:ln>
                    <a:noFill/>
                  </a:ln>
                  <a:solidFill>
                    <a:srgbClr val="55565A"/>
                  </a:solidFill>
                  <a:effectLst/>
                  <a:uLnTx/>
                  <a:uFillTx/>
                  <a:latin typeface="Calibri" pitchFamily="34" charset="0"/>
                  <a:ea typeface="+mn-ea"/>
                  <a:cs typeface="+mn-cs"/>
                </a:rPr>
                <a:t>34k ORGAN TRANSPLANTS/YEAR</a:t>
              </a:r>
            </a:p>
            <a:p>
              <a:pPr marL="0" marR="0" lvl="0" indent="0" algn="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133" b="0" i="0" u="none" strike="noStrike" kern="1200" cap="none" spc="0" normalizeH="0" baseline="0" noProof="0" dirty="0">
                  <a:ln>
                    <a:noFill/>
                  </a:ln>
                  <a:solidFill>
                    <a:srgbClr val="55565A"/>
                  </a:solidFill>
                  <a:effectLst/>
                  <a:uLnTx/>
                  <a:uFillTx/>
                  <a:latin typeface="Calibri" pitchFamily="34" charset="0"/>
                  <a:ea typeface="+mn-ea"/>
                  <a:cs typeface="+mn-cs"/>
                </a:rPr>
                <a:t>Impossible without antibiotics</a:t>
              </a:r>
            </a:p>
          </p:txBody>
        </p:sp>
      </p:grpSp>
      <p:sp>
        <p:nvSpPr>
          <p:cNvPr id="22" name="TextBox 21"/>
          <p:cNvSpPr txBox="1"/>
          <p:nvPr/>
        </p:nvSpPr>
        <p:spPr>
          <a:xfrm>
            <a:off x="7660488" y="5421737"/>
            <a:ext cx="4323235" cy="111812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srgbClr val="55565A"/>
                </a:solidFill>
                <a:effectLst/>
                <a:uLnTx/>
                <a:uFillTx/>
                <a:latin typeface="Calibri" pitchFamily="34" charset="0"/>
                <a:ea typeface="+mn-ea"/>
                <a:cs typeface="+mn-cs"/>
              </a:rPr>
              <a:t>117M WITH A CHRONIC DISEASE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133" b="0" i="0" u="none" strike="noStrike" kern="1200" cap="none" spc="0" normalizeH="0" baseline="0" noProof="0" dirty="0">
                <a:ln>
                  <a:noFill/>
                </a:ln>
                <a:solidFill>
                  <a:srgbClr val="55565A"/>
                </a:solidFill>
                <a:effectLst/>
                <a:uLnTx/>
                <a:uFillTx/>
                <a:latin typeface="Calibri" pitchFamily="34" charset="0"/>
                <a:ea typeface="+mn-ea"/>
                <a:cs typeface="+mn-cs"/>
              </a:rPr>
              <a:t>29.1M with diabetes</a:t>
            </a: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133" b="0" i="0" u="none" strike="noStrike" kern="1200" cap="none" spc="0" normalizeH="0" baseline="0" noProof="0" dirty="0">
                <a:ln>
                  <a:noFill/>
                </a:ln>
                <a:solidFill>
                  <a:srgbClr val="55565A"/>
                </a:solidFill>
                <a:effectLst/>
                <a:uLnTx/>
                <a:uFillTx/>
                <a:latin typeface="Calibri" pitchFamily="34" charset="0"/>
                <a:ea typeface="+mn-ea"/>
                <a:cs typeface="+mn-cs"/>
              </a:rPr>
              <a:t>53M with arthritis</a:t>
            </a: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3">
            <a:duotone>
              <a:schemeClr val="accent5">
                <a:shade val="45000"/>
                <a:satMod val="135000"/>
              </a:schemeClr>
              <a:prstClr val="white"/>
            </a:duotone>
          </a:blip>
          <a:srcRect l="65271" t="10406" r="27932" b="42852"/>
          <a:stretch/>
        </p:blipFill>
        <p:spPr>
          <a:xfrm>
            <a:off x="4303401" y="4200962"/>
            <a:ext cx="597040" cy="603901"/>
          </a:xfrm>
          <a:prstGeom prst="ellipse">
            <a:avLst/>
          </a:prstGeom>
        </p:spPr>
      </p:pic>
      <p:grpSp>
        <p:nvGrpSpPr>
          <p:cNvPr id="6" name="Group 24"/>
          <p:cNvGrpSpPr/>
          <p:nvPr/>
        </p:nvGrpSpPr>
        <p:grpSpPr>
          <a:xfrm>
            <a:off x="474133" y="2242538"/>
            <a:ext cx="5425088" cy="789896"/>
            <a:chOff x="-781975" y="1318221"/>
            <a:chExt cx="4517937" cy="657814"/>
          </a:xfrm>
        </p:grpSpPr>
        <p:pic>
          <p:nvPicPr>
            <p:cNvPr id="8" name="Picture 7"/>
            <p:cNvPicPr>
              <a:picLocks noChangeAspect="1"/>
            </p:cNvPicPr>
            <p:nvPr/>
          </p:nvPicPr>
          <p:blipFill rotWithShape="1">
            <a:blip r:embed="rId3">
              <a:duotone>
                <a:schemeClr val="accent5">
                  <a:shade val="45000"/>
                  <a:satMod val="135000"/>
                </a:schemeClr>
                <a:prstClr val="white"/>
              </a:duotone>
            </a:blip>
            <a:srcRect l="3643" t="10579" r="89524" b="43601"/>
            <a:stretch/>
          </p:blipFill>
          <p:spPr>
            <a:xfrm>
              <a:off x="3236090" y="1399841"/>
              <a:ext cx="499872" cy="492996"/>
            </a:xfrm>
            <a:prstGeom prst="ellipse">
              <a:avLst/>
            </a:prstGeom>
          </p:spPr>
        </p:pic>
        <p:sp>
          <p:nvSpPr>
            <p:cNvPr id="24" name="TextBox 23"/>
            <p:cNvSpPr txBox="1"/>
            <p:nvPr/>
          </p:nvSpPr>
          <p:spPr>
            <a:xfrm>
              <a:off x="-781975" y="1318221"/>
              <a:ext cx="3979187" cy="65781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400" b="1" i="0" u="none" strike="noStrike" kern="1200" cap="none" spc="0" normalizeH="0" baseline="0" noProof="0" dirty="0">
                  <a:ln>
                    <a:noFill/>
                  </a:ln>
                  <a:solidFill>
                    <a:srgbClr val="55565A"/>
                  </a:solidFill>
                  <a:effectLst/>
                  <a:uLnTx/>
                  <a:uFillTx/>
                  <a:latin typeface="Calibri" pitchFamily="34" charset="0"/>
                  <a:ea typeface="+mn-ea"/>
                  <a:cs typeface="+mn-cs"/>
                </a:rPr>
                <a:t>1.6M+ NEW CANCER DIAGNOSES</a:t>
              </a:r>
            </a:p>
            <a:p>
              <a:pPr marL="0" marR="0" lvl="0" indent="0" algn="r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133" b="0" i="0" u="none" strike="noStrike" kern="1200" cap="none" spc="0" normalizeH="0" baseline="0" noProof="0" dirty="0">
                  <a:ln>
                    <a:noFill/>
                  </a:ln>
                  <a:solidFill>
                    <a:srgbClr val="55565A"/>
                  </a:solidFill>
                  <a:effectLst/>
                  <a:uLnTx/>
                  <a:uFillTx/>
                  <a:latin typeface="Calibri" pitchFamily="34" charset="0"/>
                  <a:ea typeface="+mn-ea"/>
                  <a:cs typeface="+mn-cs"/>
                </a:rPr>
                <a:t>650k receiving outpatient chemo</a:t>
              </a:r>
            </a:p>
          </p:txBody>
        </p:sp>
      </p:grpSp>
      <p:sp>
        <p:nvSpPr>
          <p:cNvPr id="44" name="Half Frame 43"/>
          <p:cNvSpPr/>
          <p:nvPr/>
        </p:nvSpPr>
        <p:spPr>
          <a:xfrm rot="16361713">
            <a:off x="7476104" y="4976769"/>
            <a:ext cx="368763" cy="368763"/>
          </a:xfrm>
          <a:prstGeom prst="halfFrame">
            <a:avLst>
              <a:gd name="adj1" fmla="val 12783"/>
              <a:gd name="adj2" fmla="val 12783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noProof="0">
              <a:ln>
                <a:noFill/>
              </a:ln>
              <a:solidFill>
                <a:srgbClr val="0F56DC"/>
              </a:solidFill>
              <a:effectLst/>
              <a:uLnTx/>
              <a:uFillTx/>
              <a:latin typeface="Myriad Web Pro"/>
              <a:ea typeface="+mn-ea"/>
              <a:cs typeface="+mn-cs"/>
            </a:endParaRPr>
          </a:p>
        </p:txBody>
      </p:sp>
      <p:sp>
        <p:nvSpPr>
          <p:cNvPr id="45" name="Half Frame 44"/>
          <p:cNvSpPr/>
          <p:nvPr/>
        </p:nvSpPr>
        <p:spPr>
          <a:xfrm rot="1567033">
            <a:off x="4995456" y="4565252"/>
            <a:ext cx="368763" cy="368763"/>
          </a:xfrm>
          <a:prstGeom prst="halfFrame">
            <a:avLst>
              <a:gd name="adj1" fmla="val 12783"/>
              <a:gd name="adj2" fmla="val 12783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1200" cap="none" spc="0" normalizeH="0" baseline="0" noProof="0">
              <a:ln>
                <a:noFill/>
              </a:ln>
              <a:solidFill>
                <a:srgbClr val="0F56DC"/>
              </a:solidFill>
              <a:effectLst/>
              <a:uLnTx/>
              <a:uFillTx/>
              <a:latin typeface="Myriad Web Pro"/>
              <a:ea typeface="+mn-ea"/>
              <a:cs typeface="+mn-cs"/>
            </a:endParaRPr>
          </a:p>
        </p:txBody>
      </p:sp>
      <p:sp>
        <p:nvSpPr>
          <p:cNvPr id="31" name="TextBox 30"/>
          <p:cNvSpPr txBox="1"/>
          <p:nvPr/>
        </p:nvSpPr>
        <p:spPr>
          <a:xfrm>
            <a:off x="96822" y="4061405"/>
            <a:ext cx="4214744" cy="78989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srgbClr val="55565A"/>
                </a:solidFill>
                <a:effectLst/>
                <a:uLnTx/>
                <a:uFillTx/>
                <a:latin typeface="Calibri" pitchFamily="34" charset="0"/>
                <a:ea typeface="+mn-ea"/>
                <a:cs typeface="+mn-cs"/>
              </a:rPr>
              <a:t>468k ON DIALYSIS</a:t>
            </a:r>
          </a:p>
          <a:p>
            <a:pPr marL="0" marR="0" lvl="0" indent="0" algn="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133" b="0" i="0" u="none" strike="noStrike" kern="1200" cap="none" spc="0" normalizeH="0" baseline="0" noProof="0" dirty="0">
                <a:ln>
                  <a:noFill/>
                </a:ln>
                <a:solidFill>
                  <a:srgbClr val="55565A"/>
                </a:solidFill>
                <a:effectLst/>
                <a:uLnTx/>
                <a:uFillTx/>
                <a:latin typeface="Calibri" pitchFamily="34" charset="0"/>
                <a:ea typeface="+mn-ea"/>
                <a:cs typeface="+mn-cs"/>
              </a:rPr>
              <a:t>193k kidney transplants (total living)</a:t>
            </a:r>
          </a:p>
        </p:txBody>
      </p:sp>
      <p:pic>
        <p:nvPicPr>
          <p:cNvPr id="29" name="Picture 28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48325" y="3271237"/>
            <a:ext cx="949863" cy="2205041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5">
            <a:duotone>
              <a:schemeClr val="accent5">
                <a:shade val="45000"/>
                <a:satMod val="135000"/>
              </a:schemeClr>
              <a:prstClr val="white"/>
            </a:duotone>
          </a:blip>
          <a:srcRect l="14022" t="5436" r="12283" b="12627"/>
          <a:stretch/>
        </p:blipFill>
        <p:spPr>
          <a:xfrm>
            <a:off x="7089313" y="2339028"/>
            <a:ext cx="643323" cy="646176"/>
          </a:xfrm>
          <a:prstGeom prst="ellipse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 rotWithShape="1">
          <a:blip r:embed="rId6">
            <a:duotone>
              <a:schemeClr val="accent5">
                <a:shade val="45000"/>
                <a:satMod val="135000"/>
              </a:schemeClr>
              <a:prstClr val="white"/>
            </a:duotone>
          </a:blip>
          <a:srcRect l="10116" t="10286" r="11929" b="10446"/>
          <a:stretch/>
        </p:blipFill>
        <p:spPr>
          <a:xfrm>
            <a:off x="7096707" y="5720237"/>
            <a:ext cx="594552" cy="590252"/>
          </a:xfrm>
          <a:prstGeom prst="ellipse">
            <a:avLst/>
          </a:prstGeom>
        </p:spPr>
      </p:pic>
    </p:spTree>
    <p:extLst>
      <p:ext uri="{BB962C8B-B14F-4D97-AF65-F5344CB8AC3E}">
        <p14:creationId xmlns:p14="http://schemas.microsoft.com/office/powerpoint/2010/main" val="16032521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19449" y="274639"/>
            <a:ext cx="10972800" cy="715961"/>
          </a:xfrm>
        </p:spPr>
        <p:txBody>
          <a:bodyPr>
            <a:normAutofit/>
          </a:bodyPr>
          <a:lstStyle/>
          <a:p>
            <a:r>
              <a:rPr lang="en-US" sz="3600" dirty="0" smtClean="0">
                <a:solidFill>
                  <a:srgbClr val="0039A6"/>
                </a:solidFill>
              </a:rPr>
              <a:t>New Drugs Alone Are Not Enough…</a:t>
            </a:r>
            <a:endParaRPr lang="en-US" sz="3600" dirty="0">
              <a:solidFill>
                <a:srgbClr val="0039A6"/>
              </a:solidFill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383825" y="2620579"/>
            <a:ext cx="4402665" cy="17340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eaLnBrk="1" hangingPunct="1">
              <a:spcBef>
                <a:spcPct val="20000"/>
              </a:spcBef>
              <a:buClr>
                <a:srgbClr val="005DAA"/>
              </a:buClr>
            </a:pPr>
            <a:r>
              <a:rPr lang="en-US" sz="2667" b="1" i="1" dirty="0">
                <a:solidFill>
                  <a:srgbClr val="0039A6"/>
                </a:solidFill>
                <a:latin typeface="Calibri" panose="020F0502020204030204" pitchFamily="34" charset="0"/>
              </a:rPr>
              <a:t>Combating AR requires comprehensive, aggressive action across the U.S. gov’t and around the globe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0" y="1371600"/>
            <a:ext cx="7293863" cy="48578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06434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793447"/>
          </a:xfrm>
        </p:spPr>
        <p:txBody>
          <a:bodyPr/>
          <a:lstStyle/>
          <a:p>
            <a:r>
              <a:rPr lang="en-US" dirty="0" smtClean="0"/>
              <a:t>Antibiotic Use Drives Resistance</a:t>
            </a:r>
            <a:endParaRPr lang="en-US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sz="1100" dirty="0">
                <a:hlinkClick r:id="rId3"/>
              </a:rPr>
              <a:t>http://</a:t>
            </a:r>
            <a:r>
              <a:rPr lang="en-US" sz="1100" dirty="0" smtClean="0">
                <a:hlinkClick r:id="rId3"/>
              </a:rPr>
              <a:t>www.cdc.gov/drugresistance/about.html</a:t>
            </a:r>
            <a:endParaRPr lang="en-US" sz="1100" dirty="0" smtClean="0"/>
          </a:p>
          <a:p>
            <a:pPr marL="0" indent="0">
              <a:buNone/>
            </a:pPr>
            <a:endParaRPr lang="en-US" sz="1100" dirty="0"/>
          </a:p>
        </p:txBody>
      </p:sp>
      <p:sp>
        <p:nvSpPr>
          <p:cNvPr id="34" name="TextBox 33"/>
          <p:cNvSpPr txBox="1"/>
          <p:nvPr/>
        </p:nvSpPr>
        <p:spPr>
          <a:xfrm>
            <a:off x="3272994" y="2855531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US" dirty="0">
              <a:latin typeface="Calibri" panose="020F0502020204030204" pitchFamily="34" charset="0"/>
            </a:endParaRPr>
          </a:p>
        </p:txBody>
      </p:sp>
      <p:grpSp>
        <p:nvGrpSpPr>
          <p:cNvPr id="15" name="Group 14"/>
          <p:cNvGrpSpPr/>
          <p:nvPr/>
        </p:nvGrpSpPr>
        <p:grpSpPr>
          <a:xfrm>
            <a:off x="1887920" y="1676401"/>
            <a:ext cx="7619241" cy="1864676"/>
            <a:chOff x="1108861" y="1255404"/>
            <a:chExt cx="9472857" cy="2086716"/>
          </a:xfrm>
        </p:grpSpPr>
        <p:sp>
          <p:nvSpPr>
            <p:cNvPr id="4" name="TextBox 3"/>
            <p:cNvSpPr txBox="1"/>
            <p:nvPr/>
          </p:nvSpPr>
          <p:spPr>
            <a:xfrm>
              <a:off x="3884417" y="1255404"/>
              <a:ext cx="4487917" cy="41331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 dirty="0">
                  <a:latin typeface="Calibri" panose="020F0502020204030204" pitchFamily="34" charset="0"/>
                </a:rPr>
                <a:t>Date of antibiotic introduction</a:t>
              </a:r>
            </a:p>
          </p:txBody>
        </p:sp>
        <p:cxnSp>
          <p:nvCxnSpPr>
            <p:cNvPr id="12" name="Straight Connector 11"/>
            <p:cNvCxnSpPr/>
            <p:nvPr/>
          </p:nvCxnSpPr>
          <p:spPr>
            <a:xfrm>
              <a:off x="3087266" y="2447272"/>
              <a:ext cx="264920" cy="894848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" name="Straight Connector 2"/>
            <p:cNvCxnSpPr/>
            <p:nvPr/>
          </p:nvCxnSpPr>
          <p:spPr>
            <a:xfrm>
              <a:off x="1108861" y="3333334"/>
              <a:ext cx="9343657" cy="8786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Straight Connector 9"/>
            <p:cNvCxnSpPr/>
            <p:nvPr/>
          </p:nvCxnSpPr>
          <p:spPr>
            <a:xfrm>
              <a:off x="1977930" y="2463845"/>
              <a:ext cx="260721" cy="869489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Straight Connector 12"/>
            <p:cNvCxnSpPr/>
            <p:nvPr/>
          </p:nvCxnSpPr>
          <p:spPr>
            <a:xfrm>
              <a:off x="5330591" y="2460513"/>
              <a:ext cx="260721" cy="869489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Straight Connector 16"/>
            <p:cNvCxnSpPr/>
            <p:nvPr/>
          </p:nvCxnSpPr>
          <p:spPr>
            <a:xfrm>
              <a:off x="8235231" y="2463845"/>
              <a:ext cx="260721" cy="869489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Straight Connector 18"/>
            <p:cNvCxnSpPr/>
            <p:nvPr/>
          </p:nvCxnSpPr>
          <p:spPr>
            <a:xfrm>
              <a:off x="9712649" y="2463845"/>
              <a:ext cx="260721" cy="869489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" name="TextBox 20"/>
            <p:cNvSpPr txBox="1"/>
            <p:nvPr/>
          </p:nvSpPr>
          <p:spPr>
            <a:xfrm>
              <a:off x="1282674" y="1772785"/>
              <a:ext cx="1260152" cy="60608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dirty="0">
                  <a:latin typeface="Calibri" panose="020F0502020204030204" pitchFamily="34" charset="0"/>
                </a:rPr>
                <a:t>Penicillin </a:t>
              </a:r>
            </a:p>
            <a:p>
              <a:pPr algn="ctr"/>
              <a:r>
                <a:rPr lang="en-US" sz="1400" dirty="0">
                  <a:latin typeface="Calibri" panose="020F0502020204030204" pitchFamily="34" charset="0"/>
                </a:rPr>
                <a:t>1943</a:t>
              </a:r>
            </a:p>
          </p:txBody>
        </p:sp>
        <p:sp>
          <p:nvSpPr>
            <p:cNvPr id="22" name="TextBox 21"/>
            <p:cNvSpPr txBox="1"/>
            <p:nvPr/>
          </p:nvSpPr>
          <p:spPr>
            <a:xfrm>
              <a:off x="2542824" y="1772785"/>
              <a:ext cx="1260152" cy="60608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dirty="0">
                  <a:latin typeface="Calibri" panose="020F0502020204030204" pitchFamily="34" charset="0"/>
                </a:rPr>
                <a:t>Methicillin </a:t>
              </a:r>
            </a:p>
            <a:p>
              <a:pPr algn="ctr"/>
              <a:r>
                <a:rPr lang="en-US" sz="1400" dirty="0">
                  <a:latin typeface="Calibri" panose="020F0502020204030204" pitchFamily="34" charset="0"/>
                </a:rPr>
                <a:t>1960</a:t>
              </a:r>
            </a:p>
          </p:txBody>
        </p:sp>
        <p:sp>
          <p:nvSpPr>
            <p:cNvPr id="23" name="TextBox 22"/>
            <p:cNvSpPr txBox="1"/>
            <p:nvPr/>
          </p:nvSpPr>
          <p:spPr>
            <a:xfrm>
              <a:off x="4541685" y="1787577"/>
              <a:ext cx="1694685" cy="60608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dirty="0">
                  <a:latin typeface="Calibri" panose="020F0502020204030204" pitchFamily="34" charset="0"/>
                </a:rPr>
                <a:t>Vancomycin</a:t>
              </a:r>
            </a:p>
            <a:p>
              <a:pPr algn="ctr"/>
              <a:r>
                <a:rPr lang="en-US" sz="1400" dirty="0">
                  <a:latin typeface="Calibri" panose="020F0502020204030204" pitchFamily="34" charset="0"/>
                </a:rPr>
                <a:t>1972</a:t>
              </a:r>
            </a:p>
          </p:txBody>
        </p:sp>
        <p:sp>
          <p:nvSpPr>
            <p:cNvPr id="24" name="TextBox 23"/>
            <p:cNvSpPr txBox="1"/>
            <p:nvPr/>
          </p:nvSpPr>
          <p:spPr>
            <a:xfrm>
              <a:off x="7105440" y="1787577"/>
              <a:ext cx="1694685" cy="60608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dirty="0">
                  <a:latin typeface="Calibri" panose="020F0502020204030204" pitchFamily="34" charset="0"/>
                </a:rPr>
                <a:t>Levofloxacin</a:t>
              </a:r>
            </a:p>
            <a:p>
              <a:pPr algn="ctr"/>
              <a:r>
                <a:rPr lang="en-US" sz="1400" dirty="0">
                  <a:latin typeface="Calibri" panose="020F0502020204030204" pitchFamily="34" charset="0"/>
                </a:rPr>
                <a:t>1996</a:t>
              </a:r>
            </a:p>
          </p:txBody>
        </p:sp>
        <p:sp>
          <p:nvSpPr>
            <p:cNvPr id="26" name="TextBox 25"/>
            <p:cNvSpPr txBox="1"/>
            <p:nvPr/>
          </p:nvSpPr>
          <p:spPr>
            <a:xfrm>
              <a:off x="8887033" y="1787577"/>
              <a:ext cx="1694685" cy="60608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dirty="0">
                  <a:latin typeface="Calibri" panose="020F0502020204030204" pitchFamily="34" charset="0"/>
                </a:rPr>
                <a:t>Ceftaroline</a:t>
              </a:r>
            </a:p>
            <a:p>
              <a:pPr algn="ctr"/>
              <a:r>
                <a:rPr lang="en-US" sz="1400" dirty="0">
                  <a:latin typeface="Calibri" panose="020F0502020204030204" pitchFamily="34" charset="0"/>
                </a:rPr>
                <a:t>2010</a:t>
              </a:r>
            </a:p>
          </p:txBody>
        </p:sp>
      </p:grpSp>
      <p:grpSp>
        <p:nvGrpSpPr>
          <p:cNvPr id="14" name="Group 13"/>
          <p:cNvGrpSpPr/>
          <p:nvPr/>
        </p:nvGrpSpPr>
        <p:grpSpPr>
          <a:xfrm>
            <a:off x="1664677" y="3544055"/>
            <a:ext cx="8065727" cy="1979615"/>
            <a:chOff x="848140" y="3330002"/>
            <a:chExt cx="10124660" cy="2198416"/>
          </a:xfrm>
        </p:grpSpPr>
        <p:sp>
          <p:nvSpPr>
            <p:cNvPr id="9" name="TextBox 8"/>
            <p:cNvSpPr txBox="1"/>
            <p:nvPr/>
          </p:nvSpPr>
          <p:spPr>
            <a:xfrm>
              <a:off x="3841905" y="5118265"/>
              <a:ext cx="4448003" cy="41015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 dirty="0">
                  <a:latin typeface="Calibri" panose="020F0502020204030204" pitchFamily="34" charset="0"/>
                </a:rPr>
                <a:t>Date of resistance identified</a:t>
              </a:r>
            </a:p>
          </p:txBody>
        </p:sp>
        <p:cxnSp>
          <p:nvCxnSpPr>
            <p:cNvPr id="29" name="Straight Connector 28"/>
            <p:cNvCxnSpPr/>
            <p:nvPr/>
          </p:nvCxnSpPr>
          <p:spPr>
            <a:xfrm flipH="1">
              <a:off x="1854313" y="3330002"/>
              <a:ext cx="123618" cy="872821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0" name="Straight Connector 29"/>
            <p:cNvCxnSpPr/>
            <p:nvPr/>
          </p:nvCxnSpPr>
          <p:spPr>
            <a:xfrm flipH="1">
              <a:off x="3505545" y="3333334"/>
              <a:ext cx="123618" cy="872821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Straight Connector 30"/>
            <p:cNvCxnSpPr/>
            <p:nvPr/>
          </p:nvCxnSpPr>
          <p:spPr>
            <a:xfrm flipH="1">
              <a:off x="6931627" y="3333334"/>
              <a:ext cx="123618" cy="872821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Straight Connector 31"/>
            <p:cNvCxnSpPr/>
            <p:nvPr/>
          </p:nvCxnSpPr>
          <p:spPr>
            <a:xfrm flipH="1">
              <a:off x="8372334" y="3333334"/>
              <a:ext cx="123618" cy="872821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3" name="Straight Connector 32"/>
            <p:cNvCxnSpPr/>
            <p:nvPr/>
          </p:nvCxnSpPr>
          <p:spPr>
            <a:xfrm flipH="1">
              <a:off x="10023566" y="3333334"/>
              <a:ext cx="123618" cy="872821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5" name="TextBox 34"/>
            <p:cNvSpPr txBox="1"/>
            <p:nvPr/>
          </p:nvSpPr>
          <p:spPr>
            <a:xfrm>
              <a:off x="848140" y="4206166"/>
              <a:ext cx="2085767" cy="82030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dirty="0">
                  <a:latin typeface="Calibri" panose="020F0502020204030204" pitchFamily="34" charset="0"/>
                </a:rPr>
                <a:t>1940</a:t>
              </a:r>
            </a:p>
            <a:p>
              <a:pPr algn="ctr"/>
              <a:r>
                <a:rPr lang="en-US" sz="1400" dirty="0">
                  <a:latin typeface="Calibri" panose="020F0502020204030204" pitchFamily="34" charset="0"/>
                </a:rPr>
                <a:t>Penicillin-R </a:t>
              </a:r>
            </a:p>
            <a:p>
              <a:pPr algn="ctr"/>
              <a:r>
                <a:rPr lang="en-US" sz="1400" i="1" dirty="0">
                  <a:latin typeface="Calibri" panose="020F0502020204030204" pitchFamily="34" charset="0"/>
                </a:rPr>
                <a:t>Staphylococcus</a:t>
              </a:r>
            </a:p>
          </p:txBody>
        </p:sp>
        <p:sp>
          <p:nvSpPr>
            <p:cNvPr id="36" name="TextBox 35"/>
            <p:cNvSpPr txBox="1"/>
            <p:nvPr/>
          </p:nvSpPr>
          <p:spPr>
            <a:xfrm>
              <a:off x="2586279" y="4202823"/>
              <a:ext cx="2085767" cy="82030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dirty="0">
                  <a:latin typeface="Calibri" panose="020F0502020204030204" pitchFamily="34" charset="0"/>
                </a:rPr>
                <a:t>1962</a:t>
              </a:r>
            </a:p>
            <a:p>
              <a:pPr algn="ctr"/>
              <a:r>
                <a:rPr lang="en-US" sz="1400" dirty="0">
                  <a:latin typeface="Calibri" panose="020F0502020204030204" pitchFamily="34" charset="0"/>
                </a:rPr>
                <a:t>Methicillin-R</a:t>
              </a:r>
            </a:p>
            <a:p>
              <a:pPr algn="ctr"/>
              <a:r>
                <a:rPr lang="en-US" sz="1400" i="1" dirty="0">
                  <a:latin typeface="Calibri" panose="020F0502020204030204" pitchFamily="34" charset="0"/>
                </a:rPr>
                <a:t>Staphylococcus</a:t>
              </a:r>
            </a:p>
          </p:txBody>
        </p:sp>
        <p:sp>
          <p:nvSpPr>
            <p:cNvPr id="37" name="TextBox 36"/>
            <p:cNvSpPr txBox="1"/>
            <p:nvPr/>
          </p:nvSpPr>
          <p:spPr>
            <a:xfrm>
              <a:off x="5653120" y="4105412"/>
              <a:ext cx="2085767" cy="82030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dirty="0">
                  <a:latin typeface="Calibri" panose="020F0502020204030204" pitchFamily="34" charset="0"/>
                </a:rPr>
                <a:t>1988</a:t>
              </a:r>
            </a:p>
            <a:p>
              <a:pPr algn="ctr"/>
              <a:r>
                <a:rPr lang="en-US" sz="1400" dirty="0">
                  <a:latin typeface="Calibri" panose="020F0502020204030204" pitchFamily="34" charset="0"/>
                </a:rPr>
                <a:t>Vancomycin-R</a:t>
              </a:r>
            </a:p>
            <a:p>
              <a:pPr algn="ctr"/>
              <a:r>
                <a:rPr lang="en-US" sz="1400" i="1" dirty="0">
                  <a:latin typeface="Calibri" panose="020F0502020204030204" pitchFamily="34" charset="0"/>
                </a:rPr>
                <a:t>Enterococcus</a:t>
              </a:r>
            </a:p>
          </p:txBody>
        </p:sp>
        <p:sp>
          <p:nvSpPr>
            <p:cNvPr id="39" name="TextBox 38"/>
            <p:cNvSpPr txBox="1"/>
            <p:nvPr/>
          </p:nvSpPr>
          <p:spPr>
            <a:xfrm>
              <a:off x="7242542" y="4105412"/>
              <a:ext cx="2085767" cy="82030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dirty="0">
                  <a:latin typeface="Calibri" panose="020F0502020204030204" pitchFamily="34" charset="0"/>
                </a:rPr>
                <a:t>1996</a:t>
              </a:r>
            </a:p>
            <a:p>
              <a:pPr algn="ctr"/>
              <a:r>
                <a:rPr lang="en-US" sz="1400" dirty="0">
                  <a:latin typeface="Calibri" panose="020F0502020204030204" pitchFamily="34" charset="0"/>
                </a:rPr>
                <a:t>Levofloxacin-R</a:t>
              </a:r>
            </a:p>
            <a:p>
              <a:pPr algn="ctr"/>
              <a:r>
                <a:rPr lang="en-US" sz="1400" i="1" dirty="0">
                  <a:latin typeface="Calibri" panose="020F0502020204030204" pitchFamily="34" charset="0"/>
                </a:rPr>
                <a:t>Streptococcus</a:t>
              </a:r>
            </a:p>
          </p:txBody>
        </p:sp>
        <p:sp>
          <p:nvSpPr>
            <p:cNvPr id="40" name="TextBox 39"/>
            <p:cNvSpPr txBox="1"/>
            <p:nvPr/>
          </p:nvSpPr>
          <p:spPr>
            <a:xfrm>
              <a:off x="8887033" y="4105412"/>
              <a:ext cx="2085767" cy="82030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dirty="0">
                  <a:latin typeface="Calibri" panose="020F0502020204030204" pitchFamily="34" charset="0"/>
                </a:rPr>
                <a:t>2011</a:t>
              </a:r>
            </a:p>
            <a:p>
              <a:pPr algn="ctr"/>
              <a:r>
                <a:rPr lang="en-US" sz="1400" dirty="0">
                  <a:latin typeface="Calibri" panose="020F0502020204030204" pitchFamily="34" charset="0"/>
                </a:rPr>
                <a:t>Ceftaroline-R</a:t>
              </a:r>
            </a:p>
            <a:p>
              <a:pPr algn="ctr"/>
              <a:r>
                <a:rPr lang="en-US" sz="1400" i="1" dirty="0">
                  <a:latin typeface="Calibri" panose="020F0502020204030204" pitchFamily="34" charset="0"/>
                </a:rPr>
                <a:t>Staphylococcu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6200974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1" name="Group 40"/>
          <p:cNvGrpSpPr/>
          <p:nvPr/>
        </p:nvGrpSpPr>
        <p:grpSpPr>
          <a:xfrm>
            <a:off x="433782" y="2141716"/>
            <a:ext cx="4194743" cy="1485451"/>
            <a:chOff x="854811" y="2255970"/>
            <a:chExt cx="4194742" cy="1485450"/>
          </a:xfrm>
        </p:grpSpPr>
        <p:cxnSp>
          <p:nvCxnSpPr>
            <p:cNvPr id="4" name="OTLSHAPE_M_8e49b0833d564f50bbbdfaba6ce721b3_Connector1"/>
            <p:cNvCxnSpPr>
              <a:stCxn id="15" idx="0"/>
            </p:cNvCxnSpPr>
            <p:nvPr>
              <p:custDataLst>
                <p:tags r:id="rId31"/>
              </p:custDataLst>
            </p:nvPr>
          </p:nvCxnSpPr>
          <p:spPr>
            <a:xfrm flipH="1">
              <a:off x="854811" y="2384849"/>
              <a:ext cx="2251" cy="1356571"/>
            </a:xfrm>
            <a:prstGeom prst="line">
              <a:avLst/>
            </a:prstGeom>
            <a:ln w="7620" cap="flat" cmpd="sng" algn="ctr">
              <a:solidFill>
                <a:srgbClr val="0072BC">
                  <a:alpha val="49804"/>
                </a:srgb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OTLSHAPE_M_8e49b0833d564f50bbbdfaba6ce721b3_Shape"/>
            <p:cNvSpPr/>
            <p:nvPr>
              <p:custDataLst>
                <p:tags r:id="rId32"/>
              </p:custDataLst>
            </p:nvPr>
          </p:nvSpPr>
          <p:spPr>
            <a:xfrm rot="16200000">
              <a:off x="857060" y="2302298"/>
              <a:ext cx="165100" cy="165100"/>
            </a:xfrm>
            <a:prstGeom prst="flowChartMerge">
              <a:avLst/>
            </a:prstGeom>
            <a:solidFill>
              <a:srgbClr val="0072BC"/>
            </a:solidFill>
            <a:ln w="25400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354"/>
              <a:endParaRPr lang="en-US" sz="2400">
                <a:solidFill>
                  <a:srgbClr val="FFC000"/>
                </a:solidFill>
                <a:latin typeface="Myriad Web Pro"/>
              </a:endParaRPr>
            </a:p>
          </p:txBody>
        </p:sp>
        <p:sp>
          <p:nvSpPr>
            <p:cNvPr id="17" name="TextBox 16"/>
            <p:cNvSpPr txBox="1"/>
            <p:nvPr/>
          </p:nvSpPr>
          <p:spPr>
            <a:xfrm>
              <a:off x="980474" y="2255970"/>
              <a:ext cx="4069079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defTabSz="914354"/>
              <a:r>
                <a:rPr lang="en-US" sz="1600" b="1" dirty="0">
                  <a:solidFill>
                    <a:srgbClr val="7F7F7F"/>
                  </a:solidFill>
                  <a:latin typeface="Calibri" panose="020F0502020204030204" pitchFamily="34" charset="0"/>
                </a:rPr>
                <a:t>CDC’s </a:t>
              </a:r>
              <a:r>
                <a:rPr lang="en-US" sz="1600" b="1" i="1" dirty="0">
                  <a:solidFill>
                    <a:srgbClr val="7F7F7F"/>
                  </a:solidFill>
                  <a:latin typeface="Calibri" panose="020F0502020204030204" pitchFamily="34" charset="0"/>
                </a:rPr>
                <a:t>AR Threat Report</a:t>
              </a:r>
            </a:p>
          </p:txBody>
        </p:sp>
        <p:pic>
          <p:nvPicPr>
            <p:cNvPr id="18" name="Picture 17"/>
            <p:cNvPicPr>
              <a:picLocks noChangeAspect="1"/>
            </p:cNvPicPr>
            <p:nvPr/>
          </p:nvPicPr>
          <p:blipFill>
            <a:blip r:embed="rId35"/>
            <a:stretch>
              <a:fillRect/>
            </a:stretch>
          </p:blipFill>
          <p:spPr>
            <a:xfrm>
              <a:off x="1120188" y="2602707"/>
              <a:ext cx="861353" cy="1113486"/>
            </a:xfrm>
            <a:prstGeom prst="rect">
              <a:avLst/>
            </a:prstGeom>
          </p:spPr>
        </p:pic>
      </p:grpSp>
      <p:grpSp>
        <p:nvGrpSpPr>
          <p:cNvPr id="36" name="Group 35"/>
          <p:cNvGrpSpPr/>
          <p:nvPr/>
        </p:nvGrpSpPr>
        <p:grpSpPr>
          <a:xfrm>
            <a:off x="10268682" y="3624633"/>
            <a:ext cx="158503" cy="1504719"/>
            <a:chOff x="10642263" y="3773761"/>
            <a:chExt cx="165100" cy="1504719"/>
          </a:xfrm>
        </p:grpSpPr>
        <p:cxnSp>
          <p:nvCxnSpPr>
            <p:cNvPr id="56" name="OTLSHAPE_M_8e49b0833d564f50bbbdfaba6ce721b3_Connector1"/>
            <p:cNvCxnSpPr>
              <a:stCxn id="57" idx="0"/>
            </p:cNvCxnSpPr>
            <p:nvPr>
              <p:custDataLst>
                <p:tags r:id="rId29"/>
              </p:custDataLst>
            </p:nvPr>
          </p:nvCxnSpPr>
          <p:spPr>
            <a:xfrm flipV="1">
              <a:off x="10642263" y="3773761"/>
              <a:ext cx="7799" cy="1422169"/>
            </a:xfrm>
            <a:prstGeom prst="line">
              <a:avLst/>
            </a:prstGeom>
            <a:ln w="7620" cap="flat" cmpd="sng" algn="ctr">
              <a:solidFill>
                <a:srgbClr val="0072BC">
                  <a:alpha val="49804"/>
                </a:srgb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7" name="OTLSHAPE_M_8e49b0833d564f50bbbdfaba6ce721b3_Shape"/>
            <p:cNvSpPr/>
            <p:nvPr>
              <p:custDataLst>
                <p:tags r:id="rId30"/>
              </p:custDataLst>
            </p:nvPr>
          </p:nvSpPr>
          <p:spPr>
            <a:xfrm rot="5400000" flipV="1">
              <a:off x="10642263" y="5113380"/>
              <a:ext cx="165100" cy="165100"/>
            </a:xfrm>
            <a:prstGeom prst="flowChartMerge">
              <a:avLst/>
            </a:prstGeom>
            <a:solidFill>
              <a:srgbClr val="0072BC"/>
            </a:solidFill>
            <a:ln w="25400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354"/>
              <a:endParaRPr lang="en-US" sz="2400">
                <a:solidFill>
                  <a:srgbClr val="FFC000"/>
                </a:solidFill>
                <a:latin typeface="Myriad Web Pro"/>
              </a:endParaRPr>
            </a:p>
          </p:txBody>
        </p:sp>
      </p:grpSp>
      <p:cxnSp>
        <p:nvCxnSpPr>
          <p:cNvPr id="48" name="OTLSHAPE_M_8e49b0833d564f50bbbdfaba6ce721b3_Connector1"/>
          <p:cNvCxnSpPr>
            <a:stCxn id="51" idx="0"/>
          </p:cNvCxnSpPr>
          <p:nvPr>
            <p:custDataLst>
              <p:tags r:id="rId1"/>
            </p:custDataLst>
          </p:nvPr>
        </p:nvCxnSpPr>
        <p:spPr>
          <a:xfrm flipH="1" flipV="1">
            <a:off x="6335723" y="3750890"/>
            <a:ext cx="1275" cy="1586629"/>
          </a:xfrm>
          <a:prstGeom prst="line">
            <a:avLst/>
          </a:prstGeom>
          <a:ln w="7620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OTLSHAPE_M_8e49b0833d564f50bbbdfaba6ce721b3_Shape"/>
          <p:cNvSpPr/>
          <p:nvPr>
            <p:custDataLst>
              <p:tags r:id="rId2"/>
            </p:custDataLst>
          </p:nvPr>
        </p:nvSpPr>
        <p:spPr>
          <a:xfrm rot="5400000" flipV="1">
            <a:off x="6336998" y="5254969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4"/>
            <a:endParaRPr lang="en-US" sz="2400">
              <a:solidFill>
                <a:srgbClr val="FFC000"/>
              </a:solidFill>
              <a:latin typeface="Myriad Web Pro"/>
            </a:endParaRPr>
          </a:p>
        </p:txBody>
      </p:sp>
      <p:sp>
        <p:nvSpPr>
          <p:cNvPr id="52" name="OTLSHAPE_M_8e49b0833d564f50bbbdfaba6ce721b3_Shape"/>
          <p:cNvSpPr/>
          <p:nvPr>
            <p:custDataLst>
              <p:tags r:id="rId3"/>
            </p:custDataLst>
          </p:nvPr>
        </p:nvSpPr>
        <p:spPr>
          <a:xfrm rot="5400000" flipV="1">
            <a:off x="6341425" y="4596430"/>
            <a:ext cx="165100" cy="165100"/>
          </a:xfrm>
          <a:prstGeom prst="flowChartMerge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4"/>
            <a:endParaRPr lang="en-US" sz="2400">
              <a:solidFill>
                <a:srgbClr val="FFC000"/>
              </a:solidFill>
              <a:latin typeface="Myriad Web Pro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27176" y="245159"/>
            <a:ext cx="12167957" cy="738333"/>
          </a:xfrm>
        </p:spPr>
        <p:txBody>
          <a:bodyPr/>
          <a:lstStyle/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National Momentum on </a:t>
            </a:r>
            <a:r>
              <a:rPr lang="en-US" dirty="0" smtClean="0">
                <a:solidFill>
                  <a:schemeClr val="accent1">
                    <a:lumMod val="50000"/>
                  </a:schemeClr>
                </a:solidFill>
              </a:rPr>
              <a:t>AR: Post CDC Threat Report</a:t>
            </a:r>
            <a:endParaRPr lang="en-US" dirty="0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5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-289366" y="3625267"/>
            <a:ext cx="12836324" cy="381000"/>
          </a:xfrm>
          <a:prstGeom prst="roundRect">
            <a:avLst>
              <a:gd name="adj" fmla="val 100000"/>
            </a:avLst>
          </a:prstGeom>
          <a:solidFill>
            <a:srgbClr val="44546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54"/>
            <a:endParaRPr lang="en-US" sz="2400">
              <a:solidFill>
                <a:srgbClr val="FFC000"/>
              </a:solidFill>
              <a:latin typeface="Myriad Web Pro"/>
            </a:endParaRPr>
          </a:p>
        </p:txBody>
      </p:sp>
      <p:sp>
        <p:nvSpPr>
          <p:cNvPr id="6" name="OTLSHAPE_TB_00000000000000000000000000000000_TimescaleInterval1"/>
          <p:cNvSpPr txBox="1"/>
          <p:nvPr>
            <p:custDataLst>
              <p:tags r:id="rId5"/>
            </p:custDataLst>
          </p:nvPr>
        </p:nvSpPr>
        <p:spPr>
          <a:xfrm>
            <a:off x="528279" y="3707502"/>
            <a:ext cx="34176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354"/>
            <a:r>
              <a:rPr lang="en-US" sz="2000" spc="-15" dirty="0">
                <a:solidFill>
                  <a:srgbClr val="FFFFFF"/>
                </a:solidFill>
                <a:latin typeface="Calibri" panose="020F0502020204030204" pitchFamily="34" charset="0"/>
              </a:rPr>
              <a:t>2013	</a:t>
            </a:r>
          </a:p>
        </p:txBody>
      </p:sp>
      <p:cxnSp>
        <p:nvCxnSpPr>
          <p:cNvPr id="7" name="OTLSHAPE_TB_00000000000000000000000000000000_Separator1"/>
          <p:cNvCxnSpPr/>
          <p:nvPr>
            <p:custDataLst>
              <p:tags r:id="rId6"/>
            </p:custDataLst>
          </p:nvPr>
        </p:nvCxnSpPr>
        <p:spPr>
          <a:xfrm>
            <a:off x="2270735" y="3694784"/>
            <a:ext cx="0" cy="254000"/>
          </a:xfrm>
          <a:prstGeom prst="line">
            <a:avLst/>
          </a:prstGeom>
          <a:ln w="9525" cap="flat" cmpd="sng" algn="ctr">
            <a:solidFill>
              <a:schemeClr val="dk2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OTLSHAPE_TB_00000000000000000000000000000000_TimescaleInterval2"/>
          <p:cNvSpPr txBox="1"/>
          <p:nvPr>
            <p:custDataLst>
              <p:tags r:id="rId7"/>
            </p:custDataLst>
          </p:nvPr>
        </p:nvSpPr>
        <p:spPr>
          <a:xfrm>
            <a:off x="2334259" y="3713519"/>
            <a:ext cx="7547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354"/>
            <a:r>
              <a:rPr lang="en-US" sz="2000" spc="-27" dirty="0">
                <a:solidFill>
                  <a:srgbClr val="FFFFFF"/>
                </a:solidFill>
                <a:latin typeface="Calibri" panose="020F0502020204030204" pitchFamily="34" charset="0"/>
              </a:rPr>
              <a:t>2014</a:t>
            </a:r>
          </a:p>
        </p:txBody>
      </p:sp>
      <p:cxnSp>
        <p:nvCxnSpPr>
          <p:cNvPr id="9" name="OTLSHAPE_TB_00000000000000000000000000000000_Separator2"/>
          <p:cNvCxnSpPr/>
          <p:nvPr>
            <p:custDataLst>
              <p:tags r:id="rId8"/>
            </p:custDataLst>
          </p:nvPr>
        </p:nvCxnSpPr>
        <p:spPr>
          <a:xfrm>
            <a:off x="4305313" y="3694784"/>
            <a:ext cx="0" cy="254000"/>
          </a:xfrm>
          <a:prstGeom prst="line">
            <a:avLst/>
          </a:prstGeom>
          <a:ln w="9525" cap="flat" cmpd="sng" algn="ctr">
            <a:solidFill>
              <a:schemeClr val="dk2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3"/>
          <p:cNvSpPr txBox="1"/>
          <p:nvPr>
            <p:custDataLst>
              <p:tags r:id="rId9"/>
            </p:custDataLst>
          </p:nvPr>
        </p:nvSpPr>
        <p:spPr>
          <a:xfrm>
            <a:off x="4429799" y="3713519"/>
            <a:ext cx="7547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354"/>
            <a:r>
              <a:rPr lang="en-US" sz="2000" spc="-27" dirty="0">
                <a:solidFill>
                  <a:srgbClr val="FFFFFF"/>
                </a:solidFill>
                <a:latin typeface="Calibri" panose="020F0502020204030204" pitchFamily="34" charset="0"/>
              </a:rPr>
              <a:t>2015</a:t>
            </a:r>
          </a:p>
        </p:txBody>
      </p:sp>
      <p:cxnSp>
        <p:nvCxnSpPr>
          <p:cNvPr id="11" name="OTLSHAPE_TB_00000000000000000000000000000000_Separator3"/>
          <p:cNvCxnSpPr/>
          <p:nvPr>
            <p:custDataLst>
              <p:tags r:id="rId10"/>
            </p:custDataLst>
          </p:nvPr>
        </p:nvCxnSpPr>
        <p:spPr>
          <a:xfrm>
            <a:off x="6339891" y="3694784"/>
            <a:ext cx="0" cy="254000"/>
          </a:xfrm>
          <a:prstGeom prst="line">
            <a:avLst/>
          </a:prstGeom>
          <a:ln w="9525" cap="flat" cmpd="sng" algn="ctr">
            <a:solidFill>
              <a:schemeClr val="dk2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6403417" y="3713519"/>
            <a:ext cx="7547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354"/>
            <a:r>
              <a:rPr lang="en-US" sz="2000" spc="-27" dirty="0">
                <a:solidFill>
                  <a:srgbClr val="FFFFFF"/>
                </a:solidFill>
                <a:latin typeface="Calibri" panose="020F0502020204030204" pitchFamily="34" charset="0"/>
              </a:rPr>
              <a:t>2016</a:t>
            </a:r>
          </a:p>
        </p:txBody>
      </p:sp>
      <p:cxnSp>
        <p:nvCxnSpPr>
          <p:cNvPr id="13" name="OTLSHAPE_TB_00000000000000000000000000000000_Separator4"/>
          <p:cNvCxnSpPr/>
          <p:nvPr>
            <p:custDataLst>
              <p:tags r:id="rId12"/>
            </p:custDataLst>
          </p:nvPr>
        </p:nvCxnSpPr>
        <p:spPr>
          <a:xfrm>
            <a:off x="8374471" y="3694784"/>
            <a:ext cx="0" cy="254000"/>
          </a:xfrm>
          <a:prstGeom prst="line">
            <a:avLst/>
          </a:prstGeom>
          <a:ln w="9525" cap="flat" cmpd="sng" algn="ctr">
            <a:solidFill>
              <a:schemeClr val="dk2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5"/>
          <p:cNvSpPr txBox="1"/>
          <p:nvPr>
            <p:custDataLst>
              <p:tags r:id="rId13"/>
            </p:custDataLst>
          </p:nvPr>
        </p:nvSpPr>
        <p:spPr>
          <a:xfrm>
            <a:off x="8437995" y="3713519"/>
            <a:ext cx="7547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354"/>
            <a:r>
              <a:rPr lang="en-US" sz="2000" spc="-27" dirty="0">
                <a:solidFill>
                  <a:srgbClr val="FFFFFF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6" name="OTLSHAPE_T_d3409b2c3982402cac695c8ba92e0994_EndDate"/>
          <p:cNvSpPr txBox="1"/>
          <p:nvPr>
            <p:custDataLst>
              <p:tags r:id="rId14"/>
            </p:custDataLst>
          </p:nvPr>
        </p:nvSpPr>
        <p:spPr>
          <a:xfrm>
            <a:off x="2320145" y="46301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54"/>
            <a:endParaRPr lang="en-US" sz="1000" spc="-23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42" name="Group 41"/>
          <p:cNvGrpSpPr/>
          <p:nvPr/>
        </p:nvGrpSpPr>
        <p:grpSpPr>
          <a:xfrm>
            <a:off x="2255455" y="4012283"/>
            <a:ext cx="3456315" cy="2939216"/>
            <a:chOff x="2784998" y="4190997"/>
            <a:chExt cx="3456314" cy="2939213"/>
          </a:xfrm>
        </p:grpSpPr>
        <p:sp>
          <p:nvSpPr>
            <p:cNvPr id="19" name="Rectangle 18"/>
            <p:cNvSpPr/>
            <p:nvPr/>
          </p:nvSpPr>
          <p:spPr>
            <a:xfrm>
              <a:off x="2961441" y="5466038"/>
              <a:ext cx="3279871" cy="166417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/>
              <a:r>
                <a:rPr lang="en-US" sz="1600" b="1" dirty="0">
                  <a:solidFill>
                    <a:srgbClr val="7F7F7F"/>
                  </a:solidFill>
                  <a:latin typeface="Calibri" panose="020F0502020204030204" pitchFamily="34" charset="0"/>
                </a:rPr>
                <a:t>Executive Order 13676</a:t>
              </a:r>
            </a:p>
            <a:p>
              <a:pPr defTabSz="914354"/>
              <a:endParaRPr lang="en-US" sz="1107" b="1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  <a:p>
              <a:pPr defTabSz="914354"/>
              <a:r>
                <a:rPr lang="en-US" sz="1600" b="1" i="1" dirty="0">
                  <a:solidFill>
                    <a:srgbClr val="7F7F7F"/>
                  </a:solidFill>
                  <a:latin typeface="Calibri" panose="020F0502020204030204" pitchFamily="34" charset="0"/>
                </a:rPr>
                <a:t>National Strategy on CARB</a:t>
              </a:r>
            </a:p>
            <a:p>
              <a:pPr defTabSz="914354"/>
              <a:endParaRPr lang="en-US" sz="1107" b="1" i="1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  <a:p>
              <a:pPr defTabSz="914354"/>
              <a:r>
                <a:rPr lang="en-US" sz="1600" b="1" dirty="0">
                  <a:solidFill>
                    <a:srgbClr val="7F7F7F"/>
                  </a:solidFill>
                  <a:latin typeface="Calibri" panose="020F0502020204030204" pitchFamily="34" charset="0"/>
                </a:rPr>
                <a:t>President’s Council of Advisors on Science &amp; Technology Report</a:t>
              </a:r>
            </a:p>
            <a:p>
              <a:pPr defTabSz="914354"/>
              <a:endParaRPr lang="en-US" sz="1600" b="1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</p:txBody>
        </p:sp>
        <p:grpSp>
          <p:nvGrpSpPr>
            <p:cNvPr id="20" name="Group 19"/>
            <p:cNvGrpSpPr/>
            <p:nvPr/>
          </p:nvGrpSpPr>
          <p:grpSpPr>
            <a:xfrm>
              <a:off x="2784998" y="4190997"/>
              <a:ext cx="180525" cy="2366957"/>
              <a:chOff x="3272678" y="3428997"/>
              <a:chExt cx="180525" cy="2366957"/>
            </a:xfrm>
          </p:grpSpPr>
          <p:cxnSp>
            <p:nvCxnSpPr>
              <p:cNvPr id="21" name="OTLSHAPE_M_8e49b0833d564f50bbbdfaba6ce721b3_Connector1"/>
              <p:cNvCxnSpPr/>
              <p:nvPr>
                <p:custDataLst>
                  <p:tags r:id="rId25"/>
                </p:custDataLst>
              </p:nvPr>
            </p:nvCxnSpPr>
            <p:spPr>
              <a:xfrm flipV="1">
                <a:off x="3272678" y="3428997"/>
                <a:ext cx="15425" cy="2316477"/>
              </a:xfrm>
              <a:prstGeom prst="line">
                <a:avLst/>
              </a:prstGeom>
              <a:ln w="7620" cap="flat" cmpd="sng" algn="ctr">
                <a:solidFill>
                  <a:srgbClr val="0072BC">
                    <a:alpha val="49804"/>
                  </a:srgb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2" name="OTLSHAPE_M_8e49b0833d564f50bbbdfaba6ce721b3_Shape"/>
              <p:cNvSpPr/>
              <p:nvPr>
                <p:custDataLst>
                  <p:tags r:id="rId26"/>
                </p:custDataLst>
              </p:nvPr>
            </p:nvSpPr>
            <p:spPr>
              <a:xfrm rot="5400000" flipV="1">
                <a:off x="3272678" y="5630854"/>
                <a:ext cx="165100" cy="165100"/>
              </a:xfrm>
              <a:prstGeom prst="flowChartMerge">
                <a:avLst/>
              </a:prstGeom>
              <a:solidFill>
                <a:srgbClr val="0072BC"/>
              </a:solidFill>
              <a:ln w="25400" cap="flat" cmpd="sng" algn="ctr">
                <a:noFill/>
                <a:prstDash val="solid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254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354"/>
                <a:endParaRPr lang="en-US" sz="2400">
                  <a:solidFill>
                    <a:srgbClr val="FFC000"/>
                  </a:solidFill>
                  <a:latin typeface="Myriad Web Pro"/>
                </a:endParaRPr>
              </a:p>
            </p:txBody>
          </p:sp>
          <p:sp>
            <p:nvSpPr>
              <p:cNvPr id="23" name="OTLSHAPE_M_8e49b0833d564f50bbbdfaba6ce721b3_Shape"/>
              <p:cNvSpPr/>
              <p:nvPr>
                <p:custDataLst>
                  <p:tags r:id="rId27"/>
                </p:custDataLst>
              </p:nvPr>
            </p:nvSpPr>
            <p:spPr>
              <a:xfrm rot="5400000" flipV="1">
                <a:off x="3274603" y="5214842"/>
                <a:ext cx="165100" cy="165100"/>
              </a:xfrm>
              <a:prstGeom prst="flowChartMerge">
                <a:avLst/>
              </a:prstGeom>
              <a:solidFill>
                <a:srgbClr val="0072BC"/>
              </a:solidFill>
              <a:ln w="25400" cap="flat" cmpd="sng" algn="ctr">
                <a:noFill/>
                <a:prstDash val="solid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254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354"/>
                <a:endParaRPr lang="en-US" sz="2400">
                  <a:solidFill>
                    <a:srgbClr val="FFC000"/>
                  </a:solidFill>
                  <a:latin typeface="Myriad Web Pro"/>
                </a:endParaRPr>
              </a:p>
            </p:txBody>
          </p:sp>
          <p:sp>
            <p:nvSpPr>
              <p:cNvPr id="24" name="OTLSHAPE_M_8e49b0833d564f50bbbdfaba6ce721b3_Shape"/>
              <p:cNvSpPr/>
              <p:nvPr>
                <p:custDataLst>
                  <p:tags r:id="rId28"/>
                </p:custDataLst>
              </p:nvPr>
            </p:nvSpPr>
            <p:spPr>
              <a:xfrm rot="5400000" flipV="1">
                <a:off x="3288103" y="4809436"/>
                <a:ext cx="165100" cy="165100"/>
              </a:xfrm>
              <a:prstGeom prst="flowChartMerge">
                <a:avLst/>
              </a:prstGeom>
              <a:solidFill>
                <a:srgbClr val="0072BC"/>
              </a:solidFill>
              <a:ln w="25400" cap="flat" cmpd="sng" algn="ctr">
                <a:noFill/>
                <a:prstDash val="solid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254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354"/>
                <a:endParaRPr lang="en-US" sz="2400">
                  <a:solidFill>
                    <a:srgbClr val="FFC000"/>
                  </a:solidFill>
                  <a:latin typeface="Myriad Web Pro"/>
                </a:endParaRPr>
              </a:p>
            </p:txBody>
          </p:sp>
        </p:grpSp>
        <p:pic>
          <p:nvPicPr>
            <p:cNvPr id="25" name="Picture 24"/>
            <p:cNvPicPr>
              <a:picLocks noChangeAspect="1"/>
            </p:cNvPicPr>
            <p:nvPr/>
          </p:nvPicPr>
          <p:blipFill rotWithShape="1">
            <a:blip r:embed="rId36"/>
            <a:srcRect t="1155"/>
            <a:stretch/>
          </p:blipFill>
          <p:spPr>
            <a:xfrm>
              <a:off x="3896200" y="4225436"/>
              <a:ext cx="979162" cy="1252928"/>
            </a:xfrm>
            <a:prstGeom prst="rect">
              <a:avLst/>
            </a:prstGeom>
            <a:ln w="3175">
              <a:solidFill>
                <a:schemeClr val="accent4">
                  <a:lumMod val="20000"/>
                  <a:lumOff val="80000"/>
                </a:schemeClr>
              </a:solidFill>
            </a:ln>
          </p:spPr>
        </p:pic>
        <p:pic>
          <p:nvPicPr>
            <p:cNvPr id="26" name="Picture 25"/>
            <p:cNvPicPr>
              <a:picLocks noChangeAspect="1"/>
            </p:cNvPicPr>
            <p:nvPr/>
          </p:nvPicPr>
          <p:blipFill>
            <a:blip r:embed="rId37"/>
            <a:stretch>
              <a:fillRect/>
            </a:stretch>
          </p:blipFill>
          <p:spPr>
            <a:xfrm>
              <a:off x="2882368" y="4225436"/>
              <a:ext cx="968805" cy="1252928"/>
            </a:xfrm>
            <a:prstGeom prst="rect">
              <a:avLst/>
            </a:prstGeom>
            <a:ln w="3175">
              <a:solidFill>
                <a:schemeClr val="accent4">
                  <a:lumMod val="20000"/>
                  <a:lumOff val="80000"/>
                </a:schemeClr>
              </a:solidFill>
            </a:ln>
          </p:spPr>
        </p:pic>
      </p:grpSp>
      <p:grpSp>
        <p:nvGrpSpPr>
          <p:cNvPr id="43" name="Group 42"/>
          <p:cNvGrpSpPr/>
          <p:nvPr/>
        </p:nvGrpSpPr>
        <p:grpSpPr>
          <a:xfrm>
            <a:off x="4305313" y="1471823"/>
            <a:ext cx="4034784" cy="2402838"/>
            <a:chOff x="5138308" y="1656554"/>
            <a:chExt cx="4034783" cy="2402836"/>
          </a:xfrm>
        </p:grpSpPr>
        <p:sp>
          <p:nvSpPr>
            <p:cNvPr id="27" name="Rectangle 26"/>
            <p:cNvSpPr/>
            <p:nvPr/>
          </p:nvSpPr>
          <p:spPr>
            <a:xfrm>
              <a:off x="5297624" y="1656554"/>
              <a:ext cx="3875467" cy="2402836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/>
              <a:r>
                <a:rPr lang="en-US" sz="1600" b="1" i="1" dirty="0">
                  <a:solidFill>
                    <a:srgbClr val="7F7F7F"/>
                  </a:solidFill>
                  <a:latin typeface="Calibri" panose="020F0502020204030204" pitchFamily="34" charset="0"/>
                </a:rPr>
                <a:t>National Action Plan for CARB</a:t>
              </a:r>
            </a:p>
            <a:p>
              <a:pPr defTabSz="914354"/>
              <a:endParaRPr lang="en-US" sz="1107" b="1" i="1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  <a:p>
              <a:pPr defTabSz="914354"/>
              <a:r>
                <a:rPr lang="en-US" sz="1600" b="1" dirty="0">
                  <a:solidFill>
                    <a:srgbClr val="7F7F7F"/>
                  </a:solidFill>
                  <a:latin typeface="Calibri" panose="020F0502020204030204" pitchFamily="34" charset="0"/>
                </a:rPr>
                <a:t>White House Antibiotic                      Stewardship Forum</a:t>
              </a:r>
            </a:p>
            <a:p>
              <a:pPr defTabSz="914354"/>
              <a:endParaRPr lang="en-US" sz="1107" b="1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  <a:p>
              <a:pPr defTabSz="914354"/>
              <a:r>
                <a:rPr lang="en-US" sz="1600" b="1" dirty="0">
                  <a:solidFill>
                    <a:srgbClr val="7F7F7F"/>
                  </a:solidFill>
                  <a:latin typeface="Calibri" panose="020F0502020204030204" pitchFamily="34" charset="0"/>
                </a:rPr>
                <a:t>Presidential Advisory                              Committee established</a:t>
              </a:r>
            </a:p>
            <a:p>
              <a:pPr defTabSz="914354">
                <a:lnSpc>
                  <a:spcPct val="150000"/>
                </a:lnSpc>
              </a:pPr>
              <a:endParaRPr lang="en-US" sz="1600" b="1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  <a:p>
              <a:pPr defTabSz="914354">
                <a:lnSpc>
                  <a:spcPct val="150000"/>
                </a:lnSpc>
              </a:pPr>
              <a:endParaRPr lang="en-US" sz="1600" b="1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</p:txBody>
        </p:sp>
        <p:grpSp>
          <p:nvGrpSpPr>
            <p:cNvPr id="28" name="Group 27"/>
            <p:cNvGrpSpPr/>
            <p:nvPr/>
          </p:nvGrpSpPr>
          <p:grpSpPr>
            <a:xfrm flipV="1">
              <a:off x="5138308" y="1758378"/>
              <a:ext cx="167825" cy="2050984"/>
              <a:chOff x="3284253" y="3434107"/>
              <a:chExt cx="167825" cy="2050984"/>
            </a:xfrm>
          </p:grpSpPr>
          <p:cxnSp>
            <p:nvCxnSpPr>
              <p:cNvPr id="29" name="OTLSHAPE_M_8e49b0833d564f50bbbdfaba6ce721b3_Connector1"/>
              <p:cNvCxnSpPr>
                <a:stCxn id="30" idx="0"/>
              </p:cNvCxnSpPr>
              <p:nvPr>
                <p:custDataLst>
                  <p:tags r:id="rId21"/>
                </p:custDataLst>
              </p:nvPr>
            </p:nvCxnSpPr>
            <p:spPr>
              <a:xfrm flipV="1">
                <a:off x="3284253" y="3434107"/>
                <a:ext cx="0" cy="1968435"/>
              </a:xfrm>
              <a:prstGeom prst="line">
                <a:avLst/>
              </a:prstGeom>
              <a:ln w="7620" cap="flat" cmpd="sng" algn="ctr">
                <a:solidFill>
                  <a:srgbClr val="0072BC">
                    <a:alpha val="49804"/>
                  </a:srgb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30" name="OTLSHAPE_M_8e49b0833d564f50bbbdfaba6ce721b3_Shape"/>
              <p:cNvSpPr/>
              <p:nvPr>
                <p:custDataLst>
                  <p:tags r:id="rId22"/>
                </p:custDataLst>
              </p:nvPr>
            </p:nvSpPr>
            <p:spPr>
              <a:xfrm rot="5400000" flipV="1">
                <a:off x="3284253" y="5319991"/>
                <a:ext cx="165100" cy="165100"/>
              </a:xfrm>
              <a:prstGeom prst="flowChartMerge">
                <a:avLst/>
              </a:prstGeom>
              <a:solidFill>
                <a:srgbClr val="0072BC"/>
              </a:solidFill>
              <a:ln w="25400" cap="flat" cmpd="sng" algn="ctr">
                <a:noFill/>
                <a:prstDash val="solid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254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354"/>
                <a:endParaRPr lang="en-US" sz="2400">
                  <a:solidFill>
                    <a:srgbClr val="FFC000"/>
                  </a:solidFill>
                  <a:latin typeface="Myriad Web Pro"/>
                </a:endParaRPr>
              </a:p>
            </p:txBody>
          </p:sp>
          <p:sp>
            <p:nvSpPr>
              <p:cNvPr id="31" name="OTLSHAPE_M_8e49b0833d564f50bbbdfaba6ce721b3_Shape"/>
              <p:cNvSpPr/>
              <p:nvPr>
                <p:custDataLst>
                  <p:tags r:id="rId23"/>
                </p:custDataLst>
              </p:nvPr>
            </p:nvSpPr>
            <p:spPr>
              <a:xfrm rot="5400000" flipV="1">
                <a:off x="3286178" y="4907200"/>
                <a:ext cx="165100" cy="165100"/>
              </a:xfrm>
              <a:prstGeom prst="flowChartMerge">
                <a:avLst/>
              </a:prstGeom>
              <a:solidFill>
                <a:srgbClr val="0072BC"/>
              </a:solidFill>
              <a:ln w="25400" cap="flat" cmpd="sng" algn="ctr">
                <a:noFill/>
                <a:prstDash val="solid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254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354"/>
                <a:endParaRPr lang="en-US" sz="2400">
                  <a:solidFill>
                    <a:srgbClr val="FFC000"/>
                  </a:solidFill>
                  <a:latin typeface="Myriad Web Pro"/>
                </a:endParaRPr>
              </a:p>
            </p:txBody>
          </p:sp>
          <p:sp>
            <p:nvSpPr>
              <p:cNvPr id="32" name="OTLSHAPE_M_8e49b0833d564f50bbbdfaba6ce721b3_Shape"/>
              <p:cNvSpPr/>
              <p:nvPr>
                <p:custDataLst>
                  <p:tags r:id="rId24"/>
                </p:custDataLst>
              </p:nvPr>
            </p:nvSpPr>
            <p:spPr>
              <a:xfrm rot="5400000" flipV="1">
                <a:off x="3286978" y="4259429"/>
                <a:ext cx="165100" cy="165100"/>
              </a:xfrm>
              <a:prstGeom prst="flowChartMerge">
                <a:avLst/>
              </a:prstGeom>
              <a:solidFill>
                <a:srgbClr val="0072BC"/>
              </a:solidFill>
              <a:ln w="25400" cap="flat" cmpd="sng" algn="ctr">
                <a:noFill/>
                <a:prstDash val="solid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254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354"/>
                <a:endParaRPr lang="en-US" sz="2400">
                  <a:solidFill>
                    <a:srgbClr val="FFC000"/>
                  </a:solidFill>
                  <a:latin typeface="Myriad Web Pro"/>
                </a:endParaRPr>
              </a:p>
            </p:txBody>
          </p:sp>
        </p:grpSp>
        <p:pic>
          <p:nvPicPr>
            <p:cNvPr id="33" name="Picture 32"/>
            <p:cNvPicPr>
              <a:picLocks noChangeAspect="1"/>
            </p:cNvPicPr>
            <p:nvPr/>
          </p:nvPicPr>
          <p:blipFill>
            <a:blip r:embed="rId38"/>
            <a:stretch>
              <a:fillRect/>
            </a:stretch>
          </p:blipFill>
          <p:spPr>
            <a:xfrm>
              <a:off x="7498821" y="2508606"/>
              <a:ext cx="969264" cy="1254742"/>
            </a:xfrm>
            <a:prstGeom prst="rect">
              <a:avLst/>
            </a:prstGeom>
            <a:ln>
              <a:solidFill>
                <a:schemeClr val="accent4">
                  <a:lumMod val="20000"/>
                  <a:lumOff val="80000"/>
                </a:schemeClr>
              </a:solidFill>
            </a:ln>
          </p:spPr>
        </p:pic>
      </p:grpSp>
      <p:sp>
        <p:nvSpPr>
          <p:cNvPr id="34" name="TextBox 33"/>
          <p:cNvSpPr txBox="1"/>
          <p:nvPr/>
        </p:nvSpPr>
        <p:spPr>
          <a:xfrm>
            <a:off x="6506514" y="4494815"/>
            <a:ext cx="3440247" cy="12464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54"/>
            <a:r>
              <a:rPr lang="en-US" sz="1600" b="1" dirty="0">
                <a:solidFill>
                  <a:srgbClr val="7F7F7F"/>
                </a:solidFill>
                <a:latin typeface="Calibri" panose="020F0502020204030204" pitchFamily="34" charset="0"/>
              </a:rPr>
              <a:t>Congress appropriates funding to implement CARB activities</a:t>
            </a:r>
          </a:p>
          <a:p>
            <a:pPr defTabSz="914354"/>
            <a:endParaRPr lang="en-US" sz="1100" b="1" dirty="0">
              <a:solidFill>
                <a:srgbClr val="7F7F7F"/>
              </a:solidFill>
              <a:latin typeface="Calibri" panose="020F0502020204030204" pitchFamily="34" charset="0"/>
            </a:endParaRPr>
          </a:p>
          <a:p>
            <a:pPr defTabSz="914354"/>
            <a:r>
              <a:rPr lang="en-US" sz="1600" b="1" dirty="0">
                <a:solidFill>
                  <a:srgbClr val="7F7F7F"/>
                </a:solidFill>
                <a:latin typeface="Calibri" panose="020F0502020204030204" pitchFamily="34" charset="0"/>
              </a:rPr>
              <a:t>U.S. engagement on UN General Assembly High Level Meeting on AMR</a:t>
            </a:r>
          </a:p>
        </p:txBody>
      </p:sp>
      <p:grpSp>
        <p:nvGrpSpPr>
          <p:cNvPr id="45" name="Group 44"/>
          <p:cNvGrpSpPr/>
          <p:nvPr/>
        </p:nvGrpSpPr>
        <p:grpSpPr>
          <a:xfrm>
            <a:off x="8374302" y="1468401"/>
            <a:ext cx="3443028" cy="2145847"/>
            <a:chOff x="9165975" y="1647115"/>
            <a:chExt cx="3443028" cy="2145846"/>
          </a:xfrm>
        </p:grpSpPr>
        <p:sp>
          <p:nvSpPr>
            <p:cNvPr id="37" name="Rectangle 36"/>
            <p:cNvSpPr/>
            <p:nvPr/>
          </p:nvSpPr>
          <p:spPr>
            <a:xfrm>
              <a:off x="9339183" y="1647115"/>
              <a:ext cx="3269820" cy="124649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54"/>
              <a:r>
                <a:rPr lang="en-US" sz="1600" b="1" dirty="0">
                  <a:solidFill>
                    <a:srgbClr val="7F7F7F"/>
                  </a:solidFill>
                  <a:latin typeface="Calibri" panose="020F0502020204030204" pitchFamily="34" charset="0"/>
                </a:rPr>
                <a:t>Executive Order reestablishes                                                                   Presidential Advisory Committee</a:t>
              </a:r>
            </a:p>
            <a:p>
              <a:pPr defTabSz="914354"/>
              <a:endParaRPr lang="en-US" sz="1100" b="1" dirty="0">
                <a:solidFill>
                  <a:srgbClr val="7F7F7F"/>
                </a:solidFill>
                <a:latin typeface="Calibri" panose="020F0502020204030204" pitchFamily="34" charset="0"/>
              </a:endParaRPr>
            </a:p>
            <a:p>
              <a:pPr defTabSz="914354"/>
              <a:r>
                <a:rPr lang="en-US" sz="1600" b="1" dirty="0">
                  <a:solidFill>
                    <a:srgbClr val="7F7F7F"/>
                  </a:solidFill>
                  <a:latin typeface="Calibri" panose="020F0502020204030204" pitchFamily="34" charset="0"/>
                </a:rPr>
                <a:t>Presidential Message on                                                                           Antibiotic Awareness Week</a:t>
              </a:r>
            </a:p>
          </p:txBody>
        </p:sp>
        <p:grpSp>
          <p:nvGrpSpPr>
            <p:cNvPr id="44" name="Group 43"/>
            <p:cNvGrpSpPr/>
            <p:nvPr/>
          </p:nvGrpSpPr>
          <p:grpSpPr>
            <a:xfrm>
              <a:off x="9165975" y="1759689"/>
              <a:ext cx="175139" cy="2033272"/>
              <a:chOff x="9165975" y="1759689"/>
              <a:chExt cx="175139" cy="2033272"/>
            </a:xfrm>
          </p:grpSpPr>
          <p:cxnSp>
            <p:nvCxnSpPr>
              <p:cNvPr id="38" name="OTLSHAPE_M_8e49b0833d564f50bbbdfaba6ce721b3_Connector1"/>
              <p:cNvCxnSpPr>
                <a:stCxn id="39" idx="0"/>
              </p:cNvCxnSpPr>
              <p:nvPr>
                <p:custDataLst>
                  <p:tags r:id="rId18"/>
                </p:custDataLst>
              </p:nvPr>
            </p:nvCxnSpPr>
            <p:spPr>
              <a:xfrm flipH="1">
                <a:off x="9165975" y="1842241"/>
                <a:ext cx="8111" cy="1950720"/>
              </a:xfrm>
              <a:prstGeom prst="line">
                <a:avLst/>
              </a:prstGeom>
              <a:ln w="7620" cap="flat" cmpd="sng" algn="ctr">
                <a:solidFill>
                  <a:srgbClr val="0072BC">
                    <a:alpha val="49804"/>
                  </a:srgb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39" name="OTLSHAPE_M_8e49b0833d564f50bbbdfaba6ce721b3_Shape"/>
              <p:cNvSpPr/>
              <p:nvPr>
                <p:custDataLst>
                  <p:tags r:id="rId19"/>
                </p:custDataLst>
              </p:nvPr>
            </p:nvSpPr>
            <p:spPr>
              <a:xfrm rot="16200000">
                <a:off x="9174083" y="1759689"/>
                <a:ext cx="165100" cy="165100"/>
              </a:xfrm>
              <a:prstGeom prst="flowChartMerge">
                <a:avLst/>
              </a:prstGeom>
              <a:solidFill>
                <a:srgbClr val="0072BC"/>
              </a:solidFill>
              <a:ln w="25400" cap="flat" cmpd="sng" algn="ctr">
                <a:noFill/>
                <a:prstDash val="solid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254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354"/>
                <a:endParaRPr lang="en-US" sz="2400">
                  <a:solidFill>
                    <a:srgbClr val="FFC000"/>
                  </a:solidFill>
                  <a:latin typeface="Myriad Web Pro"/>
                </a:endParaRPr>
              </a:p>
            </p:txBody>
          </p:sp>
          <p:sp>
            <p:nvSpPr>
              <p:cNvPr id="40" name="OTLSHAPE_M_8e49b0833d564f50bbbdfaba6ce721b3_Shape"/>
              <p:cNvSpPr/>
              <p:nvPr>
                <p:custDataLst>
                  <p:tags r:id="rId20"/>
                </p:custDataLst>
              </p:nvPr>
            </p:nvSpPr>
            <p:spPr>
              <a:xfrm rot="16200000">
                <a:off x="9176014" y="2409801"/>
                <a:ext cx="165100" cy="165100"/>
              </a:xfrm>
              <a:prstGeom prst="flowChartMerge">
                <a:avLst/>
              </a:prstGeom>
              <a:solidFill>
                <a:srgbClr val="0072BC"/>
              </a:solidFill>
              <a:ln w="25400" cap="flat" cmpd="sng" algn="ctr">
                <a:noFill/>
                <a:prstDash val="solid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254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354"/>
                <a:endParaRPr lang="en-US" sz="2400">
                  <a:solidFill>
                    <a:srgbClr val="FFC000"/>
                  </a:solidFill>
                  <a:latin typeface="Myriad Web Pro"/>
                </a:endParaRPr>
              </a:p>
            </p:txBody>
          </p:sp>
        </p:grpSp>
      </p:grpSp>
      <p:cxnSp>
        <p:nvCxnSpPr>
          <p:cNvPr id="58" name="OTLSHAPE_TB_00000000000000000000000000000000_Separator3"/>
          <p:cNvCxnSpPr/>
          <p:nvPr>
            <p:custDataLst>
              <p:tags r:id="rId15"/>
            </p:custDataLst>
          </p:nvPr>
        </p:nvCxnSpPr>
        <p:spPr>
          <a:xfrm>
            <a:off x="10280648" y="3694145"/>
            <a:ext cx="0" cy="254000"/>
          </a:xfrm>
          <a:prstGeom prst="line">
            <a:avLst/>
          </a:prstGeom>
          <a:ln w="9525" cap="flat" cmpd="sng" algn="ctr">
            <a:solidFill>
              <a:schemeClr val="dk2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" name="OTLSHAPE_TB_00000000000000000000000000000000_TimescaleInterval4"/>
          <p:cNvSpPr txBox="1"/>
          <p:nvPr>
            <p:custDataLst>
              <p:tags r:id="rId16"/>
            </p:custDataLst>
          </p:nvPr>
        </p:nvSpPr>
        <p:spPr>
          <a:xfrm>
            <a:off x="10344174" y="3712881"/>
            <a:ext cx="724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354"/>
            <a:r>
              <a:rPr lang="en-US" sz="2000" spc="-27" dirty="0">
                <a:solidFill>
                  <a:srgbClr val="FFFFFF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60" name="TextBox 59"/>
          <p:cNvSpPr txBox="1"/>
          <p:nvPr/>
        </p:nvSpPr>
        <p:spPr>
          <a:xfrm>
            <a:off x="10393286" y="4865009"/>
            <a:ext cx="1760597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54"/>
            <a:r>
              <a:rPr lang="en-US" sz="1600" b="1" dirty="0">
                <a:solidFill>
                  <a:srgbClr val="7F7F7F"/>
                </a:solidFill>
                <a:latin typeface="Calibri" panose="020F0502020204030204" pitchFamily="34" charset="0"/>
              </a:rPr>
              <a:t>Planned U.S. engagement on 2</a:t>
            </a:r>
            <a:r>
              <a:rPr lang="en-US" sz="1600" b="1" baseline="30000" dirty="0">
                <a:solidFill>
                  <a:srgbClr val="7F7F7F"/>
                </a:solidFill>
                <a:latin typeface="Calibri" panose="020F0502020204030204" pitchFamily="34" charset="0"/>
              </a:rPr>
              <a:t>nd</a:t>
            </a:r>
            <a:r>
              <a:rPr lang="en-US" sz="1600" b="1" dirty="0">
                <a:solidFill>
                  <a:srgbClr val="7F7F7F"/>
                </a:solidFill>
                <a:latin typeface="Calibri" panose="020F0502020204030204" pitchFamily="34" charset="0"/>
              </a:rPr>
              <a:t> UN General Assembly High Level Meeting on AMR</a:t>
            </a:r>
          </a:p>
        </p:txBody>
      </p:sp>
      <p:cxnSp>
        <p:nvCxnSpPr>
          <p:cNvPr id="61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437925" y="3690772"/>
            <a:ext cx="0" cy="254000"/>
          </a:xfrm>
          <a:prstGeom prst="line">
            <a:avLst/>
          </a:prstGeom>
          <a:ln w="9525" cap="flat" cmpd="sng" algn="ctr">
            <a:solidFill>
              <a:schemeClr val="dk2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5129548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981200" y="228600"/>
            <a:ext cx="8229600" cy="1143000"/>
          </a:xfrm>
        </p:spPr>
        <p:txBody>
          <a:bodyPr/>
          <a:lstStyle/>
          <a:p>
            <a:r>
              <a:rPr lang="en-US" sz="2667" dirty="0"/>
              <a:t>National Strategy to Combat Antibiotic Resistant Bacteria, September 2014 – 5 Goals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43874" y="1600200"/>
            <a:ext cx="4619327" cy="4419600"/>
          </a:xfrm>
        </p:spPr>
        <p:txBody>
          <a:bodyPr/>
          <a:lstStyle/>
          <a:p>
            <a:pPr lvl="0">
              <a:buFont typeface="+mj-lt"/>
              <a:buAutoNum type="arabicPeriod"/>
            </a:pPr>
            <a:r>
              <a:rPr lang="en-US" sz="1800" b="0" dirty="0">
                <a:solidFill>
                  <a:schemeClr val="accent6">
                    <a:lumMod val="90000"/>
                    <a:lumOff val="10000"/>
                  </a:schemeClr>
                </a:solidFill>
              </a:rPr>
              <a:t>Slow the Emergence of Resistant Bacteria and Prevent the Spread of Resistant Infections</a:t>
            </a:r>
          </a:p>
          <a:p>
            <a:pPr lvl="0">
              <a:buFont typeface="+mj-lt"/>
              <a:buAutoNum type="arabicPeriod"/>
            </a:pPr>
            <a:r>
              <a:rPr lang="en-US" sz="1800" b="0" dirty="0">
                <a:solidFill>
                  <a:schemeClr val="accent6">
                    <a:lumMod val="90000"/>
                    <a:lumOff val="10000"/>
                  </a:schemeClr>
                </a:solidFill>
              </a:rPr>
              <a:t>Strengthen National One-Health Surveillance Efforts to Combat Resistance</a:t>
            </a:r>
          </a:p>
          <a:p>
            <a:pPr lvl="0">
              <a:buFont typeface="+mj-lt"/>
              <a:buAutoNum type="arabicPeriod"/>
            </a:pPr>
            <a:r>
              <a:rPr lang="en-US" sz="1800" b="0" dirty="0">
                <a:solidFill>
                  <a:schemeClr val="accent6">
                    <a:lumMod val="90000"/>
                    <a:lumOff val="10000"/>
                  </a:schemeClr>
                </a:solidFill>
              </a:rPr>
              <a:t>Advance Development and Use of Rapid and Innovative Diagnostic Tests for Identification and Characterization of Resistant Bacteria  </a:t>
            </a:r>
          </a:p>
          <a:p>
            <a:pPr lvl="0">
              <a:buFont typeface="+mj-lt"/>
              <a:buAutoNum type="arabicPeriod"/>
            </a:pPr>
            <a:r>
              <a:rPr lang="en-US" sz="1800" b="0" dirty="0">
                <a:solidFill>
                  <a:schemeClr val="accent6">
                    <a:lumMod val="90000"/>
                    <a:lumOff val="10000"/>
                  </a:schemeClr>
                </a:solidFill>
              </a:rPr>
              <a:t>Accelerate Research to Develop New Antibiotics and Alternative Therapeutics, and Vaccines</a:t>
            </a:r>
          </a:p>
          <a:p>
            <a:pPr lvl="0">
              <a:buFont typeface="+mj-lt"/>
              <a:buAutoNum type="arabicPeriod"/>
            </a:pPr>
            <a:r>
              <a:rPr lang="en-US" sz="1800" b="0" dirty="0">
                <a:solidFill>
                  <a:schemeClr val="accent6">
                    <a:lumMod val="90000"/>
                    <a:lumOff val="10000"/>
                  </a:schemeClr>
                </a:solidFill>
              </a:rPr>
              <a:t>Improve International Collaboration and Capacities for Disease Prevention and Surveillance and Antibiotic Research and Development</a:t>
            </a:r>
          </a:p>
          <a:p>
            <a:pPr>
              <a:buFont typeface="+mj-lt"/>
              <a:buAutoNum type="arabicPeriod"/>
            </a:pPr>
            <a:endParaRPr lang="en-US" sz="1800" b="0" dirty="0">
              <a:solidFill>
                <a:schemeClr val="accent6">
                  <a:lumMod val="90000"/>
                  <a:lumOff val="10000"/>
                </a:schemeClr>
              </a:solidFill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6147" name="Picture 3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28057" y="1371600"/>
            <a:ext cx="3762675" cy="4876800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8284739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"/>
          <p:cNvGrpSpPr/>
          <p:nvPr/>
        </p:nvGrpSpPr>
        <p:grpSpPr>
          <a:xfrm>
            <a:off x="620652" y="2378075"/>
            <a:ext cx="5874169" cy="731520"/>
            <a:chOff x="465488" y="1513118"/>
            <a:chExt cx="4405627" cy="548640"/>
          </a:xfrm>
        </p:grpSpPr>
        <p:sp>
          <p:nvSpPr>
            <p:cNvPr id="5" name="Oval 4"/>
            <p:cNvSpPr/>
            <p:nvPr/>
          </p:nvSpPr>
          <p:spPr>
            <a:xfrm>
              <a:off x="465488" y="1513118"/>
              <a:ext cx="548640" cy="548640"/>
            </a:xfrm>
            <a:prstGeom prst="ellipse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377"/>
              <a:endParaRPr lang="en-US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6" name="Rectangle 5"/>
            <p:cNvSpPr/>
            <p:nvPr/>
          </p:nvSpPr>
          <p:spPr>
            <a:xfrm>
              <a:off x="1144501" y="1556606"/>
              <a:ext cx="3726614" cy="438581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77"/>
              <a:r>
                <a:rPr lang="en-US" sz="1600" dirty="0">
                  <a:solidFill>
                    <a:srgbClr val="55565A"/>
                  </a:solidFill>
                  <a:latin typeface="Calibri" panose="020F0502020204030204"/>
                  <a:cs typeface="Arial" panose="020B0604020202020204" pitchFamily="34" charset="0"/>
                </a:rPr>
                <a:t>Rapidly identifying drug-resistant foodborne bacteria to stop and solve outbreaks and improve prevention.</a:t>
              </a:r>
            </a:p>
          </p:txBody>
        </p:sp>
        <p:pic>
          <p:nvPicPr>
            <p:cNvPr id="7" name="Picture 2" descr="Image result for fork and knife icon"/>
            <p:cNvPicPr>
              <a:picLocks noChangeAspect="1" noChangeArrowheads="1"/>
            </p:cNvPicPr>
            <p:nvPr/>
          </p:nvPicPr>
          <p:blipFill>
            <a:blip r:embed="rId3" cstate="print">
              <a:lum bright="70000" contrast="-70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97879" y="1617952"/>
              <a:ext cx="338972" cy="338972"/>
            </a:xfrm>
            <a:prstGeom prst="rect">
              <a:avLst/>
            </a:prstGeom>
            <a:noFill/>
            <a:effectLst>
              <a:outerShdw blurRad="50800" dist="38100" dir="10800000" algn="r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8" name="Group 7"/>
          <p:cNvGrpSpPr/>
          <p:nvPr/>
        </p:nvGrpSpPr>
        <p:grpSpPr>
          <a:xfrm>
            <a:off x="620651" y="4446335"/>
            <a:ext cx="6064903" cy="830998"/>
            <a:chOff x="465488" y="3120934"/>
            <a:chExt cx="4548677" cy="623248"/>
          </a:xfrm>
        </p:grpSpPr>
        <p:sp>
          <p:nvSpPr>
            <p:cNvPr id="9" name="Oval 8"/>
            <p:cNvSpPr/>
            <p:nvPr/>
          </p:nvSpPr>
          <p:spPr>
            <a:xfrm>
              <a:off x="465488" y="3169779"/>
              <a:ext cx="565040" cy="548640"/>
            </a:xfrm>
            <a:prstGeom prst="ellipse">
              <a:avLst/>
            </a:prstGeom>
            <a:solidFill>
              <a:srgbClr val="ED7D31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377"/>
              <a:endParaRPr lang="en-US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0" name="Rectangle 9"/>
            <p:cNvSpPr/>
            <p:nvPr/>
          </p:nvSpPr>
          <p:spPr>
            <a:xfrm>
              <a:off x="1136103" y="3120934"/>
              <a:ext cx="3878062" cy="623248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77"/>
              <a:r>
                <a:rPr lang="en-US" sz="1600" dirty="0">
                  <a:solidFill>
                    <a:srgbClr val="55565A"/>
                  </a:solidFill>
                  <a:latin typeface="Calibri" panose="020F0502020204030204"/>
                  <a:cs typeface="Arial" panose="020B0604020202020204" pitchFamily="34" charset="0"/>
                </a:rPr>
                <a:t>Improving international collaboration and capacities for surveillance, infection control, prevention, stewardship, and public health research.</a:t>
              </a:r>
            </a:p>
          </p:txBody>
        </p:sp>
        <p:pic>
          <p:nvPicPr>
            <p:cNvPr id="11" name="Picture 6" descr="Image result for world icon"/>
            <p:cNvPicPr>
              <a:picLocks noChangeAspect="1" noChangeArrowheads="1"/>
            </p:cNvPicPr>
            <p:nvPr/>
          </p:nvPicPr>
          <p:blipFill>
            <a:blip r:embed="rId4" cstate="print">
              <a:lum bright="70000" contrast="-70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83323" y="3282241"/>
              <a:ext cx="333394" cy="323717"/>
            </a:xfrm>
            <a:prstGeom prst="rect">
              <a:avLst/>
            </a:prstGeom>
            <a:noFill/>
            <a:effectLst>
              <a:outerShdw blurRad="50800" dist="38100" dir="10800000" algn="r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12" name="Group 11"/>
          <p:cNvGrpSpPr/>
          <p:nvPr/>
        </p:nvGrpSpPr>
        <p:grpSpPr>
          <a:xfrm>
            <a:off x="620651" y="1343946"/>
            <a:ext cx="5934503" cy="731520"/>
            <a:chOff x="465488" y="755124"/>
            <a:chExt cx="4450877" cy="548640"/>
          </a:xfrm>
        </p:grpSpPr>
        <p:sp>
          <p:nvSpPr>
            <p:cNvPr id="13" name="Oval 12"/>
            <p:cNvSpPr/>
            <p:nvPr/>
          </p:nvSpPr>
          <p:spPr>
            <a:xfrm>
              <a:off x="465488" y="755124"/>
              <a:ext cx="548640" cy="548640"/>
            </a:xfrm>
            <a:prstGeom prst="ellipse">
              <a:avLst/>
            </a:prstGeom>
            <a:solidFill>
              <a:srgbClr val="00206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377"/>
              <a:endParaRPr lang="en-US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14" name="Rectangle 13"/>
            <p:cNvSpPr/>
            <p:nvPr/>
          </p:nvSpPr>
          <p:spPr>
            <a:xfrm>
              <a:off x="1161994" y="798612"/>
              <a:ext cx="3754371" cy="438581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77"/>
              <a:r>
                <a:rPr lang="en-US" sz="1600" dirty="0">
                  <a:solidFill>
                    <a:srgbClr val="55565A"/>
                  </a:solidFill>
                  <a:latin typeface="Calibri" panose="020F0502020204030204"/>
                  <a:cs typeface="Arial" panose="020B0604020202020204" pitchFamily="34" charset="0"/>
                </a:rPr>
                <a:t>Improving antibiotic use and infection prevention, with innovative and proven practices to control spread.</a:t>
              </a:r>
            </a:p>
          </p:txBody>
        </p:sp>
        <p:pic>
          <p:nvPicPr>
            <p:cNvPr id="15" name="Picture 8" descr="Image result for hospital icon"/>
            <p:cNvPicPr>
              <a:picLocks noChangeAspect="1" noChangeArrowheads="1"/>
            </p:cNvPicPr>
            <p:nvPr/>
          </p:nvPicPr>
          <p:blipFill>
            <a:blip r:embed="rId5" cstate="print">
              <a:lum bright="70000" contrast="-70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75078" y="868699"/>
              <a:ext cx="321491" cy="321491"/>
            </a:xfrm>
            <a:prstGeom prst="rect">
              <a:avLst/>
            </a:prstGeom>
            <a:noFill/>
            <a:effectLst>
              <a:outerShdw blurRad="50800" dist="38100" dir="10800000" algn="r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16" name="AutoShape 10" descr="Image result for guy girl icon"/>
          <p:cNvSpPr>
            <a:spLocks noChangeAspect="1" noChangeArrowheads="1"/>
          </p:cNvSpPr>
          <p:nvPr/>
        </p:nvSpPr>
        <p:spPr bwMode="auto">
          <a:xfrm>
            <a:off x="219661" y="226080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914377"/>
            <a:endParaRPr lang="en-US">
              <a:solidFill>
                <a:prstClr val="black"/>
              </a:solidFill>
              <a:latin typeface="Calibri" panose="020F0502020204030204"/>
            </a:endParaRPr>
          </a:p>
        </p:txBody>
      </p:sp>
      <p:grpSp>
        <p:nvGrpSpPr>
          <p:cNvPr id="17" name="Group 16"/>
          <p:cNvGrpSpPr/>
          <p:nvPr/>
        </p:nvGrpSpPr>
        <p:grpSpPr>
          <a:xfrm>
            <a:off x="612776" y="5610717"/>
            <a:ext cx="6155505" cy="731520"/>
            <a:chOff x="459581" y="3955202"/>
            <a:chExt cx="4616629" cy="548640"/>
          </a:xfrm>
        </p:grpSpPr>
        <p:sp>
          <p:nvSpPr>
            <p:cNvPr id="18" name="Rectangle 17"/>
            <p:cNvSpPr/>
            <p:nvPr/>
          </p:nvSpPr>
          <p:spPr>
            <a:xfrm>
              <a:off x="1154418" y="3998690"/>
              <a:ext cx="3921792" cy="438581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77"/>
              <a:r>
                <a:rPr lang="en-US" sz="1600" dirty="0">
                  <a:solidFill>
                    <a:srgbClr val="55565A"/>
                  </a:solidFill>
                  <a:latin typeface="Calibri" panose="020F0502020204030204"/>
                  <a:cs typeface="Arial" panose="020B0604020202020204" pitchFamily="34" charset="0"/>
                </a:rPr>
                <a:t>Exploring unanswered questions about AR and humans, animals, and the environment (e.g., surface water and soil).</a:t>
              </a:r>
            </a:p>
          </p:txBody>
        </p:sp>
        <p:sp>
          <p:nvSpPr>
            <p:cNvPr id="19" name="Oval 18"/>
            <p:cNvSpPr/>
            <p:nvPr/>
          </p:nvSpPr>
          <p:spPr>
            <a:xfrm>
              <a:off x="459581" y="3955202"/>
              <a:ext cx="548640" cy="548640"/>
            </a:xfrm>
            <a:prstGeom prst="ellipse">
              <a:avLst/>
            </a:prstGeom>
            <a:solidFill>
              <a:srgbClr val="70AD4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377"/>
              <a:endParaRPr lang="en-US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pic>
          <p:nvPicPr>
            <p:cNvPr id="20" name="Picture 26" descr="Image result for environment icon"/>
            <p:cNvPicPr>
              <a:picLocks noChangeAspect="1" noChangeArrowheads="1"/>
            </p:cNvPicPr>
            <p:nvPr/>
          </p:nvPicPr>
          <p:blipFill>
            <a:blip r:embed="rId6" cstate="print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BEBA8EAE-BF5A-486C-A8C5-ECC9F3942E4B}">
                  <a14:imgProps xmlns:a14="http://schemas.microsoft.com/office/drawing/2010/main">
                    <a14:imgLayer r:embed="rId7">
                      <a14:imgEffect>
                        <a14:colorTemperature colorTemp="47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23565" y="4021334"/>
              <a:ext cx="416377" cy="416377"/>
            </a:xfrm>
            <a:prstGeom prst="rect">
              <a:avLst/>
            </a:prstGeom>
            <a:noFill/>
            <a:effectLst>
              <a:outerShdw blurRad="50800" dist="38100" dir="10800000" algn="r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21" name="TextBox 20"/>
          <p:cNvSpPr txBox="1"/>
          <p:nvPr/>
        </p:nvSpPr>
        <p:spPr>
          <a:xfrm>
            <a:off x="432457" y="248343"/>
            <a:ext cx="10397836" cy="6667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77"/>
            <a:r>
              <a:rPr lang="en-US" sz="3733" b="1" dirty="0">
                <a:solidFill>
                  <a:srgbClr val="335FB2"/>
                </a:solidFill>
                <a:latin typeface="Calibri" panose="020F0502020204030204"/>
              </a:rPr>
              <a:t>Fighting Antibiotic Resistance Where it Happens</a:t>
            </a:r>
          </a:p>
        </p:txBody>
      </p:sp>
      <p:grpSp>
        <p:nvGrpSpPr>
          <p:cNvPr id="22" name="Group 21"/>
          <p:cNvGrpSpPr/>
          <p:nvPr/>
        </p:nvGrpSpPr>
        <p:grpSpPr>
          <a:xfrm>
            <a:off x="620651" y="3412205"/>
            <a:ext cx="5934503" cy="731520"/>
            <a:chOff x="465488" y="2274119"/>
            <a:chExt cx="4450877" cy="548640"/>
          </a:xfrm>
        </p:grpSpPr>
        <p:sp>
          <p:nvSpPr>
            <p:cNvPr id="23" name="Oval 22"/>
            <p:cNvSpPr/>
            <p:nvPr/>
          </p:nvSpPr>
          <p:spPr>
            <a:xfrm>
              <a:off x="465488" y="2274119"/>
              <a:ext cx="548640" cy="548640"/>
            </a:xfrm>
            <a:prstGeom prst="ellipse">
              <a:avLst/>
            </a:prstGeom>
            <a:solidFill>
              <a:srgbClr val="8FAADC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914377"/>
              <a:endParaRPr lang="en-US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24" name="Rectangle 23"/>
            <p:cNvSpPr/>
            <p:nvPr/>
          </p:nvSpPr>
          <p:spPr>
            <a:xfrm>
              <a:off x="1160325" y="2317607"/>
              <a:ext cx="3756040" cy="438581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77"/>
              <a:r>
                <a:rPr lang="en-US" sz="1600" dirty="0">
                  <a:solidFill>
                    <a:srgbClr val="55565A"/>
                  </a:solidFill>
                  <a:latin typeface="Calibri" panose="020F0502020204030204"/>
                  <a:cs typeface="Arial" panose="020B0604020202020204" pitchFamily="34" charset="0"/>
                </a:rPr>
                <a:t>Detecting, preventing, tracking and treating                            drug-resistant pathogens in the community.</a:t>
              </a:r>
            </a:p>
          </p:txBody>
        </p:sp>
        <p:pic>
          <p:nvPicPr>
            <p:cNvPr id="25" name="Picture 24"/>
            <p:cNvPicPr>
              <a:picLocks noChangeAspect="1"/>
            </p:cNvPicPr>
            <p:nvPr/>
          </p:nvPicPr>
          <p:blipFill>
            <a:blip r:embed="rId8"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9">
                      <a14:imgEffect>
                        <a14:backgroundRemoval t="2767" b="98024" l="2029" r="96812">
                          <a14:foregroundMark x1="13623" y1="18577" x2="13623" y2="18577"/>
                          <a14:foregroundMark x1="30435" y1="17391" x2="30435" y2="17391"/>
                          <a14:foregroundMark x1="47826" y1="11462" x2="47826" y2="11462"/>
                          <a14:foregroundMark x1="69565" y1="16996" x2="69565" y2="16996"/>
                          <a14:foregroundMark x1="85217" y1="19763" x2="85217" y2="19763"/>
                          <a14:foregroundMark x1="85507" y1="43083" x2="85507" y2="43083"/>
                          <a14:foregroundMark x1="70435" y1="43478" x2="70435" y2="43478"/>
                          <a14:foregroundMark x1="29275" y1="45850" x2="29275" y2="45850"/>
                          <a14:foregroundMark x1="13333" y1="45455" x2="13333" y2="45455"/>
                          <a14:backgroundMark x1="42319" y1="45059" x2="42319" y2="45059"/>
                        </a14:backgroundRemoval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>
              <a:off x="556790" y="2411298"/>
              <a:ext cx="374023" cy="274283"/>
            </a:xfrm>
            <a:prstGeom prst="rect">
              <a:avLst/>
            </a:prstGeom>
            <a:effectLst>
              <a:outerShdw blurRad="50800" dist="38100" dir="13500000" algn="br" rotWithShape="0">
                <a:prstClr val="black">
                  <a:alpha val="40000"/>
                </a:prstClr>
              </a:outerShdw>
            </a:effectLst>
          </p:spPr>
        </p:pic>
      </p:grpSp>
      <p:grpSp>
        <p:nvGrpSpPr>
          <p:cNvPr id="26" name="Group 25"/>
          <p:cNvGrpSpPr/>
          <p:nvPr/>
        </p:nvGrpSpPr>
        <p:grpSpPr>
          <a:xfrm>
            <a:off x="6494820" y="1306562"/>
            <a:ext cx="4938651" cy="4937759"/>
            <a:chOff x="5083013" y="720091"/>
            <a:chExt cx="3703988" cy="3703319"/>
          </a:xfrm>
        </p:grpSpPr>
        <p:sp>
          <p:nvSpPr>
            <p:cNvPr id="27" name="Freeform 5"/>
            <p:cNvSpPr>
              <a:spLocks/>
            </p:cNvSpPr>
            <p:nvPr/>
          </p:nvSpPr>
          <p:spPr bwMode="auto">
            <a:xfrm>
              <a:off x="5191487" y="720091"/>
              <a:ext cx="1947619" cy="1538903"/>
            </a:xfrm>
            <a:custGeom>
              <a:avLst/>
              <a:gdLst>
                <a:gd name="T0" fmla="*/ 285 w 559"/>
                <a:gd name="T1" fmla="*/ 442 h 442"/>
                <a:gd name="T2" fmla="*/ 210 w 559"/>
                <a:gd name="T3" fmla="*/ 415 h 442"/>
                <a:gd name="T4" fmla="*/ 145 w 559"/>
                <a:gd name="T5" fmla="*/ 335 h 442"/>
                <a:gd name="T6" fmla="*/ 79 w 559"/>
                <a:gd name="T7" fmla="*/ 379 h 442"/>
                <a:gd name="T8" fmla="*/ 3 w 559"/>
                <a:gd name="T9" fmla="*/ 355 h 442"/>
                <a:gd name="T10" fmla="*/ 0 w 559"/>
                <a:gd name="T11" fmla="*/ 350 h 442"/>
                <a:gd name="T12" fmla="*/ 492 w 559"/>
                <a:gd name="T13" fmla="*/ 0 h 442"/>
                <a:gd name="T14" fmla="*/ 495 w 559"/>
                <a:gd name="T15" fmla="*/ 1 h 442"/>
                <a:gd name="T16" fmla="*/ 496 w 559"/>
                <a:gd name="T17" fmla="*/ 90 h 442"/>
                <a:gd name="T18" fmla="*/ 500 w 559"/>
                <a:gd name="T19" fmla="*/ 94 h 442"/>
                <a:gd name="T20" fmla="*/ 500 w 559"/>
                <a:gd name="T21" fmla="*/ 213 h 442"/>
                <a:gd name="T22" fmla="*/ 496 w 559"/>
                <a:gd name="T23" fmla="*/ 217 h 442"/>
                <a:gd name="T24" fmla="*/ 492 w 559"/>
                <a:gd name="T25" fmla="*/ 302 h 442"/>
                <a:gd name="T26" fmla="*/ 489 w 559"/>
                <a:gd name="T27" fmla="*/ 302 h 442"/>
                <a:gd name="T28" fmla="*/ 481 w 559"/>
                <a:gd name="T29" fmla="*/ 303 h 442"/>
                <a:gd name="T30" fmla="*/ 477 w 559"/>
                <a:gd name="T31" fmla="*/ 303 h 442"/>
                <a:gd name="T32" fmla="*/ 468 w 559"/>
                <a:gd name="T33" fmla="*/ 304 h 442"/>
                <a:gd name="T34" fmla="*/ 461 w 559"/>
                <a:gd name="T35" fmla="*/ 305 h 442"/>
                <a:gd name="T36" fmla="*/ 455 w 559"/>
                <a:gd name="T37" fmla="*/ 306 h 442"/>
                <a:gd name="T38" fmla="*/ 446 w 559"/>
                <a:gd name="T39" fmla="*/ 308 h 442"/>
                <a:gd name="T40" fmla="*/ 442 w 559"/>
                <a:gd name="T41" fmla="*/ 309 h 442"/>
                <a:gd name="T42" fmla="*/ 434 w 559"/>
                <a:gd name="T43" fmla="*/ 312 h 442"/>
                <a:gd name="T44" fmla="*/ 425 w 559"/>
                <a:gd name="T45" fmla="*/ 315 h 442"/>
                <a:gd name="T46" fmla="*/ 417 w 559"/>
                <a:gd name="T47" fmla="*/ 318 h 442"/>
                <a:gd name="T48" fmla="*/ 409 w 559"/>
                <a:gd name="T49" fmla="*/ 321 h 442"/>
                <a:gd name="T50" fmla="*/ 401 w 559"/>
                <a:gd name="T51" fmla="*/ 325 h 442"/>
                <a:gd name="T52" fmla="*/ 393 w 559"/>
                <a:gd name="T53" fmla="*/ 328 h 442"/>
                <a:gd name="T54" fmla="*/ 385 w 559"/>
                <a:gd name="T55" fmla="*/ 333 h 442"/>
                <a:gd name="T56" fmla="*/ 378 w 559"/>
                <a:gd name="T57" fmla="*/ 337 h 442"/>
                <a:gd name="T58" fmla="*/ 371 w 559"/>
                <a:gd name="T59" fmla="*/ 342 h 442"/>
                <a:gd name="T60" fmla="*/ 364 w 559"/>
                <a:gd name="T61" fmla="*/ 347 h 442"/>
                <a:gd name="T62" fmla="*/ 357 w 559"/>
                <a:gd name="T63" fmla="*/ 352 h 442"/>
                <a:gd name="T64" fmla="*/ 350 w 559"/>
                <a:gd name="T65" fmla="*/ 358 h 442"/>
                <a:gd name="T66" fmla="*/ 344 w 559"/>
                <a:gd name="T67" fmla="*/ 363 h 442"/>
                <a:gd name="T68" fmla="*/ 338 w 559"/>
                <a:gd name="T69" fmla="*/ 369 h 442"/>
                <a:gd name="T70" fmla="*/ 289 w 559"/>
                <a:gd name="T71" fmla="*/ 440 h 44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559" h="442">
                  <a:moveTo>
                    <a:pt x="286" y="442"/>
                  </a:moveTo>
                  <a:cubicBezTo>
                    <a:pt x="285" y="442"/>
                    <a:pt x="285" y="442"/>
                    <a:pt x="285" y="442"/>
                  </a:cubicBezTo>
                  <a:cubicBezTo>
                    <a:pt x="213" y="420"/>
                    <a:pt x="213" y="420"/>
                    <a:pt x="213" y="420"/>
                  </a:cubicBezTo>
                  <a:cubicBezTo>
                    <a:pt x="211" y="419"/>
                    <a:pt x="210" y="417"/>
                    <a:pt x="210" y="415"/>
                  </a:cubicBezTo>
                  <a:cubicBezTo>
                    <a:pt x="211" y="411"/>
                    <a:pt x="212" y="406"/>
                    <a:pt x="212" y="402"/>
                  </a:cubicBezTo>
                  <a:cubicBezTo>
                    <a:pt x="212" y="365"/>
                    <a:pt x="182" y="335"/>
                    <a:pt x="145" y="335"/>
                  </a:cubicBezTo>
                  <a:cubicBezTo>
                    <a:pt x="118" y="335"/>
                    <a:pt x="93" y="351"/>
                    <a:pt x="83" y="376"/>
                  </a:cubicBezTo>
                  <a:cubicBezTo>
                    <a:pt x="82" y="378"/>
                    <a:pt x="81" y="379"/>
                    <a:pt x="79" y="379"/>
                  </a:cubicBezTo>
                  <a:cubicBezTo>
                    <a:pt x="79" y="379"/>
                    <a:pt x="78" y="379"/>
                    <a:pt x="78" y="378"/>
                  </a:cubicBezTo>
                  <a:cubicBezTo>
                    <a:pt x="3" y="355"/>
                    <a:pt x="3" y="355"/>
                    <a:pt x="3" y="355"/>
                  </a:cubicBezTo>
                  <a:cubicBezTo>
                    <a:pt x="2" y="355"/>
                    <a:pt x="1" y="354"/>
                    <a:pt x="0" y="353"/>
                  </a:cubicBezTo>
                  <a:cubicBezTo>
                    <a:pt x="0" y="352"/>
                    <a:pt x="0" y="351"/>
                    <a:pt x="0" y="350"/>
                  </a:cubicBezTo>
                  <a:cubicBezTo>
                    <a:pt x="37" y="249"/>
                    <a:pt x="103" y="162"/>
                    <a:pt x="191" y="99"/>
                  </a:cubicBezTo>
                  <a:cubicBezTo>
                    <a:pt x="280" y="36"/>
                    <a:pt x="384" y="2"/>
                    <a:pt x="492" y="0"/>
                  </a:cubicBezTo>
                  <a:cubicBezTo>
                    <a:pt x="492" y="0"/>
                    <a:pt x="492" y="0"/>
                    <a:pt x="492" y="0"/>
                  </a:cubicBezTo>
                  <a:cubicBezTo>
                    <a:pt x="493" y="0"/>
                    <a:pt x="494" y="0"/>
                    <a:pt x="495" y="1"/>
                  </a:cubicBezTo>
                  <a:cubicBezTo>
                    <a:pt x="495" y="2"/>
                    <a:pt x="496" y="3"/>
                    <a:pt x="496" y="4"/>
                  </a:cubicBezTo>
                  <a:cubicBezTo>
                    <a:pt x="496" y="90"/>
                    <a:pt x="496" y="90"/>
                    <a:pt x="496" y="90"/>
                  </a:cubicBezTo>
                  <a:cubicBezTo>
                    <a:pt x="496" y="93"/>
                    <a:pt x="498" y="94"/>
                    <a:pt x="500" y="94"/>
                  </a:cubicBezTo>
                  <a:cubicBezTo>
                    <a:pt x="500" y="94"/>
                    <a:pt x="500" y="94"/>
                    <a:pt x="500" y="94"/>
                  </a:cubicBezTo>
                  <a:cubicBezTo>
                    <a:pt x="533" y="95"/>
                    <a:pt x="559" y="121"/>
                    <a:pt x="559" y="154"/>
                  </a:cubicBezTo>
                  <a:cubicBezTo>
                    <a:pt x="559" y="186"/>
                    <a:pt x="533" y="213"/>
                    <a:pt x="500" y="213"/>
                  </a:cubicBezTo>
                  <a:cubicBezTo>
                    <a:pt x="500" y="213"/>
                    <a:pt x="500" y="213"/>
                    <a:pt x="500" y="213"/>
                  </a:cubicBezTo>
                  <a:cubicBezTo>
                    <a:pt x="498" y="213"/>
                    <a:pt x="496" y="214"/>
                    <a:pt x="496" y="217"/>
                  </a:cubicBezTo>
                  <a:cubicBezTo>
                    <a:pt x="496" y="298"/>
                    <a:pt x="496" y="298"/>
                    <a:pt x="496" y="298"/>
                  </a:cubicBezTo>
                  <a:cubicBezTo>
                    <a:pt x="496" y="300"/>
                    <a:pt x="494" y="302"/>
                    <a:pt x="492" y="302"/>
                  </a:cubicBezTo>
                  <a:cubicBezTo>
                    <a:pt x="491" y="302"/>
                    <a:pt x="491" y="302"/>
                    <a:pt x="491" y="302"/>
                  </a:cubicBezTo>
                  <a:cubicBezTo>
                    <a:pt x="490" y="302"/>
                    <a:pt x="489" y="302"/>
                    <a:pt x="489" y="302"/>
                  </a:cubicBezTo>
                  <a:cubicBezTo>
                    <a:pt x="487" y="302"/>
                    <a:pt x="487" y="302"/>
                    <a:pt x="487" y="302"/>
                  </a:cubicBezTo>
                  <a:cubicBezTo>
                    <a:pt x="485" y="303"/>
                    <a:pt x="483" y="303"/>
                    <a:pt x="481" y="303"/>
                  </a:cubicBezTo>
                  <a:cubicBezTo>
                    <a:pt x="481" y="303"/>
                    <a:pt x="480" y="303"/>
                    <a:pt x="479" y="303"/>
                  </a:cubicBezTo>
                  <a:cubicBezTo>
                    <a:pt x="477" y="303"/>
                    <a:pt x="477" y="303"/>
                    <a:pt x="477" y="303"/>
                  </a:cubicBezTo>
                  <a:cubicBezTo>
                    <a:pt x="476" y="303"/>
                    <a:pt x="474" y="303"/>
                    <a:pt x="472" y="304"/>
                  </a:cubicBezTo>
                  <a:cubicBezTo>
                    <a:pt x="472" y="304"/>
                    <a:pt x="468" y="304"/>
                    <a:pt x="468" y="304"/>
                  </a:cubicBezTo>
                  <a:cubicBezTo>
                    <a:pt x="466" y="305"/>
                    <a:pt x="465" y="305"/>
                    <a:pt x="464" y="305"/>
                  </a:cubicBezTo>
                  <a:cubicBezTo>
                    <a:pt x="463" y="305"/>
                    <a:pt x="462" y="305"/>
                    <a:pt x="461" y="305"/>
                  </a:cubicBezTo>
                  <a:cubicBezTo>
                    <a:pt x="459" y="306"/>
                    <a:pt x="459" y="306"/>
                    <a:pt x="459" y="306"/>
                  </a:cubicBezTo>
                  <a:cubicBezTo>
                    <a:pt x="457" y="306"/>
                    <a:pt x="456" y="306"/>
                    <a:pt x="455" y="306"/>
                  </a:cubicBezTo>
                  <a:cubicBezTo>
                    <a:pt x="454" y="307"/>
                    <a:pt x="450" y="308"/>
                    <a:pt x="450" y="308"/>
                  </a:cubicBezTo>
                  <a:cubicBezTo>
                    <a:pt x="448" y="308"/>
                    <a:pt x="447" y="308"/>
                    <a:pt x="446" y="308"/>
                  </a:cubicBezTo>
                  <a:cubicBezTo>
                    <a:pt x="445" y="309"/>
                    <a:pt x="444" y="309"/>
                    <a:pt x="443" y="309"/>
                  </a:cubicBezTo>
                  <a:cubicBezTo>
                    <a:pt x="442" y="309"/>
                    <a:pt x="442" y="309"/>
                    <a:pt x="442" y="309"/>
                  </a:cubicBezTo>
                  <a:cubicBezTo>
                    <a:pt x="440" y="310"/>
                    <a:pt x="439" y="310"/>
                    <a:pt x="438" y="311"/>
                  </a:cubicBezTo>
                  <a:cubicBezTo>
                    <a:pt x="436" y="311"/>
                    <a:pt x="435" y="311"/>
                    <a:pt x="434" y="312"/>
                  </a:cubicBezTo>
                  <a:cubicBezTo>
                    <a:pt x="432" y="312"/>
                    <a:pt x="431" y="313"/>
                    <a:pt x="429" y="313"/>
                  </a:cubicBezTo>
                  <a:cubicBezTo>
                    <a:pt x="428" y="314"/>
                    <a:pt x="426" y="314"/>
                    <a:pt x="425" y="315"/>
                  </a:cubicBezTo>
                  <a:cubicBezTo>
                    <a:pt x="424" y="315"/>
                    <a:pt x="422" y="316"/>
                    <a:pt x="421" y="316"/>
                  </a:cubicBezTo>
                  <a:cubicBezTo>
                    <a:pt x="420" y="317"/>
                    <a:pt x="418" y="317"/>
                    <a:pt x="417" y="318"/>
                  </a:cubicBezTo>
                  <a:cubicBezTo>
                    <a:pt x="415" y="318"/>
                    <a:pt x="414" y="319"/>
                    <a:pt x="413" y="319"/>
                  </a:cubicBezTo>
                  <a:cubicBezTo>
                    <a:pt x="412" y="320"/>
                    <a:pt x="410" y="320"/>
                    <a:pt x="409" y="321"/>
                  </a:cubicBezTo>
                  <a:cubicBezTo>
                    <a:pt x="407" y="322"/>
                    <a:pt x="406" y="322"/>
                    <a:pt x="405" y="323"/>
                  </a:cubicBezTo>
                  <a:cubicBezTo>
                    <a:pt x="404" y="323"/>
                    <a:pt x="402" y="324"/>
                    <a:pt x="401" y="325"/>
                  </a:cubicBezTo>
                  <a:cubicBezTo>
                    <a:pt x="400" y="325"/>
                    <a:pt x="398" y="326"/>
                    <a:pt x="397" y="326"/>
                  </a:cubicBezTo>
                  <a:cubicBezTo>
                    <a:pt x="396" y="327"/>
                    <a:pt x="394" y="328"/>
                    <a:pt x="393" y="328"/>
                  </a:cubicBezTo>
                  <a:cubicBezTo>
                    <a:pt x="392" y="329"/>
                    <a:pt x="391" y="330"/>
                    <a:pt x="390" y="330"/>
                  </a:cubicBezTo>
                  <a:cubicBezTo>
                    <a:pt x="388" y="331"/>
                    <a:pt x="387" y="332"/>
                    <a:pt x="385" y="333"/>
                  </a:cubicBezTo>
                  <a:cubicBezTo>
                    <a:pt x="383" y="334"/>
                    <a:pt x="383" y="334"/>
                    <a:pt x="383" y="334"/>
                  </a:cubicBezTo>
                  <a:cubicBezTo>
                    <a:pt x="381" y="335"/>
                    <a:pt x="379" y="336"/>
                    <a:pt x="378" y="337"/>
                  </a:cubicBezTo>
                  <a:cubicBezTo>
                    <a:pt x="375" y="339"/>
                    <a:pt x="375" y="339"/>
                    <a:pt x="375" y="339"/>
                  </a:cubicBezTo>
                  <a:cubicBezTo>
                    <a:pt x="374" y="340"/>
                    <a:pt x="372" y="341"/>
                    <a:pt x="371" y="342"/>
                  </a:cubicBezTo>
                  <a:cubicBezTo>
                    <a:pt x="368" y="344"/>
                    <a:pt x="368" y="344"/>
                    <a:pt x="368" y="344"/>
                  </a:cubicBezTo>
                  <a:cubicBezTo>
                    <a:pt x="367" y="345"/>
                    <a:pt x="365" y="346"/>
                    <a:pt x="364" y="347"/>
                  </a:cubicBezTo>
                  <a:cubicBezTo>
                    <a:pt x="363" y="347"/>
                    <a:pt x="362" y="348"/>
                    <a:pt x="361" y="349"/>
                  </a:cubicBezTo>
                  <a:cubicBezTo>
                    <a:pt x="360" y="350"/>
                    <a:pt x="358" y="351"/>
                    <a:pt x="357" y="352"/>
                  </a:cubicBezTo>
                  <a:cubicBezTo>
                    <a:pt x="355" y="354"/>
                    <a:pt x="355" y="354"/>
                    <a:pt x="355" y="354"/>
                  </a:cubicBezTo>
                  <a:cubicBezTo>
                    <a:pt x="353" y="355"/>
                    <a:pt x="352" y="356"/>
                    <a:pt x="350" y="358"/>
                  </a:cubicBezTo>
                  <a:cubicBezTo>
                    <a:pt x="349" y="359"/>
                    <a:pt x="349" y="359"/>
                    <a:pt x="349" y="359"/>
                  </a:cubicBezTo>
                  <a:cubicBezTo>
                    <a:pt x="347" y="360"/>
                    <a:pt x="345" y="362"/>
                    <a:pt x="344" y="363"/>
                  </a:cubicBezTo>
                  <a:cubicBezTo>
                    <a:pt x="343" y="364"/>
                    <a:pt x="343" y="364"/>
                    <a:pt x="343" y="364"/>
                  </a:cubicBezTo>
                  <a:cubicBezTo>
                    <a:pt x="341" y="366"/>
                    <a:pt x="339" y="368"/>
                    <a:pt x="338" y="369"/>
                  </a:cubicBezTo>
                  <a:cubicBezTo>
                    <a:pt x="337" y="370"/>
                    <a:pt x="337" y="370"/>
                    <a:pt x="337" y="370"/>
                  </a:cubicBezTo>
                  <a:cubicBezTo>
                    <a:pt x="317" y="390"/>
                    <a:pt x="301" y="414"/>
                    <a:pt x="289" y="440"/>
                  </a:cubicBezTo>
                  <a:cubicBezTo>
                    <a:pt x="289" y="441"/>
                    <a:pt x="287" y="442"/>
                    <a:pt x="286" y="442"/>
                  </a:cubicBezTo>
                  <a:close/>
                </a:path>
              </a:pathLst>
            </a:custGeom>
            <a:solidFill>
              <a:srgbClr val="002060"/>
            </a:solidFill>
            <a:ln>
              <a:noFill/>
            </a:ln>
            <a:extLst/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defTabSz="914377"/>
              <a:endParaRPr lang="en-US">
                <a:solidFill>
                  <a:prstClr val="black"/>
                </a:solidFill>
                <a:latin typeface="Calibri" panose="020F0502020204030204"/>
              </a:endParaRPr>
            </a:p>
          </p:txBody>
        </p:sp>
        <p:sp>
          <p:nvSpPr>
            <p:cNvPr id="28" name="Freeform 6"/>
            <p:cNvSpPr>
              <a:spLocks/>
            </p:cNvSpPr>
            <p:nvPr/>
          </p:nvSpPr>
          <p:spPr bwMode="auto">
            <a:xfrm>
              <a:off x="6947188" y="720091"/>
              <a:ext cx="1732007" cy="1611169"/>
            </a:xfrm>
            <a:custGeom>
              <a:avLst/>
              <a:gdLst>
                <a:gd name="T0" fmla="*/ 353 w 497"/>
                <a:gd name="T1" fmla="*/ 463 h 463"/>
                <a:gd name="T2" fmla="*/ 296 w 497"/>
                <a:gd name="T3" fmla="*/ 420 h 463"/>
                <a:gd name="T4" fmla="*/ 295 w 497"/>
                <a:gd name="T5" fmla="*/ 418 h 463"/>
                <a:gd name="T6" fmla="*/ 293 w 497"/>
                <a:gd name="T7" fmla="*/ 417 h 463"/>
                <a:gd name="T8" fmla="*/ 291 w 497"/>
                <a:gd name="T9" fmla="*/ 417 h 463"/>
                <a:gd name="T10" fmla="*/ 211 w 497"/>
                <a:gd name="T11" fmla="*/ 442 h 463"/>
                <a:gd name="T12" fmla="*/ 210 w 497"/>
                <a:gd name="T13" fmla="*/ 442 h 463"/>
                <a:gd name="T14" fmla="*/ 207 w 497"/>
                <a:gd name="T15" fmla="*/ 440 h 463"/>
                <a:gd name="T16" fmla="*/ 5 w 497"/>
                <a:gd name="T17" fmla="*/ 302 h 463"/>
                <a:gd name="T18" fmla="*/ 4 w 497"/>
                <a:gd name="T19" fmla="*/ 302 h 463"/>
                <a:gd name="T20" fmla="*/ 0 w 497"/>
                <a:gd name="T21" fmla="*/ 298 h 463"/>
                <a:gd name="T22" fmla="*/ 0 w 497"/>
                <a:gd name="T23" fmla="*/ 224 h 463"/>
                <a:gd name="T24" fmla="*/ 3 w 497"/>
                <a:gd name="T25" fmla="*/ 220 h 463"/>
                <a:gd name="T26" fmla="*/ 63 w 497"/>
                <a:gd name="T27" fmla="*/ 154 h 463"/>
                <a:gd name="T28" fmla="*/ 3 w 497"/>
                <a:gd name="T29" fmla="*/ 87 h 463"/>
                <a:gd name="T30" fmla="*/ 0 w 497"/>
                <a:gd name="T31" fmla="*/ 83 h 463"/>
                <a:gd name="T32" fmla="*/ 0 w 497"/>
                <a:gd name="T33" fmla="*/ 4 h 463"/>
                <a:gd name="T34" fmla="*/ 4 w 497"/>
                <a:gd name="T35" fmla="*/ 0 h 463"/>
                <a:gd name="T36" fmla="*/ 4 w 497"/>
                <a:gd name="T37" fmla="*/ 0 h 463"/>
                <a:gd name="T38" fmla="*/ 5 w 497"/>
                <a:gd name="T39" fmla="*/ 0 h 463"/>
                <a:gd name="T40" fmla="*/ 496 w 497"/>
                <a:gd name="T41" fmla="*/ 350 h 463"/>
                <a:gd name="T42" fmla="*/ 496 w 497"/>
                <a:gd name="T43" fmla="*/ 354 h 463"/>
                <a:gd name="T44" fmla="*/ 494 w 497"/>
                <a:gd name="T45" fmla="*/ 356 h 463"/>
                <a:gd name="T46" fmla="*/ 412 w 497"/>
                <a:gd name="T47" fmla="*/ 381 h 463"/>
                <a:gd name="T48" fmla="*/ 410 w 497"/>
                <a:gd name="T49" fmla="*/ 383 h 463"/>
                <a:gd name="T50" fmla="*/ 409 w 497"/>
                <a:gd name="T51" fmla="*/ 386 h 463"/>
                <a:gd name="T52" fmla="*/ 412 w 497"/>
                <a:gd name="T53" fmla="*/ 404 h 463"/>
                <a:gd name="T54" fmla="*/ 353 w 497"/>
                <a:gd name="T55" fmla="*/ 463 h 4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</a:cxnLst>
              <a:rect l="0" t="0" r="r" b="b"/>
              <a:pathLst>
                <a:path w="497" h="463">
                  <a:moveTo>
                    <a:pt x="353" y="463"/>
                  </a:moveTo>
                  <a:cubicBezTo>
                    <a:pt x="327" y="463"/>
                    <a:pt x="304" y="446"/>
                    <a:pt x="296" y="420"/>
                  </a:cubicBezTo>
                  <a:cubicBezTo>
                    <a:pt x="296" y="419"/>
                    <a:pt x="295" y="418"/>
                    <a:pt x="295" y="418"/>
                  </a:cubicBezTo>
                  <a:cubicBezTo>
                    <a:pt x="294" y="417"/>
                    <a:pt x="293" y="417"/>
                    <a:pt x="293" y="417"/>
                  </a:cubicBezTo>
                  <a:cubicBezTo>
                    <a:pt x="292" y="417"/>
                    <a:pt x="292" y="417"/>
                    <a:pt x="291" y="417"/>
                  </a:cubicBezTo>
                  <a:cubicBezTo>
                    <a:pt x="211" y="442"/>
                    <a:pt x="211" y="442"/>
                    <a:pt x="211" y="442"/>
                  </a:cubicBezTo>
                  <a:cubicBezTo>
                    <a:pt x="211" y="442"/>
                    <a:pt x="211" y="442"/>
                    <a:pt x="210" y="442"/>
                  </a:cubicBezTo>
                  <a:cubicBezTo>
                    <a:pt x="209" y="442"/>
                    <a:pt x="207" y="441"/>
                    <a:pt x="207" y="440"/>
                  </a:cubicBezTo>
                  <a:cubicBezTo>
                    <a:pt x="171" y="360"/>
                    <a:pt x="92" y="306"/>
                    <a:pt x="5" y="302"/>
                  </a:cubicBezTo>
                  <a:cubicBezTo>
                    <a:pt x="4" y="302"/>
                    <a:pt x="4" y="302"/>
                    <a:pt x="4" y="302"/>
                  </a:cubicBezTo>
                  <a:cubicBezTo>
                    <a:pt x="1" y="302"/>
                    <a:pt x="0" y="300"/>
                    <a:pt x="0" y="298"/>
                  </a:cubicBezTo>
                  <a:cubicBezTo>
                    <a:pt x="0" y="224"/>
                    <a:pt x="0" y="224"/>
                    <a:pt x="0" y="224"/>
                  </a:cubicBezTo>
                  <a:cubicBezTo>
                    <a:pt x="0" y="222"/>
                    <a:pt x="1" y="221"/>
                    <a:pt x="3" y="220"/>
                  </a:cubicBezTo>
                  <a:cubicBezTo>
                    <a:pt x="37" y="217"/>
                    <a:pt x="63" y="188"/>
                    <a:pt x="63" y="154"/>
                  </a:cubicBezTo>
                  <a:cubicBezTo>
                    <a:pt x="63" y="119"/>
                    <a:pt x="37" y="91"/>
                    <a:pt x="3" y="87"/>
                  </a:cubicBezTo>
                  <a:cubicBezTo>
                    <a:pt x="1" y="87"/>
                    <a:pt x="0" y="85"/>
                    <a:pt x="0" y="83"/>
                  </a:cubicBezTo>
                  <a:cubicBezTo>
                    <a:pt x="0" y="4"/>
                    <a:pt x="0" y="4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4" y="0"/>
                    <a:pt x="4" y="0"/>
                    <a:pt x="4" y="0"/>
                  </a:cubicBezTo>
                  <a:cubicBezTo>
                    <a:pt x="5" y="0"/>
                    <a:pt x="5" y="0"/>
                    <a:pt x="5" y="0"/>
                  </a:cubicBezTo>
                  <a:cubicBezTo>
                    <a:pt x="224" y="4"/>
                    <a:pt x="421" y="145"/>
                    <a:pt x="496" y="350"/>
                  </a:cubicBezTo>
                  <a:cubicBezTo>
                    <a:pt x="497" y="351"/>
                    <a:pt x="496" y="353"/>
                    <a:pt x="496" y="354"/>
                  </a:cubicBezTo>
                  <a:cubicBezTo>
                    <a:pt x="495" y="355"/>
                    <a:pt x="495" y="355"/>
                    <a:pt x="494" y="356"/>
                  </a:cubicBezTo>
                  <a:cubicBezTo>
                    <a:pt x="412" y="381"/>
                    <a:pt x="412" y="381"/>
                    <a:pt x="412" y="381"/>
                  </a:cubicBezTo>
                  <a:cubicBezTo>
                    <a:pt x="411" y="381"/>
                    <a:pt x="410" y="382"/>
                    <a:pt x="410" y="383"/>
                  </a:cubicBezTo>
                  <a:cubicBezTo>
                    <a:pt x="409" y="383"/>
                    <a:pt x="409" y="385"/>
                    <a:pt x="409" y="386"/>
                  </a:cubicBezTo>
                  <a:cubicBezTo>
                    <a:pt x="411" y="392"/>
                    <a:pt x="412" y="398"/>
                    <a:pt x="412" y="404"/>
                  </a:cubicBezTo>
                  <a:cubicBezTo>
                    <a:pt x="412" y="437"/>
                    <a:pt x="386" y="463"/>
                    <a:pt x="353" y="463"/>
                  </a:cubicBezTo>
                  <a:close/>
                </a:path>
              </a:pathLst>
            </a:custGeom>
            <a:solidFill>
              <a:srgbClr val="FFC000"/>
            </a:solidFill>
            <a:ln>
              <a:noFill/>
            </a:ln>
            <a:extLst/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defTabSz="914377"/>
              <a:endParaRPr lang="en-US">
                <a:solidFill>
                  <a:prstClr val="black"/>
                </a:solidFill>
                <a:latin typeface="Calibri" panose="020F0502020204030204"/>
              </a:endParaRPr>
            </a:p>
          </p:txBody>
        </p:sp>
        <p:sp>
          <p:nvSpPr>
            <p:cNvPr id="29" name="Freeform 7"/>
            <p:cNvSpPr>
              <a:spLocks/>
            </p:cNvSpPr>
            <p:nvPr/>
          </p:nvSpPr>
          <p:spPr bwMode="auto">
            <a:xfrm>
              <a:off x="7424615" y="1984148"/>
              <a:ext cx="1362386" cy="2067272"/>
            </a:xfrm>
            <a:custGeom>
              <a:avLst/>
              <a:gdLst>
                <a:gd name="T0" fmla="*/ 177 w 391"/>
                <a:gd name="T1" fmla="*/ 594 h 594"/>
                <a:gd name="T2" fmla="*/ 177 w 391"/>
                <a:gd name="T3" fmla="*/ 594 h 594"/>
                <a:gd name="T4" fmla="*/ 174 w 391"/>
                <a:gd name="T5" fmla="*/ 593 h 594"/>
                <a:gd name="T6" fmla="*/ 122 w 391"/>
                <a:gd name="T7" fmla="*/ 521 h 594"/>
                <a:gd name="T8" fmla="*/ 119 w 391"/>
                <a:gd name="T9" fmla="*/ 519 h 594"/>
                <a:gd name="T10" fmla="*/ 119 w 391"/>
                <a:gd name="T11" fmla="*/ 519 h 594"/>
                <a:gd name="T12" fmla="*/ 116 w 391"/>
                <a:gd name="T13" fmla="*/ 520 h 594"/>
                <a:gd name="T14" fmla="*/ 82 w 391"/>
                <a:gd name="T15" fmla="*/ 531 h 594"/>
                <a:gd name="T16" fmla="*/ 23 w 391"/>
                <a:gd name="T17" fmla="*/ 472 h 594"/>
                <a:gd name="T18" fmla="*/ 47 w 391"/>
                <a:gd name="T19" fmla="*/ 424 h 594"/>
                <a:gd name="T20" fmla="*/ 49 w 391"/>
                <a:gd name="T21" fmla="*/ 422 h 594"/>
                <a:gd name="T22" fmla="*/ 48 w 391"/>
                <a:gd name="T23" fmla="*/ 419 h 594"/>
                <a:gd name="T24" fmla="*/ 1 w 391"/>
                <a:gd name="T25" fmla="*/ 354 h 594"/>
                <a:gd name="T26" fmla="*/ 2 w 391"/>
                <a:gd name="T27" fmla="*/ 349 h 594"/>
                <a:gd name="T28" fmla="*/ 12 w 391"/>
                <a:gd name="T29" fmla="*/ 340 h 594"/>
                <a:gd name="T30" fmla="*/ 12 w 391"/>
                <a:gd name="T31" fmla="*/ 340 h 594"/>
                <a:gd name="T32" fmla="*/ 15 w 391"/>
                <a:gd name="T33" fmla="*/ 338 h 594"/>
                <a:gd name="T34" fmla="*/ 21 w 391"/>
                <a:gd name="T35" fmla="*/ 332 h 594"/>
                <a:gd name="T36" fmla="*/ 22 w 391"/>
                <a:gd name="T37" fmla="*/ 331 h 594"/>
                <a:gd name="T38" fmla="*/ 24 w 391"/>
                <a:gd name="T39" fmla="*/ 329 h 594"/>
                <a:gd name="T40" fmla="*/ 29 w 391"/>
                <a:gd name="T41" fmla="*/ 323 h 594"/>
                <a:gd name="T42" fmla="*/ 30 w 391"/>
                <a:gd name="T43" fmla="*/ 322 h 594"/>
                <a:gd name="T44" fmla="*/ 30 w 391"/>
                <a:gd name="T45" fmla="*/ 322 h 594"/>
                <a:gd name="T46" fmla="*/ 31 w 391"/>
                <a:gd name="T47" fmla="*/ 321 h 594"/>
                <a:gd name="T48" fmla="*/ 32 w 391"/>
                <a:gd name="T49" fmla="*/ 321 h 594"/>
                <a:gd name="T50" fmla="*/ 89 w 391"/>
                <a:gd name="T51" fmla="*/ 169 h 594"/>
                <a:gd name="T52" fmla="*/ 88 w 391"/>
                <a:gd name="T53" fmla="*/ 147 h 594"/>
                <a:gd name="T54" fmla="*/ 85 w 391"/>
                <a:gd name="T55" fmla="*/ 125 h 594"/>
                <a:gd name="T56" fmla="*/ 79 w 391"/>
                <a:gd name="T57" fmla="*/ 104 h 594"/>
                <a:gd name="T58" fmla="*/ 75 w 391"/>
                <a:gd name="T59" fmla="*/ 91 h 594"/>
                <a:gd name="T60" fmla="*/ 76 w 391"/>
                <a:gd name="T61" fmla="*/ 88 h 594"/>
                <a:gd name="T62" fmla="*/ 78 w 391"/>
                <a:gd name="T63" fmla="*/ 86 h 594"/>
                <a:gd name="T64" fmla="*/ 149 w 391"/>
                <a:gd name="T65" fmla="*/ 64 h 594"/>
                <a:gd name="T66" fmla="*/ 151 w 391"/>
                <a:gd name="T67" fmla="*/ 64 h 594"/>
                <a:gd name="T68" fmla="*/ 154 w 391"/>
                <a:gd name="T69" fmla="*/ 67 h 594"/>
                <a:gd name="T70" fmla="*/ 216 w 391"/>
                <a:gd name="T71" fmla="*/ 108 h 594"/>
                <a:gd name="T72" fmla="*/ 283 w 391"/>
                <a:gd name="T73" fmla="*/ 41 h 594"/>
                <a:gd name="T74" fmla="*/ 282 w 391"/>
                <a:gd name="T75" fmla="*/ 28 h 594"/>
                <a:gd name="T76" fmla="*/ 285 w 391"/>
                <a:gd name="T77" fmla="*/ 23 h 594"/>
                <a:gd name="T78" fmla="*/ 359 w 391"/>
                <a:gd name="T79" fmla="*/ 0 h 594"/>
                <a:gd name="T80" fmla="*/ 361 w 391"/>
                <a:gd name="T81" fmla="*/ 0 h 594"/>
                <a:gd name="T82" fmla="*/ 364 w 391"/>
                <a:gd name="T83" fmla="*/ 3 h 594"/>
                <a:gd name="T84" fmla="*/ 366 w 391"/>
                <a:gd name="T85" fmla="*/ 7 h 594"/>
                <a:gd name="T86" fmla="*/ 391 w 391"/>
                <a:gd name="T87" fmla="*/ 169 h 594"/>
                <a:gd name="T88" fmla="*/ 190 w 391"/>
                <a:gd name="T89" fmla="*/ 585 h 594"/>
                <a:gd name="T90" fmla="*/ 186 w 391"/>
                <a:gd name="T91" fmla="*/ 588 h 594"/>
                <a:gd name="T92" fmla="*/ 180 w 391"/>
                <a:gd name="T93" fmla="*/ 594 h 594"/>
                <a:gd name="T94" fmla="*/ 177 w 391"/>
                <a:gd name="T95" fmla="*/ 594 h 59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</a:cxnLst>
              <a:rect l="0" t="0" r="r" b="b"/>
              <a:pathLst>
                <a:path w="391" h="594">
                  <a:moveTo>
                    <a:pt x="177" y="594"/>
                  </a:moveTo>
                  <a:cubicBezTo>
                    <a:pt x="177" y="594"/>
                    <a:pt x="177" y="594"/>
                    <a:pt x="177" y="594"/>
                  </a:cubicBezTo>
                  <a:cubicBezTo>
                    <a:pt x="175" y="594"/>
                    <a:pt x="175" y="594"/>
                    <a:pt x="174" y="593"/>
                  </a:cubicBezTo>
                  <a:cubicBezTo>
                    <a:pt x="122" y="521"/>
                    <a:pt x="122" y="521"/>
                    <a:pt x="122" y="521"/>
                  </a:cubicBezTo>
                  <a:cubicBezTo>
                    <a:pt x="121" y="520"/>
                    <a:pt x="120" y="519"/>
                    <a:pt x="119" y="519"/>
                  </a:cubicBezTo>
                  <a:cubicBezTo>
                    <a:pt x="119" y="519"/>
                    <a:pt x="119" y="519"/>
                    <a:pt x="119" y="519"/>
                  </a:cubicBezTo>
                  <a:cubicBezTo>
                    <a:pt x="118" y="519"/>
                    <a:pt x="117" y="520"/>
                    <a:pt x="116" y="520"/>
                  </a:cubicBezTo>
                  <a:cubicBezTo>
                    <a:pt x="106" y="527"/>
                    <a:pt x="94" y="531"/>
                    <a:pt x="82" y="531"/>
                  </a:cubicBezTo>
                  <a:cubicBezTo>
                    <a:pt x="49" y="531"/>
                    <a:pt x="23" y="505"/>
                    <a:pt x="23" y="472"/>
                  </a:cubicBezTo>
                  <a:cubicBezTo>
                    <a:pt x="23" y="453"/>
                    <a:pt x="32" y="435"/>
                    <a:pt x="47" y="424"/>
                  </a:cubicBezTo>
                  <a:cubicBezTo>
                    <a:pt x="48" y="424"/>
                    <a:pt x="49" y="423"/>
                    <a:pt x="49" y="422"/>
                  </a:cubicBezTo>
                  <a:cubicBezTo>
                    <a:pt x="49" y="421"/>
                    <a:pt x="49" y="420"/>
                    <a:pt x="48" y="419"/>
                  </a:cubicBezTo>
                  <a:cubicBezTo>
                    <a:pt x="1" y="354"/>
                    <a:pt x="1" y="354"/>
                    <a:pt x="1" y="354"/>
                  </a:cubicBezTo>
                  <a:cubicBezTo>
                    <a:pt x="0" y="353"/>
                    <a:pt x="0" y="350"/>
                    <a:pt x="2" y="349"/>
                  </a:cubicBezTo>
                  <a:cubicBezTo>
                    <a:pt x="5" y="346"/>
                    <a:pt x="9" y="343"/>
                    <a:pt x="12" y="340"/>
                  </a:cubicBezTo>
                  <a:cubicBezTo>
                    <a:pt x="12" y="340"/>
                    <a:pt x="12" y="340"/>
                    <a:pt x="12" y="340"/>
                  </a:cubicBezTo>
                  <a:cubicBezTo>
                    <a:pt x="12" y="340"/>
                    <a:pt x="14" y="338"/>
                    <a:pt x="15" y="338"/>
                  </a:cubicBezTo>
                  <a:cubicBezTo>
                    <a:pt x="17" y="336"/>
                    <a:pt x="19" y="334"/>
                    <a:pt x="21" y="332"/>
                  </a:cubicBezTo>
                  <a:cubicBezTo>
                    <a:pt x="22" y="331"/>
                    <a:pt x="22" y="331"/>
                    <a:pt x="22" y="331"/>
                  </a:cubicBezTo>
                  <a:cubicBezTo>
                    <a:pt x="23" y="331"/>
                    <a:pt x="23" y="330"/>
                    <a:pt x="24" y="329"/>
                  </a:cubicBezTo>
                  <a:cubicBezTo>
                    <a:pt x="26" y="327"/>
                    <a:pt x="27" y="325"/>
                    <a:pt x="29" y="323"/>
                  </a:cubicBezTo>
                  <a:cubicBezTo>
                    <a:pt x="30" y="322"/>
                    <a:pt x="30" y="322"/>
                    <a:pt x="30" y="322"/>
                  </a:cubicBezTo>
                  <a:cubicBezTo>
                    <a:pt x="30" y="322"/>
                    <a:pt x="30" y="322"/>
                    <a:pt x="30" y="322"/>
                  </a:cubicBezTo>
                  <a:cubicBezTo>
                    <a:pt x="31" y="322"/>
                    <a:pt x="31" y="322"/>
                    <a:pt x="31" y="321"/>
                  </a:cubicBezTo>
                  <a:cubicBezTo>
                    <a:pt x="31" y="321"/>
                    <a:pt x="32" y="321"/>
                    <a:pt x="32" y="321"/>
                  </a:cubicBezTo>
                  <a:cubicBezTo>
                    <a:pt x="69" y="279"/>
                    <a:pt x="89" y="225"/>
                    <a:pt x="89" y="169"/>
                  </a:cubicBezTo>
                  <a:cubicBezTo>
                    <a:pt x="89" y="161"/>
                    <a:pt x="89" y="154"/>
                    <a:pt x="88" y="147"/>
                  </a:cubicBezTo>
                  <a:cubicBezTo>
                    <a:pt x="87" y="139"/>
                    <a:pt x="86" y="132"/>
                    <a:pt x="85" y="125"/>
                  </a:cubicBezTo>
                  <a:cubicBezTo>
                    <a:pt x="83" y="118"/>
                    <a:pt x="82" y="111"/>
                    <a:pt x="79" y="104"/>
                  </a:cubicBezTo>
                  <a:cubicBezTo>
                    <a:pt x="78" y="100"/>
                    <a:pt x="77" y="95"/>
                    <a:pt x="75" y="91"/>
                  </a:cubicBezTo>
                  <a:cubicBezTo>
                    <a:pt x="75" y="90"/>
                    <a:pt x="75" y="89"/>
                    <a:pt x="76" y="88"/>
                  </a:cubicBezTo>
                  <a:cubicBezTo>
                    <a:pt x="76" y="87"/>
                    <a:pt x="77" y="86"/>
                    <a:pt x="78" y="86"/>
                  </a:cubicBezTo>
                  <a:cubicBezTo>
                    <a:pt x="149" y="64"/>
                    <a:pt x="149" y="64"/>
                    <a:pt x="149" y="64"/>
                  </a:cubicBezTo>
                  <a:cubicBezTo>
                    <a:pt x="150" y="64"/>
                    <a:pt x="150" y="64"/>
                    <a:pt x="151" y="64"/>
                  </a:cubicBezTo>
                  <a:cubicBezTo>
                    <a:pt x="152" y="64"/>
                    <a:pt x="154" y="65"/>
                    <a:pt x="154" y="67"/>
                  </a:cubicBezTo>
                  <a:cubicBezTo>
                    <a:pt x="164" y="92"/>
                    <a:pt x="189" y="108"/>
                    <a:pt x="216" y="108"/>
                  </a:cubicBezTo>
                  <a:cubicBezTo>
                    <a:pt x="253" y="108"/>
                    <a:pt x="283" y="78"/>
                    <a:pt x="283" y="41"/>
                  </a:cubicBezTo>
                  <a:cubicBezTo>
                    <a:pt x="283" y="37"/>
                    <a:pt x="283" y="32"/>
                    <a:pt x="282" y="28"/>
                  </a:cubicBezTo>
                  <a:cubicBezTo>
                    <a:pt x="282" y="26"/>
                    <a:pt x="283" y="24"/>
                    <a:pt x="285" y="23"/>
                  </a:cubicBezTo>
                  <a:cubicBezTo>
                    <a:pt x="359" y="0"/>
                    <a:pt x="359" y="0"/>
                    <a:pt x="359" y="0"/>
                  </a:cubicBezTo>
                  <a:cubicBezTo>
                    <a:pt x="360" y="0"/>
                    <a:pt x="360" y="0"/>
                    <a:pt x="361" y="0"/>
                  </a:cubicBezTo>
                  <a:cubicBezTo>
                    <a:pt x="362" y="0"/>
                    <a:pt x="364" y="1"/>
                    <a:pt x="364" y="3"/>
                  </a:cubicBezTo>
                  <a:cubicBezTo>
                    <a:pt x="364" y="3"/>
                    <a:pt x="366" y="7"/>
                    <a:pt x="366" y="7"/>
                  </a:cubicBezTo>
                  <a:cubicBezTo>
                    <a:pt x="382" y="59"/>
                    <a:pt x="391" y="114"/>
                    <a:pt x="391" y="169"/>
                  </a:cubicBezTo>
                  <a:cubicBezTo>
                    <a:pt x="391" y="332"/>
                    <a:pt x="318" y="484"/>
                    <a:pt x="190" y="585"/>
                  </a:cubicBezTo>
                  <a:cubicBezTo>
                    <a:pt x="186" y="588"/>
                    <a:pt x="186" y="588"/>
                    <a:pt x="186" y="588"/>
                  </a:cubicBezTo>
                  <a:cubicBezTo>
                    <a:pt x="186" y="588"/>
                    <a:pt x="181" y="592"/>
                    <a:pt x="180" y="594"/>
                  </a:cubicBezTo>
                  <a:cubicBezTo>
                    <a:pt x="179" y="594"/>
                    <a:pt x="178" y="594"/>
                    <a:pt x="177" y="594"/>
                  </a:cubicBezTo>
                  <a:close/>
                </a:path>
              </a:pathLst>
            </a:custGeom>
            <a:solidFill>
              <a:srgbClr val="8FAADC"/>
            </a:solidFill>
            <a:ln>
              <a:noFill/>
            </a:ln>
            <a:extLst/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defTabSz="914377"/>
              <a:endParaRPr lang="en-US">
                <a:solidFill>
                  <a:prstClr val="black"/>
                </a:solidFill>
                <a:latin typeface="Calibri" panose="020F0502020204030204"/>
              </a:endParaRPr>
            </a:p>
          </p:txBody>
        </p:sp>
        <p:sp>
          <p:nvSpPr>
            <p:cNvPr id="30" name="Freeform 8"/>
            <p:cNvSpPr>
              <a:spLocks/>
            </p:cNvSpPr>
            <p:nvPr/>
          </p:nvSpPr>
          <p:spPr bwMode="auto">
            <a:xfrm>
              <a:off x="5857279" y="3229250"/>
              <a:ext cx="2152570" cy="1194160"/>
            </a:xfrm>
            <a:custGeom>
              <a:avLst/>
              <a:gdLst>
                <a:gd name="T0" fmla="*/ 309 w 618"/>
                <a:gd name="T1" fmla="*/ 343 h 343"/>
                <a:gd name="T2" fmla="*/ 2 w 618"/>
                <a:gd name="T3" fmla="*/ 245 h 343"/>
                <a:gd name="T4" fmla="*/ 0 w 618"/>
                <a:gd name="T5" fmla="*/ 243 h 343"/>
                <a:gd name="T6" fmla="*/ 1 w 618"/>
                <a:gd name="T7" fmla="*/ 240 h 343"/>
                <a:gd name="T8" fmla="*/ 54 w 618"/>
                <a:gd name="T9" fmla="*/ 167 h 343"/>
                <a:gd name="T10" fmla="*/ 53 w 618"/>
                <a:gd name="T11" fmla="*/ 162 h 343"/>
                <a:gd name="T12" fmla="*/ 29 w 618"/>
                <a:gd name="T13" fmla="*/ 114 h 343"/>
                <a:gd name="T14" fmla="*/ 88 w 618"/>
                <a:gd name="T15" fmla="*/ 55 h 343"/>
                <a:gd name="T16" fmla="*/ 122 w 618"/>
                <a:gd name="T17" fmla="*/ 66 h 343"/>
                <a:gd name="T18" fmla="*/ 124 w 618"/>
                <a:gd name="T19" fmla="*/ 67 h 343"/>
                <a:gd name="T20" fmla="*/ 128 w 618"/>
                <a:gd name="T21" fmla="*/ 65 h 343"/>
                <a:gd name="T22" fmla="*/ 173 w 618"/>
                <a:gd name="T23" fmla="*/ 1 h 343"/>
                <a:gd name="T24" fmla="*/ 177 w 618"/>
                <a:gd name="T25" fmla="*/ 0 h 343"/>
                <a:gd name="T26" fmla="*/ 179 w 618"/>
                <a:gd name="T27" fmla="*/ 1 h 343"/>
                <a:gd name="T28" fmla="*/ 225 w 618"/>
                <a:gd name="T29" fmla="*/ 25 h 343"/>
                <a:gd name="T30" fmla="*/ 234 w 618"/>
                <a:gd name="T31" fmla="*/ 28 h 343"/>
                <a:gd name="T32" fmla="*/ 252 w 618"/>
                <a:gd name="T33" fmla="*/ 34 h 343"/>
                <a:gd name="T34" fmla="*/ 270 w 618"/>
                <a:gd name="T35" fmla="*/ 38 h 343"/>
                <a:gd name="T36" fmla="*/ 299 w 618"/>
                <a:gd name="T37" fmla="*/ 41 h 343"/>
                <a:gd name="T38" fmla="*/ 309 w 618"/>
                <a:gd name="T39" fmla="*/ 41 h 343"/>
                <a:gd name="T40" fmla="*/ 319 w 618"/>
                <a:gd name="T41" fmla="*/ 41 h 343"/>
                <a:gd name="T42" fmla="*/ 323 w 618"/>
                <a:gd name="T43" fmla="*/ 40 h 343"/>
                <a:gd name="T44" fmla="*/ 330 w 618"/>
                <a:gd name="T45" fmla="*/ 40 h 343"/>
                <a:gd name="T46" fmla="*/ 332 w 618"/>
                <a:gd name="T47" fmla="*/ 40 h 343"/>
                <a:gd name="T48" fmla="*/ 334 w 618"/>
                <a:gd name="T49" fmla="*/ 40 h 343"/>
                <a:gd name="T50" fmla="*/ 340 w 618"/>
                <a:gd name="T51" fmla="*/ 39 h 343"/>
                <a:gd name="T52" fmla="*/ 344 w 618"/>
                <a:gd name="T53" fmla="*/ 38 h 343"/>
                <a:gd name="T54" fmla="*/ 350 w 618"/>
                <a:gd name="T55" fmla="*/ 37 h 343"/>
                <a:gd name="T56" fmla="*/ 354 w 618"/>
                <a:gd name="T57" fmla="*/ 37 h 343"/>
                <a:gd name="T58" fmla="*/ 360 w 618"/>
                <a:gd name="T59" fmla="*/ 35 h 343"/>
                <a:gd name="T60" fmla="*/ 364 w 618"/>
                <a:gd name="T61" fmla="*/ 34 h 343"/>
                <a:gd name="T62" fmla="*/ 369 w 618"/>
                <a:gd name="T63" fmla="*/ 33 h 343"/>
                <a:gd name="T64" fmla="*/ 373 w 618"/>
                <a:gd name="T65" fmla="*/ 32 h 343"/>
                <a:gd name="T66" fmla="*/ 382 w 618"/>
                <a:gd name="T67" fmla="*/ 29 h 343"/>
                <a:gd name="T68" fmla="*/ 387 w 618"/>
                <a:gd name="T69" fmla="*/ 27 h 343"/>
                <a:gd name="T70" fmla="*/ 391 w 618"/>
                <a:gd name="T71" fmla="*/ 26 h 343"/>
                <a:gd name="T72" fmla="*/ 395 w 618"/>
                <a:gd name="T73" fmla="*/ 24 h 343"/>
                <a:gd name="T74" fmla="*/ 396 w 618"/>
                <a:gd name="T75" fmla="*/ 24 h 343"/>
                <a:gd name="T76" fmla="*/ 400 w 618"/>
                <a:gd name="T77" fmla="*/ 22 h 343"/>
                <a:gd name="T78" fmla="*/ 405 w 618"/>
                <a:gd name="T79" fmla="*/ 20 h 343"/>
                <a:gd name="T80" fmla="*/ 409 w 618"/>
                <a:gd name="T81" fmla="*/ 18 h 343"/>
                <a:gd name="T82" fmla="*/ 414 w 618"/>
                <a:gd name="T83" fmla="*/ 16 h 343"/>
                <a:gd name="T84" fmla="*/ 418 w 618"/>
                <a:gd name="T85" fmla="*/ 14 h 343"/>
                <a:gd name="T86" fmla="*/ 422 w 618"/>
                <a:gd name="T87" fmla="*/ 11 h 343"/>
                <a:gd name="T88" fmla="*/ 427 w 618"/>
                <a:gd name="T89" fmla="*/ 8 h 343"/>
                <a:gd name="T90" fmla="*/ 431 w 618"/>
                <a:gd name="T91" fmla="*/ 6 h 343"/>
                <a:gd name="T92" fmla="*/ 433 w 618"/>
                <a:gd name="T93" fmla="*/ 4 h 343"/>
                <a:gd name="T94" fmla="*/ 439 w 618"/>
                <a:gd name="T95" fmla="*/ 0 h 343"/>
                <a:gd name="T96" fmla="*/ 442 w 618"/>
                <a:gd name="T97" fmla="*/ 0 h 343"/>
                <a:gd name="T98" fmla="*/ 445 w 618"/>
                <a:gd name="T99" fmla="*/ 1 h 343"/>
                <a:gd name="T100" fmla="*/ 487 w 618"/>
                <a:gd name="T101" fmla="*/ 59 h 343"/>
                <a:gd name="T102" fmla="*/ 487 w 618"/>
                <a:gd name="T103" fmla="*/ 65 h 343"/>
                <a:gd name="T104" fmla="*/ 465 w 618"/>
                <a:gd name="T105" fmla="*/ 114 h 343"/>
                <a:gd name="T106" fmla="*/ 532 w 618"/>
                <a:gd name="T107" fmla="*/ 181 h 343"/>
                <a:gd name="T108" fmla="*/ 565 w 618"/>
                <a:gd name="T109" fmla="*/ 173 h 343"/>
                <a:gd name="T110" fmla="*/ 567 w 618"/>
                <a:gd name="T111" fmla="*/ 172 h 343"/>
                <a:gd name="T112" fmla="*/ 570 w 618"/>
                <a:gd name="T113" fmla="*/ 174 h 343"/>
                <a:gd name="T114" fmla="*/ 617 w 618"/>
                <a:gd name="T115" fmla="*/ 239 h 343"/>
                <a:gd name="T116" fmla="*/ 618 w 618"/>
                <a:gd name="T117" fmla="*/ 242 h 343"/>
                <a:gd name="T118" fmla="*/ 617 w 618"/>
                <a:gd name="T119" fmla="*/ 245 h 343"/>
                <a:gd name="T120" fmla="*/ 309 w 618"/>
                <a:gd name="T121" fmla="*/ 343 h 34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</a:cxnLst>
              <a:rect l="0" t="0" r="r" b="b"/>
              <a:pathLst>
                <a:path w="618" h="343">
                  <a:moveTo>
                    <a:pt x="309" y="343"/>
                  </a:moveTo>
                  <a:cubicBezTo>
                    <a:pt x="198" y="343"/>
                    <a:pt x="92" y="309"/>
                    <a:pt x="2" y="245"/>
                  </a:cubicBezTo>
                  <a:cubicBezTo>
                    <a:pt x="1" y="245"/>
                    <a:pt x="1" y="244"/>
                    <a:pt x="0" y="243"/>
                  </a:cubicBezTo>
                  <a:cubicBezTo>
                    <a:pt x="0" y="242"/>
                    <a:pt x="0" y="241"/>
                    <a:pt x="1" y="240"/>
                  </a:cubicBezTo>
                  <a:cubicBezTo>
                    <a:pt x="54" y="167"/>
                    <a:pt x="54" y="167"/>
                    <a:pt x="54" y="167"/>
                  </a:cubicBezTo>
                  <a:cubicBezTo>
                    <a:pt x="55" y="165"/>
                    <a:pt x="55" y="163"/>
                    <a:pt x="53" y="162"/>
                  </a:cubicBezTo>
                  <a:cubicBezTo>
                    <a:pt x="38" y="150"/>
                    <a:pt x="29" y="133"/>
                    <a:pt x="29" y="114"/>
                  </a:cubicBezTo>
                  <a:cubicBezTo>
                    <a:pt x="29" y="82"/>
                    <a:pt x="56" y="55"/>
                    <a:pt x="88" y="55"/>
                  </a:cubicBezTo>
                  <a:cubicBezTo>
                    <a:pt x="100" y="55"/>
                    <a:pt x="112" y="59"/>
                    <a:pt x="122" y="66"/>
                  </a:cubicBezTo>
                  <a:cubicBezTo>
                    <a:pt x="123" y="66"/>
                    <a:pt x="123" y="67"/>
                    <a:pt x="124" y="67"/>
                  </a:cubicBezTo>
                  <a:cubicBezTo>
                    <a:pt x="126" y="67"/>
                    <a:pt x="127" y="66"/>
                    <a:pt x="128" y="65"/>
                  </a:cubicBezTo>
                  <a:cubicBezTo>
                    <a:pt x="173" y="1"/>
                    <a:pt x="173" y="1"/>
                    <a:pt x="173" y="1"/>
                  </a:cubicBezTo>
                  <a:cubicBezTo>
                    <a:pt x="174" y="0"/>
                    <a:pt x="175" y="0"/>
                    <a:pt x="177" y="0"/>
                  </a:cubicBezTo>
                  <a:cubicBezTo>
                    <a:pt x="177" y="0"/>
                    <a:pt x="178" y="0"/>
                    <a:pt x="179" y="1"/>
                  </a:cubicBezTo>
                  <a:cubicBezTo>
                    <a:pt x="193" y="10"/>
                    <a:pt x="209" y="19"/>
                    <a:pt x="225" y="25"/>
                  </a:cubicBezTo>
                  <a:cubicBezTo>
                    <a:pt x="228" y="26"/>
                    <a:pt x="231" y="27"/>
                    <a:pt x="234" y="28"/>
                  </a:cubicBezTo>
                  <a:cubicBezTo>
                    <a:pt x="240" y="30"/>
                    <a:pt x="246" y="32"/>
                    <a:pt x="252" y="34"/>
                  </a:cubicBezTo>
                  <a:cubicBezTo>
                    <a:pt x="258" y="35"/>
                    <a:pt x="264" y="37"/>
                    <a:pt x="270" y="38"/>
                  </a:cubicBezTo>
                  <a:cubicBezTo>
                    <a:pt x="280" y="39"/>
                    <a:pt x="290" y="40"/>
                    <a:pt x="299" y="41"/>
                  </a:cubicBezTo>
                  <a:cubicBezTo>
                    <a:pt x="302" y="41"/>
                    <a:pt x="306" y="41"/>
                    <a:pt x="309" y="41"/>
                  </a:cubicBezTo>
                  <a:cubicBezTo>
                    <a:pt x="312" y="41"/>
                    <a:pt x="316" y="41"/>
                    <a:pt x="319" y="41"/>
                  </a:cubicBezTo>
                  <a:cubicBezTo>
                    <a:pt x="320" y="41"/>
                    <a:pt x="323" y="40"/>
                    <a:pt x="323" y="40"/>
                  </a:cubicBezTo>
                  <a:cubicBezTo>
                    <a:pt x="325" y="40"/>
                    <a:pt x="327" y="40"/>
                    <a:pt x="330" y="40"/>
                  </a:cubicBezTo>
                  <a:cubicBezTo>
                    <a:pt x="330" y="40"/>
                    <a:pt x="331" y="40"/>
                    <a:pt x="332" y="40"/>
                  </a:cubicBezTo>
                  <a:cubicBezTo>
                    <a:pt x="334" y="40"/>
                    <a:pt x="334" y="40"/>
                    <a:pt x="334" y="40"/>
                  </a:cubicBezTo>
                  <a:cubicBezTo>
                    <a:pt x="336" y="39"/>
                    <a:pt x="338" y="39"/>
                    <a:pt x="340" y="39"/>
                  </a:cubicBezTo>
                  <a:cubicBezTo>
                    <a:pt x="341" y="39"/>
                    <a:pt x="342" y="38"/>
                    <a:pt x="344" y="38"/>
                  </a:cubicBezTo>
                  <a:cubicBezTo>
                    <a:pt x="346" y="38"/>
                    <a:pt x="348" y="38"/>
                    <a:pt x="350" y="37"/>
                  </a:cubicBezTo>
                  <a:cubicBezTo>
                    <a:pt x="351" y="37"/>
                    <a:pt x="352" y="37"/>
                    <a:pt x="354" y="37"/>
                  </a:cubicBezTo>
                  <a:cubicBezTo>
                    <a:pt x="356" y="36"/>
                    <a:pt x="358" y="36"/>
                    <a:pt x="360" y="35"/>
                  </a:cubicBezTo>
                  <a:cubicBezTo>
                    <a:pt x="360" y="35"/>
                    <a:pt x="363" y="35"/>
                    <a:pt x="364" y="34"/>
                  </a:cubicBezTo>
                  <a:cubicBezTo>
                    <a:pt x="366" y="34"/>
                    <a:pt x="367" y="33"/>
                    <a:pt x="369" y="33"/>
                  </a:cubicBezTo>
                  <a:cubicBezTo>
                    <a:pt x="369" y="33"/>
                    <a:pt x="373" y="32"/>
                    <a:pt x="373" y="32"/>
                  </a:cubicBezTo>
                  <a:cubicBezTo>
                    <a:pt x="376" y="31"/>
                    <a:pt x="379" y="30"/>
                    <a:pt x="382" y="29"/>
                  </a:cubicBezTo>
                  <a:cubicBezTo>
                    <a:pt x="383" y="29"/>
                    <a:pt x="387" y="27"/>
                    <a:pt x="387" y="27"/>
                  </a:cubicBezTo>
                  <a:cubicBezTo>
                    <a:pt x="389" y="27"/>
                    <a:pt x="390" y="26"/>
                    <a:pt x="391" y="26"/>
                  </a:cubicBezTo>
                  <a:cubicBezTo>
                    <a:pt x="393" y="25"/>
                    <a:pt x="394" y="25"/>
                    <a:pt x="395" y="24"/>
                  </a:cubicBezTo>
                  <a:cubicBezTo>
                    <a:pt x="396" y="24"/>
                    <a:pt x="396" y="24"/>
                    <a:pt x="396" y="24"/>
                  </a:cubicBezTo>
                  <a:cubicBezTo>
                    <a:pt x="398" y="23"/>
                    <a:pt x="399" y="23"/>
                    <a:pt x="400" y="22"/>
                  </a:cubicBezTo>
                  <a:cubicBezTo>
                    <a:pt x="402" y="21"/>
                    <a:pt x="404" y="21"/>
                    <a:pt x="405" y="20"/>
                  </a:cubicBezTo>
                  <a:cubicBezTo>
                    <a:pt x="406" y="19"/>
                    <a:pt x="408" y="19"/>
                    <a:pt x="409" y="18"/>
                  </a:cubicBezTo>
                  <a:cubicBezTo>
                    <a:pt x="411" y="17"/>
                    <a:pt x="412" y="16"/>
                    <a:pt x="414" y="16"/>
                  </a:cubicBezTo>
                  <a:cubicBezTo>
                    <a:pt x="415" y="15"/>
                    <a:pt x="416" y="14"/>
                    <a:pt x="418" y="14"/>
                  </a:cubicBezTo>
                  <a:cubicBezTo>
                    <a:pt x="419" y="13"/>
                    <a:pt x="421" y="12"/>
                    <a:pt x="422" y="11"/>
                  </a:cubicBezTo>
                  <a:cubicBezTo>
                    <a:pt x="423" y="10"/>
                    <a:pt x="427" y="8"/>
                    <a:pt x="427" y="8"/>
                  </a:cubicBezTo>
                  <a:cubicBezTo>
                    <a:pt x="428" y="8"/>
                    <a:pt x="429" y="7"/>
                    <a:pt x="431" y="6"/>
                  </a:cubicBezTo>
                  <a:cubicBezTo>
                    <a:pt x="433" y="4"/>
                    <a:pt x="433" y="4"/>
                    <a:pt x="433" y="4"/>
                  </a:cubicBezTo>
                  <a:cubicBezTo>
                    <a:pt x="436" y="3"/>
                    <a:pt x="438" y="2"/>
                    <a:pt x="439" y="0"/>
                  </a:cubicBezTo>
                  <a:cubicBezTo>
                    <a:pt x="440" y="0"/>
                    <a:pt x="441" y="0"/>
                    <a:pt x="442" y="0"/>
                  </a:cubicBezTo>
                  <a:cubicBezTo>
                    <a:pt x="443" y="0"/>
                    <a:pt x="444" y="0"/>
                    <a:pt x="445" y="1"/>
                  </a:cubicBezTo>
                  <a:cubicBezTo>
                    <a:pt x="487" y="59"/>
                    <a:pt x="487" y="59"/>
                    <a:pt x="487" y="59"/>
                  </a:cubicBezTo>
                  <a:cubicBezTo>
                    <a:pt x="488" y="61"/>
                    <a:pt x="488" y="63"/>
                    <a:pt x="487" y="65"/>
                  </a:cubicBezTo>
                  <a:cubicBezTo>
                    <a:pt x="473" y="77"/>
                    <a:pt x="465" y="95"/>
                    <a:pt x="465" y="114"/>
                  </a:cubicBezTo>
                  <a:cubicBezTo>
                    <a:pt x="465" y="151"/>
                    <a:pt x="495" y="181"/>
                    <a:pt x="532" y="181"/>
                  </a:cubicBezTo>
                  <a:cubicBezTo>
                    <a:pt x="543" y="181"/>
                    <a:pt x="555" y="178"/>
                    <a:pt x="565" y="173"/>
                  </a:cubicBezTo>
                  <a:cubicBezTo>
                    <a:pt x="565" y="172"/>
                    <a:pt x="566" y="172"/>
                    <a:pt x="567" y="172"/>
                  </a:cubicBezTo>
                  <a:cubicBezTo>
                    <a:pt x="568" y="172"/>
                    <a:pt x="569" y="173"/>
                    <a:pt x="570" y="174"/>
                  </a:cubicBezTo>
                  <a:cubicBezTo>
                    <a:pt x="617" y="239"/>
                    <a:pt x="617" y="239"/>
                    <a:pt x="617" y="239"/>
                  </a:cubicBezTo>
                  <a:cubicBezTo>
                    <a:pt x="618" y="240"/>
                    <a:pt x="618" y="241"/>
                    <a:pt x="618" y="242"/>
                  </a:cubicBezTo>
                  <a:cubicBezTo>
                    <a:pt x="618" y="243"/>
                    <a:pt x="617" y="244"/>
                    <a:pt x="617" y="245"/>
                  </a:cubicBezTo>
                  <a:cubicBezTo>
                    <a:pt x="526" y="309"/>
                    <a:pt x="420" y="343"/>
                    <a:pt x="309" y="343"/>
                  </a:cubicBezTo>
                  <a:close/>
                </a:path>
              </a:pathLst>
            </a:custGeom>
            <a:solidFill>
              <a:srgbClr val="ED7D31"/>
            </a:solidFill>
            <a:ln>
              <a:noFill/>
            </a:ln>
            <a:extLst/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defTabSz="914377"/>
              <a:endParaRPr lang="en-US">
                <a:solidFill>
                  <a:prstClr val="black"/>
                </a:solidFill>
                <a:latin typeface="Calibri" panose="020F0502020204030204"/>
              </a:endParaRPr>
            </a:p>
          </p:txBody>
        </p:sp>
        <p:sp>
          <p:nvSpPr>
            <p:cNvPr id="31" name="Freeform 9"/>
            <p:cNvSpPr>
              <a:spLocks/>
            </p:cNvSpPr>
            <p:nvPr/>
          </p:nvSpPr>
          <p:spPr bwMode="auto">
            <a:xfrm>
              <a:off x="5083681" y="1914251"/>
              <a:ext cx="1358832" cy="2137168"/>
            </a:xfrm>
            <a:custGeom>
              <a:avLst/>
              <a:gdLst>
                <a:gd name="T0" fmla="*/ 214 w 390"/>
                <a:gd name="T1" fmla="*/ 614 h 614"/>
                <a:gd name="T2" fmla="*/ 211 w 390"/>
                <a:gd name="T3" fmla="*/ 614 h 614"/>
                <a:gd name="T4" fmla="*/ 0 w 390"/>
                <a:gd name="T5" fmla="*/ 189 h 614"/>
                <a:gd name="T6" fmla="*/ 25 w 390"/>
                <a:gd name="T7" fmla="*/ 23 h 614"/>
                <a:gd name="T8" fmla="*/ 26 w 390"/>
                <a:gd name="T9" fmla="*/ 22 h 614"/>
                <a:gd name="T10" fmla="*/ 30 w 390"/>
                <a:gd name="T11" fmla="*/ 20 h 614"/>
                <a:gd name="T12" fmla="*/ 31 w 390"/>
                <a:gd name="T13" fmla="*/ 20 h 614"/>
                <a:gd name="T14" fmla="*/ 114 w 390"/>
                <a:gd name="T15" fmla="*/ 45 h 614"/>
                <a:gd name="T16" fmla="*/ 115 w 390"/>
                <a:gd name="T17" fmla="*/ 46 h 614"/>
                <a:gd name="T18" fmla="*/ 117 w 390"/>
                <a:gd name="T19" fmla="*/ 45 h 614"/>
                <a:gd name="T20" fmla="*/ 119 w 390"/>
                <a:gd name="T21" fmla="*/ 43 h 614"/>
                <a:gd name="T22" fmla="*/ 176 w 390"/>
                <a:gd name="T23" fmla="*/ 0 h 614"/>
                <a:gd name="T24" fmla="*/ 235 w 390"/>
                <a:gd name="T25" fmla="*/ 59 h 614"/>
                <a:gd name="T26" fmla="*/ 232 w 390"/>
                <a:gd name="T27" fmla="*/ 77 h 614"/>
                <a:gd name="T28" fmla="*/ 232 w 390"/>
                <a:gd name="T29" fmla="*/ 80 h 614"/>
                <a:gd name="T30" fmla="*/ 234 w 390"/>
                <a:gd name="T31" fmla="*/ 82 h 614"/>
                <a:gd name="T32" fmla="*/ 312 w 390"/>
                <a:gd name="T33" fmla="*/ 106 h 614"/>
                <a:gd name="T34" fmla="*/ 314 w 390"/>
                <a:gd name="T35" fmla="*/ 108 h 614"/>
                <a:gd name="T36" fmla="*/ 315 w 390"/>
                <a:gd name="T37" fmla="*/ 111 h 614"/>
                <a:gd name="T38" fmla="*/ 314 w 390"/>
                <a:gd name="T39" fmla="*/ 114 h 614"/>
                <a:gd name="T40" fmla="*/ 302 w 390"/>
                <a:gd name="T41" fmla="*/ 189 h 614"/>
                <a:gd name="T42" fmla="*/ 388 w 390"/>
                <a:gd name="T43" fmla="*/ 369 h 614"/>
                <a:gd name="T44" fmla="*/ 389 w 390"/>
                <a:gd name="T45" fmla="*/ 375 h 614"/>
                <a:gd name="T46" fmla="*/ 347 w 390"/>
                <a:gd name="T47" fmla="*/ 432 h 614"/>
                <a:gd name="T48" fmla="*/ 344 w 390"/>
                <a:gd name="T49" fmla="*/ 434 h 614"/>
                <a:gd name="T50" fmla="*/ 342 w 390"/>
                <a:gd name="T51" fmla="*/ 433 h 614"/>
                <a:gd name="T52" fmla="*/ 310 w 390"/>
                <a:gd name="T53" fmla="*/ 425 h 614"/>
                <a:gd name="T54" fmla="*/ 243 w 390"/>
                <a:gd name="T55" fmla="*/ 492 h 614"/>
                <a:gd name="T56" fmla="*/ 264 w 390"/>
                <a:gd name="T57" fmla="*/ 541 h 614"/>
                <a:gd name="T58" fmla="*/ 265 w 390"/>
                <a:gd name="T59" fmla="*/ 546 h 614"/>
                <a:gd name="T60" fmla="*/ 217 w 390"/>
                <a:gd name="T61" fmla="*/ 613 h 614"/>
                <a:gd name="T62" fmla="*/ 214 w 390"/>
                <a:gd name="T63" fmla="*/ 614 h 614"/>
                <a:gd name="T64" fmla="*/ 214 w 390"/>
                <a:gd name="T65" fmla="*/ 614 h 6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</a:cxnLst>
              <a:rect l="0" t="0" r="r" b="b"/>
              <a:pathLst>
                <a:path w="390" h="614">
                  <a:moveTo>
                    <a:pt x="214" y="614"/>
                  </a:moveTo>
                  <a:cubicBezTo>
                    <a:pt x="213" y="614"/>
                    <a:pt x="212" y="614"/>
                    <a:pt x="211" y="614"/>
                  </a:cubicBezTo>
                  <a:cubicBezTo>
                    <a:pt x="79" y="513"/>
                    <a:pt x="0" y="355"/>
                    <a:pt x="0" y="189"/>
                  </a:cubicBezTo>
                  <a:cubicBezTo>
                    <a:pt x="0" y="131"/>
                    <a:pt x="8" y="76"/>
                    <a:pt x="25" y="23"/>
                  </a:cubicBezTo>
                  <a:cubicBezTo>
                    <a:pt x="26" y="22"/>
                    <a:pt x="26" y="22"/>
                    <a:pt x="26" y="22"/>
                  </a:cubicBezTo>
                  <a:cubicBezTo>
                    <a:pt x="26" y="21"/>
                    <a:pt x="28" y="20"/>
                    <a:pt x="30" y="20"/>
                  </a:cubicBezTo>
                  <a:cubicBezTo>
                    <a:pt x="30" y="20"/>
                    <a:pt x="30" y="20"/>
                    <a:pt x="31" y="20"/>
                  </a:cubicBezTo>
                  <a:cubicBezTo>
                    <a:pt x="114" y="45"/>
                    <a:pt x="114" y="45"/>
                    <a:pt x="114" y="45"/>
                  </a:cubicBezTo>
                  <a:cubicBezTo>
                    <a:pt x="114" y="45"/>
                    <a:pt x="115" y="46"/>
                    <a:pt x="115" y="46"/>
                  </a:cubicBezTo>
                  <a:cubicBezTo>
                    <a:pt x="116" y="46"/>
                    <a:pt x="116" y="45"/>
                    <a:pt x="117" y="45"/>
                  </a:cubicBezTo>
                  <a:cubicBezTo>
                    <a:pt x="118" y="45"/>
                    <a:pt x="119" y="44"/>
                    <a:pt x="119" y="43"/>
                  </a:cubicBezTo>
                  <a:cubicBezTo>
                    <a:pt x="126" y="17"/>
                    <a:pt x="149" y="0"/>
                    <a:pt x="176" y="0"/>
                  </a:cubicBezTo>
                  <a:cubicBezTo>
                    <a:pt x="208" y="0"/>
                    <a:pt x="235" y="26"/>
                    <a:pt x="235" y="59"/>
                  </a:cubicBezTo>
                  <a:cubicBezTo>
                    <a:pt x="235" y="65"/>
                    <a:pt x="234" y="71"/>
                    <a:pt x="232" y="77"/>
                  </a:cubicBezTo>
                  <a:cubicBezTo>
                    <a:pt x="231" y="78"/>
                    <a:pt x="232" y="79"/>
                    <a:pt x="232" y="80"/>
                  </a:cubicBezTo>
                  <a:cubicBezTo>
                    <a:pt x="233" y="81"/>
                    <a:pt x="233" y="82"/>
                    <a:pt x="234" y="82"/>
                  </a:cubicBezTo>
                  <a:cubicBezTo>
                    <a:pt x="312" y="106"/>
                    <a:pt x="312" y="106"/>
                    <a:pt x="312" y="106"/>
                  </a:cubicBezTo>
                  <a:cubicBezTo>
                    <a:pt x="313" y="106"/>
                    <a:pt x="314" y="107"/>
                    <a:pt x="314" y="108"/>
                  </a:cubicBezTo>
                  <a:cubicBezTo>
                    <a:pt x="315" y="109"/>
                    <a:pt x="315" y="110"/>
                    <a:pt x="315" y="111"/>
                  </a:cubicBezTo>
                  <a:cubicBezTo>
                    <a:pt x="314" y="114"/>
                    <a:pt x="314" y="114"/>
                    <a:pt x="314" y="114"/>
                  </a:cubicBezTo>
                  <a:cubicBezTo>
                    <a:pt x="306" y="137"/>
                    <a:pt x="302" y="162"/>
                    <a:pt x="302" y="189"/>
                  </a:cubicBezTo>
                  <a:cubicBezTo>
                    <a:pt x="302" y="260"/>
                    <a:pt x="333" y="325"/>
                    <a:pt x="388" y="369"/>
                  </a:cubicBezTo>
                  <a:cubicBezTo>
                    <a:pt x="390" y="371"/>
                    <a:pt x="390" y="373"/>
                    <a:pt x="389" y="375"/>
                  </a:cubicBezTo>
                  <a:cubicBezTo>
                    <a:pt x="347" y="432"/>
                    <a:pt x="347" y="432"/>
                    <a:pt x="347" y="432"/>
                  </a:cubicBezTo>
                  <a:cubicBezTo>
                    <a:pt x="347" y="433"/>
                    <a:pt x="345" y="434"/>
                    <a:pt x="344" y="434"/>
                  </a:cubicBezTo>
                  <a:cubicBezTo>
                    <a:pt x="344" y="434"/>
                    <a:pt x="343" y="434"/>
                    <a:pt x="342" y="433"/>
                  </a:cubicBezTo>
                  <a:cubicBezTo>
                    <a:pt x="333" y="428"/>
                    <a:pt x="321" y="425"/>
                    <a:pt x="310" y="425"/>
                  </a:cubicBezTo>
                  <a:cubicBezTo>
                    <a:pt x="273" y="425"/>
                    <a:pt x="243" y="455"/>
                    <a:pt x="243" y="492"/>
                  </a:cubicBezTo>
                  <a:cubicBezTo>
                    <a:pt x="243" y="511"/>
                    <a:pt x="251" y="528"/>
                    <a:pt x="264" y="541"/>
                  </a:cubicBezTo>
                  <a:cubicBezTo>
                    <a:pt x="266" y="542"/>
                    <a:pt x="266" y="545"/>
                    <a:pt x="265" y="546"/>
                  </a:cubicBezTo>
                  <a:cubicBezTo>
                    <a:pt x="217" y="613"/>
                    <a:pt x="217" y="613"/>
                    <a:pt x="217" y="613"/>
                  </a:cubicBezTo>
                  <a:cubicBezTo>
                    <a:pt x="216" y="614"/>
                    <a:pt x="215" y="614"/>
                    <a:pt x="214" y="614"/>
                  </a:cubicBezTo>
                  <a:cubicBezTo>
                    <a:pt x="214" y="614"/>
                    <a:pt x="214" y="614"/>
                    <a:pt x="214" y="614"/>
                  </a:cubicBezTo>
                  <a:close/>
                </a:path>
              </a:pathLst>
            </a:custGeom>
            <a:solidFill>
              <a:srgbClr val="70AD47"/>
            </a:solidFill>
            <a:ln>
              <a:noFill/>
            </a:ln>
            <a:extLst/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defTabSz="914377"/>
              <a:endParaRPr lang="en-US">
                <a:solidFill>
                  <a:prstClr val="black"/>
                </a:solidFill>
                <a:latin typeface="Calibri" panose="020F0502020204030204"/>
              </a:endParaRPr>
            </a:p>
          </p:txBody>
        </p:sp>
        <p:sp>
          <p:nvSpPr>
            <p:cNvPr id="32" name="Rectangle 31"/>
            <p:cNvSpPr/>
            <p:nvPr/>
          </p:nvSpPr>
          <p:spPr>
            <a:xfrm>
              <a:off x="5083013" y="2890450"/>
              <a:ext cx="1230954" cy="30008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 defTabSz="914377"/>
              <a:r>
                <a:rPr lang="en-US" sz="2000" dirty="0">
                  <a:solidFill>
                    <a:prstClr val="white"/>
                  </a:solidFill>
                  <a:latin typeface="Calibri" panose="020F0502020204030204"/>
                  <a:cs typeface="Arial" panose="020B0604020202020204" pitchFamily="34" charset="0"/>
                </a:rPr>
                <a:t>Environment</a:t>
              </a:r>
              <a:endParaRPr lang="en-US" sz="2000" dirty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33" name="Rectangle 32"/>
            <p:cNvSpPr/>
            <p:nvPr/>
          </p:nvSpPr>
          <p:spPr>
            <a:xfrm>
              <a:off x="5761667" y="1429854"/>
              <a:ext cx="1119438" cy="30008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77"/>
              <a:r>
                <a:rPr lang="en-US" sz="2000" dirty="0">
                  <a:solidFill>
                    <a:prstClr val="white"/>
                  </a:solidFill>
                  <a:latin typeface="Calibri" panose="020F0502020204030204"/>
                  <a:cs typeface="Arial" panose="020B0604020202020204" pitchFamily="34" charset="0"/>
                </a:rPr>
                <a:t>Healthcare</a:t>
              </a:r>
              <a:endParaRPr lang="en-US" sz="2000" dirty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34" name="Rectangle 33"/>
            <p:cNvSpPr/>
            <p:nvPr/>
          </p:nvSpPr>
          <p:spPr>
            <a:xfrm>
              <a:off x="7351673" y="1427782"/>
              <a:ext cx="715225" cy="30008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914377"/>
              <a:r>
                <a:rPr lang="en-US" sz="2000" dirty="0">
                  <a:solidFill>
                    <a:prstClr val="white"/>
                  </a:solidFill>
                  <a:latin typeface="Calibri" panose="020F0502020204030204"/>
                  <a:cs typeface="Arial" panose="020B0604020202020204" pitchFamily="34" charset="0"/>
                </a:rPr>
                <a:t>Food</a:t>
              </a:r>
              <a:endParaRPr lang="en-US" sz="2000" dirty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35" name="Rectangle 34"/>
            <p:cNvSpPr/>
            <p:nvPr/>
          </p:nvSpPr>
          <p:spPr>
            <a:xfrm>
              <a:off x="7600912" y="2924422"/>
              <a:ext cx="1117240" cy="30008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 defTabSz="914377"/>
              <a:r>
                <a:rPr lang="en-US" sz="2000" dirty="0">
                  <a:solidFill>
                    <a:prstClr val="white"/>
                  </a:solidFill>
                  <a:latin typeface="Calibri" panose="020F0502020204030204"/>
                  <a:cs typeface="Arial" panose="020B0604020202020204" pitchFamily="34" charset="0"/>
                </a:rPr>
                <a:t>Community</a:t>
              </a:r>
              <a:endParaRPr lang="en-US" sz="2000" dirty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36" name="Rectangle 35"/>
            <p:cNvSpPr/>
            <p:nvPr/>
          </p:nvSpPr>
          <p:spPr>
            <a:xfrm>
              <a:off x="6403152" y="3889836"/>
              <a:ext cx="1013992" cy="30008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 defTabSz="914377"/>
              <a:r>
                <a:rPr lang="en-US" sz="2000" dirty="0">
                  <a:solidFill>
                    <a:prstClr val="white"/>
                  </a:solidFill>
                  <a:latin typeface="Calibri" panose="020F0502020204030204"/>
                  <a:cs typeface="Arial" panose="020B0604020202020204" pitchFamily="34" charset="0"/>
                </a:rPr>
                <a:t>Global</a:t>
              </a:r>
              <a:endParaRPr lang="en-US" sz="2000" dirty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10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207935" y="1834692"/>
              <a:ext cx="1469898" cy="1469898"/>
            </a:xfrm>
            <a:prstGeom prst="ellipse">
              <a:avLst/>
            </a:prstGeom>
          </p:spPr>
        </p:pic>
        <p:pic>
          <p:nvPicPr>
            <p:cNvPr id="38" name="Picture 26" descr="Image result for environment icon"/>
            <p:cNvPicPr>
              <a:picLocks noChangeAspect="1" noChangeArrowheads="1"/>
            </p:cNvPicPr>
            <p:nvPr/>
          </p:nvPicPr>
          <p:blipFill>
            <a:blip r:embed="rId6" cstate="print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BEBA8EAE-BF5A-486C-A8C5-ECC9F3942E4B}">
                  <a14:imgProps xmlns:a14="http://schemas.microsoft.com/office/drawing/2010/main">
                    <a14:imgLayer r:embed="rId7">
                      <a14:imgEffect>
                        <a14:colorTemperature colorTemp="47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444634" y="2474073"/>
              <a:ext cx="416377" cy="416377"/>
            </a:xfrm>
            <a:prstGeom prst="rect">
              <a:avLst/>
            </a:prstGeom>
            <a:noFill/>
            <a:effectLst>
              <a:outerShdw blurRad="50800" dist="38100" dir="10800000" algn="r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39" name="Picture 8" descr="Image result for hospital icon"/>
            <p:cNvPicPr>
              <a:picLocks noChangeAspect="1" noChangeArrowheads="1"/>
            </p:cNvPicPr>
            <p:nvPr/>
          </p:nvPicPr>
          <p:blipFill>
            <a:blip r:embed="rId5" cstate="print">
              <a:lum bright="70000" contrast="-70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052876" y="1007959"/>
              <a:ext cx="321491" cy="321491"/>
            </a:xfrm>
            <a:prstGeom prst="rect">
              <a:avLst/>
            </a:prstGeom>
            <a:noFill/>
            <a:effectLst>
              <a:outerShdw blurRad="50800" dist="38100" dir="10800000" algn="r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0" name="Picture 2" descr="Image result for fork and knife icon"/>
            <p:cNvPicPr>
              <a:picLocks noChangeAspect="1" noChangeArrowheads="1"/>
            </p:cNvPicPr>
            <p:nvPr/>
          </p:nvPicPr>
          <p:blipFill>
            <a:blip r:embed="rId3" cstate="print">
              <a:lum bright="70000" contrast="-70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484769" y="1038561"/>
              <a:ext cx="338972" cy="338972"/>
            </a:xfrm>
            <a:prstGeom prst="rect">
              <a:avLst/>
            </a:prstGeom>
            <a:noFill/>
            <a:effectLst>
              <a:outerShdw blurRad="50800" dist="38100" dir="10800000" algn="r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1" name="Picture 6" descr="Image result for world icon"/>
            <p:cNvPicPr>
              <a:picLocks noChangeAspect="1" noChangeArrowheads="1"/>
            </p:cNvPicPr>
            <p:nvPr/>
          </p:nvPicPr>
          <p:blipFill>
            <a:blip r:embed="rId4" cstate="print">
              <a:lum bright="70000" contrast="-70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748290" y="3502613"/>
              <a:ext cx="323717" cy="323717"/>
            </a:xfrm>
            <a:prstGeom prst="rect">
              <a:avLst/>
            </a:prstGeom>
            <a:noFill/>
            <a:effectLst>
              <a:outerShdw blurRad="50800" dist="38100" dir="10800000" algn="r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2" name="Picture 41"/>
            <p:cNvPicPr>
              <a:picLocks noChangeAspect="1"/>
            </p:cNvPicPr>
            <p:nvPr/>
          </p:nvPicPr>
          <p:blipFill>
            <a:blip r:embed="rId8">
              <a:lum bright="70000" contrast="-70000"/>
              <a:extLst>
                <a:ext uri="{BEBA8EAE-BF5A-486C-A8C5-ECC9F3942E4B}">
                  <a14:imgProps xmlns:a14="http://schemas.microsoft.com/office/drawing/2010/main">
                    <a14:imgLayer r:embed="rId9">
                      <a14:imgEffect>
                        <a14:backgroundRemoval t="2767" b="98024" l="2029" r="96812">
                          <a14:foregroundMark x1="13623" y1="18577" x2="13623" y2="18577"/>
                          <a14:foregroundMark x1="30435" y1="17391" x2="30435" y2="17391"/>
                          <a14:foregroundMark x1="47826" y1="11462" x2="47826" y2="11462"/>
                          <a14:foregroundMark x1="69565" y1="16996" x2="69565" y2="16996"/>
                          <a14:foregroundMark x1="85217" y1="19763" x2="85217" y2="19763"/>
                          <a14:foregroundMark x1="85507" y1="43083" x2="85507" y2="43083"/>
                          <a14:foregroundMark x1="70435" y1="43478" x2="70435" y2="43478"/>
                          <a14:foregroundMark x1="29275" y1="45850" x2="29275" y2="45850"/>
                          <a14:foregroundMark x1="13333" y1="45455" x2="13333" y2="45455"/>
                          <a14:backgroundMark x1="42319" y1="45059" x2="42319" y2="45059"/>
                        </a14:backgroundRemoval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>
              <a:off x="7928539" y="2585500"/>
              <a:ext cx="453442" cy="332524"/>
            </a:xfrm>
            <a:prstGeom prst="rect">
              <a:avLst/>
            </a:prstGeom>
            <a:effectLst>
              <a:outerShdw blurRad="50800" dist="38100" dir="13500000" algn="br" rotWithShape="0">
                <a:prstClr val="black">
                  <a:alpha val="40000"/>
                </a:prstClr>
              </a:outerShdw>
            </a:effectLst>
          </p:spPr>
        </p:pic>
      </p:grpSp>
    </p:spTree>
    <p:extLst>
      <p:ext uri="{BB962C8B-B14F-4D97-AF65-F5344CB8AC3E}">
        <p14:creationId xmlns:p14="http://schemas.microsoft.com/office/powerpoint/2010/main" val="11053228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NCEH_ATSDR_combined">
  <a:themeElements>
    <a:clrScheme name="Custom 2">
      <a:dk1>
        <a:srgbClr val="0F56DC"/>
      </a:dk1>
      <a:lt1>
        <a:srgbClr val="FFC000"/>
      </a:lt1>
      <a:dk2>
        <a:srgbClr val="FFFFFF"/>
      </a:dk2>
      <a:lt2>
        <a:srgbClr val="FFFFFF"/>
      </a:lt2>
      <a:accent1>
        <a:srgbClr val="4983F2"/>
      </a:accent1>
      <a:accent2>
        <a:srgbClr val="007D57"/>
      </a:accent2>
      <a:accent3>
        <a:srgbClr val="9A3B26"/>
      </a:accent3>
      <a:accent4>
        <a:srgbClr val="7F7F7F"/>
      </a:accent4>
      <a:accent5>
        <a:srgbClr val="0F56DC"/>
      </a:accent5>
      <a:accent6>
        <a:srgbClr val="002060"/>
      </a:accent6>
      <a:hlink>
        <a:srgbClr val="0F56DC"/>
      </a:hlink>
      <a:folHlink>
        <a:srgbClr val="3077FF"/>
      </a:folHlink>
    </a:clrScheme>
    <a:fontScheme name="CDC Myriad Web Pro">
      <a:majorFont>
        <a:latin typeface="Myriad Web Pro"/>
        <a:ea typeface=""/>
        <a:cs typeface=""/>
      </a:majorFont>
      <a:minorFont>
        <a:latin typeface="Myriad Web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smtClean="0">
            <a:solidFill>
              <a:srgbClr val="000000"/>
            </a:solidFill>
            <a:latin typeface="Calibri" panose="020F050202020403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ACCARB_CDC-BBell-20160919_v1" id="{4E98F7AD-8422-4063-A5DF-2945E6BAE670}" vid="{4F7FCC0A-8912-40DA-A068-D61A42B143CB}"/>
    </a:ext>
  </a:extLst>
</a:theme>
</file>

<file path=ppt/theme/theme3.xml><?xml version="1.0" encoding="utf-8"?>
<a:theme xmlns:a="http://schemas.openxmlformats.org/drawingml/2006/main" name="1_NCEH_ATSDR_combined">
  <a:themeElements>
    <a:clrScheme name="Custom 2">
      <a:dk1>
        <a:srgbClr val="0F56DC"/>
      </a:dk1>
      <a:lt1>
        <a:srgbClr val="FFC000"/>
      </a:lt1>
      <a:dk2>
        <a:srgbClr val="FFFFFF"/>
      </a:dk2>
      <a:lt2>
        <a:srgbClr val="FFFFFF"/>
      </a:lt2>
      <a:accent1>
        <a:srgbClr val="4983F2"/>
      </a:accent1>
      <a:accent2>
        <a:srgbClr val="007D57"/>
      </a:accent2>
      <a:accent3>
        <a:srgbClr val="9A3B26"/>
      </a:accent3>
      <a:accent4>
        <a:srgbClr val="7F7F7F"/>
      </a:accent4>
      <a:accent5>
        <a:srgbClr val="0F56DC"/>
      </a:accent5>
      <a:accent6>
        <a:srgbClr val="002060"/>
      </a:accent6>
      <a:hlink>
        <a:srgbClr val="0F56DC"/>
      </a:hlink>
      <a:folHlink>
        <a:srgbClr val="3077FF"/>
      </a:folHlink>
    </a:clrScheme>
    <a:fontScheme name="CDC Myriad Web Pro">
      <a:majorFont>
        <a:latin typeface="Myriad Web Pro"/>
        <a:ea typeface=""/>
        <a:cs typeface=""/>
      </a:majorFont>
      <a:minorFont>
        <a:latin typeface="Myriad Web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smtClean="0">
            <a:solidFill>
              <a:srgbClr val="000000"/>
            </a:solidFill>
            <a:latin typeface="Calibri" panose="020F0502020204030204" pitchFamily="34" charset="0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ACCARB_CDC-LHicks-20160919_v1" id="{223836D8-F5B2-4FE3-BF07-508300F3D91A}" vid="{6ED57916-15B2-4219-B46C-E44DB290F429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521</TotalTime>
  <Words>2593</Words>
  <Application>Microsoft Office PowerPoint</Application>
  <PresentationFormat>Widescreen</PresentationFormat>
  <Paragraphs>477</Paragraphs>
  <Slides>33</Slides>
  <Notes>26</Notes>
  <HiddenSlides>0</HiddenSlides>
  <MMClips>1</MMClips>
  <ScaleCrop>false</ScaleCrop>
  <HeadingPairs>
    <vt:vector size="6" baseType="variant">
      <vt:variant>
        <vt:lpstr>Fonts Used</vt:lpstr>
      </vt:variant>
      <vt:variant>
        <vt:i4>11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33</vt:i4>
      </vt:variant>
    </vt:vector>
  </HeadingPairs>
  <TitlesOfParts>
    <vt:vector size="47" baseType="lpstr">
      <vt:lpstr>Arial Unicode MS</vt:lpstr>
      <vt:lpstr>Adobe Devanagari</vt:lpstr>
      <vt:lpstr>Arial</vt:lpstr>
      <vt:lpstr>Calibri</vt:lpstr>
      <vt:lpstr>Calibri Light</vt:lpstr>
      <vt:lpstr>Courier New</vt:lpstr>
      <vt:lpstr>Helvetica</vt:lpstr>
      <vt:lpstr>Myriad Web Pro</vt:lpstr>
      <vt:lpstr>Segoe UI Semibold</vt:lpstr>
      <vt:lpstr>Times New Roman</vt:lpstr>
      <vt:lpstr>Wingdings</vt:lpstr>
      <vt:lpstr>Office Theme</vt:lpstr>
      <vt:lpstr>NCEH_ATSDR_combined</vt:lpstr>
      <vt:lpstr>1_NCEH_ATSDR_combined</vt:lpstr>
      <vt:lpstr>Antimicrobial Resistance Detection and Containment; a current US approach</vt:lpstr>
      <vt:lpstr>Antimicrobial Resistance: A Growing Threat</vt:lpstr>
      <vt:lpstr>Antimicrobial Resistance Threatens Every Person,  Modern Medicine, and Industries</vt:lpstr>
      <vt:lpstr>Resistance Threatens U.S. Healthcare and Undermines Our Ability to Heal and Cure</vt:lpstr>
      <vt:lpstr>New Drugs Alone Are Not Enough…</vt:lpstr>
      <vt:lpstr>Antibiotic Use Drives Resistance</vt:lpstr>
      <vt:lpstr>National Momentum on AR: Post CDC Threat Report</vt:lpstr>
      <vt:lpstr>National Strategy to Combat Antibiotic Resistant Bacteria, September 2014 – 5 Goals </vt:lpstr>
      <vt:lpstr>PowerPoint Presentation</vt:lpstr>
      <vt:lpstr>CDC’s Work in Antimicrobial Resistance</vt:lpstr>
      <vt:lpstr>Accelerating &amp; Implementing Innovations to Combat AR</vt:lpstr>
      <vt:lpstr>CDC’s Containment Strategy</vt:lpstr>
      <vt:lpstr>Why We Need a Containment Strategy</vt:lpstr>
      <vt:lpstr>carbapenem-resistant Enterobacteriaceae (CRE) Outbreak: Several Healthcare Facilities in More than a County, Illinois, 2008 </vt:lpstr>
      <vt:lpstr>Connectedness of Healthcare Facilities, Washington and Oregon</vt:lpstr>
      <vt:lpstr>PowerPoint Presentation</vt:lpstr>
      <vt:lpstr>Projected Prevalence of CRE Based on Modeling</vt:lpstr>
      <vt:lpstr>Thinking Holistically to Protect Patients</vt:lpstr>
      <vt:lpstr>PowerPoint Presentation</vt:lpstr>
      <vt:lpstr>Antibiotic Resistance Laboratory Network</vt:lpstr>
      <vt:lpstr>CDC &amp; FDA Antibiotic Resistance Isolate Bank</vt:lpstr>
      <vt:lpstr>CDC’s Containment Strategy in Action</vt:lpstr>
      <vt:lpstr>How much antibiotic use is unnecessary? </vt:lpstr>
      <vt:lpstr>Three Things Health Plans Should Know About Antibiotic Harms that Have Nothing to Do with Resistance</vt:lpstr>
      <vt:lpstr>Potential Impact of C. difficile Prevention</vt:lpstr>
      <vt:lpstr>Improving Education on Antibiotic Use</vt:lpstr>
      <vt:lpstr>Working with Partners to Improve Stewardship Across All Healthcare Settings</vt:lpstr>
      <vt:lpstr>PowerPoint Presentation</vt:lpstr>
      <vt:lpstr>Partners are Critical</vt:lpstr>
      <vt:lpstr>Examples of CDC’s Global Work to Combat AR</vt:lpstr>
      <vt:lpstr>Transformative Investments to Combat AMR</vt:lpstr>
      <vt:lpstr>PowerPoint Presentation</vt:lpstr>
      <vt:lpstr>PowerPoint Presentation</vt:lpstr>
    </vt:vector>
  </TitlesOfParts>
  <Company>Centers for Disease Control and Preventio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DC’s Work in Antibiotic Resistance</dc:title>
  <dc:creator>Capers, Catherine (Katy) (CDC/OID/NCEZID)</dc:creator>
  <cp:lastModifiedBy>Bell, Michael MD (CDC/OID/NCEZID)</cp:lastModifiedBy>
  <cp:revision>27</cp:revision>
  <dcterms:created xsi:type="dcterms:W3CDTF">2017-10-30T13:47:27Z</dcterms:created>
  <dcterms:modified xsi:type="dcterms:W3CDTF">2018-09-10T18:29:08Z</dcterms:modified>
</cp:coreProperties>
</file>